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theme/themeOverride1.xml" ContentType="application/vnd.openxmlformats-officedocument.themeOverrid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theme/themeOverride2.xml" ContentType="application/vnd.openxmlformats-officedocument.themeOverride+xml"/>
  <Override PartName="/xl/drawings/drawing3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theme/themeOverride3.xml" ContentType="application/vnd.openxmlformats-officedocument.themeOverride+xml"/>
  <Override PartName="/xl/drawings/drawing4.xml" ContentType="application/vnd.openxmlformats-officedocument.drawing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theme/themeOverride4.xml" ContentType="application/vnd.openxmlformats-officedocument.themeOverride+xml"/>
  <Override PartName="/xl/drawings/drawing5.xml" ContentType="application/vnd.openxmlformats-officedocument.drawing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filterPrivacy="1" defaultThemeVersion="124226"/>
  <xr:revisionPtr revIDLastSave="0" documentId="13_ncr:1_{BE97CD60-7FD6-4AD7-B799-2BDD9BB56153}" xr6:coauthVersionLast="46" xr6:coauthVersionMax="46" xr10:uidLastSave="{00000000-0000-0000-0000-000000000000}"/>
  <bookViews>
    <workbookView xWindow="-120" yWindow="-120" windowWidth="29040" windowHeight="15840" tabRatio="772" xr2:uid="{00000000-000D-0000-FFFF-FFFF00000000}"/>
  </bookViews>
  <sheets>
    <sheet name="Dataset" sheetId="22" r:id="rId1"/>
    <sheet name="Fig 1" sheetId="23" r:id="rId2"/>
    <sheet name="Fig 1b" sheetId="29" state="hidden" r:id="rId3"/>
    <sheet name="Fig 2 CO2" sheetId="40" r:id="rId4"/>
    <sheet name="Fig 2 N2" sheetId="25" r:id="rId5"/>
    <sheet name="Fig 3" sheetId="24" r:id="rId6"/>
  </sheets>
  <externalReferences>
    <externalReference r:id="rId7"/>
  </externalReferences>
  <definedNames>
    <definedName name="_Hlk64039491" localSheetId="0">Dataset!$A$5</definedName>
    <definedName name="BETSurfaceArea">#REF!</definedName>
    <definedName name="colBETQA">OFFSET(rngBETRP,1,1,COUNT('[1]BET Surface Area Report'!$F:$F),1)</definedName>
    <definedName name="colBETRP">OFFSET(rngBETRP,1,0,COUNT('[1]BET Surface Area Report'!$F:$F),1)</definedName>
    <definedName name="colBETRP2">OFFSET(rngBETRP,rngBETPrCnt2+1,0,rngBETPrCnt3,1)</definedName>
    <definedName name="colBETY">OFFSET(rngBETRP,1,2,COUNT('[1]BET Surface Area Report'!$F:$F),1)</definedName>
    <definedName name="colBETY2">OFFSET(rngBETRP,rngBETPrCnt2+1,2,rngBETPrCnt3,1)</definedName>
    <definedName name="colLANAP">OFFSET(rngLANAP,1,0,COUNT([1]Langmuir!$F:$F),1)</definedName>
    <definedName name="colLANAP2">OFFSET(rngLANAP,rngLANPrCnt2+1,0,rngLANPrCnt3,1)</definedName>
    <definedName name="colLANY">OFFSET(rngLANAP,1,2,COUNT([1]Langmuir!$F:$F),1)</definedName>
    <definedName name="colLANY2">OFFSET(rngLANAP,rngLANPrCnt2+1,2,rngLANPrCnt3,1)</definedName>
    <definedName name="colTPLOTQA">OFFSET(rngTPLOTRP,1,1,COUNT('[1]t-Plot'!$F:$F),1)</definedName>
    <definedName name="colTPLOTRP">OFFSET(rngTPLOTRP,1,1,COUNT('[1]t-Plot'!$F:$F),1)</definedName>
    <definedName name="colTPLOTRP2">OFFSET(rngTPLOTRP,rngTPLOTPrCnt2+1,1,rngTPLOTPrCnt3,1)</definedName>
    <definedName name="colTPLOTY">OFFSET(rngTPLOTRP,1,2,COUNT('[1]t-Plot'!$F:$F),1)</definedName>
    <definedName name="colTPLOTY2">OFFSET(rngTPLOTRP,rngTPLOTPrCnt2+1,2,rngTPLOTPrCnt3,1)</definedName>
    <definedName name="criteriaMax">#REF!</definedName>
    <definedName name="criteriaMax2">'[1]BET Surface Area Report'!$H$4:$H$5</definedName>
    <definedName name="criteriaMax2Lan">[1]Langmuir!$H$4:$H$5</definedName>
    <definedName name="criteriaMax2TPLOT">'[1]t-Plot'!$H$4:$H$5</definedName>
    <definedName name="criteriaMin">#REF!</definedName>
    <definedName name="criteriaMin2">#REF!</definedName>
    <definedName name="criteriaRP">#REF!</definedName>
    <definedName name="Experimental_Data_Limits">#REF!</definedName>
    <definedName name="keyColHdrAP">#REF!</definedName>
    <definedName name="keyColHdrKey">#REF!</definedName>
    <definedName name="keyColHdrRP">#REF!</definedName>
    <definedName name="lblBETX">#REF!</definedName>
    <definedName name="lblBETY">#REF!</definedName>
    <definedName name="lblGAS">[1]Parameters!$B$2</definedName>
    <definedName name="lblQA">#REF!</definedName>
    <definedName name="lblRP">#REF!</definedName>
    <definedName name="lblY">#REF!</definedName>
    <definedName name="rngAP">OFFSET(keyColHdrAP,1,0,COUNT(#REF!),1)</definedName>
    <definedName name="rngAPRPQA">OFFSET(keyColHdrAP,0,0,MATCH("A",#REF!,0)-ROW(keyColHdrKey)+1,4)</definedName>
    <definedName name="rngAPRPQA_full">OFFSET(keyColHdrAP,1,0,COUNT(#REF!),3)</definedName>
    <definedName name="rngAPRPQA_Range">OFFSET(keyColHdrAP,1,-1,MATCH("A",#REF!,0)-ROW(keyColHdrKey),3)</definedName>
    <definedName name="rngAPRPQA_Range2">OFFSET(keyColHdrAP,1,0,MATCH("A",#REF!,0)-ROW(keyColHdrKey),5)</definedName>
    <definedName name="rngBETadjmax">'[1]BET Surface Area Report'!$H$7</definedName>
    <definedName name="rngBETadjmin">'[1]BET Surface Area Report'!$G$7</definedName>
    <definedName name="rngBETadjusted">OFFSET(rngStart1,MATCH(rngBETadjmin,'[1]BET Surface Area Report'!$F:$F,0)-1,0,MATCH(rngBETadjmax,'[1]BET Surface Area Report'!$F:$F,0)-MATCH(rngBETadjmin,'[1]BET Surface Area Report'!$F:$F,0)+1,8)</definedName>
    <definedName name="rngBETCount01">'[1]BET Overlays'!$A$17</definedName>
    <definedName name="rngBETCount01a">'[1]BET Overlays'!$A$18</definedName>
    <definedName name="rngBETCount01b">'[1]BET Overlays'!$A$19</definedName>
    <definedName name="rngBETCount02">'[1]BET Overlays'!$G$17</definedName>
    <definedName name="rngBETCount02a">'[1]BET Overlays'!$G$18</definedName>
    <definedName name="rngBETCount02b">'[1]BET Overlays'!$G$19</definedName>
    <definedName name="rngBETCount03">'[1]BET Overlays'!$M$17</definedName>
    <definedName name="rngBETCount03a">'[1]BET Overlays'!$M$18</definedName>
    <definedName name="rngBETCount03b">'[1]BET Overlays'!$M$19</definedName>
    <definedName name="rngBETCount04">'[1]BET Overlays'!$S$17</definedName>
    <definedName name="rngBETCount04a">'[1]BET Overlays'!$S$18</definedName>
    <definedName name="rngBETCount04b">'[1]BET Overlays'!$S$19</definedName>
    <definedName name="rngBETCount05">'[1]BET Overlays'!$Y$17</definedName>
    <definedName name="rngBETCount05a">'[1]BET Overlays'!$Y$18</definedName>
    <definedName name="rngBETCount05b">'[1]BET Overlays'!$Y$19</definedName>
    <definedName name="rngBETMax">#REF!</definedName>
    <definedName name="rngBETmaxincrement">#REF!</definedName>
    <definedName name="rngBETmaxReal">'[1]BET Surface Area Report'!$H$9</definedName>
    <definedName name="rngBETmin">#REF!</definedName>
    <definedName name="rngBETminincrement">#REF!</definedName>
    <definedName name="rngBETminReal">'[1]BET Surface Area Report'!$G$9</definedName>
    <definedName name="rngBETOL01">#REF!</definedName>
    <definedName name="rngBETOL01z">#REF!</definedName>
    <definedName name="rngBETOL02">#REF!</definedName>
    <definedName name="rngBETOL02z">#REF!</definedName>
    <definedName name="rngBETOL03">#REF!</definedName>
    <definedName name="rngBETOL03z">#REF!</definedName>
    <definedName name="rngBETOL04">#REF!</definedName>
    <definedName name="rngBETOL04z">#REF!</definedName>
    <definedName name="rngBETOL05">#REF!</definedName>
    <definedName name="rngBETOL05z">#REF!</definedName>
    <definedName name="rngBETOverlay01">'[1]BET Overlays'!$C$14</definedName>
    <definedName name="rngBETOverlay01X">OFFSET(rngBETCount01,0,2,rngBETCount01,1)</definedName>
    <definedName name="rngBETOverlay01Xa">OFFSET(rngBETCount01,rngBETCount01b,2,rngBETCount01a,1)</definedName>
    <definedName name="rngBETOverlay01Xaa">OFFSET(rngBETCount01,rngBETCount01b,2,rngBETCount01a,1),'[1]BET Overlays'!$C$11</definedName>
    <definedName name="rngBETOverlay01Y">OFFSET(rngBETCount01,0,4,rngBETCount01,1)</definedName>
    <definedName name="rngBETOverlay01Ya">OFFSET(rngBETCount01,rngBETCount01b,4,rngBETCount01a,1)</definedName>
    <definedName name="rngBETOverlay01Yaa">OFFSET(rngBETCount01,rngBETCount01b,4,rngBETCount01a,1),'[1]BET Overlays'!$D$11</definedName>
    <definedName name="rngBETOverlay02">'[1]BET Overlays'!$I$14</definedName>
    <definedName name="rngBETOverlay02X">OFFSET(rngBETCount02,0,2,rngBETCount02,1)</definedName>
    <definedName name="rngBETOverlay02Xa">OFFSET(rngBETCount02,rngBETCount02b,2,rngBETCount02a,1)</definedName>
    <definedName name="rngBETOverlay02Xaa">OFFSET(rngBETCount02,rngBETCount02b,2,rngBETCount02a,1),'[1]BET Overlays'!$I$11</definedName>
    <definedName name="rngBETOverlay02Y">OFFSET(rngBETCount02,0,4,rngBETCount02,1)</definedName>
    <definedName name="rngBETOverlay02Ya">OFFSET(rngBETCount02,rngBETCount02b,4,rngBETCount02a,1)</definedName>
    <definedName name="rngBETOverlay02Yaa">OFFSET(rngBETCount02,rngBETCount02b,4,rngBETCount02a,1),'[1]BET Overlays'!$J$11</definedName>
    <definedName name="rngBETOverlay03">'[1]BET Overlays'!$O$14</definedName>
    <definedName name="rngBETOverlay03X">OFFSET(rngBETCount03,0,2,rngBETCount03,1)</definedName>
    <definedName name="rngBETOverlay03Xa">OFFSET(rngBETCount03,rngBETCount03b,2,rngBETCount03a,1)</definedName>
    <definedName name="rngBETOverlay03Xaa">OFFSET(rngBETCount03,rngBETCount03b,2,rngBETCount03a,1),'[1]BET Overlays'!$O$11</definedName>
    <definedName name="rngBETOverlay03Y">OFFSET(rngBETCount03,0,4,rngBETCount03,1)</definedName>
    <definedName name="rngBETOverlay03Ya">OFFSET(rngBETCount03,rngBETCount03b,4,rngBETCount03a,1)</definedName>
    <definedName name="rngBETOverlay03Yaa">OFFSET(rngBETCount03,rngBETCount03b,4,rngBETCount03a,1),'[1]BET Overlays'!$P$11</definedName>
    <definedName name="rngBETOverlay04">'[1]BET Overlays'!$U$14</definedName>
    <definedName name="rngBETOverlay04X">OFFSET(rngBETCount04,0,2,rngBETCount04,1)</definedName>
    <definedName name="rngBETOverlay04Xa">OFFSET(rngBETCount04,rngBETCount04b,2,rngBETCount04a,1)</definedName>
    <definedName name="rngBETOverlay04Xaa">OFFSET(rngBETCount04,rngBETCount04b,2,rngBETCount04a,1),'[1]BET Overlays'!$U$11</definedName>
    <definedName name="rngBETOverlay04Y">OFFSET(rngBETCount04,0,4,rngBETCount04,1)</definedName>
    <definedName name="rngBETOverlay04Ya">OFFSET(rngBETCount04,rngBETCount04b,4,rngBETCount04a,1)</definedName>
    <definedName name="rngBETOverlay04Yaa">OFFSET(rngBETCount04,rngBETCount04b,4,rngBETCount04a,1),'[1]BET Overlays'!$V$11</definedName>
    <definedName name="rngBETOverlay05">'[1]BET Overlays'!$AA$14</definedName>
    <definedName name="rngBETOverlay05X">OFFSET(rngBETCount05,0,2,rngBETCount05,1)</definedName>
    <definedName name="rngBETOverlay05Xa">OFFSET(rngBETCount05,rngBETCount05b,2,rngBETCount05a,1)</definedName>
    <definedName name="rngBETOverlay05Xaa">OFFSET(rngBETCount05,rngBETCount05b,2,rngBETCount05a,1),'[1]BET Overlays'!$AA$11</definedName>
    <definedName name="rngBETOverlay05Y">OFFSET(rngBETCount05,0,4,rngBETCount05,1)</definedName>
    <definedName name="rngBETOverlay05Ya">OFFSET(rngBETCount05,rngBETCount05b,4,rngBETCount05a,1)</definedName>
    <definedName name="rngBETOverlay05Yaa">OFFSET(rngBETCount05,rngBETCount05b,4,rngBETCount05a,1),'[1]BET Overlays'!$AB$11</definedName>
    <definedName name="rngBETOverlayX">#REF!</definedName>
    <definedName name="rngBETOverride">#REF!</definedName>
    <definedName name="rngBETPrCnt1">#REF!</definedName>
    <definedName name="rngBETPrCnt2">'[1]BET Surface Area Report'!$E$37</definedName>
    <definedName name="rngBETPrCnt3">'[1]BET Surface Area Report'!$E$38</definedName>
    <definedName name="rngBETQA">#REF!</definedName>
    <definedName name="rngBETRP">'[1]BET Surface Area Report'!$F$35</definedName>
    <definedName name="rngBETRPQA">#REF!</definedName>
    <definedName name="rngBETRPQAY">OFFSET(rngBETRP,0,0,COUNT('[1]BET Surface Area Report'!$F:$F)+1,3)</definedName>
    <definedName name="rngBETSheets">#REF!</definedName>
    <definedName name="rngBETY">#REF!</definedName>
    <definedName name="rngDataSource">#REF!</definedName>
    <definedName name="rngGAS">OFFSET(lblGAS,1,0,COUNTA([1]Parameters!$B:$B)-1,1)</definedName>
    <definedName name="rngGASChoices">OFFSET(lblGAS,1,0,COUNTA([1]Parameters!$B:$B)-2,4)</definedName>
    <definedName name="rngGases">OFFSET(lblGAS,1,0,COUNTA([1]Parameters!$B:$B)-1,1)</definedName>
    <definedName name="rngGasLAN">[1]Langmuir!$H$31</definedName>
    <definedName name="rngGasTPLOT">'[1]t-Plot'!$H$30</definedName>
    <definedName name="rngIncrement">#REF!</definedName>
    <definedName name="rngIncrement2">#REF!</definedName>
    <definedName name="rngISOCount01">'[1]zISO Overlays'!$A$18</definedName>
    <definedName name="rngISOCount02">'[1]zISO Overlays'!$G$18</definedName>
    <definedName name="rngISOCount03">'[1]zISO Overlays'!$M$18</definedName>
    <definedName name="rngISOCount04">'[1]zISO Overlays'!$S$18</definedName>
    <definedName name="rngISOCount05">'[1]zISO Overlays'!$Y$18</definedName>
    <definedName name="rngISOList">OFFSET(rngISOListHdr,1,0,COUNTA([1]Parameters!$G:$G),1)</definedName>
    <definedName name="rngISOListHdr">[1]Parameters!$G$2</definedName>
    <definedName name="rngISOSheet01">'[1]zISO Overlays'!$C$15</definedName>
    <definedName name="rngISOSheet01z">#REF!</definedName>
    <definedName name="rngISOSheet02">'[1]zISO Overlays'!$I$15</definedName>
    <definedName name="rngISOSheet02z">#REF!</definedName>
    <definedName name="rngISOSheet03">'[1]zISO Overlays'!$O$15</definedName>
    <definedName name="rngISOSheet03z">#REF!</definedName>
    <definedName name="rngISOSheet04">'[1]zISO Overlays'!$U$15</definedName>
    <definedName name="rngISOSheet04z">#REF!</definedName>
    <definedName name="rngISOSheet05">'[1]zISO Overlays'!$AA$15</definedName>
    <definedName name="rngISOSheet05z">#REF!</definedName>
    <definedName name="rngISOSheets">#REF!</definedName>
    <definedName name="rngkeysheets">[1]Parameters!$K$2</definedName>
    <definedName name="rngLANadjmax">[1]Langmuir!$H$7</definedName>
    <definedName name="rngLANadjmin">[1]Langmuir!$G$7</definedName>
    <definedName name="rngLANAP">[1]Langmuir!$F$35</definedName>
    <definedName name="rngLANCount01">'[1]LAN Overlays'!$A$17</definedName>
    <definedName name="rngLANCount01a">'[1]LAN Overlays'!$A$18</definedName>
    <definedName name="rngLANCount01b">'[1]LAN Overlays'!$A$19</definedName>
    <definedName name="rngLANCount02">'[1]LAN Overlays'!$G$17</definedName>
    <definedName name="rngLANCount02a">'[1]LAN Overlays'!$G$18</definedName>
    <definedName name="rngLANCount02b">'[1]LAN Overlays'!$G$19</definedName>
    <definedName name="rngLANCount03">'[1]LAN Overlays'!$M$17</definedName>
    <definedName name="rngLANCount03a">'[1]LAN Overlays'!$M$18</definedName>
    <definedName name="rngLANCount03b">'[1]LAN Overlays'!$M$19</definedName>
    <definedName name="rngLANCount04">'[1]LAN Overlays'!$S$17</definedName>
    <definedName name="rngLANCount04a">'[1]LAN Overlays'!$S$18</definedName>
    <definedName name="rngLANCount04b">'[1]LAN Overlays'!$S$19</definedName>
    <definedName name="rngLANCount05">'[1]LAN Overlays'!$Y$17</definedName>
    <definedName name="rngLANCount05a">'[1]LAN Overlays'!$Y$18</definedName>
    <definedName name="rngLANCount05b">'[1]LAN Overlays'!$Y$19</definedName>
    <definedName name="rngLANmax">[1]Langmuir!$H$8</definedName>
    <definedName name="rngLANmaxReal">[1]Langmuir!$H$9</definedName>
    <definedName name="rngLANmin">[1]Langmuir!$G$8</definedName>
    <definedName name="rngLANminReal">[1]Langmuir!$G$9</definedName>
    <definedName name="rngLANOverlay01">'[1]LAN Overlays'!$C$14</definedName>
    <definedName name="rngLANOverlay01X">OFFSET(rngLANCount01,0,2,rngLANCount01,1)</definedName>
    <definedName name="rngLANOverlay01Xa">OFFSET(rngLANCount01,rngLANCount01b,2,rngLANCount01a,1)</definedName>
    <definedName name="rngLANOverlay01Y">OFFSET(rngLANCount01,0,4,rngLANCount01,1)</definedName>
    <definedName name="rngLANOverlay01Ya">OFFSET(rngLANCount01,rngLANCount01b,4,rngLANCount01a,1)</definedName>
    <definedName name="rngLANOverlay02">'[1]LAN Overlays'!$I$14</definedName>
    <definedName name="rngLANOverlay02X">OFFSET(rngLANCount02,0,2,rngLANCount02,1)</definedName>
    <definedName name="rngLANOverlay02Xa">OFFSET(rngLANCount02,rngLANCount02b,2,rngLANCount02a,1)</definedName>
    <definedName name="rngLANOverlay02Y">OFFSET(rngLANCount02,0,4,rngLANCount02,1)</definedName>
    <definedName name="rngLANOverlay02Ya">OFFSET(rngLANCount02,rngLANCount02b,4,rngLANCount02a,1)</definedName>
    <definedName name="rngLANOverlay03">'[1]LAN Overlays'!$O$14</definedName>
    <definedName name="rngLANOverlay03X">OFFSET(rngLANCount03,0,2,rngLANCount03,1)</definedName>
    <definedName name="rngLANOverlay03Xa">OFFSET(rngLANCount03,rngLANCount03b,2,rngLANCount03a,1)</definedName>
    <definedName name="rngLANOverlay03Y">OFFSET(rngLANCount03,0,4,rngLANCount03,1)</definedName>
    <definedName name="rngLANOverlay03Ya">OFFSET(rngLANCount03,rngLANCount03b,4,rngLANCount03a,1)</definedName>
    <definedName name="rngLANOverlay04">'[1]LAN Overlays'!$U$14</definedName>
    <definedName name="rngLANOverlay04X">OFFSET(rngLANCount04,0,2,rngLANCount04,1)</definedName>
    <definedName name="rngLANOverlay04Xa">OFFSET(rngLANCount04,rngLANCount04b,2,rngLANCount04a,1)</definedName>
    <definedName name="rngLANOverlay04Y">OFFSET(rngLANCount04,0,4,rngLANCount04,1)</definedName>
    <definedName name="rngLANOverlay04Ya">OFFSET(rngLANCount04,rngLANCount04b,4,rngLANCount04a,1)</definedName>
    <definedName name="rngLANOverlay05">'[1]LAN Overlays'!$AA$14</definedName>
    <definedName name="rngLANOverlay05X">OFFSET(rngLANCount05,0,2,rngLANCount05,1)</definedName>
    <definedName name="rngLANOverlay05Xa">OFFSET(rngLANCount05,rngLANCount05b,2,rngLANCount05a,1)</definedName>
    <definedName name="rngLANOverlay05Y">OFFSET(rngLANCount05,0,4,rngLANCount05,1)</definedName>
    <definedName name="rngLANOverlay05Ya">OFFSET(rngLANCount05,rngLANCount05b,4,rngLANCount05a,1)</definedName>
    <definedName name="rngLANPrCnt2">[1]Langmuir!$E$37</definedName>
    <definedName name="rngLANPrCnt3">[1]Langmuir!$E$38</definedName>
    <definedName name="rnglistKeySheets">OFFSET(rngkeysheets,1,0,COUNTA([1]Parameters!$K:$K)-1,1)</definedName>
    <definedName name="rngListWorksheets">OFFSET(rngWorksheets,1,0,COUNTA([1]Parameters!$I:$I)-1,1)</definedName>
    <definedName name="rngListWorksheetsShow">OFFSET(rngWorksheets,1,1,COUNTA([1]Parameters!$J:$J)-1,1)</definedName>
    <definedName name="rngLower">#REF!</definedName>
    <definedName name="rngOverlay01_X">OFFSET(rngISOCount01,0,2,rngISOCount01,1)</definedName>
    <definedName name="rngOverlay01_Y">OFFSET(rngISOCount01,0,3,rngISOCount01,1)</definedName>
    <definedName name="rngOverlay02_X">OFFSET(rngISOCount02,0,2,rngISOCount02,1)</definedName>
    <definedName name="rngOverlay02_Y">OFFSET(rngISOCount02,0,3,rngISOCount02,1)</definedName>
    <definedName name="rngOverlay03_X">OFFSET(rngISOCount03,0,2,rngISOCount03,1)</definedName>
    <definedName name="rngOverlay03_Y">OFFSET(rngISOCount03,0,3,rngISOCount03,1)</definedName>
    <definedName name="rngOverlay04_X">OFFSET(rngISOCount04,0,2,rngISOCount04,1)</definedName>
    <definedName name="rngOverlay04_Y">OFFSET(rngISOCount04,0,3,rngISOCount04,1)</definedName>
    <definedName name="rngOverlay05_X">OFFSET(rngISOCount05,0,2,rngISOCount05,1)</definedName>
    <definedName name="rngOverlay05_Y">OFFSET(rngISOCount05,0,3,rngISOCount05,1)</definedName>
    <definedName name="rngOverride">#REF!</definedName>
    <definedName name="rngPrimary">#REF!</definedName>
    <definedName name="rngPrimary2">#REF!</definedName>
    <definedName name="rngQA">OFFSET(keyColHdrRP,1,1,COUNT(#REF!),1)</definedName>
    <definedName name="rngQAAd">OFFSET(keyColHdrRP,1,1,MATCH("A",#REF!,FALSE)-ROW(keyColHdrRP),1)</definedName>
    <definedName name="rngQADe">OFFSET(keyColHdrRP,MATCH("A",#REF!,FALSE)-ROW(keyColHdrRP)+1,1,(ROW(keyColHdrRP)+COUNT(#REF!))-(MATCH("A",#REF!,FALSE)),1)</definedName>
    <definedName name="rngRP">OFFSET(keyColHdrRP,1,0,IF(COUNT(#REF!)=0,1,COUNT(#REF!)),1)</definedName>
    <definedName name="rngRPAd">OFFSET(keyColHdrRP,1,0,MATCH("A",#REF!,FALSE)-ROW(keyColHdrRP),1)</definedName>
    <definedName name="rngRPDe">OFFSET(keyColHdrRP,MATCH("A",#REF!,FALSE)-ROW(keyColHdrRP)+1,0,(ROW(keyColHdrRP)+COUNT(#REF!))-(MATCH("A",#REF!,FALSE)),1)</definedName>
    <definedName name="rngRPQA">OFFSET(keyColHdrRP,0,0,MATCH("A",#REF!,0)-ROW(keyColHdrKey)+1,3)</definedName>
    <definedName name="rngRPQA_full">OFFSET(keyColHdrRP,1,0,COUNT(#REF!),2)</definedName>
    <definedName name="rngRPQA_full2">OFFSET(keyColHdrAP,1,0,COUNT(#REF!),3)</definedName>
    <definedName name="rngRPQA_Range">OFFSET(keyColHdrAP,1,-1,MATCH("A",#REF!,0)-ROW(keyColHdrKey),3)</definedName>
    <definedName name="rngRPQA_Range2">OFFSET(keyColHdrRP,1,0,MATCH("A",#REF!,0)-ROW(keyColHdrKey),4)</definedName>
    <definedName name="rngSelectedGas2">'[1]BET Surface Area Report'!$H$31</definedName>
    <definedName name="rngSelectMethod">'[1]t-Plot'!$H$34</definedName>
    <definedName name="rngSheetName">#REF!</definedName>
    <definedName name="rngStart1">#REF!</definedName>
    <definedName name="rngTesting1">OFFSET(rngStart1,MATCH(rngBETadjmin,'[1]BET Surface Area Report'!$F:$F,0)-1,0,MATCH(rngBETadjmax,'[1]BET Surface Area Report'!$F:$F,0)-MATCH(rngBETadjmin,'[1]BET Surface Area Report'!$F:$F,0)+1,3)</definedName>
    <definedName name="rngThicknessRP">[1]Parameters!$Q$2</definedName>
    <definedName name="rngThickRP1">OFFSET(rngThicknessRP,1,0,COUNTA([1]Parameters!$Q:$Q)-1,1)</definedName>
    <definedName name="rngThickRP2">OFFSET(rngThicknessRP,1,0,COUNTA([1]Parameters!$Q:$Q)-1,2)</definedName>
    <definedName name="rngTParameters">[1]Parameters!$L$2:$O$6</definedName>
    <definedName name="rngTPLOTadjmax">'[1]t-Plot'!$H$7</definedName>
    <definedName name="rngTPLOTadjmin">'[1]t-Plot'!$G$7</definedName>
    <definedName name="rngTPLOTCount01">'[1]t-Plot Overlays'!$A$17</definedName>
    <definedName name="rngTPLOTCount01a">'[1]t-Plot Overlays'!$A$18</definedName>
    <definedName name="rngTPLOTCount01b">'[1]t-Plot Overlays'!$A$19</definedName>
    <definedName name="rngTPLOTCount02">'[1]t-Plot Overlays'!$G$17</definedName>
    <definedName name="rngTPLOTCount02a">'[1]t-Plot Overlays'!$G$18</definedName>
    <definedName name="rngTPLOTCount02b">'[1]t-Plot Overlays'!$G$19</definedName>
    <definedName name="rngTPLOTCount03">'[1]t-Plot Overlays'!$M$17</definedName>
    <definedName name="rngTPLOTCount03a">'[1]t-Plot Overlays'!$M$18</definedName>
    <definedName name="rngTPLOTCount03b">'[1]t-Plot Overlays'!$M$19</definedName>
    <definedName name="rngTPLOTCount04">'[1]t-Plot Overlays'!$S$17</definedName>
    <definedName name="rngTPLOTCount04a">'[1]t-Plot Overlays'!$S$18</definedName>
    <definedName name="rngTPLOTCount04b">'[1]t-Plot Overlays'!$S$19</definedName>
    <definedName name="rngTPLOTCount05">'[1]t-Plot Overlays'!$Y$17</definedName>
    <definedName name="rngTPLOTCount05a">'[1]t-Plot Overlays'!$Y$18</definedName>
    <definedName name="rngTPLOTCount05b">'[1]t-Plot Overlays'!$Y$19</definedName>
    <definedName name="rngTPlotMax">'[1]t-Plot'!$H$8</definedName>
    <definedName name="rngTPlotmaxReal">'[1]t-Plot'!$H$9</definedName>
    <definedName name="rngTPlotmin">'[1]t-Plot'!$G$8</definedName>
    <definedName name="rngTPlotminReal">'[1]t-Plot'!$G$9</definedName>
    <definedName name="rngTPLOTOverlay01">'[1]t-Plot Overlays'!$C$14</definedName>
    <definedName name="rngTPLOTOverlay01X">OFFSET(rngTPLOTCount01,0,2,rngTPLOTCount01,1)</definedName>
    <definedName name="rngTPLOTOverlay01Xa">OFFSET(rngTPLOTCount01,rngTPLOTCount01b,3,rngTPLOTCount01a,1)</definedName>
    <definedName name="rngTPLOTOverlay01Y">OFFSET(rngTPLOTCount01,0,4,rngTPLOTCount01,1)</definedName>
    <definedName name="rngTPLOTOverlay01Ya">OFFSET(rngTPLOTCount01,rngTPLOTCount01b,4,rngTPLOTCount01a,1)</definedName>
    <definedName name="rngTPLOTOverlay02">'[1]t-Plot Overlays'!$I$14</definedName>
    <definedName name="rngTPLOTOverlay02X">OFFSET(rngTPLOTCount02,0,2,rngTPLOTCount02,1)</definedName>
    <definedName name="rngTPLOTOverlay02Xa">OFFSET(rngTPLOTCount02,rngTPLOTCount02b,3,rngTPLOTCount02a,1)</definedName>
    <definedName name="rngTPLOTOverlay02Y">OFFSET(rngTPLOTCount02,0,4,rngTPLOTCount02,1)</definedName>
    <definedName name="rngTPLOTOverlay02Ya">OFFSET(rngTPLOTCount02,rngTPLOTCount02b,4,rngTPLOTCount02a,1)</definedName>
    <definedName name="rngTPLOTOverlay03">'[1]t-Plot Overlays'!$O$14</definedName>
    <definedName name="rngTPLOTOverlay03X">OFFSET(rngTPLOTCount03,0,2,rngTPLOTCount03,1)</definedName>
    <definedName name="rngTPLOTOverlay03Xa">OFFSET(rngTPLOTCount03,rngTPLOTCount03b,3,rngTPLOTCount03a,1)</definedName>
    <definedName name="rngTPLOTOverlay03Y">OFFSET(rngTPLOTCount03,0,4,rngTPLOTCount03,1)</definedName>
    <definedName name="rngTPLOTOverlay03Ya">OFFSET(rngTPLOTCount03,rngTPLOTCount03b,4,rngTPLOTCount03a,1)</definedName>
    <definedName name="rngTPLOTOverlay04">'[1]t-Plot Overlays'!$U$14</definedName>
    <definedName name="rngTPLOTOverlay04X">OFFSET(rngTPLOTCount04,0,2,rngTPLOTCount04,1)</definedName>
    <definedName name="rngTPLOTOverlay04Xa">OFFSET(rngTPLOTCount04,rngTPLOTCount04b,3,rngTPLOTCount04a,1)</definedName>
    <definedName name="rngTPLOTOverlay04Y">OFFSET(rngTPLOTCount04,0,4,rngTPLOTCount04,1)</definedName>
    <definedName name="rngTPLOTOverlay04Ya">OFFSET(rngTPLOTCount04,rngTPLOTCount04b,4,rngTPLOTCount04a,1)</definedName>
    <definedName name="rngTPLOTOverlay05">'[1]t-Plot Overlays'!$AA$14</definedName>
    <definedName name="rngTPLOTOverlay05X">OFFSET(rngTPLOTCount05,0,2,rngTPLOTCount05,1)</definedName>
    <definedName name="rngTPLOTOverlay05Xa">OFFSET(rngTPLOTCount05,rngTPLOTCount05b,3,rngTPLOTCount05a,1)</definedName>
    <definedName name="rngTPLOTOverlay05Y">OFFSET(rngTPLOTCount05,0,4,rngTPLOTCount05,1)</definedName>
    <definedName name="rngTPLOTOverlay05Ya">OFFSET(rngTPLOTCount05,rngTPLOTCount05b,4,rngTPLOTCount05a,1)</definedName>
    <definedName name="rngTPLOTPrCnt2">'[1]t-Plot'!$E$46</definedName>
    <definedName name="rngTPLOTPrCnt3">'[1]t-Plot'!$E$47</definedName>
    <definedName name="rngTPLOTRP">'[1]t-Plot'!$F$44</definedName>
    <definedName name="rngWorksheets">[1]Parameters!$I$2</definedName>
    <definedName name="SelectedGAS">#REF!</definedName>
    <definedName name="ThicknessType">[1]Parameters!$L$3:$L$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8" uniqueCount="30">
  <si>
    <t>Dataset</t>
  </si>
  <si>
    <t>p/p0</t>
  </si>
  <si>
    <t>V (cm3/g STP)</t>
  </si>
  <si>
    <t>CO2</t>
  </si>
  <si>
    <t>Sample</t>
  </si>
  <si>
    <t>Corresponding author: *Seyed Ali Nabavi (s.nabavi@cranfield.ac.uk)</t>
  </si>
  <si>
    <t>Centre for Climate and Environmental Protection, Cranfield University, Bedford, Bedfordshire MK43 0AL, UK</t>
  </si>
  <si>
    <t>-196 C</t>
  </si>
  <si>
    <t>Nitrogen Gas</t>
  </si>
  <si>
    <t>Temp</t>
  </si>
  <si>
    <t>Gas</t>
  </si>
  <si>
    <t>SBA-P</t>
  </si>
  <si>
    <t>20BE5LU</t>
  </si>
  <si>
    <t>25BE5LU</t>
  </si>
  <si>
    <t>20BE10LU</t>
  </si>
  <si>
    <t>p (kPa)</t>
  </si>
  <si>
    <t>mmol/g</t>
  </si>
  <si>
    <t>Time (min)</t>
  </si>
  <si>
    <t>Mass (mg)</t>
  </si>
  <si>
    <r>
      <t>Evaluation of Moderately Grafted Primary, Diamine, and Triamine Sorbents for CO</t>
    </r>
    <r>
      <rPr>
        <b/>
        <vertAlign val="subscript"/>
        <sz val="14"/>
        <color theme="1"/>
        <rFont val="Times New Roman"/>
        <family val="1"/>
      </rPr>
      <t>2</t>
    </r>
    <r>
      <rPr>
        <b/>
        <sz val="14"/>
        <color theme="1"/>
        <rFont val="Times New Roman"/>
        <family val="1"/>
      </rPr>
      <t xml:space="preserve"> Adsorption from Ambient Air: Balancing Kinetics and Capacity Under Humid Conditions</t>
    </r>
  </si>
  <si>
    <r>
      <t>Basil Wadi, Ayub Golmakani, Vasilije Manovic, Seyed Ali Nabavi</t>
    </r>
    <r>
      <rPr>
        <vertAlign val="superscript"/>
        <sz val="12"/>
        <color theme="1"/>
        <rFont val="Times New Roman"/>
        <family val="1"/>
      </rPr>
      <t>*</t>
    </r>
  </si>
  <si>
    <t>S-T-3.5</t>
  </si>
  <si>
    <t>S-T-4.6</t>
  </si>
  <si>
    <t>S-D-2.8</t>
  </si>
  <si>
    <t>S-P-2.6</t>
  </si>
  <si>
    <t>p/po</t>
  </si>
  <si>
    <t>p(kpa)</t>
  </si>
  <si>
    <t>q(mg/g)</t>
  </si>
  <si>
    <t>N2</t>
  </si>
  <si>
    <t>TGA RUN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3" formatCode="_(* #,##0.00_);_(* \(#,##0.00\);_(* &quot;-&quot;??_);_(@_)"/>
    <numFmt numFmtId="164" formatCode="0.0000"/>
    <numFmt numFmtId="165" formatCode="0.000"/>
  </numFmts>
  <fonts count="21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10"/>
      <name val="Arial"/>
      <family val="2"/>
    </font>
    <font>
      <b/>
      <sz val="16"/>
      <color theme="1"/>
      <name val="Arial"/>
      <family val="2"/>
    </font>
    <font>
      <b/>
      <sz val="20"/>
      <color theme="1"/>
      <name val="Arial"/>
      <family val="2"/>
    </font>
    <font>
      <i/>
      <sz val="16"/>
      <color theme="1"/>
      <name val="Arial"/>
      <family val="2"/>
    </font>
    <font>
      <sz val="14"/>
      <color theme="1"/>
      <name val="Arial"/>
      <family val="2"/>
    </font>
    <font>
      <sz val="12"/>
      <color theme="1"/>
      <name val="Arial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rgb="FF000000"/>
      <name val="Calibri"/>
      <family val="2"/>
      <scheme val="minor"/>
    </font>
    <font>
      <sz val="11"/>
      <color indexed="10"/>
      <name val="Calibri"/>
      <family val="2"/>
      <scheme val="minor"/>
    </font>
    <font>
      <i/>
      <sz val="14"/>
      <color theme="1"/>
      <name val="Times New Roman"/>
      <family val="1"/>
    </font>
    <font>
      <sz val="16"/>
      <color theme="1"/>
      <name val="Times New Roman"/>
      <family val="1"/>
    </font>
    <font>
      <i/>
      <sz val="16"/>
      <color theme="1"/>
      <name val="Times New Roman"/>
      <family val="1"/>
    </font>
    <font>
      <b/>
      <sz val="14"/>
      <color theme="1"/>
      <name val="Times New Roman"/>
      <family val="1"/>
    </font>
    <font>
      <b/>
      <vertAlign val="subscript"/>
      <sz val="14"/>
      <color theme="1"/>
      <name val="Times New Roman"/>
      <family val="1"/>
    </font>
    <font>
      <sz val="12"/>
      <color theme="1"/>
      <name val="Times New Roman"/>
      <family val="1"/>
    </font>
    <font>
      <vertAlign val="superscript"/>
      <sz val="12"/>
      <color theme="1"/>
      <name val="Times New Roman"/>
      <family val="1"/>
    </font>
    <font>
      <sz val="9"/>
      <color rgb="FF000000"/>
      <name val="Microsoft YaHei UI"/>
      <family val="2"/>
    </font>
    <font>
      <b/>
      <sz val="11"/>
      <color theme="1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8"/>
        <bgColor indexed="64"/>
      </patternFill>
    </fill>
  </fills>
  <borders count="1">
    <border>
      <left/>
      <right/>
      <top/>
      <bottom/>
      <diagonal/>
    </border>
  </borders>
  <cellStyleXfs count="10">
    <xf numFmtId="0" fontId="0" fillId="0" borderId="0"/>
    <xf numFmtId="0" fontId="1" fillId="0" borderId="0"/>
    <xf numFmtId="0" fontId="2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" fillId="0" borderId="0"/>
    <xf numFmtId="43" fontId="2" fillId="0" borderId="0" applyFont="0" applyFill="0" applyBorder="0" applyAlignment="0" applyProtection="0"/>
  </cellStyleXfs>
  <cellXfs count="63">
    <xf numFmtId="0" fontId="0" fillId="0" borderId="0" xfId="0"/>
    <xf numFmtId="0" fontId="1" fillId="2" borderId="0" xfId="1" applyFill="1"/>
    <xf numFmtId="0" fontId="3" fillId="2" borderId="0" xfId="1" applyFont="1" applyFill="1" applyAlignment="1">
      <alignment horizontal="center" vertical="center"/>
    </xf>
    <xf numFmtId="0" fontId="4" fillId="2" borderId="0" xfId="1" applyFont="1" applyFill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6" fillId="2" borderId="0" xfId="1" applyFont="1" applyFill="1" applyAlignment="1">
      <alignment horizontal="justify" vertical="center" wrapText="1"/>
    </xf>
    <xf numFmtId="0" fontId="7" fillId="2" borderId="0" xfId="1" applyFont="1" applyFill="1" applyAlignment="1">
      <alignment horizontal="justify" vertical="center"/>
    </xf>
    <xf numFmtId="0" fontId="9" fillId="2" borderId="0" xfId="0" applyFont="1" applyFill="1"/>
    <xf numFmtId="0" fontId="0" fillId="0" borderId="0" xfId="0" applyAlignment="1">
      <alignment horizontal="center"/>
    </xf>
    <xf numFmtId="165" fontId="0" fillId="0" borderId="0" xfId="0" applyNumberFormat="1" applyAlignment="1">
      <alignment horizontal="center"/>
    </xf>
    <xf numFmtId="2" fontId="0" fillId="0" borderId="0" xfId="0" applyNumberFormat="1" applyAlignment="1">
      <alignment horizontal="center"/>
    </xf>
    <xf numFmtId="0" fontId="9" fillId="0" borderId="0" xfId="0" applyFont="1"/>
    <xf numFmtId="0" fontId="0" fillId="0" borderId="0" xfId="1" applyFont="1"/>
    <xf numFmtId="0" fontId="0" fillId="0" borderId="0" xfId="0" applyFont="1"/>
    <xf numFmtId="0" fontId="9" fillId="0" borderId="0" xfId="1" applyFont="1"/>
    <xf numFmtId="164" fontId="11" fillId="0" borderId="0" xfId="2" applyNumberFormat="1" applyFont="1" applyAlignment="1">
      <alignment horizontal="center" vertical="center" wrapText="1"/>
    </xf>
    <xf numFmtId="0" fontId="9" fillId="0" borderId="0" xfId="1" applyFont="1" applyBorder="1"/>
    <xf numFmtId="0" fontId="0" fillId="0" borderId="0" xfId="0" applyFont="1" applyBorder="1"/>
    <xf numFmtId="165" fontId="9" fillId="0" borderId="0" xfId="1" applyNumberFormat="1" applyFont="1"/>
    <xf numFmtId="0" fontId="9" fillId="0" borderId="0" xfId="1" applyFont="1" applyAlignment="1">
      <alignment horizontal="center"/>
    </xf>
    <xf numFmtId="165" fontId="0" fillId="0" borderId="0" xfId="1" applyNumberFormat="1" applyFont="1"/>
    <xf numFmtId="165" fontId="0" fillId="0" borderId="0" xfId="0" applyNumberFormat="1" applyFont="1"/>
    <xf numFmtId="0" fontId="9" fillId="0" borderId="0" xfId="0" applyFont="1" applyAlignment="1">
      <alignment horizontal="center"/>
    </xf>
    <xf numFmtId="0" fontId="0" fillId="0" borderId="0" xfId="0" applyFont="1" applyAlignment="1">
      <alignment horizontal="center"/>
    </xf>
    <xf numFmtId="165" fontId="0" fillId="0" borderId="0" xfId="0" applyNumberFormat="1" applyFont="1" applyAlignment="1">
      <alignment horizontal="center"/>
    </xf>
    <xf numFmtId="0" fontId="10" fillId="0" borderId="0" xfId="0" applyFont="1" applyAlignment="1">
      <alignment horizontal="center" vertical="center" wrapText="1"/>
    </xf>
    <xf numFmtId="0" fontId="0" fillId="0" borderId="0" xfId="4" applyFont="1" applyAlignment="1">
      <alignment horizontal="center"/>
    </xf>
    <xf numFmtId="165" fontId="0" fillId="0" borderId="0" xfId="1" applyNumberFormat="1" applyFont="1" applyAlignment="1">
      <alignment horizontal="center"/>
    </xf>
    <xf numFmtId="0" fontId="0" fillId="0" borderId="0" xfId="1" applyFont="1" applyAlignment="1">
      <alignment horizontal="center"/>
    </xf>
    <xf numFmtId="165" fontId="9" fillId="0" borderId="0" xfId="1" applyNumberFormat="1" applyFont="1" applyAlignment="1">
      <alignment horizontal="center"/>
    </xf>
    <xf numFmtId="0" fontId="0" fillId="0" borderId="0" xfId="5" applyFont="1" applyAlignment="1">
      <alignment horizontal="center"/>
    </xf>
    <xf numFmtId="0" fontId="0" fillId="0" borderId="0" xfId="7" applyFont="1" applyAlignment="1">
      <alignment horizontal="center"/>
    </xf>
    <xf numFmtId="0" fontId="9" fillId="0" borderId="0" xfId="0" quotePrefix="1" applyFont="1"/>
    <xf numFmtId="0" fontId="9" fillId="0" borderId="0" xfId="0" applyFont="1" applyAlignment="1">
      <alignment horizontal="left"/>
    </xf>
    <xf numFmtId="0" fontId="12" fillId="2" borderId="0" xfId="1" applyFont="1" applyFill="1" applyAlignment="1">
      <alignment horizontal="center" vertical="center"/>
    </xf>
    <xf numFmtId="0" fontId="13" fillId="2" borderId="0" xfId="1" applyFont="1" applyFill="1" applyAlignment="1">
      <alignment horizontal="center" vertical="center"/>
    </xf>
    <xf numFmtId="0" fontId="14" fillId="2" borderId="0" xfId="1" applyFont="1" applyFill="1" applyAlignment="1">
      <alignment horizontal="center" vertical="center"/>
    </xf>
    <xf numFmtId="0" fontId="15" fillId="0" borderId="0" xfId="0" applyFont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9" fillId="0" borderId="0" xfId="0" applyFont="1" applyFill="1"/>
    <xf numFmtId="0" fontId="0" fillId="0" borderId="0" xfId="0"/>
    <xf numFmtId="0" fontId="9" fillId="3" borderId="0" xfId="0" applyFont="1" applyFill="1" applyBorder="1"/>
    <xf numFmtId="0" fontId="0" fillId="0" borderId="0" xfId="0" applyNumberFormat="1"/>
    <xf numFmtId="2" fontId="0" fillId="0" borderId="0" xfId="0" applyNumberFormat="1"/>
    <xf numFmtId="2" fontId="19" fillId="3" borderId="0" xfId="0" applyNumberFormat="1" applyFont="1" applyFill="1" applyAlignment="1">
      <alignment horizontal="left" vertical="center" indent="2"/>
    </xf>
    <xf numFmtId="2" fontId="19" fillId="3" borderId="0" xfId="0" applyNumberFormat="1" applyFont="1" applyFill="1" applyAlignment="1">
      <alignment horizontal="left" vertical="center" wrapText="1" indent="2"/>
    </xf>
    <xf numFmtId="2" fontId="19" fillId="3" borderId="0" xfId="0" applyNumberFormat="1" applyFont="1" applyFill="1" applyAlignment="1">
      <alignment horizontal="left" vertical="center" wrapText="1" indent="1"/>
    </xf>
    <xf numFmtId="0" fontId="0" fillId="0" borderId="0" xfId="0" applyFill="1"/>
    <xf numFmtId="0" fontId="9" fillId="0" borderId="0" xfId="0" quotePrefix="1" applyFont="1" applyFill="1"/>
    <xf numFmtId="0" fontId="9" fillId="0" borderId="0" xfId="0" applyFont="1" applyFill="1" applyBorder="1"/>
    <xf numFmtId="2" fontId="0" fillId="0" borderId="0" xfId="0" applyNumberFormat="1" applyFill="1" applyAlignment="1">
      <alignment horizontal="center"/>
    </xf>
    <xf numFmtId="0" fontId="0" fillId="0" borderId="0" xfId="0" applyNumberFormat="1" applyFill="1"/>
    <xf numFmtId="2" fontId="0" fillId="0" borderId="0" xfId="0" applyNumberFormat="1" applyFill="1"/>
    <xf numFmtId="2" fontId="19" fillId="0" borderId="0" xfId="0" applyNumberFormat="1" applyFont="1" applyFill="1" applyAlignment="1">
      <alignment horizontal="left" vertical="center" indent="2"/>
    </xf>
    <xf numFmtId="2" fontId="19" fillId="0" borderId="0" xfId="0" applyNumberFormat="1" applyFont="1" applyFill="1" applyAlignment="1">
      <alignment horizontal="left" vertical="center" wrapText="1" indent="2"/>
    </xf>
    <xf numFmtId="2" fontId="19" fillId="0" borderId="0" xfId="0" applyNumberFormat="1" applyFont="1" applyFill="1" applyAlignment="1">
      <alignment horizontal="left" vertical="center" wrapText="1" indent="1"/>
    </xf>
    <xf numFmtId="164" fontId="0" fillId="0" borderId="0" xfId="0" applyNumberFormat="1"/>
    <xf numFmtId="0" fontId="0" fillId="0" borderId="0" xfId="0" applyFont="1" applyFill="1" applyAlignment="1">
      <alignment horizontal="center"/>
    </xf>
    <xf numFmtId="0" fontId="20" fillId="0" borderId="0" xfId="0" applyFont="1"/>
    <xf numFmtId="0" fontId="0" fillId="4" borderId="0" xfId="0" applyFill="1"/>
    <xf numFmtId="0" fontId="0" fillId="5" borderId="0" xfId="0" applyFill="1"/>
    <xf numFmtId="0" fontId="0" fillId="6" borderId="0" xfId="0" applyFill="1"/>
    <xf numFmtId="0" fontId="0" fillId="7" borderId="0" xfId="0" applyFill="1"/>
  </cellXfs>
  <cellStyles count="10">
    <cellStyle name="Comma 2" xfId="9" xr:uid="{C7DF4116-1CC2-4B86-99AC-6B8E577E7BC9}"/>
    <cellStyle name="Normal" xfId="0" builtinId="0"/>
    <cellStyle name="Normal 11" xfId="3" xr:uid="{8B956377-FED0-41B4-B6ED-A4E6AED6D8A3}"/>
    <cellStyle name="Normal 2" xfId="8" xr:uid="{D492F2BB-6DE2-40AF-9840-F48B197B9B80}"/>
    <cellStyle name="Normal 2_DPL_Regression-AR-1-25-12" xfId="2" xr:uid="{E8EA1043-A04D-4F57-AC05-4EA36C2A0763}"/>
    <cellStyle name="Normal 3" xfId="6" xr:uid="{FD12A7E3-D1C6-4A42-A2FD-C3BF5A187711}"/>
    <cellStyle name="Normal 3 2" xfId="1" xr:uid="{00000000-0005-0000-0000-000001000000}"/>
    <cellStyle name="Normal 6" xfId="7" xr:uid="{1DA70809-7A6E-40BD-8F1E-FD2F6B910ACB}"/>
    <cellStyle name="Normal 7" xfId="5" xr:uid="{00150B2F-C39F-4832-AC47-9CDFED1D4C80}"/>
    <cellStyle name="Normal 8" xfId="4" xr:uid="{0EABBA33-219B-4E96-9AEA-8AC2E972701D}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.xm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3.xm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4.xm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183403997577226"/>
          <c:y val="0.10087532808398948"/>
          <c:w val="0.72748345890693067"/>
          <c:h val="0.72564410595887385"/>
        </c:manualLayout>
      </c:layout>
      <c:scatterChart>
        <c:scatterStyle val="smoothMarker"/>
        <c:varyColors val="0"/>
        <c:ser>
          <c:idx val="0"/>
          <c:order val="0"/>
          <c:tx>
            <c:strRef>
              <c:f>'Fig 1'!$B$15</c:f>
              <c:strCache>
                <c:ptCount val="1"/>
                <c:pt idx="0">
                  <c:v>SBA-P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1'!$B$17:$B$50</c:f>
              <c:numCache>
                <c:formatCode>0.00</c:formatCode>
                <c:ptCount val="34"/>
                <c:pt idx="0">
                  <c:v>8.7600000000000008E-6</c:v>
                </c:pt>
                <c:pt idx="1">
                  <c:v>1.0750340000000001E-2</c:v>
                </c:pt>
                <c:pt idx="2">
                  <c:v>4.9694660000000002E-2</c:v>
                </c:pt>
                <c:pt idx="3">
                  <c:v>0.11006498000000001</c:v>
                </c:pt>
                <c:pt idx="4">
                  <c:v>0.25054134</c:v>
                </c:pt>
                <c:pt idx="5">
                  <c:v>0.39675224999999997</c:v>
                </c:pt>
                <c:pt idx="6">
                  <c:v>0.58781611</c:v>
                </c:pt>
                <c:pt idx="7">
                  <c:v>0.72444114999999998</c:v>
                </c:pt>
                <c:pt idx="8">
                  <c:v>0.77140105000000003</c:v>
                </c:pt>
                <c:pt idx="9">
                  <c:v>0.78720657000000005</c:v>
                </c:pt>
                <c:pt idx="10">
                  <c:v>0.79330491999999997</c:v>
                </c:pt>
                <c:pt idx="11">
                  <c:v>0.79767094999999999</c:v>
                </c:pt>
                <c:pt idx="12">
                  <c:v>0.80550321000000003</c:v>
                </c:pt>
                <c:pt idx="13">
                  <c:v>0.81588835999999998</c:v>
                </c:pt>
                <c:pt idx="14">
                  <c:v>0.88960406000000003</c:v>
                </c:pt>
                <c:pt idx="15">
                  <c:v>0.96839934000000005</c:v>
                </c:pt>
                <c:pt idx="16">
                  <c:v>0.98675321999999999</c:v>
                </c:pt>
                <c:pt idx="17">
                  <c:v>0.99273073000000001</c:v>
                </c:pt>
                <c:pt idx="18">
                  <c:v>0.99273073000000001</c:v>
                </c:pt>
                <c:pt idx="19">
                  <c:v>0.94799049999999996</c:v>
                </c:pt>
                <c:pt idx="20">
                  <c:v>0.79698614000000001</c:v>
                </c:pt>
                <c:pt idx="21">
                  <c:v>0.75369271999999998</c:v>
                </c:pt>
                <c:pt idx="22">
                  <c:v>0.74408169999999996</c:v>
                </c:pt>
                <c:pt idx="23">
                  <c:v>0.73950475000000004</c:v>
                </c:pt>
                <c:pt idx="24">
                  <c:v>0.73442081000000003</c:v>
                </c:pt>
                <c:pt idx="25">
                  <c:v>0.72541931000000004</c:v>
                </c:pt>
                <c:pt idx="26">
                  <c:v>0.67595432</c:v>
                </c:pt>
                <c:pt idx="27">
                  <c:v>0.56821348999999999</c:v>
                </c:pt>
                <c:pt idx="28">
                  <c:v>0.44162404999999999</c:v>
                </c:pt>
                <c:pt idx="29">
                  <c:v>0.32223790000000002</c:v>
                </c:pt>
                <c:pt idx="30">
                  <c:v>0.23411851</c:v>
                </c:pt>
                <c:pt idx="31">
                  <c:v>0.17146713999999999</c:v>
                </c:pt>
                <c:pt idx="32">
                  <c:v>0.12821883000000001</c:v>
                </c:pt>
                <c:pt idx="33">
                  <c:v>9.8212610000000006E-2</c:v>
                </c:pt>
              </c:numCache>
            </c:numRef>
          </c:xVal>
          <c:yVal>
            <c:numRef>
              <c:f>'Fig 1'!$C$17:$C$50</c:f>
              <c:numCache>
                <c:formatCode>0.00</c:formatCode>
                <c:ptCount val="34"/>
                <c:pt idx="0">
                  <c:v>35.154620000000001</c:v>
                </c:pt>
                <c:pt idx="1">
                  <c:v>69.614469999999997</c:v>
                </c:pt>
                <c:pt idx="2">
                  <c:v>96.004109999999997</c:v>
                </c:pt>
                <c:pt idx="3">
                  <c:v>114.66924</c:v>
                </c:pt>
                <c:pt idx="4">
                  <c:v>143.49137999999999</c:v>
                </c:pt>
                <c:pt idx="5">
                  <c:v>170.93628000000001</c:v>
                </c:pt>
                <c:pt idx="6">
                  <c:v>216.47926000000001</c:v>
                </c:pt>
                <c:pt idx="7">
                  <c:v>275.23164000000003</c:v>
                </c:pt>
                <c:pt idx="8">
                  <c:v>344.65215000000001</c:v>
                </c:pt>
                <c:pt idx="9">
                  <c:v>412.91631000000001</c:v>
                </c:pt>
                <c:pt idx="10">
                  <c:v>485.12223</c:v>
                </c:pt>
                <c:pt idx="11">
                  <c:v>556.43901000000005</c:v>
                </c:pt>
                <c:pt idx="12">
                  <c:v>626.90580999999997</c:v>
                </c:pt>
                <c:pt idx="13">
                  <c:v>697.79825000000005</c:v>
                </c:pt>
                <c:pt idx="14">
                  <c:v>744.62233000000003</c:v>
                </c:pt>
                <c:pt idx="15">
                  <c:v>780.17846999999995</c:v>
                </c:pt>
                <c:pt idx="16">
                  <c:v>824.63823000000002</c:v>
                </c:pt>
                <c:pt idx="17">
                  <c:v>870.37004000000002</c:v>
                </c:pt>
                <c:pt idx="18">
                  <c:v>870.37004000000002</c:v>
                </c:pt>
                <c:pt idx="19">
                  <c:v>775.43701999999996</c:v>
                </c:pt>
                <c:pt idx="20">
                  <c:v>715.19970000000001</c:v>
                </c:pt>
                <c:pt idx="21">
                  <c:v>623.33291999999994</c:v>
                </c:pt>
                <c:pt idx="22">
                  <c:v>521.00414000000001</c:v>
                </c:pt>
                <c:pt idx="23">
                  <c:v>446.87331</c:v>
                </c:pt>
                <c:pt idx="24">
                  <c:v>374.35003</c:v>
                </c:pt>
                <c:pt idx="25">
                  <c:v>302.95202</c:v>
                </c:pt>
                <c:pt idx="26">
                  <c:v>254.38102000000001</c:v>
                </c:pt>
                <c:pt idx="27">
                  <c:v>211.80667</c:v>
                </c:pt>
                <c:pt idx="28">
                  <c:v>181.63215</c:v>
                </c:pt>
                <c:pt idx="29">
                  <c:v>156.94936999999999</c:v>
                </c:pt>
                <c:pt idx="30">
                  <c:v>140.12183999999999</c:v>
                </c:pt>
                <c:pt idx="31">
                  <c:v>127.26738</c:v>
                </c:pt>
                <c:pt idx="32">
                  <c:v>118.39394</c:v>
                </c:pt>
                <c:pt idx="33">
                  <c:v>111.0047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3E6-4041-8E0D-25974592C136}"/>
            </c:ext>
          </c:extLst>
        </c:ser>
        <c:ser>
          <c:idx val="1"/>
          <c:order val="1"/>
          <c:tx>
            <c:strRef>
              <c:f>'Fig 1'!$E$15</c:f>
              <c:strCache>
                <c:ptCount val="1"/>
                <c:pt idx="0">
                  <c:v>S-P-2.6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Fig 1'!$E$17:$E$46</c:f>
              <c:numCache>
                <c:formatCode>General</c:formatCode>
                <c:ptCount val="30"/>
                <c:pt idx="0">
                  <c:v>1.9937099999999999E-2</c:v>
                </c:pt>
                <c:pt idx="1">
                  <c:v>0.10847608</c:v>
                </c:pt>
                <c:pt idx="2">
                  <c:v>0.32052627</c:v>
                </c:pt>
                <c:pt idx="3">
                  <c:v>0.52983897999999996</c:v>
                </c:pt>
                <c:pt idx="4">
                  <c:v>0.67268472999999995</c:v>
                </c:pt>
                <c:pt idx="5">
                  <c:v>0.71103928999999999</c:v>
                </c:pt>
                <c:pt idx="6">
                  <c:v>0.72893836999999995</c:v>
                </c:pt>
                <c:pt idx="7">
                  <c:v>0.74317443999999999</c:v>
                </c:pt>
                <c:pt idx="8">
                  <c:v>0.76021768999999995</c:v>
                </c:pt>
                <c:pt idx="9">
                  <c:v>0.8024384</c:v>
                </c:pt>
                <c:pt idx="10">
                  <c:v>0.90942659000000003</c:v>
                </c:pt>
                <c:pt idx="11">
                  <c:v>0.97189420000000004</c:v>
                </c:pt>
                <c:pt idx="12">
                  <c:v>0.99038117999999997</c:v>
                </c:pt>
                <c:pt idx="13">
                  <c:v>0.99038117999999997</c:v>
                </c:pt>
                <c:pt idx="14">
                  <c:v>0.96406959999999997</c:v>
                </c:pt>
                <c:pt idx="15">
                  <c:v>0.89859855</c:v>
                </c:pt>
                <c:pt idx="16">
                  <c:v>0.81638197000000001</c:v>
                </c:pt>
                <c:pt idx="17">
                  <c:v>0.74781445999999996</c:v>
                </c:pt>
                <c:pt idx="18">
                  <c:v>0.70757636000000002</c:v>
                </c:pt>
                <c:pt idx="19">
                  <c:v>0.69355230000000001</c:v>
                </c:pt>
                <c:pt idx="20">
                  <c:v>0.68097152000000005</c:v>
                </c:pt>
                <c:pt idx="21">
                  <c:v>0.66122060000000005</c:v>
                </c:pt>
                <c:pt idx="22">
                  <c:v>0.59597716000000001</c:v>
                </c:pt>
                <c:pt idx="23">
                  <c:v>0.47091229000000001</c:v>
                </c:pt>
                <c:pt idx="24">
                  <c:v>0.36051832</c:v>
                </c:pt>
                <c:pt idx="25">
                  <c:v>0.27610962</c:v>
                </c:pt>
                <c:pt idx="26">
                  <c:v>0.21535951</c:v>
                </c:pt>
                <c:pt idx="27">
                  <c:v>0.17214652</c:v>
                </c:pt>
                <c:pt idx="28">
                  <c:v>0.14114473999999999</c:v>
                </c:pt>
                <c:pt idx="29">
                  <c:v>0.1192199</c:v>
                </c:pt>
              </c:numCache>
            </c:numRef>
          </c:xVal>
          <c:yVal>
            <c:numRef>
              <c:f>'Fig 1'!$F$17:$F$46</c:f>
              <c:numCache>
                <c:formatCode>General</c:formatCode>
                <c:ptCount val="30"/>
                <c:pt idx="0">
                  <c:v>34.383450000000003</c:v>
                </c:pt>
                <c:pt idx="1">
                  <c:v>57.115589999999997</c:v>
                </c:pt>
                <c:pt idx="2">
                  <c:v>82.790120000000002</c:v>
                </c:pt>
                <c:pt idx="3">
                  <c:v>108.89124</c:v>
                </c:pt>
                <c:pt idx="4">
                  <c:v>143.70419999999999</c:v>
                </c:pt>
                <c:pt idx="5">
                  <c:v>185.68221</c:v>
                </c:pt>
                <c:pt idx="6">
                  <c:v>228.82066</c:v>
                </c:pt>
                <c:pt idx="7">
                  <c:v>270.84080999999998</c:v>
                </c:pt>
                <c:pt idx="8">
                  <c:v>311.41451999999998</c:v>
                </c:pt>
                <c:pt idx="9">
                  <c:v>346.77062000000001</c:v>
                </c:pt>
                <c:pt idx="10">
                  <c:v>367.30070999999998</c:v>
                </c:pt>
                <c:pt idx="11">
                  <c:v>384.04118999999997</c:v>
                </c:pt>
                <c:pt idx="12">
                  <c:v>407.29541</c:v>
                </c:pt>
                <c:pt idx="13">
                  <c:v>407.29541</c:v>
                </c:pt>
                <c:pt idx="14">
                  <c:v>385.00949000000003</c:v>
                </c:pt>
                <c:pt idx="15">
                  <c:v>369.55489</c:v>
                </c:pt>
                <c:pt idx="16">
                  <c:v>357.05410000000001</c:v>
                </c:pt>
                <c:pt idx="17">
                  <c:v>342.21769</c:v>
                </c:pt>
                <c:pt idx="18">
                  <c:v>295.73576000000003</c:v>
                </c:pt>
                <c:pt idx="19">
                  <c:v>247.87468000000001</c:v>
                </c:pt>
                <c:pt idx="20">
                  <c:v>200.84381999999999</c:v>
                </c:pt>
                <c:pt idx="21">
                  <c:v>156.01347000000001</c:v>
                </c:pt>
                <c:pt idx="22">
                  <c:v>125.00979</c:v>
                </c:pt>
                <c:pt idx="23">
                  <c:v>101.54313</c:v>
                </c:pt>
                <c:pt idx="24">
                  <c:v>87.777090000000001</c:v>
                </c:pt>
                <c:pt idx="25">
                  <c:v>78.358239999999995</c:v>
                </c:pt>
                <c:pt idx="26">
                  <c:v>71.671059999999997</c:v>
                </c:pt>
                <c:pt idx="27">
                  <c:v>66.603449999999995</c:v>
                </c:pt>
                <c:pt idx="28">
                  <c:v>62.64573</c:v>
                </c:pt>
                <c:pt idx="29">
                  <c:v>59.5212599999999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13E6-4041-8E0D-25974592C136}"/>
            </c:ext>
          </c:extLst>
        </c:ser>
        <c:ser>
          <c:idx val="2"/>
          <c:order val="2"/>
          <c:tx>
            <c:strRef>
              <c:f>'Fig 1'!$H$15</c:f>
              <c:strCache>
                <c:ptCount val="1"/>
                <c:pt idx="0">
                  <c:v>S-D-2.8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1'!$H$17:$H$51</c:f>
              <c:numCache>
                <c:formatCode>General</c:formatCode>
                <c:ptCount val="35"/>
                <c:pt idx="0">
                  <c:v>9.0368700000000007E-3</c:v>
                </c:pt>
                <c:pt idx="1">
                  <c:v>5.0044859999999997E-2</c:v>
                </c:pt>
                <c:pt idx="2">
                  <c:v>0.11947377000000001</c:v>
                </c:pt>
                <c:pt idx="3">
                  <c:v>0.27746272999999999</c:v>
                </c:pt>
                <c:pt idx="4">
                  <c:v>0.43997648</c:v>
                </c:pt>
                <c:pt idx="5">
                  <c:v>0.64458963999999996</c:v>
                </c:pt>
                <c:pt idx="6">
                  <c:v>0.72787963</c:v>
                </c:pt>
                <c:pt idx="7">
                  <c:v>0.74975773999999995</c:v>
                </c:pt>
                <c:pt idx="8">
                  <c:v>0.75994413999999999</c:v>
                </c:pt>
                <c:pt idx="9">
                  <c:v>0.76750876999999995</c:v>
                </c:pt>
                <c:pt idx="10">
                  <c:v>0.77857105000000004</c:v>
                </c:pt>
                <c:pt idx="11">
                  <c:v>0.83184753</c:v>
                </c:pt>
                <c:pt idx="12">
                  <c:v>0.93468319</c:v>
                </c:pt>
                <c:pt idx="13">
                  <c:v>0.98070906000000002</c:v>
                </c:pt>
                <c:pt idx="14">
                  <c:v>0.99003982000000001</c:v>
                </c:pt>
                <c:pt idx="15">
                  <c:v>0.99003982000000001</c:v>
                </c:pt>
                <c:pt idx="16">
                  <c:v>0.88549314999999995</c:v>
                </c:pt>
                <c:pt idx="17">
                  <c:v>0.74200094999999999</c:v>
                </c:pt>
                <c:pt idx="18">
                  <c:v>0.72184524000000005</c:v>
                </c:pt>
                <c:pt idx="19">
                  <c:v>0.71303260999999996</c:v>
                </c:pt>
                <c:pt idx="20">
                  <c:v>0.70566108000000005</c:v>
                </c:pt>
                <c:pt idx="21">
                  <c:v>0.69467846</c:v>
                </c:pt>
                <c:pt idx="22">
                  <c:v>0.64526782999999999</c:v>
                </c:pt>
                <c:pt idx="23">
                  <c:v>0.51581573000000003</c:v>
                </c:pt>
                <c:pt idx="24">
                  <c:v>0.38053134</c:v>
                </c:pt>
                <c:pt idx="25">
                  <c:v>0.27589868000000001</c:v>
                </c:pt>
                <c:pt idx="26">
                  <c:v>0.20082285</c:v>
                </c:pt>
                <c:pt idx="27">
                  <c:v>0.14879867999999999</c:v>
                </c:pt>
                <c:pt idx="28">
                  <c:v>0.11297499</c:v>
                </c:pt>
                <c:pt idx="29">
                  <c:v>8.8284269999999998E-2</c:v>
                </c:pt>
                <c:pt idx="30" formatCode="0.00">
                  <c:v>0.36112424999999998</c:v>
                </c:pt>
                <c:pt idx="31" formatCode="0.00">
                  <c:v>0.27631868999999998</c:v>
                </c:pt>
                <c:pt idx="32" formatCode="0.00">
                  <c:v>0.21476161999999999</c:v>
                </c:pt>
                <c:pt idx="33" formatCode="0.00">
                  <c:v>0.17061548000000001</c:v>
                </c:pt>
                <c:pt idx="34" formatCode="0.00">
                  <c:v>0.13940923999999999</c:v>
                </c:pt>
              </c:numCache>
            </c:numRef>
          </c:xVal>
          <c:yVal>
            <c:numRef>
              <c:f>'Fig 1'!$I$17:$I$51</c:f>
              <c:numCache>
                <c:formatCode>General</c:formatCode>
                <c:ptCount val="35"/>
                <c:pt idx="0">
                  <c:v>28.817589999999999</c:v>
                </c:pt>
                <c:pt idx="1">
                  <c:v>49.515000000000001</c:v>
                </c:pt>
                <c:pt idx="2">
                  <c:v>64.870410000000007</c:v>
                </c:pt>
                <c:pt idx="3">
                  <c:v>86.627420000000001</c:v>
                </c:pt>
                <c:pt idx="4">
                  <c:v>107.57459</c:v>
                </c:pt>
                <c:pt idx="5">
                  <c:v>145.87817000000001</c:v>
                </c:pt>
                <c:pt idx="6">
                  <c:v>192.14147</c:v>
                </c:pt>
                <c:pt idx="7">
                  <c:v>243.67197999999999</c:v>
                </c:pt>
                <c:pt idx="8">
                  <c:v>296.53181000000001</c:v>
                </c:pt>
                <c:pt idx="9">
                  <c:v>349.01934999999997</c:v>
                </c:pt>
                <c:pt idx="10">
                  <c:v>400.01729</c:v>
                </c:pt>
                <c:pt idx="11">
                  <c:v>439.57170000000002</c:v>
                </c:pt>
                <c:pt idx="12">
                  <c:v>462.92919000000001</c:v>
                </c:pt>
                <c:pt idx="13">
                  <c:v>490.00234999999998</c:v>
                </c:pt>
                <c:pt idx="14">
                  <c:v>519.81826999999998</c:v>
                </c:pt>
                <c:pt idx="15">
                  <c:v>519.81826999999998</c:v>
                </c:pt>
                <c:pt idx="16">
                  <c:v>458.52431000000001</c:v>
                </c:pt>
                <c:pt idx="17">
                  <c:v>407.09354999999999</c:v>
                </c:pt>
                <c:pt idx="18">
                  <c:v>354.56761999999998</c:v>
                </c:pt>
                <c:pt idx="19">
                  <c:v>299.41557</c:v>
                </c:pt>
                <c:pt idx="20">
                  <c:v>244.33149</c:v>
                </c:pt>
                <c:pt idx="21">
                  <c:v>189.93051</c:v>
                </c:pt>
                <c:pt idx="22">
                  <c:v>146.25487000000001</c:v>
                </c:pt>
                <c:pt idx="23">
                  <c:v>121.7717</c:v>
                </c:pt>
                <c:pt idx="24">
                  <c:v>99.912419999999997</c:v>
                </c:pt>
                <c:pt idx="25">
                  <c:v>86.412030000000001</c:v>
                </c:pt>
                <c:pt idx="26">
                  <c:v>76.073170000000005</c:v>
                </c:pt>
                <c:pt idx="27">
                  <c:v>68.908810000000003</c:v>
                </c:pt>
                <c:pt idx="28">
                  <c:v>63.43309</c:v>
                </c:pt>
                <c:pt idx="29">
                  <c:v>57.97231</c:v>
                </c:pt>
                <c:pt idx="30" formatCode="0.00">
                  <c:v>133.7047</c:v>
                </c:pt>
                <c:pt idx="31" formatCode="0.00">
                  <c:v>121.19014</c:v>
                </c:pt>
                <c:pt idx="32" formatCode="0.00">
                  <c:v>112.1063</c:v>
                </c:pt>
                <c:pt idx="33" formatCode="0.00">
                  <c:v>104.93129999999999</c:v>
                </c:pt>
                <c:pt idx="34" formatCode="0.00">
                  <c:v>99.32720000000000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13E6-4041-8E0D-25974592C136}"/>
            </c:ext>
          </c:extLst>
        </c:ser>
        <c:ser>
          <c:idx val="6"/>
          <c:order val="3"/>
          <c:tx>
            <c:strRef>
              <c:f>'Fig 1'!$K$15</c:f>
              <c:strCache>
                <c:ptCount val="1"/>
                <c:pt idx="0">
                  <c:v>S-T-3.5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1'!$K$17:$K$51</c:f>
              <c:numCache>
                <c:formatCode>0.00</c:formatCode>
                <c:ptCount val="35"/>
                <c:pt idx="0">
                  <c:v>1.4999999999999999E-4</c:v>
                </c:pt>
                <c:pt idx="1">
                  <c:v>3.0970999999999999E-4</c:v>
                </c:pt>
                <c:pt idx="2">
                  <c:v>1.73289E-3</c:v>
                </c:pt>
                <c:pt idx="3">
                  <c:v>4.2091799999999999E-3</c:v>
                </c:pt>
                <c:pt idx="4">
                  <c:v>8.5489199999999998E-3</c:v>
                </c:pt>
                <c:pt idx="5">
                  <c:v>1.285119E-2</c:v>
                </c:pt>
                <c:pt idx="6">
                  <c:v>1.8062620000000001E-2</c:v>
                </c:pt>
                <c:pt idx="7">
                  <c:v>6.7394709999999997E-2</c:v>
                </c:pt>
                <c:pt idx="8">
                  <c:v>0.13689971000000001</c:v>
                </c:pt>
                <c:pt idx="9">
                  <c:v>0.28628092999999999</c:v>
                </c:pt>
                <c:pt idx="10">
                  <c:v>0.43793061999999999</c:v>
                </c:pt>
                <c:pt idx="11">
                  <c:v>0.63058784000000001</c:v>
                </c:pt>
                <c:pt idx="12">
                  <c:v>0.72278416999999995</c:v>
                </c:pt>
                <c:pt idx="13">
                  <c:v>0.74987073999999998</c:v>
                </c:pt>
                <c:pt idx="14">
                  <c:v>0.76266047999999997</c:v>
                </c:pt>
                <c:pt idx="15">
                  <c:v>0.77336956999999995</c:v>
                </c:pt>
                <c:pt idx="16">
                  <c:v>0.83710404000000005</c:v>
                </c:pt>
                <c:pt idx="17">
                  <c:v>0.94663549000000002</c:v>
                </c:pt>
                <c:pt idx="18">
                  <c:v>0.98505931999999996</c:v>
                </c:pt>
                <c:pt idx="19">
                  <c:v>0.99269876000000001</c:v>
                </c:pt>
                <c:pt idx="20">
                  <c:v>0.99269876000000001</c:v>
                </c:pt>
                <c:pt idx="21">
                  <c:v>0.91629607999999996</c:v>
                </c:pt>
                <c:pt idx="22">
                  <c:v>0.74883277000000004</c:v>
                </c:pt>
                <c:pt idx="23">
                  <c:v>0.71599128000000001</c:v>
                </c:pt>
                <c:pt idx="24">
                  <c:v>0.70501292999999998</c:v>
                </c:pt>
                <c:pt idx="25">
                  <c:v>0.69410052</c:v>
                </c:pt>
                <c:pt idx="26">
                  <c:v>0.62072050999999995</c:v>
                </c:pt>
                <c:pt idx="27">
                  <c:v>0.46896837000000002</c:v>
                </c:pt>
                <c:pt idx="28">
                  <c:v>0.33945640999999999</c:v>
                </c:pt>
                <c:pt idx="29">
                  <c:v>0.24060572999999999</c:v>
                </c:pt>
                <c:pt idx="30">
                  <c:v>0.1724926</c:v>
                </c:pt>
                <c:pt idx="31">
                  <c:v>0.12674946000000001</c:v>
                </c:pt>
                <c:pt idx="32">
                  <c:v>9.5945199999999994E-2</c:v>
                </c:pt>
                <c:pt idx="33">
                  <c:v>0.71106486000000002</c:v>
                </c:pt>
                <c:pt idx="34">
                  <c:v>0.63502334999999999</c:v>
                </c:pt>
              </c:numCache>
            </c:numRef>
          </c:xVal>
          <c:yVal>
            <c:numRef>
              <c:f>'Fig 1'!$L$17:$L$51</c:f>
              <c:numCache>
                <c:formatCode>0.00</c:formatCode>
                <c:ptCount val="35"/>
                <c:pt idx="0">
                  <c:v>4.9339199999999996</c:v>
                </c:pt>
                <c:pt idx="1">
                  <c:v>10.60932</c:v>
                </c:pt>
                <c:pt idx="2">
                  <c:v>15.14739</c:v>
                </c:pt>
                <c:pt idx="3">
                  <c:v>20.29468</c:v>
                </c:pt>
                <c:pt idx="4">
                  <c:v>25.44361</c:v>
                </c:pt>
                <c:pt idx="5">
                  <c:v>29.122489999999999</c:v>
                </c:pt>
                <c:pt idx="6">
                  <c:v>32.592689999999997</c:v>
                </c:pt>
                <c:pt idx="7">
                  <c:v>49.951369999999997</c:v>
                </c:pt>
                <c:pt idx="8">
                  <c:v>63.00873</c:v>
                </c:pt>
                <c:pt idx="9">
                  <c:v>82.683490000000006</c:v>
                </c:pt>
                <c:pt idx="10">
                  <c:v>102.31124</c:v>
                </c:pt>
                <c:pt idx="11">
                  <c:v>137.37696</c:v>
                </c:pt>
                <c:pt idx="12">
                  <c:v>187.88613000000001</c:v>
                </c:pt>
                <c:pt idx="13">
                  <c:v>243.62993</c:v>
                </c:pt>
                <c:pt idx="14">
                  <c:v>294.52494999999999</c:v>
                </c:pt>
                <c:pt idx="15">
                  <c:v>348.75238999999999</c:v>
                </c:pt>
                <c:pt idx="16">
                  <c:v>389.83748000000003</c:v>
                </c:pt>
                <c:pt idx="17">
                  <c:v>413.73122000000001</c:v>
                </c:pt>
                <c:pt idx="18">
                  <c:v>444.16307999999998</c:v>
                </c:pt>
                <c:pt idx="19">
                  <c:v>476.72014000000001</c:v>
                </c:pt>
                <c:pt idx="20">
                  <c:v>476.72014000000001</c:v>
                </c:pt>
                <c:pt idx="21">
                  <c:v>413.18840999999998</c:v>
                </c:pt>
                <c:pt idx="22">
                  <c:v>371.75788</c:v>
                </c:pt>
                <c:pt idx="23">
                  <c:v>302.41572000000002</c:v>
                </c:pt>
                <c:pt idx="24">
                  <c:v>241.78935000000001</c:v>
                </c:pt>
                <c:pt idx="25">
                  <c:v>181.31952000000001</c:v>
                </c:pt>
                <c:pt idx="26">
                  <c:v>135.58099999999999</c:v>
                </c:pt>
                <c:pt idx="27">
                  <c:v>107.96044999999999</c:v>
                </c:pt>
                <c:pt idx="28">
                  <c:v>89.565899999999999</c:v>
                </c:pt>
                <c:pt idx="29">
                  <c:v>76.667680000000004</c:v>
                </c:pt>
                <c:pt idx="30">
                  <c:v>67.696610000000007</c:v>
                </c:pt>
                <c:pt idx="31">
                  <c:v>61.101880000000001</c:v>
                </c:pt>
                <c:pt idx="32">
                  <c:v>55.314929999999997</c:v>
                </c:pt>
                <c:pt idx="33">
                  <c:v>232.15824000000001</c:v>
                </c:pt>
                <c:pt idx="34">
                  <c:v>189.9501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3E6-4041-8E0D-25974592C136}"/>
            </c:ext>
          </c:extLst>
        </c:ser>
        <c:ser>
          <c:idx val="3"/>
          <c:order val="4"/>
          <c:tx>
            <c:strRef>
              <c:f>'Fig 1'!$N$15</c:f>
              <c:strCache>
                <c:ptCount val="1"/>
                <c:pt idx="0">
                  <c:v>S-T-4.6</c:v>
                </c:pt>
              </c:strCache>
            </c:strRef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Fig 1'!$N$17:$N$42</c:f>
              <c:numCache>
                <c:formatCode>General</c:formatCode>
                <c:ptCount val="26"/>
                <c:pt idx="0">
                  <c:v>4.1965019999999999E-2</c:v>
                </c:pt>
                <c:pt idx="1">
                  <c:v>0.12397248</c:v>
                </c:pt>
                <c:pt idx="2">
                  <c:v>0.30624596999999998</c:v>
                </c:pt>
                <c:pt idx="3">
                  <c:v>0.57640135999999997</c:v>
                </c:pt>
                <c:pt idx="4">
                  <c:v>0.73231201000000001</c:v>
                </c:pt>
                <c:pt idx="5">
                  <c:v>0.77453994999999998</c:v>
                </c:pt>
                <c:pt idx="6">
                  <c:v>0.91911469999999995</c:v>
                </c:pt>
                <c:pt idx="7">
                  <c:v>0.98709482999999998</c:v>
                </c:pt>
                <c:pt idx="8">
                  <c:v>0.99441497999999995</c:v>
                </c:pt>
                <c:pt idx="9">
                  <c:v>0.99441497999999995</c:v>
                </c:pt>
                <c:pt idx="10">
                  <c:v>0.96199442999999996</c:v>
                </c:pt>
                <c:pt idx="11">
                  <c:v>0.86069485999999995</c:v>
                </c:pt>
                <c:pt idx="12">
                  <c:v>0.75006212999999999</c:v>
                </c:pt>
                <c:pt idx="13">
                  <c:v>0.70182215999999997</c:v>
                </c:pt>
                <c:pt idx="14">
                  <c:v>0.68217492000000002</c:v>
                </c:pt>
                <c:pt idx="15">
                  <c:v>0.66629042000000005</c:v>
                </c:pt>
                <c:pt idx="16">
                  <c:v>0.63155053999999999</c:v>
                </c:pt>
                <c:pt idx="17">
                  <c:v>0.56962499</c:v>
                </c:pt>
                <c:pt idx="18">
                  <c:v>0.50211866000000005</c:v>
                </c:pt>
                <c:pt idx="19">
                  <c:v>0.43288210999999999</c:v>
                </c:pt>
                <c:pt idx="20">
                  <c:v>0.35633425000000002</c:v>
                </c:pt>
                <c:pt idx="21">
                  <c:v>0.27899129</c:v>
                </c:pt>
                <c:pt idx="22">
                  <c:v>0.20484954</c:v>
                </c:pt>
                <c:pt idx="23">
                  <c:v>0.13317498999999999</c:v>
                </c:pt>
                <c:pt idx="24">
                  <c:v>0.10305354</c:v>
                </c:pt>
                <c:pt idx="25">
                  <c:v>8.4288730000000006E-2</c:v>
                </c:pt>
              </c:numCache>
            </c:numRef>
          </c:xVal>
          <c:yVal>
            <c:numRef>
              <c:f>'Fig 1'!$O$17:$O$42</c:f>
              <c:numCache>
                <c:formatCode>General</c:formatCode>
                <c:ptCount val="26"/>
                <c:pt idx="0">
                  <c:v>16.894189999999998</c:v>
                </c:pt>
                <c:pt idx="1">
                  <c:v>24.102740000000001</c:v>
                </c:pt>
                <c:pt idx="2">
                  <c:v>33.81664</c:v>
                </c:pt>
                <c:pt idx="3">
                  <c:v>50.288930000000001</c:v>
                </c:pt>
                <c:pt idx="4">
                  <c:v>90.090459999999993</c:v>
                </c:pt>
                <c:pt idx="5">
                  <c:v>139.36168000000001</c:v>
                </c:pt>
                <c:pt idx="6">
                  <c:v>159.41216</c:v>
                </c:pt>
                <c:pt idx="7">
                  <c:v>182.13502</c:v>
                </c:pt>
                <c:pt idx="8">
                  <c:v>211.82221999999999</c:v>
                </c:pt>
                <c:pt idx="9">
                  <c:v>211.82221999999999</c:v>
                </c:pt>
                <c:pt idx="10">
                  <c:v>173.74503000000001</c:v>
                </c:pt>
                <c:pt idx="11">
                  <c:v>158.32424</c:v>
                </c:pt>
                <c:pt idx="12">
                  <c:v>147.63335000000001</c:v>
                </c:pt>
                <c:pt idx="13">
                  <c:v>121.69737000000001</c:v>
                </c:pt>
                <c:pt idx="14">
                  <c:v>88.79401</c:v>
                </c:pt>
                <c:pt idx="15">
                  <c:v>73.236189999999993</c:v>
                </c:pt>
                <c:pt idx="16">
                  <c:v>64.367649999999998</c:v>
                </c:pt>
                <c:pt idx="17">
                  <c:v>50.2774</c:v>
                </c:pt>
                <c:pt idx="18">
                  <c:v>45.75967</c:v>
                </c:pt>
                <c:pt idx="19">
                  <c:v>41.538080000000001</c:v>
                </c:pt>
                <c:pt idx="20">
                  <c:v>36.870690000000003</c:v>
                </c:pt>
                <c:pt idx="21">
                  <c:v>32.898719999999997</c:v>
                </c:pt>
                <c:pt idx="22">
                  <c:v>29.281169999999999</c:v>
                </c:pt>
                <c:pt idx="23">
                  <c:v>25.346129999999999</c:v>
                </c:pt>
                <c:pt idx="24">
                  <c:v>23.382680000000001</c:v>
                </c:pt>
                <c:pt idx="25">
                  <c:v>21.987870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C244-461C-928B-81D48DC0939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0.99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/P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0.2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 baseline="0"/>
                  <a:t>V (cm</a:t>
                </a:r>
                <a:r>
                  <a:rPr lang="en-US" baseline="30000"/>
                  <a:t>3</a:t>
                </a:r>
                <a:r>
                  <a:rPr lang="en-US" baseline="0"/>
                  <a:t>/g)</a:t>
                </a:r>
                <a:endParaRPr lang="en-US"/>
              </a:p>
            </c:rich>
          </c:tx>
          <c:layout>
            <c:manualLayout>
              <c:xMode val="edge"/>
              <c:yMode val="edge"/>
              <c:x val="3.7560444568216916E-2"/>
              <c:y val="0.252441687686067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20472117545784588"/>
          <c:y val="0.1764409359200553"/>
          <c:w val="0.26091492614719375"/>
          <c:h val="0.4248957053773401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183403997577226"/>
          <c:y val="0.10087532808398948"/>
          <c:w val="0.72748345890693067"/>
          <c:h val="0.72564410595887385"/>
        </c:manualLayout>
      </c:layout>
      <c:scatterChart>
        <c:scatterStyle val="smoothMarker"/>
        <c:varyColors val="0"/>
        <c:ser>
          <c:idx val="6"/>
          <c:order val="0"/>
          <c:tx>
            <c:strRef>
              <c:f>'Fig 1'!$B$15</c:f>
              <c:strCache>
                <c:ptCount val="1"/>
                <c:pt idx="0">
                  <c:v>SBA-P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1'!$B$17:$B$50</c:f>
              <c:numCache>
                <c:formatCode>0.00</c:formatCode>
                <c:ptCount val="34"/>
                <c:pt idx="0">
                  <c:v>8.7600000000000008E-6</c:v>
                </c:pt>
                <c:pt idx="1">
                  <c:v>1.0750340000000001E-2</c:v>
                </c:pt>
                <c:pt idx="2">
                  <c:v>4.9694660000000002E-2</c:v>
                </c:pt>
                <c:pt idx="3">
                  <c:v>0.11006498000000001</c:v>
                </c:pt>
                <c:pt idx="4">
                  <c:v>0.25054134</c:v>
                </c:pt>
                <c:pt idx="5">
                  <c:v>0.39675224999999997</c:v>
                </c:pt>
                <c:pt idx="6">
                  <c:v>0.58781611</c:v>
                </c:pt>
                <c:pt idx="7">
                  <c:v>0.72444114999999998</c:v>
                </c:pt>
                <c:pt idx="8">
                  <c:v>0.77140105000000003</c:v>
                </c:pt>
                <c:pt idx="9">
                  <c:v>0.78720657000000005</c:v>
                </c:pt>
                <c:pt idx="10">
                  <c:v>0.79330491999999997</c:v>
                </c:pt>
                <c:pt idx="11">
                  <c:v>0.79767094999999999</c:v>
                </c:pt>
                <c:pt idx="12">
                  <c:v>0.80550321000000003</c:v>
                </c:pt>
                <c:pt idx="13">
                  <c:v>0.81588835999999998</c:v>
                </c:pt>
                <c:pt idx="14">
                  <c:v>0.88960406000000003</c:v>
                </c:pt>
                <c:pt idx="15">
                  <c:v>0.96839934000000005</c:v>
                </c:pt>
                <c:pt idx="16">
                  <c:v>0.98675321999999999</c:v>
                </c:pt>
                <c:pt idx="17">
                  <c:v>0.99273073000000001</c:v>
                </c:pt>
                <c:pt idx="18">
                  <c:v>0.99273073000000001</c:v>
                </c:pt>
                <c:pt idx="19">
                  <c:v>0.94799049999999996</c:v>
                </c:pt>
                <c:pt idx="20">
                  <c:v>0.79698614000000001</c:v>
                </c:pt>
                <c:pt idx="21">
                  <c:v>0.75369271999999998</c:v>
                </c:pt>
                <c:pt idx="22">
                  <c:v>0.74408169999999996</c:v>
                </c:pt>
                <c:pt idx="23">
                  <c:v>0.73950475000000004</c:v>
                </c:pt>
                <c:pt idx="24">
                  <c:v>0.73442081000000003</c:v>
                </c:pt>
                <c:pt idx="25">
                  <c:v>0.72541931000000004</c:v>
                </c:pt>
                <c:pt idx="26">
                  <c:v>0.67595432</c:v>
                </c:pt>
                <c:pt idx="27">
                  <c:v>0.56821348999999999</c:v>
                </c:pt>
                <c:pt idx="28">
                  <c:v>0.44162404999999999</c:v>
                </c:pt>
                <c:pt idx="29">
                  <c:v>0.32223790000000002</c:v>
                </c:pt>
                <c:pt idx="30">
                  <c:v>0.23411851</c:v>
                </c:pt>
                <c:pt idx="31">
                  <c:v>0.17146713999999999</c:v>
                </c:pt>
                <c:pt idx="32">
                  <c:v>0.12821883000000001</c:v>
                </c:pt>
                <c:pt idx="33">
                  <c:v>9.8212610000000006E-2</c:v>
                </c:pt>
              </c:numCache>
            </c:numRef>
          </c:xVal>
          <c:yVal>
            <c:numRef>
              <c:f>'Fig 1'!$C$17:$C$50</c:f>
              <c:numCache>
                <c:formatCode>0.00</c:formatCode>
                <c:ptCount val="34"/>
                <c:pt idx="0">
                  <c:v>35.154620000000001</c:v>
                </c:pt>
                <c:pt idx="1">
                  <c:v>69.614469999999997</c:v>
                </c:pt>
                <c:pt idx="2">
                  <c:v>96.004109999999997</c:v>
                </c:pt>
                <c:pt idx="3">
                  <c:v>114.66924</c:v>
                </c:pt>
                <c:pt idx="4">
                  <c:v>143.49137999999999</c:v>
                </c:pt>
                <c:pt idx="5">
                  <c:v>170.93628000000001</c:v>
                </c:pt>
                <c:pt idx="6">
                  <c:v>216.47926000000001</c:v>
                </c:pt>
                <c:pt idx="7">
                  <c:v>275.23164000000003</c:v>
                </c:pt>
                <c:pt idx="8">
                  <c:v>344.65215000000001</c:v>
                </c:pt>
                <c:pt idx="9">
                  <c:v>412.91631000000001</c:v>
                </c:pt>
                <c:pt idx="10">
                  <c:v>485.12223</c:v>
                </c:pt>
                <c:pt idx="11">
                  <c:v>556.43901000000005</c:v>
                </c:pt>
                <c:pt idx="12">
                  <c:v>626.90580999999997</c:v>
                </c:pt>
                <c:pt idx="13">
                  <c:v>697.79825000000005</c:v>
                </c:pt>
                <c:pt idx="14">
                  <c:v>744.62233000000003</c:v>
                </c:pt>
                <c:pt idx="15">
                  <c:v>780.17846999999995</c:v>
                </c:pt>
                <c:pt idx="16">
                  <c:v>824.63823000000002</c:v>
                </c:pt>
                <c:pt idx="17">
                  <c:v>870.37004000000002</c:v>
                </c:pt>
                <c:pt idx="18">
                  <c:v>870.37004000000002</c:v>
                </c:pt>
                <c:pt idx="19">
                  <c:v>775.43701999999996</c:v>
                </c:pt>
                <c:pt idx="20">
                  <c:v>715.19970000000001</c:v>
                </c:pt>
                <c:pt idx="21">
                  <c:v>623.33291999999994</c:v>
                </c:pt>
                <c:pt idx="22">
                  <c:v>521.00414000000001</c:v>
                </c:pt>
                <c:pt idx="23">
                  <c:v>446.87331</c:v>
                </c:pt>
                <c:pt idx="24">
                  <c:v>374.35003</c:v>
                </c:pt>
                <c:pt idx="25">
                  <c:v>302.95202</c:v>
                </c:pt>
                <c:pt idx="26">
                  <c:v>254.38102000000001</c:v>
                </c:pt>
                <c:pt idx="27">
                  <c:v>211.80667</c:v>
                </c:pt>
                <c:pt idx="28">
                  <c:v>181.63215</c:v>
                </c:pt>
                <c:pt idx="29">
                  <c:v>156.94936999999999</c:v>
                </c:pt>
                <c:pt idx="30">
                  <c:v>140.12183999999999</c:v>
                </c:pt>
                <c:pt idx="31">
                  <c:v>127.26738</c:v>
                </c:pt>
                <c:pt idx="32">
                  <c:v>118.39394</c:v>
                </c:pt>
                <c:pt idx="33">
                  <c:v>111.0047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6938-4D76-A68D-B47ACC6905C7}"/>
            </c:ext>
          </c:extLst>
        </c:ser>
        <c:ser>
          <c:idx val="0"/>
          <c:order val="1"/>
          <c:tx>
            <c:strRef>
              <c:f>'Fig 1b'!$B$7</c:f>
              <c:strCache>
                <c:ptCount val="1"/>
                <c:pt idx="0">
                  <c:v>20BE5LU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1b'!$B$9:$B$54</c:f>
              <c:numCache>
                <c:formatCode>0.00</c:formatCode>
                <c:ptCount val="46"/>
                <c:pt idx="0">
                  <c:v>3.0871700000000002E-3</c:v>
                </c:pt>
                <c:pt idx="1">
                  <c:v>5.5755310000000002E-2</c:v>
                </c:pt>
                <c:pt idx="2">
                  <c:v>0.16417055</c:v>
                </c:pt>
                <c:pt idx="3">
                  <c:v>0.36819393</c:v>
                </c:pt>
                <c:pt idx="4">
                  <c:v>0.55427223999999997</c:v>
                </c:pt>
                <c:pt idx="5">
                  <c:v>0.68461190000000005</c:v>
                </c:pt>
                <c:pt idx="6">
                  <c:v>0.75260753000000002</c:v>
                </c:pt>
                <c:pt idx="7">
                  <c:v>0.78388806</c:v>
                </c:pt>
                <c:pt idx="8">
                  <c:v>0.79213621000000001</c:v>
                </c:pt>
                <c:pt idx="9">
                  <c:v>0.79594127000000003</c:v>
                </c:pt>
                <c:pt idx="10">
                  <c:v>0.79956329000000004</c:v>
                </c:pt>
                <c:pt idx="11">
                  <c:v>0.80334667000000004</c:v>
                </c:pt>
                <c:pt idx="12">
                  <c:v>0.80960235000000003</c:v>
                </c:pt>
                <c:pt idx="13">
                  <c:v>0.82634313000000004</c:v>
                </c:pt>
                <c:pt idx="14">
                  <c:v>0.90359871000000003</c:v>
                </c:pt>
                <c:pt idx="15">
                  <c:v>0.95913185000000001</c:v>
                </c:pt>
                <c:pt idx="16">
                  <c:v>0.98154306000000002</c:v>
                </c:pt>
                <c:pt idx="17">
                  <c:v>0.98154306000000002</c:v>
                </c:pt>
                <c:pt idx="18">
                  <c:v>0.94634651999999997</c:v>
                </c:pt>
                <c:pt idx="19">
                  <c:v>0.88301521000000005</c:v>
                </c:pt>
                <c:pt idx="20">
                  <c:v>0.81665887999999998</c:v>
                </c:pt>
                <c:pt idx="21">
                  <c:v>0.76487397999999995</c:v>
                </c:pt>
                <c:pt idx="22">
                  <c:v>0.74845759000000001</c:v>
                </c:pt>
                <c:pt idx="23">
                  <c:v>0.74240150999999999</c:v>
                </c:pt>
                <c:pt idx="24">
                  <c:v>0.73942282999999998</c:v>
                </c:pt>
                <c:pt idx="25">
                  <c:v>0.73552145999999996</c:v>
                </c:pt>
                <c:pt idx="26">
                  <c:v>0.73330633999999995</c:v>
                </c:pt>
                <c:pt idx="27">
                  <c:v>0.73028674000000005</c:v>
                </c:pt>
                <c:pt idx="28">
                  <c:v>0.72831396999999998</c:v>
                </c:pt>
                <c:pt idx="29">
                  <c:v>0.72437755999999998</c:v>
                </c:pt>
                <c:pt idx="30">
                  <c:v>0.70801831999999998</c:v>
                </c:pt>
                <c:pt idx="31">
                  <c:v>0.62751422000000001</c:v>
                </c:pt>
                <c:pt idx="32">
                  <c:v>0.5181616</c:v>
                </c:pt>
                <c:pt idx="33">
                  <c:v>0.40989523</c:v>
                </c:pt>
                <c:pt idx="34">
                  <c:v>0.31764181000000002</c:v>
                </c:pt>
                <c:pt idx="35">
                  <c:v>0.24791754999999999</c:v>
                </c:pt>
                <c:pt idx="36">
                  <c:v>0.19669817000000001</c:v>
                </c:pt>
                <c:pt idx="37">
                  <c:v>0.15942503999999999</c:v>
                </c:pt>
                <c:pt idx="38">
                  <c:v>0.13265621</c:v>
                </c:pt>
                <c:pt idx="39">
                  <c:v>0.11313606</c:v>
                </c:pt>
                <c:pt idx="40">
                  <c:v>9.8898059999999996E-2</c:v>
                </c:pt>
                <c:pt idx="41">
                  <c:v>8.7887530000000005E-2</c:v>
                </c:pt>
              </c:numCache>
            </c:numRef>
          </c:xVal>
          <c:yVal>
            <c:numRef>
              <c:f>'Fig 1b'!$C$9:$C$54</c:f>
              <c:numCache>
                <c:formatCode>0.00</c:formatCode>
                <c:ptCount val="46"/>
                <c:pt idx="0">
                  <c:v>46.093559999999997</c:v>
                </c:pt>
                <c:pt idx="1">
                  <c:v>81.097099999999998</c:v>
                </c:pt>
                <c:pt idx="2">
                  <c:v>103.66976</c:v>
                </c:pt>
                <c:pt idx="3">
                  <c:v>135.09868</c:v>
                </c:pt>
                <c:pt idx="4">
                  <c:v>169.96827999999999</c:v>
                </c:pt>
                <c:pt idx="5">
                  <c:v>209.99034</c:v>
                </c:pt>
                <c:pt idx="6">
                  <c:v>252.02278000000001</c:v>
                </c:pt>
                <c:pt idx="7">
                  <c:v>295.43819999999999</c:v>
                </c:pt>
                <c:pt idx="8">
                  <c:v>340.69337000000002</c:v>
                </c:pt>
                <c:pt idx="9">
                  <c:v>386.33821999999998</c:v>
                </c:pt>
                <c:pt idx="10">
                  <c:v>432.01261</c:v>
                </c:pt>
                <c:pt idx="11">
                  <c:v>477.25891999999999</c:v>
                </c:pt>
                <c:pt idx="12">
                  <c:v>521.90521999999999</c:v>
                </c:pt>
                <c:pt idx="13">
                  <c:v>563.60135000000002</c:v>
                </c:pt>
                <c:pt idx="14">
                  <c:v>589.71241999999995</c:v>
                </c:pt>
                <c:pt idx="15">
                  <c:v>610.87265000000002</c:v>
                </c:pt>
                <c:pt idx="16">
                  <c:v>636.07024000000001</c:v>
                </c:pt>
                <c:pt idx="17">
                  <c:v>636.07024000000001</c:v>
                </c:pt>
                <c:pt idx="18">
                  <c:v>611.12991999999997</c:v>
                </c:pt>
                <c:pt idx="19">
                  <c:v>592.21113000000003</c:v>
                </c:pt>
                <c:pt idx="20">
                  <c:v>574.44248000000005</c:v>
                </c:pt>
                <c:pt idx="21">
                  <c:v>553.10308999999995</c:v>
                </c:pt>
                <c:pt idx="22">
                  <c:v>523.93931999999995</c:v>
                </c:pt>
                <c:pt idx="23">
                  <c:v>492.54557</c:v>
                </c:pt>
                <c:pt idx="24">
                  <c:v>460.63704999999999</c:v>
                </c:pt>
                <c:pt idx="25">
                  <c:v>428.50993</c:v>
                </c:pt>
                <c:pt idx="26">
                  <c:v>396.24200000000002</c:v>
                </c:pt>
                <c:pt idx="27">
                  <c:v>364.13861000000003</c:v>
                </c:pt>
                <c:pt idx="28">
                  <c:v>331.84687000000002</c:v>
                </c:pt>
                <c:pt idx="29">
                  <c:v>299.97471999999999</c:v>
                </c:pt>
                <c:pt idx="30">
                  <c:v>238.25864000000001</c:v>
                </c:pt>
                <c:pt idx="31">
                  <c:v>192.50482</c:v>
                </c:pt>
                <c:pt idx="32">
                  <c:v>163.20142999999999</c:v>
                </c:pt>
                <c:pt idx="33">
                  <c:v>142.91317000000001</c:v>
                </c:pt>
                <c:pt idx="34">
                  <c:v>127.31134</c:v>
                </c:pt>
                <c:pt idx="35">
                  <c:v>116.57062000000001</c:v>
                </c:pt>
                <c:pt idx="36">
                  <c:v>108.68049999999999</c:v>
                </c:pt>
                <c:pt idx="37">
                  <c:v>102.68172</c:v>
                </c:pt>
                <c:pt idx="38">
                  <c:v>97.1083</c:v>
                </c:pt>
                <c:pt idx="39">
                  <c:v>93.139780000000002</c:v>
                </c:pt>
                <c:pt idx="40">
                  <c:v>90.218040000000002</c:v>
                </c:pt>
                <c:pt idx="41">
                  <c:v>87.78721000000000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6938-4D76-A68D-B47ACC6905C7}"/>
            </c:ext>
          </c:extLst>
        </c:ser>
        <c:ser>
          <c:idx val="1"/>
          <c:order val="2"/>
          <c:tx>
            <c:strRef>
              <c:f>'Fig 1b'!$E$7</c:f>
              <c:strCache>
                <c:ptCount val="1"/>
                <c:pt idx="0">
                  <c:v>25BE5LU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Fig 1b'!$E$9:$E$46</c:f>
              <c:numCache>
                <c:formatCode>0.00</c:formatCode>
                <c:ptCount val="38"/>
                <c:pt idx="0">
                  <c:v>3.35703E-3</c:v>
                </c:pt>
                <c:pt idx="1">
                  <c:v>5.9863649999999997E-2</c:v>
                </c:pt>
                <c:pt idx="2">
                  <c:v>0.17366124999999999</c:v>
                </c:pt>
                <c:pt idx="3">
                  <c:v>0.38713247000000001</c:v>
                </c:pt>
                <c:pt idx="4">
                  <c:v>0.57991585999999995</c:v>
                </c:pt>
                <c:pt idx="5">
                  <c:v>0.70133025000000004</c:v>
                </c:pt>
                <c:pt idx="6">
                  <c:v>0.75966761999999999</c:v>
                </c:pt>
                <c:pt idx="7">
                  <c:v>0.78782352</c:v>
                </c:pt>
                <c:pt idx="8">
                  <c:v>0.79468496</c:v>
                </c:pt>
                <c:pt idx="9">
                  <c:v>0.79860518000000003</c:v>
                </c:pt>
                <c:pt idx="10">
                  <c:v>0.80327364000000001</c:v>
                </c:pt>
                <c:pt idx="11">
                  <c:v>0.80804127000000003</c:v>
                </c:pt>
                <c:pt idx="12">
                  <c:v>0.82373719000000001</c:v>
                </c:pt>
                <c:pt idx="13">
                  <c:v>0.89431505</c:v>
                </c:pt>
                <c:pt idx="14">
                  <c:v>0.95534353999999999</c:v>
                </c:pt>
                <c:pt idx="15">
                  <c:v>0.98361799000000005</c:v>
                </c:pt>
                <c:pt idx="16">
                  <c:v>0.98361799000000005</c:v>
                </c:pt>
                <c:pt idx="17">
                  <c:v>0.94359784000000002</c:v>
                </c:pt>
                <c:pt idx="18">
                  <c:v>0.87518547000000002</c:v>
                </c:pt>
                <c:pt idx="19">
                  <c:v>0.80832694999999999</c:v>
                </c:pt>
                <c:pt idx="20">
                  <c:v>0.76404585000000003</c:v>
                </c:pt>
                <c:pt idx="21">
                  <c:v>0.74898514000000005</c:v>
                </c:pt>
                <c:pt idx="22">
                  <c:v>0.74252311999999998</c:v>
                </c:pt>
                <c:pt idx="23">
                  <c:v>0.73903129999999995</c:v>
                </c:pt>
                <c:pt idx="24">
                  <c:v>0.73529303999999995</c:v>
                </c:pt>
                <c:pt idx="25">
                  <c:v>0.73191552000000004</c:v>
                </c:pt>
                <c:pt idx="26">
                  <c:v>0.72484804000000003</c:v>
                </c:pt>
                <c:pt idx="27">
                  <c:v>0.70648321000000003</c:v>
                </c:pt>
                <c:pt idx="28">
                  <c:v>0.62393206000000001</c:v>
                </c:pt>
                <c:pt idx="29">
                  <c:v>0.51393622999999999</c:v>
                </c:pt>
                <c:pt idx="30">
                  <c:v>0.40263436000000002</c:v>
                </c:pt>
                <c:pt idx="31">
                  <c:v>0.30882959999999998</c:v>
                </c:pt>
                <c:pt idx="32">
                  <c:v>0.23850199999999999</c:v>
                </c:pt>
                <c:pt idx="33">
                  <c:v>0.18841492000000001</c:v>
                </c:pt>
                <c:pt idx="34">
                  <c:v>0.15252336999999999</c:v>
                </c:pt>
                <c:pt idx="35">
                  <c:v>0.12700553000000001</c:v>
                </c:pt>
                <c:pt idx="36">
                  <c:v>0.10838436</c:v>
                </c:pt>
                <c:pt idx="37">
                  <c:v>9.4867720000000003E-2</c:v>
                </c:pt>
              </c:numCache>
            </c:numRef>
          </c:xVal>
          <c:yVal>
            <c:numRef>
              <c:f>'Fig 1b'!$F$9:$F$46</c:f>
              <c:numCache>
                <c:formatCode>0.00</c:formatCode>
                <c:ptCount val="38"/>
                <c:pt idx="0">
                  <c:v>46.88767</c:v>
                </c:pt>
                <c:pt idx="1">
                  <c:v>82.21181</c:v>
                </c:pt>
                <c:pt idx="2">
                  <c:v>105.11994</c:v>
                </c:pt>
                <c:pt idx="3">
                  <c:v>137.12253000000001</c:v>
                </c:pt>
                <c:pt idx="4">
                  <c:v>173.80837</c:v>
                </c:pt>
                <c:pt idx="5">
                  <c:v>216.36335</c:v>
                </c:pt>
                <c:pt idx="6">
                  <c:v>260.17012999999997</c:v>
                </c:pt>
                <c:pt idx="7">
                  <c:v>305.46095000000003</c:v>
                </c:pt>
                <c:pt idx="8">
                  <c:v>352.91320000000002</c:v>
                </c:pt>
                <c:pt idx="9">
                  <c:v>400.30471999999997</c:v>
                </c:pt>
                <c:pt idx="10">
                  <c:v>447.13639000000001</c:v>
                </c:pt>
                <c:pt idx="11">
                  <c:v>493.49635000000001</c:v>
                </c:pt>
                <c:pt idx="12">
                  <c:v>536.98976000000005</c:v>
                </c:pt>
                <c:pt idx="13">
                  <c:v>567.13878999999997</c:v>
                </c:pt>
                <c:pt idx="14">
                  <c:v>588.45947999999999</c:v>
                </c:pt>
                <c:pt idx="15">
                  <c:v>614.68418999999994</c:v>
                </c:pt>
                <c:pt idx="16">
                  <c:v>614.68418999999994</c:v>
                </c:pt>
                <c:pt idx="17">
                  <c:v>589.83793000000003</c:v>
                </c:pt>
                <c:pt idx="18">
                  <c:v>571.12855999999999</c:v>
                </c:pt>
                <c:pt idx="19">
                  <c:v>552.10287000000005</c:v>
                </c:pt>
                <c:pt idx="20">
                  <c:v>528.20605999999998</c:v>
                </c:pt>
                <c:pt idx="21">
                  <c:v>497.89035000000001</c:v>
                </c:pt>
                <c:pt idx="22">
                  <c:v>465.72487999999998</c:v>
                </c:pt>
                <c:pt idx="23">
                  <c:v>432.89785000000001</c:v>
                </c:pt>
                <c:pt idx="24">
                  <c:v>400.08461</c:v>
                </c:pt>
                <c:pt idx="25">
                  <c:v>367.19907000000001</c:v>
                </c:pt>
                <c:pt idx="26">
                  <c:v>301.59499</c:v>
                </c:pt>
                <c:pt idx="27">
                  <c:v>239.11973</c:v>
                </c:pt>
                <c:pt idx="28">
                  <c:v>192.40776</c:v>
                </c:pt>
                <c:pt idx="29">
                  <c:v>161.25273000000001</c:v>
                </c:pt>
                <c:pt idx="30">
                  <c:v>140.07247000000001</c:v>
                </c:pt>
                <c:pt idx="31">
                  <c:v>125.38373</c:v>
                </c:pt>
                <c:pt idx="32">
                  <c:v>114.84056</c:v>
                </c:pt>
                <c:pt idx="33">
                  <c:v>107.33174</c:v>
                </c:pt>
                <c:pt idx="34">
                  <c:v>100.86476</c:v>
                </c:pt>
                <c:pt idx="35">
                  <c:v>95.752020000000002</c:v>
                </c:pt>
                <c:pt idx="36">
                  <c:v>92.121399999999994</c:v>
                </c:pt>
                <c:pt idx="37">
                  <c:v>89.2583400000000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6938-4D76-A68D-B47ACC6905C7}"/>
            </c:ext>
          </c:extLst>
        </c:ser>
        <c:ser>
          <c:idx val="2"/>
          <c:order val="3"/>
          <c:tx>
            <c:strRef>
              <c:f>'Fig 1b'!$H$7</c:f>
              <c:strCache>
                <c:ptCount val="1"/>
                <c:pt idx="0">
                  <c:v>20BE10LU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1b'!$H$9:$H$47</c:f>
              <c:numCache>
                <c:formatCode>0.00</c:formatCode>
                <c:ptCount val="39"/>
                <c:pt idx="0">
                  <c:v>4.7436400000000004E-3</c:v>
                </c:pt>
                <c:pt idx="1">
                  <c:v>6.6830619999999993E-2</c:v>
                </c:pt>
                <c:pt idx="2">
                  <c:v>0.17994977000000001</c:v>
                </c:pt>
                <c:pt idx="3">
                  <c:v>0.39187947000000001</c:v>
                </c:pt>
                <c:pt idx="4">
                  <c:v>0.58003490999999996</c:v>
                </c:pt>
                <c:pt idx="5">
                  <c:v>0.69736997999999994</c:v>
                </c:pt>
                <c:pt idx="6">
                  <c:v>0.75656363999999998</c:v>
                </c:pt>
                <c:pt idx="7">
                  <c:v>0.78714941999999999</c:v>
                </c:pt>
                <c:pt idx="8">
                  <c:v>0.79904023999999996</c:v>
                </c:pt>
                <c:pt idx="9">
                  <c:v>0.80580514000000003</c:v>
                </c:pt>
                <c:pt idx="10">
                  <c:v>0.81189694000000001</c:v>
                </c:pt>
                <c:pt idx="11">
                  <c:v>0.81937932000000002</c:v>
                </c:pt>
                <c:pt idx="12">
                  <c:v>0.83081729999999998</c:v>
                </c:pt>
                <c:pt idx="13">
                  <c:v>0.86935702999999998</c:v>
                </c:pt>
                <c:pt idx="14">
                  <c:v>0.93397741000000001</c:v>
                </c:pt>
                <c:pt idx="15">
                  <c:v>0.98618702999999996</c:v>
                </c:pt>
                <c:pt idx="16">
                  <c:v>0.98618702999999996</c:v>
                </c:pt>
                <c:pt idx="17">
                  <c:v>0.92541728999999995</c:v>
                </c:pt>
                <c:pt idx="18">
                  <c:v>0.85352048000000003</c:v>
                </c:pt>
                <c:pt idx="19">
                  <c:v>0.79206982999999997</c:v>
                </c:pt>
                <c:pt idx="20">
                  <c:v>0.76756217000000004</c:v>
                </c:pt>
                <c:pt idx="21">
                  <c:v>0.75874268</c:v>
                </c:pt>
                <c:pt idx="22">
                  <c:v>0.75514619000000005</c:v>
                </c:pt>
                <c:pt idx="23">
                  <c:v>0.75180952999999995</c:v>
                </c:pt>
                <c:pt idx="24">
                  <c:v>0.74851504000000002</c:v>
                </c:pt>
                <c:pt idx="25">
                  <c:v>0.74628143999999996</c:v>
                </c:pt>
                <c:pt idx="26">
                  <c:v>0.74295365000000002</c:v>
                </c:pt>
                <c:pt idx="27">
                  <c:v>0.73691523999999997</c:v>
                </c:pt>
                <c:pt idx="28">
                  <c:v>0.72638475999999996</c:v>
                </c:pt>
                <c:pt idx="29">
                  <c:v>0.65170653999999995</c:v>
                </c:pt>
                <c:pt idx="30">
                  <c:v>0.54943160999999996</c:v>
                </c:pt>
                <c:pt idx="31">
                  <c:v>0.430504</c:v>
                </c:pt>
                <c:pt idx="32">
                  <c:v>0.32925114999999999</c:v>
                </c:pt>
                <c:pt idx="33">
                  <c:v>0.25307370000000001</c:v>
                </c:pt>
                <c:pt idx="34">
                  <c:v>0.19852326000000001</c:v>
                </c:pt>
                <c:pt idx="35">
                  <c:v>0.15972225000000001</c:v>
                </c:pt>
                <c:pt idx="36">
                  <c:v>0.13197660999999999</c:v>
                </c:pt>
                <c:pt idx="37">
                  <c:v>0.11209084</c:v>
                </c:pt>
                <c:pt idx="38">
                  <c:v>9.7559030000000005E-2</c:v>
                </c:pt>
              </c:numCache>
            </c:numRef>
          </c:xVal>
          <c:yVal>
            <c:numRef>
              <c:f>'Fig 1b'!$I$9:$I$47</c:f>
              <c:numCache>
                <c:formatCode>0.00</c:formatCode>
                <c:ptCount val="39"/>
                <c:pt idx="0">
                  <c:v>45.986289999999997</c:v>
                </c:pt>
                <c:pt idx="1">
                  <c:v>79.770679999999999</c:v>
                </c:pt>
                <c:pt idx="2">
                  <c:v>101.5361</c:v>
                </c:pt>
                <c:pt idx="3">
                  <c:v>133.21338</c:v>
                </c:pt>
                <c:pt idx="4">
                  <c:v>169.55117999999999</c:v>
                </c:pt>
                <c:pt idx="5">
                  <c:v>210.26075</c:v>
                </c:pt>
                <c:pt idx="6">
                  <c:v>252.52009000000001</c:v>
                </c:pt>
                <c:pt idx="7">
                  <c:v>296.69184000000001</c:v>
                </c:pt>
                <c:pt idx="8">
                  <c:v>342.31421999999998</c:v>
                </c:pt>
                <c:pt idx="9">
                  <c:v>387.80085000000003</c:v>
                </c:pt>
                <c:pt idx="10">
                  <c:v>432.54396000000003</c:v>
                </c:pt>
                <c:pt idx="11">
                  <c:v>476.48444000000001</c:v>
                </c:pt>
                <c:pt idx="12">
                  <c:v>519.58815000000004</c:v>
                </c:pt>
                <c:pt idx="13">
                  <c:v>546.29344000000003</c:v>
                </c:pt>
                <c:pt idx="14">
                  <c:v>567.08568000000002</c:v>
                </c:pt>
                <c:pt idx="15">
                  <c:v>589.10281999999995</c:v>
                </c:pt>
                <c:pt idx="16">
                  <c:v>589.10281999999995</c:v>
                </c:pt>
                <c:pt idx="17">
                  <c:v>569.07542999999998</c:v>
                </c:pt>
                <c:pt idx="18">
                  <c:v>551.46937000000003</c:v>
                </c:pt>
                <c:pt idx="19">
                  <c:v>531.51041999999995</c:v>
                </c:pt>
                <c:pt idx="20">
                  <c:v>503.62867</c:v>
                </c:pt>
                <c:pt idx="21">
                  <c:v>472.28352000000001</c:v>
                </c:pt>
                <c:pt idx="22">
                  <c:v>439.84955000000002</c:v>
                </c:pt>
                <c:pt idx="23">
                  <c:v>407.32019000000003</c:v>
                </c:pt>
                <c:pt idx="24">
                  <c:v>374.73811000000001</c:v>
                </c:pt>
                <c:pt idx="25">
                  <c:v>341.87747000000002</c:v>
                </c:pt>
                <c:pt idx="26">
                  <c:v>309.25018</c:v>
                </c:pt>
                <c:pt idx="27">
                  <c:v>277.25876</c:v>
                </c:pt>
                <c:pt idx="28">
                  <c:v>246.24454</c:v>
                </c:pt>
                <c:pt idx="29">
                  <c:v>196.33537999999999</c:v>
                </c:pt>
                <c:pt idx="30">
                  <c:v>163.64087000000001</c:v>
                </c:pt>
                <c:pt idx="31">
                  <c:v>140.6728</c:v>
                </c:pt>
                <c:pt idx="32">
                  <c:v>123.85227999999999</c:v>
                </c:pt>
                <c:pt idx="33">
                  <c:v>112.46598</c:v>
                </c:pt>
                <c:pt idx="34">
                  <c:v>104.31229</c:v>
                </c:pt>
                <c:pt idx="35">
                  <c:v>97.644090000000006</c:v>
                </c:pt>
                <c:pt idx="36">
                  <c:v>92.305509999999998</c:v>
                </c:pt>
                <c:pt idx="37">
                  <c:v>88.642039999999994</c:v>
                </c:pt>
                <c:pt idx="38">
                  <c:v>85.68317999999999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6938-4D76-A68D-B47ACC6905C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0.99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/P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0.2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V (cm</a:t>
                </a:r>
                <a:r>
                  <a:rPr lang="en-US" baseline="30000"/>
                  <a:t>3</a:t>
                </a:r>
                <a:r>
                  <a:rPr lang="en-US"/>
                  <a:t>/g)</a:t>
                </a:r>
              </a:p>
            </c:rich>
          </c:tx>
          <c:layout>
            <c:manualLayout>
              <c:xMode val="edge"/>
              <c:yMode val="edge"/>
              <c:x val="3.7560444568216916E-2"/>
              <c:y val="0.252441687686067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21327498299331182"/>
          <c:y val="0.10184877531431023"/>
          <c:w val="0.32075556842750441"/>
          <c:h val="0.4711444551843573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2 CO2'!$C$6</c:f>
              <c:strCache>
                <c:ptCount val="1"/>
                <c:pt idx="0">
                  <c:v>SBA-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2 CO2'!$C$8:$C$38</c:f>
              <c:numCache>
                <c:formatCode>0.0000</c:formatCode>
                <c:ptCount val="31"/>
                <c:pt idx="0">
                  <c:v>1.45467887</c:v>
                </c:pt>
                <c:pt idx="1">
                  <c:v>7.8410243099999999</c:v>
                </c:pt>
                <c:pt idx="2">
                  <c:v>23.407105520000002</c:v>
                </c:pt>
              </c:numCache>
            </c:numRef>
          </c:xVal>
          <c:yVal>
            <c:numRef>
              <c:f>'Fig 2 CO2'!$D$8:$D$38</c:f>
              <c:numCache>
                <c:formatCode>0.0000</c:formatCode>
                <c:ptCount val="31"/>
                <c:pt idx="0">
                  <c:v>0.43874285714285716</c:v>
                </c:pt>
                <c:pt idx="1">
                  <c:v>1.9860696428571432</c:v>
                </c:pt>
                <c:pt idx="2">
                  <c:v>5.345469642857143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E65-4BEF-ABEE-49A056FFA1E3}"/>
            </c:ext>
          </c:extLst>
        </c:ser>
        <c:ser>
          <c:idx val="1"/>
          <c:order val="1"/>
          <c:tx>
            <c:strRef>
              <c:f>'Fig 2 CO2'!$E$6</c:f>
              <c:strCache>
                <c:ptCount val="1"/>
                <c:pt idx="0">
                  <c:v>S-P-2.6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2 CO2'!$E$8:$E$38</c:f>
              <c:numCache>
                <c:formatCode>General</c:formatCode>
                <c:ptCount val="31"/>
                <c:pt idx="0">
                  <c:v>3.1195230000000001E-2</c:v>
                </c:pt>
                <c:pt idx="1">
                  <c:v>7.8642889999999993E-2</c:v>
                </c:pt>
                <c:pt idx="2">
                  <c:v>0.16442815999999999</c:v>
                </c:pt>
                <c:pt idx="3">
                  <c:v>0.40471240000000003</c:v>
                </c:pt>
                <c:pt idx="5">
                  <c:v>1.0376031100000001</c:v>
                </c:pt>
                <c:pt idx="6">
                  <c:v>1.32446986</c:v>
                </c:pt>
                <c:pt idx="7">
                  <c:v>1.7395111000000001</c:v>
                </c:pt>
                <c:pt idx="8">
                  <c:v>3.3732273699999999</c:v>
                </c:pt>
                <c:pt idx="9">
                  <c:v>8.4493445600000001</c:v>
                </c:pt>
                <c:pt idx="10">
                  <c:v>17.039070729999999</c:v>
                </c:pt>
              </c:numCache>
            </c:numRef>
          </c:xVal>
          <c:yVal>
            <c:numRef>
              <c:f>'Fig 2 CO2'!$F$8:$F$38</c:f>
              <c:numCache>
                <c:formatCode>General</c:formatCode>
                <c:ptCount val="31"/>
                <c:pt idx="0">
                  <c:v>13.604191071428572</c:v>
                </c:pt>
                <c:pt idx="1">
                  <c:v>15.472619642857143</c:v>
                </c:pt>
                <c:pt idx="2">
                  <c:v>17.285596428571431</c:v>
                </c:pt>
                <c:pt idx="3">
                  <c:v>18.713691071428574</c:v>
                </c:pt>
                <c:pt idx="5">
                  <c:v>23.016203571428576</c:v>
                </c:pt>
                <c:pt idx="6">
                  <c:v>24.2209</c:v>
                </c:pt>
                <c:pt idx="7">
                  <c:v>26.811321428571429</c:v>
                </c:pt>
                <c:pt idx="8">
                  <c:v>29.413764285714286</c:v>
                </c:pt>
                <c:pt idx="9">
                  <c:v>36.9763625</c:v>
                </c:pt>
                <c:pt idx="10">
                  <c:v>41.41517678571428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3E65-4BEF-ABEE-49A056FFA1E3}"/>
            </c:ext>
          </c:extLst>
        </c:ser>
        <c:ser>
          <c:idx val="2"/>
          <c:order val="2"/>
          <c:tx>
            <c:strRef>
              <c:f>'Fig 2 CO2'!$G$6</c:f>
              <c:strCache>
                <c:ptCount val="1"/>
                <c:pt idx="0">
                  <c:v>S-D-2.8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2 CO2'!$G$8:$G$46</c:f>
              <c:numCache>
                <c:formatCode>0.000</c:formatCode>
                <c:ptCount val="39"/>
                <c:pt idx="0">
                  <c:v>2.3923199999999999E-3</c:v>
                </c:pt>
                <c:pt idx="1">
                  <c:v>2.9107589999999999E-2</c:v>
                </c:pt>
                <c:pt idx="2">
                  <c:v>8.8883879999999998E-2</c:v>
                </c:pt>
                <c:pt idx="3">
                  <c:v>0.18277309999999999</c:v>
                </c:pt>
                <c:pt idx="4">
                  <c:v>0.43117042999999999</c:v>
                </c:pt>
                <c:pt idx="5">
                  <c:v>0.57972698</c:v>
                </c:pt>
                <c:pt idx="6">
                  <c:v>1.61744015</c:v>
                </c:pt>
                <c:pt idx="7">
                  <c:v>2.4454881199999998</c:v>
                </c:pt>
                <c:pt idx="8">
                  <c:v>4.1341363199999996</c:v>
                </c:pt>
                <c:pt idx="9">
                  <c:v>5.1066349300000002</c:v>
                </c:pt>
                <c:pt idx="10">
                  <c:v>7.2286350199999996</c:v>
                </c:pt>
                <c:pt idx="11">
                  <c:v>13.842846229999999</c:v>
                </c:pt>
              </c:numCache>
            </c:numRef>
          </c:xVal>
          <c:yVal>
            <c:numRef>
              <c:f>'Fig 2 CO2'!$H$8:$H$46</c:f>
              <c:numCache>
                <c:formatCode>0.000</c:formatCode>
                <c:ptCount val="39"/>
                <c:pt idx="0">
                  <c:v>9.581746428571428</c:v>
                </c:pt>
                <c:pt idx="1">
                  <c:v>12.341292857142859</c:v>
                </c:pt>
                <c:pt idx="2">
                  <c:v>15.026294642857144</c:v>
                </c:pt>
                <c:pt idx="3">
                  <c:v>17.653841071428573</c:v>
                </c:pt>
                <c:pt idx="4">
                  <c:v>19.863230357142857</c:v>
                </c:pt>
                <c:pt idx="5">
                  <c:v>22.313126785714289</c:v>
                </c:pt>
                <c:pt idx="6">
                  <c:v>25.296012500000003</c:v>
                </c:pt>
                <c:pt idx="7">
                  <c:v>28.484048214285714</c:v>
                </c:pt>
                <c:pt idx="8">
                  <c:v>31.53368035714286</c:v>
                </c:pt>
                <c:pt idx="9">
                  <c:v>33.622737499999999</c:v>
                </c:pt>
                <c:pt idx="10">
                  <c:v>35.38106785714286</c:v>
                </c:pt>
                <c:pt idx="11">
                  <c:v>39.46849107142858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3E65-4BEF-ABEE-49A056FFA1E3}"/>
            </c:ext>
          </c:extLst>
        </c:ser>
        <c:ser>
          <c:idx val="4"/>
          <c:order val="3"/>
          <c:tx>
            <c:strRef>
              <c:f>'Fig 2 CO2'!$I$6</c:f>
              <c:strCache>
                <c:ptCount val="1"/>
                <c:pt idx="0">
                  <c:v>S-T-4.6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g 2 CO2'!$I$8:$I$20</c:f>
              <c:numCache>
                <c:formatCode>General</c:formatCode>
                <c:ptCount val="13"/>
                <c:pt idx="0">
                  <c:v>0.04</c:v>
                </c:pt>
                <c:pt idx="1">
                  <c:v>0.83610925999999997</c:v>
                </c:pt>
                <c:pt idx="2">
                  <c:v>8.0933042799999999</c:v>
                </c:pt>
                <c:pt idx="3">
                  <c:v>18.593440879999999</c:v>
                </c:pt>
              </c:numCache>
            </c:numRef>
          </c:xVal>
          <c:yVal>
            <c:numRef>
              <c:f>'Fig 2 CO2'!$J$8:$J$20</c:f>
              <c:numCache>
                <c:formatCode>General</c:formatCode>
                <c:ptCount val="13"/>
                <c:pt idx="0">
                  <c:v>14.5</c:v>
                </c:pt>
                <c:pt idx="1">
                  <c:v>26.973650410714288</c:v>
                </c:pt>
                <c:pt idx="2">
                  <c:v>37.277864959821436</c:v>
                </c:pt>
                <c:pt idx="3">
                  <c:v>38.94900717857142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3E65-4BEF-ABEE-49A056FFA1E3}"/>
            </c:ext>
          </c:extLst>
        </c:ser>
        <c:ser>
          <c:idx val="5"/>
          <c:order val="4"/>
          <c:tx>
            <c:strRef>
              <c:f>'Fig 2 CO2'!$L$6</c:f>
              <c:strCache>
                <c:ptCount val="1"/>
                <c:pt idx="0">
                  <c:v>S-T-3.5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Fig 2 CO2'!$L$8:$L$63</c:f>
              <c:numCache>
                <c:formatCode>General</c:formatCode>
                <c:ptCount val="56"/>
                <c:pt idx="0">
                  <c:v>2.0723289999999998E-2</c:v>
                </c:pt>
                <c:pt idx="1">
                  <c:v>3.9515410000000001E-2</c:v>
                </c:pt>
                <c:pt idx="2">
                  <c:v>4.3659950000000003E-2</c:v>
                </c:pt>
                <c:pt idx="3">
                  <c:v>6.8385840000000003E-2</c:v>
                </c:pt>
                <c:pt idx="4">
                  <c:v>9.9112939999999997E-2</c:v>
                </c:pt>
                <c:pt idx="5">
                  <c:v>0.17665885000000001</c:v>
                </c:pt>
                <c:pt idx="6">
                  <c:v>0.29072079000000001</c:v>
                </c:pt>
                <c:pt idx="7">
                  <c:v>0.70995585000000005</c:v>
                </c:pt>
                <c:pt idx="8">
                  <c:v>1.1535705199999999</c:v>
                </c:pt>
                <c:pt idx="9">
                  <c:v>2.2867958800000001</c:v>
                </c:pt>
                <c:pt idx="10">
                  <c:v>4.0263069800000002</c:v>
                </c:pt>
                <c:pt idx="11">
                  <c:v>6.2296877100000003</c:v>
                </c:pt>
                <c:pt idx="12">
                  <c:v>8.4595171400000009</c:v>
                </c:pt>
                <c:pt idx="13">
                  <c:v>12.38206381</c:v>
                </c:pt>
              </c:numCache>
            </c:numRef>
          </c:xVal>
          <c:yVal>
            <c:numRef>
              <c:f>'Fig 2 CO2'!$M$8:$M$63</c:f>
              <c:numCache>
                <c:formatCode>General</c:formatCode>
                <c:ptCount val="56"/>
                <c:pt idx="0">
                  <c:v>3.6440250000000005</c:v>
                </c:pt>
                <c:pt idx="1">
                  <c:v>6.6798875000000004</c:v>
                </c:pt>
                <c:pt idx="2">
                  <c:v>9.7334482142857155</c:v>
                </c:pt>
                <c:pt idx="3">
                  <c:v>12.749176785714287</c:v>
                </c:pt>
                <c:pt idx="4">
                  <c:v>15.775866071428572</c:v>
                </c:pt>
                <c:pt idx="5">
                  <c:v>18.704517857142857</c:v>
                </c:pt>
                <c:pt idx="6">
                  <c:v>21.524269642857146</c:v>
                </c:pt>
                <c:pt idx="7">
                  <c:v>26.673841071428569</c:v>
                </c:pt>
                <c:pt idx="8">
                  <c:v>28.679808928571433</c:v>
                </c:pt>
                <c:pt idx="9">
                  <c:v>32.099650000000011</c:v>
                </c:pt>
                <c:pt idx="10">
                  <c:v>35.762689285714288</c:v>
                </c:pt>
                <c:pt idx="11">
                  <c:v>38.028532142857145</c:v>
                </c:pt>
                <c:pt idx="12">
                  <c:v>39.955280357142861</c:v>
                </c:pt>
                <c:pt idx="13">
                  <c:v>41.97346607142857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3E65-4BEF-ABEE-49A056FFA1E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5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1"/>
      </c:valAx>
      <c:valAx>
        <c:axId val="476775432"/>
        <c:scaling>
          <c:orientation val="minMax"/>
          <c:min val="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2 N2'!$C$6</c:f>
              <c:strCache>
                <c:ptCount val="1"/>
                <c:pt idx="0">
                  <c:v>S-P-2.6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2 N2'!$C$8:$C$38</c:f>
              <c:numCache>
                <c:formatCode>General</c:formatCode>
                <c:ptCount val="31"/>
                <c:pt idx="0">
                  <c:v>14.99234772</c:v>
                </c:pt>
                <c:pt idx="1">
                  <c:v>29.98469545</c:v>
                </c:pt>
                <c:pt idx="2">
                  <c:v>50.995141220000001</c:v>
                </c:pt>
                <c:pt idx="3">
                  <c:v>71.533579309999993</c:v>
                </c:pt>
                <c:pt idx="4">
                  <c:v>93.750493019999993</c:v>
                </c:pt>
                <c:pt idx="5">
                  <c:v>98.619089590000002</c:v>
                </c:pt>
                <c:pt idx="6">
                  <c:v>102.68201784999999</c:v>
                </c:pt>
              </c:numCache>
            </c:numRef>
          </c:xVal>
          <c:yVal>
            <c:numRef>
              <c:f>'Fig 2 N2'!$D$8:$D$38</c:f>
              <c:numCache>
                <c:formatCode>General</c:formatCode>
                <c:ptCount val="31"/>
                <c:pt idx="0">
                  <c:v>8.982678571428572E-2</c:v>
                </c:pt>
                <c:pt idx="1">
                  <c:v>0.14932500000000001</c:v>
                </c:pt>
                <c:pt idx="2">
                  <c:v>0.23704999999999998</c:v>
                </c:pt>
                <c:pt idx="3">
                  <c:v>0.33296607142857143</c:v>
                </c:pt>
                <c:pt idx="4">
                  <c:v>0.43585535714285717</c:v>
                </c:pt>
                <c:pt idx="5">
                  <c:v>0.47954107142857144</c:v>
                </c:pt>
                <c:pt idx="6">
                  <c:v>0.5433410714285715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B5C-4F96-8FE2-55A2A84E32D3}"/>
            </c:ext>
          </c:extLst>
        </c:ser>
        <c:ser>
          <c:idx val="1"/>
          <c:order val="1"/>
          <c:tx>
            <c:strRef>
              <c:f>'Fig 2 N2'!$E$6</c:f>
              <c:strCache>
                <c:ptCount val="1"/>
                <c:pt idx="0">
                  <c:v>S-D-2.8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2 N2'!$E$8:$E$38</c:f>
              <c:numCache>
                <c:formatCode>General</c:formatCode>
                <c:ptCount val="31"/>
                <c:pt idx="0">
                  <c:v>15.11441868</c:v>
                </c:pt>
                <c:pt idx="1">
                  <c:v>30.224768319999999</c:v>
                </c:pt>
                <c:pt idx="2">
                  <c:v>51.839465320000002</c:v>
                </c:pt>
                <c:pt idx="3">
                  <c:v>72.888566900000001</c:v>
                </c:pt>
                <c:pt idx="4">
                  <c:v>95.030203520000001</c:v>
                </c:pt>
                <c:pt idx="5">
                  <c:v>102.36666789</c:v>
                </c:pt>
              </c:numCache>
            </c:numRef>
          </c:xVal>
          <c:yVal>
            <c:numRef>
              <c:f>'Fig 2 N2'!$F$8:$F$38</c:f>
              <c:numCache>
                <c:formatCode>General</c:formatCode>
                <c:ptCount val="31"/>
                <c:pt idx="0">
                  <c:v>0.11361428571428572</c:v>
                </c:pt>
                <c:pt idx="1">
                  <c:v>0.2017517857142857</c:v>
                </c:pt>
                <c:pt idx="2">
                  <c:v>0.33241607142857144</c:v>
                </c:pt>
                <c:pt idx="3">
                  <c:v>0.45856250000000004</c:v>
                </c:pt>
                <c:pt idx="4">
                  <c:v>0.59111250000000004</c:v>
                </c:pt>
                <c:pt idx="5">
                  <c:v>0.8461160714285715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5B5C-4F96-8FE2-55A2A84E32D3}"/>
            </c:ext>
          </c:extLst>
        </c:ser>
        <c:ser>
          <c:idx val="2"/>
          <c:order val="2"/>
          <c:tx>
            <c:strRef>
              <c:f>'Fig 2 N2'!$G$6</c:f>
              <c:strCache>
                <c:ptCount val="1"/>
                <c:pt idx="0">
                  <c:v>S-T-3.5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2 N2'!$G$8:$G$38</c:f>
              <c:numCache>
                <c:formatCode>General</c:formatCode>
                <c:ptCount val="31"/>
                <c:pt idx="0">
                  <c:v>14.84586258</c:v>
                </c:pt>
                <c:pt idx="1">
                  <c:v>29.701897729999999</c:v>
                </c:pt>
                <c:pt idx="2">
                  <c:v>50.789655119999999</c:v>
                </c:pt>
                <c:pt idx="3">
                  <c:v>72.831600460000004</c:v>
                </c:pt>
                <c:pt idx="4">
                  <c:v>97.001649439999994</c:v>
                </c:pt>
              </c:numCache>
            </c:numRef>
          </c:xVal>
          <c:yVal>
            <c:numRef>
              <c:f>'Fig 2 N2'!$H$8:$H$38</c:f>
              <c:numCache>
                <c:formatCode>General</c:formatCode>
                <c:ptCount val="31"/>
                <c:pt idx="0">
                  <c:v>0.19430714285714287</c:v>
                </c:pt>
                <c:pt idx="1">
                  <c:v>0.2850571428571429</c:v>
                </c:pt>
                <c:pt idx="2">
                  <c:v>0.42277321428571435</c:v>
                </c:pt>
                <c:pt idx="3">
                  <c:v>0.54946964285714284</c:v>
                </c:pt>
                <c:pt idx="4">
                  <c:v>0.7004250000000000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5B5C-4F96-8FE2-55A2A84E32D3}"/>
            </c:ext>
          </c:extLst>
        </c:ser>
        <c:ser>
          <c:idx val="3"/>
          <c:order val="3"/>
          <c:tx>
            <c:strRef>
              <c:f>'Fig 2 N2'!$I$6</c:f>
              <c:strCache>
                <c:ptCount val="1"/>
                <c:pt idx="0">
                  <c:v>S-T-4.6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2 N2'!$I$8:$I$38</c:f>
              <c:numCache>
                <c:formatCode>General</c:formatCode>
                <c:ptCount val="31"/>
                <c:pt idx="0">
                  <c:v>15.326008330000001</c:v>
                </c:pt>
                <c:pt idx="1">
                  <c:v>30.645913119999999</c:v>
                </c:pt>
                <c:pt idx="2">
                  <c:v>52.571891049999998</c:v>
                </c:pt>
                <c:pt idx="3">
                  <c:v>73.804099059999999</c:v>
                </c:pt>
                <c:pt idx="4">
                  <c:v>96.114600499999995</c:v>
                </c:pt>
                <c:pt idx="5">
                  <c:v>100.65157098</c:v>
                </c:pt>
              </c:numCache>
            </c:numRef>
          </c:xVal>
          <c:yVal>
            <c:numRef>
              <c:f>'Fig 2 N2'!$J$8:$J$38</c:f>
              <c:numCache>
                <c:formatCode>General</c:formatCode>
                <c:ptCount val="31"/>
                <c:pt idx="0">
                  <c:v>4.6042857142857142E-2</c:v>
                </c:pt>
                <c:pt idx="1">
                  <c:v>6.0853571428571437E-2</c:v>
                </c:pt>
                <c:pt idx="2">
                  <c:v>8.548571428571429E-2</c:v>
                </c:pt>
                <c:pt idx="3">
                  <c:v>0.10186785714285716</c:v>
                </c:pt>
                <c:pt idx="4">
                  <c:v>0.14747857142857143</c:v>
                </c:pt>
                <c:pt idx="5">
                  <c:v>0.291264285714285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5B5C-4F96-8FE2-55A2A84E32D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35873493322602"/>
          <c:y val="4.9099307126885684E-2"/>
          <c:w val="0.81534303950691689"/>
          <c:h val="0.73182780869475972"/>
        </c:manualLayout>
      </c:layout>
      <c:scatterChart>
        <c:scatterStyle val="lineMarker"/>
        <c:varyColors val="0"/>
        <c:ser>
          <c:idx val="2"/>
          <c:order val="0"/>
          <c:tx>
            <c:strRef>
              <c:f>'Fig 3'!$D$7</c:f>
              <c:strCache>
                <c:ptCount val="1"/>
                <c:pt idx="0">
                  <c:v>S-T-3.5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Fig 3'!$D$9:$D$12000</c:f>
              <c:numCache>
                <c:formatCode>General</c:formatCode>
                <c:ptCount val="11992"/>
                <c:pt idx="0">
                  <c:v>1.6667000000012422E-2</c:v>
                </c:pt>
                <c:pt idx="1">
                  <c:v>3.3333000000013123E-2</c:v>
                </c:pt>
                <c:pt idx="2">
                  <c:v>4.9999000000013824E-2</c:v>
                </c:pt>
                <c:pt idx="3">
                  <c:v>6.6665000000014518E-2</c:v>
                </c:pt>
                <c:pt idx="4">
                  <c:v>8.3331000000015226E-2</c:v>
                </c:pt>
                <c:pt idx="5">
                  <c:v>9.9997000000015934E-2</c:v>
                </c:pt>
                <c:pt idx="6">
                  <c:v>0.11666300000001664</c:v>
                </c:pt>
                <c:pt idx="7">
                  <c:v>0.13332900000001735</c:v>
                </c:pt>
                <c:pt idx="8">
                  <c:v>0.14999500000001806</c:v>
                </c:pt>
                <c:pt idx="9">
                  <c:v>0.16666100000001877</c:v>
                </c:pt>
                <c:pt idx="10">
                  <c:v>0.18332700000001947</c:v>
                </c:pt>
                <c:pt idx="11">
                  <c:v>0.19999300000002018</c:v>
                </c:pt>
                <c:pt idx="12">
                  <c:v>0.21665900000002089</c:v>
                </c:pt>
                <c:pt idx="13">
                  <c:v>0.2333250000000216</c:v>
                </c:pt>
                <c:pt idx="14">
                  <c:v>0.24999100000002231</c:v>
                </c:pt>
                <c:pt idx="15">
                  <c:v>0.26665700000002301</c:v>
                </c:pt>
                <c:pt idx="16">
                  <c:v>0.28332300000002369</c:v>
                </c:pt>
                <c:pt idx="17">
                  <c:v>0.29998900000002438</c:v>
                </c:pt>
                <c:pt idx="18">
                  <c:v>0.31665500000002506</c:v>
                </c:pt>
                <c:pt idx="19">
                  <c:v>0.33332100000002574</c:v>
                </c:pt>
                <c:pt idx="20">
                  <c:v>0.34998700000002642</c:v>
                </c:pt>
                <c:pt idx="21">
                  <c:v>0.3666530000000271</c:v>
                </c:pt>
                <c:pt idx="22">
                  <c:v>0.38331900000002778</c:v>
                </c:pt>
                <c:pt idx="23">
                  <c:v>0.39998500000002846</c:v>
                </c:pt>
                <c:pt idx="24">
                  <c:v>0.41665100000002914</c:v>
                </c:pt>
                <c:pt idx="25">
                  <c:v>0.43331700000002982</c:v>
                </c:pt>
                <c:pt idx="26">
                  <c:v>0.4499830000000305</c:v>
                </c:pt>
                <c:pt idx="27">
                  <c:v>0.46664900000003118</c:v>
                </c:pt>
                <c:pt idx="28">
                  <c:v>0.48331500000003186</c:v>
                </c:pt>
                <c:pt idx="29">
                  <c:v>0.49998100000003254</c:v>
                </c:pt>
                <c:pt idx="30">
                  <c:v>0.51664700000003327</c:v>
                </c:pt>
                <c:pt idx="31">
                  <c:v>0.53331300000003401</c:v>
                </c:pt>
                <c:pt idx="32">
                  <c:v>0.54997900000003475</c:v>
                </c:pt>
                <c:pt idx="33">
                  <c:v>0.56664500000003548</c:v>
                </c:pt>
                <c:pt idx="34">
                  <c:v>0.58331100000003622</c:v>
                </c:pt>
                <c:pt idx="35">
                  <c:v>0.59997700000003695</c:v>
                </c:pt>
                <c:pt idx="36">
                  <c:v>0.61664300000003769</c:v>
                </c:pt>
                <c:pt idx="37">
                  <c:v>0.63330900000003842</c:v>
                </c:pt>
                <c:pt idx="38">
                  <c:v>0.64997500000003916</c:v>
                </c:pt>
                <c:pt idx="39">
                  <c:v>0.6666410000000399</c:v>
                </c:pt>
                <c:pt idx="40">
                  <c:v>0.68330700000004063</c:v>
                </c:pt>
                <c:pt idx="41">
                  <c:v>0.69997300000004137</c:v>
                </c:pt>
                <c:pt idx="42">
                  <c:v>0.7166390000000421</c:v>
                </c:pt>
                <c:pt idx="43">
                  <c:v>0.73330500000004284</c:v>
                </c:pt>
                <c:pt idx="44">
                  <c:v>0.74997100000004358</c:v>
                </c:pt>
                <c:pt idx="45">
                  <c:v>0.76663700000004431</c:v>
                </c:pt>
                <c:pt idx="46">
                  <c:v>0.78330300000004505</c:v>
                </c:pt>
                <c:pt idx="47">
                  <c:v>0.79996900000004578</c:v>
                </c:pt>
                <c:pt idx="48">
                  <c:v>0.81663500000004652</c:v>
                </c:pt>
                <c:pt idx="49">
                  <c:v>0.83330100000004725</c:v>
                </c:pt>
                <c:pt idx="50">
                  <c:v>0.84996700000004799</c:v>
                </c:pt>
                <c:pt idx="51">
                  <c:v>0.86663300000004873</c:v>
                </c:pt>
                <c:pt idx="52">
                  <c:v>0.88329900000004946</c:v>
                </c:pt>
                <c:pt idx="53">
                  <c:v>0.8999650000000502</c:v>
                </c:pt>
                <c:pt idx="54">
                  <c:v>0.91663100000005093</c:v>
                </c:pt>
                <c:pt idx="55">
                  <c:v>0.93329700000005167</c:v>
                </c:pt>
                <c:pt idx="56">
                  <c:v>0.9499630000000524</c:v>
                </c:pt>
                <c:pt idx="57">
                  <c:v>0.96662900000005314</c:v>
                </c:pt>
                <c:pt idx="58">
                  <c:v>0.98329500000005388</c:v>
                </c:pt>
                <c:pt idx="59">
                  <c:v>0.99996100000005461</c:v>
                </c:pt>
                <c:pt idx="60">
                  <c:v>1.0166270000000552</c:v>
                </c:pt>
                <c:pt idx="61">
                  <c:v>1.033293000000056</c:v>
                </c:pt>
                <c:pt idx="62">
                  <c:v>1.0499590000000567</c:v>
                </c:pt>
                <c:pt idx="63">
                  <c:v>1.0666250000000574</c:v>
                </c:pt>
                <c:pt idx="64">
                  <c:v>1.0832910000000582</c:v>
                </c:pt>
                <c:pt idx="65">
                  <c:v>1.0999570000000589</c:v>
                </c:pt>
                <c:pt idx="66">
                  <c:v>1.1166230000000597</c:v>
                </c:pt>
                <c:pt idx="67">
                  <c:v>1.1332890000000604</c:v>
                </c:pt>
                <c:pt idx="68">
                  <c:v>1.1499550000000611</c:v>
                </c:pt>
                <c:pt idx="69">
                  <c:v>1.1666210000000619</c:v>
                </c:pt>
                <c:pt idx="70">
                  <c:v>1.1832870000000626</c:v>
                </c:pt>
                <c:pt idx="71">
                  <c:v>1.1999530000000633</c:v>
                </c:pt>
                <c:pt idx="72">
                  <c:v>1.2166190000000641</c:v>
                </c:pt>
                <c:pt idx="73">
                  <c:v>1.2332850000000648</c:v>
                </c:pt>
                <c:pt idx="74">
                  <c:v>1.2499510000000655</c:v>
                </c:pt>
                <c:pt idx="75">
                  <c:v>1.2666170000000663</c:v>
                </c:pt>
                <c:pt idx="76">
                  <c:v>1.283283000000067</c:v>
                </c:pt>
                <c:pt idx="77">
                  <c:v>1.2999490000000677</c:v>
                </c:pt>
                <c:pt idx="78">
                  <c:v>1.3166150000000685</c:v>
                </c:pt>
                <c:pt idx="79">
                  <c:v>1.3332810000000692</c:v>
                </c:pt>
                <c:pt idx="80">
                  <c:v>1.34994700000007</c:v>
                </c:pt>
                <c:pt idx="81">
                  <c:v>1.3666130000000707</c:v>
                </c:pt>
                <c:pt idx="82">
                  <c:v>1.3832790000000714</c:v>
                </c:pt>
                <c:pt idx="83">
                  <c:v>1.3999450000000722</c:v>
                </c:pt>
                <c:pt idx="84">
                  <c:v>1.4166110000000729</c:v>
                </c:pt>
                <c:pt idx="85">
                  <c:v>1.4332770000000736</c:v>
                </c:pt>
                <c:pt idx="86">
                  <c:v>1.4499430000000744</c:v>
                </c:pt>
                <c:pt idx="87">
                  <c:v>1.4666090000000751</c:v>
                </c:pt>
                <c:pt idx="88">
                  <c:v>1.4832750000000758</c:v>
                </c:pt>
                <c:pt idx="89">
                  <c:v>1.4999410000000766</c:v>
                </c:pt>
                <c:pt idx="90">
                  <c:v>1.5166070000000773</c:v>
                </c:pt>
                <c:pt idx="91">
                  <c:v>1.533273000000078</c:v>
                </c:pt>
                <c:pt idx="92">
                  <c:v>1.5499390000000788</c:v>
                </c:pt>
                <c:pt idx="93">
                  <c:v>1.5666050000000795</c:v>
                </c:pt>
                <c:pt idx="94">
                  <c:v>1.5832710000000803</c:v>
                </c:pt>
                <c:pt idx="95">
                  <c:v>1.599937000000081</c:v>
                </c:pt>
                <c:pt idx="96">
                  <c:v>1.6166030000000817</c:v>
                </c:pt>
                <c:pt idx="97">
                  <c:v>1.6332690000000825</c:v>
                </c:pt>
                <c:pt idx="98">
                  <c:v>1.6499350000000832</c:v>
                </c:pt>
                <c:pt idx="99">
                  <c:v>1.6666010000000839</c:v>
                </c:pt>
                <c:pt idx="100">
                  <c:v>1.6832670000000847</c:v>
                </c:pt>
                <c:pt idx="101">
                  <c:v>1.6999330000000854</c:v>
                </c:pt>
                <c:pt idx="102">
                  <c:v>1.7165990000000861</c:v>
                </c:pt>
                <c:pt idx="103">
                  <c:v>1.7332650000000869</c:v>
                </c:pt>
                <c:pt idx="104">
                  <c:v>1.7499310000000876</c:v>
                </c:pt>
                <c:pt idx="105">
                  <c:v>1.7665970000000883</c:v>
                </c:pt>
                <c:pt idx="106">
                  <c:v>1.7832630000000891</c:v>
                </c:pt>
                <c:pt idx="107">
                  <c:v>1.7999290000000898</c:v>
                </c:pt>
                <c:pt idx="108">
                  <c:v>1.8165950000000906</c:v>
                </c:pt>
                <c:pt idx="109">
                  <c:v>1.8332610000000913</c:v>
                </c:pt>
                <c:pt idx="110">
                  <c:v>1.849927000000092</c:v>
                </c:pt>
                <c:pt idx="111">
                  <c:v>1.8665930000000928</c:v>
                </c:pt>
                <c:pt idx="112">
                  <c:v>1.8832590000000935</c:v>
                </c:pt>
                <c:pt idx="113">
                  <c:v>1.8999250000000942</c:v>
                </c:pt>
                <c:pt idx="114">
                  <c:v>1.916591000000095</c:v>
                </c:pt>
                <c:pt idx="115">
                  <c:v>1.9332570000000957</c:v>
                </c:pt>
                <c:pt idx="116">
                  <c:v>1.9499230000000964</c:v>
                </c:pt>
                <c:pt idx="117">
                  <c:v>1.9665890000000972</c:v>
                </c:pt>
                <c:pt idx="118">
                  <c:v>1.9832550000000979</c:v>
                </c:pt>
                <c:pt idx="119">
                  <c:v>1.9999210000000986</c:v>
                </c:pt>
                <c:pt idx="120">
                  <c:v>2.0165870000000994</c:v>
                </c:pt>
                <c:pt idx="121">
                  <c:v>2.0332530000001001</c:v>
                </c:pt>
                <c:pt idx="122">
                  <c:v>2.0499190000001009</c:v>
                </c:pt>
                <c:pt idx="123">
                  <c:v>2.0665850000001016</c:v>
                </c:pt>
                <c:pt idx="124">
                  <c:v>2.0832510000001023</c:v>
                </c:pt>
                <c:pt idx="125">
                  <c:v>2.0999170000001031</c:v>
                </c:pt>
                <c:pt idx="126">
                  <c:v>2.1165830000001038</c:v>
                </c:pt>
                <c:pt idx="127">
                  <c:v>2.1332490000001045</c:v>
                </c:pt>
                <c:pt idx="128">
                  <c:v>2.1499150000001053</c:v>
                </c:pt>
                <c:pt idx="129">
                  <c:v>2.166581000000106</c:v>
                </c:pt>
                <c:pt idx="130">
                  <c:v>2.1832470000001067</c:v>
                </c:pt>
                <c:pt idx="131">
                  <c:v>2.1999130000001075</c:v>
                </c:pt>
                <c:pt idx="132">
                  <c:v>2.2165790000001082</c:v>
                </c:pt>
                <c:pt idx="133">
                  <c:v>2.2332450000001089</c:v>
                </c:pt>
                <c:pt idx="134">
                  <c:v>2.2499110000001097</c:v>
                </c:pt>
                <c:pt idx="135">
                  <c:v>2.2665770000001104</c:v>
                </c:pt>
                <c:pt idx="136">
                  <c:v>2.2832430000001112</c:v>
                </c:pt>
                <c:pt idx="137">
                  <c:v>2.2999090000001119</c:v>
                </c:pt>
                <c:pt idx="138">
                  <c:v>2.3165750000001126</c:v>
                </c:pt>
                <c:pt idx="139">
                  <c:v>2.3332410000001134</c:v>
                </c:pt>
                <c:pt idx="140">
                  <c:v>2.3499070000001141</c:v>
                </c:pt>
                <c:pt idx="141">
                  <c:v>2.3665730000001148</c:v>
                </c:pt>
                <c:pt idx="142">
                  <c:v>2.3832390000001156</c:v>
                </c:pt>
                <c:pt idx="143">
                  <c:v>2.3999050000001163</c:v>
                </c:pt>
                <c:pt idx="144">
                  <c:v>2.416571000000117</c:v>
                </c:pt>
                <c:pt idx="145">
                  <c:v>2.4332370000001178</c:v>
                </c:pt>
                <c:pt idx="146">
                  <c:v>2.4499030000001185</c:v>
                </c:pt>
                <c:pt idx="147">
                  <c:v>2.4665690000001192</c:v>
                </c:pt>
                <c:pt idx="148">
                  <c:v>2.48323500000012</c:v>
                </c:pt>
                <c:pt idx="149">
                  <c:v>2.4999010000001207</c:v>
                </c:pt>
                <c:pt idx="150">
                  <c:v>2.5165670000001215</c:v>
                </c:pt>
                <c:pt idx="151">
                  <c:v>2.5332330000001222</c:v>
                </c:pt>
                <c:pt idx="152">
                  <c:v>2.5498990000001229</c:v>
                </c:pt>
                <c:pt idx="153">
                  <c:v>2.5665650000001237</c:v>
                </c:pt>
                <c:pt idx="154">
                  <c:v>2.5832310000001244</c:v>
                </c:pt>
                <c:pt idx="155">
                  <c:v>2.5998970000001251</c:v>
                </c:pt>
                <c:pt idx="156">
                  <c:v>2.6165630000001259</c:v>
                </c:pt>
                <c:pt idx="157">
                  <c:v>2.6332290000001266</c:v>
                </c:pt>
                <c:pt idx="158">
                  <c:v>2.6498950000001273</c:v>
                </c:pt>
                <c:pt idx="159">
                  <c:v>2.6665610000001281</c:v>
                </c:pt>
                <c:pt idx="160">
                  <c:v>2.6832270000001288</c:v>
                </c:pt>
                <c:pt idx="161">
                  <c:v>2.6998930000001296</c:v>
                </c:pt>
                <c:pt idx="162">
                  <c:v>2.7165590000001303</c:v>
                </c:pt>
                <c:pt idx="163">
                  <c:v>2.733225000000131</c:v>
                </c:pt>
                <c:pt idx="164">
                  <c:v>2.7498910000001318</c:v>
                </c:pt>
                <c:pt idx="165">
                  <c:v>2.7665570000001325</c:v>
                </c:pt>
                <c:pt idx="166">
                  <c:v>2.7832230000001332</c:v>
                </c:pt>
                <c:pt idx="167">
                  <c:v>2.799889000000134</c:v>
                </c:pt>
                <c:pt idx="168">
                  <c:v>2.8165550000001347</c:v>
                </c:pt>
                <c:pt idx="169">
                  <c:v>2.8332210000001354</c:v>
                </c:pt>
                <c:pt idx="170">
                  <c:v>2.8498870000001362</c:v>
                </c:pt>
                <c:pt idx="171">
                  <c:v>2.8665530000001369</c:v>
                </c:pt>
                <c:pt idx="172">
                  <c:v>2.8832190000001376</c:v>
                </c:pt>
                <c:pt idx="173">
                  <c:v>2.8998850000001384</c:v>
                </c:pt>
                <c:pt idx="174">
                  <c:v>2.9165510000001391</c:v>
                </c:pt>
                <c:pt idx="175">
                  <c:v>2.9332170000001399</c:v>
                </c:pt>
                <c:pt idx="176">
                  <c:v>2.9498830000001406</c:v>
                </c:pt>
                <c:pt idx="177">
                  <c:v>2.9665490000001413</c:v>
                </c:pt>
                <c:pt idx="178">
                  <c:v>2.9832150000001421</c:v>
                </c:pt>
                <c:pt idx="179">
                  <c:v>2.9998810000001428</c:v>
                </c:pt>
                <c:pt idx="180">
                  <c:v>3.0165470000001435</c:v>
                </c:pt>
                <c:pt idx="181">
                  <c:v>3.0332130000001443</c:v>
                </c:pt>
                <c:pt idx="182">
                  <c:v>3.049879000000145</c:v>
                </c:pt>
                <c:pt idx="183">
                  <c:v>3.0665450000001457</c:v>
                </c:pt>
                <c:pt idx="184">
                  <c:v>3.0832110000001465</c:v>
                </c:pt>
                <c:pt idx="185">
                  <c:v>3.0998770000001472</c:v>
                </c:pt>
                <c:pt idx="186">
                  <c:v>3.1165430000001479</c:v>
                </c:pt>
                <c:pt idx="187">
                  <c:v>3.1332090000001487</c:v>
                </c:pt>
                <c:pt idx="188">
                  <c:v>3.1498750000001494</c:v>
                </c:pt>
                <c:pt idx="189">
                  <c:v>3.1665410000001502</c:v>
                </c:pt>
                <c:pt idx="190">
                  <c:v>3.1832070000001509</c:v>
                </c:pt>
                <c:pt idx="191">
                  <c:v>3.1998730000001516</c:v>
                </c:pt>
                <c:pt idx="192">
                  <c:v>3.2165390000001524</c:v>
                </c:pt>
                <c:pt idx="193">
                  <c:v>3.2332050000001531</c:v>
                </c:pt>
                <c:pt idx="194">
                  <c:v>3.2498710000001538</c:v>
                </c:pt>
                <c:pt idx="195">
                  <c:v>3.2665370000001546</c:v>
                </c:pt>
                <c:pt idx="196">
                  <c:v>3.2832030000001553</c:v>
                </c:pt>
                <c:pt idx="197">
                  <c:v>3.299869000000156</c:v>
                </c:pt>
                <c:pt idx="198">
                  <c:v>3.3165350000001568</c:v>
                </c:pt>
                <c:pt idx="199">
                  <c:v>3.3332010000001575</c:v>
                </c:pt>
                <c:pt idx="200">
                  <c:v>3.3498670000001582</c:v>
                </c:pt>
                <c:pt idx="201">
                  <c:v>3.366533000000159</c:v>
                </c:pt>
                <c:pt idx="202">
                  <c:v>3.3831990000001597</c:v>
                </c:pt>
                <c:pt idx="203">
                  <c:v>3.3998650000001605</c:v>
                </c:pt>
                <c:pt idx="204">
                  <c:v>3.4165310000001612</c:v>
                </c:pt>
                <c:pt idx="205">
                  <c:v>3.4331970000001619</c:v>
                </c:pt>
                <c:pt idx="206">
                  <c:v>3.4498630000001627</c:v>
                </c:pt>
                <c:pt idx="207">
                  <c:v>3.4665290000001634</c:v>
                </c:pt>
                <c:pt idx="208">
                  <c:v>3.4831950000001641</c:v>
                </c:pt>
                <c:pt idx="209">
                  <c:v>3.4998610000001649</c:v>
                </c:pt>
                <c:pt idx="210">
                  <c:v>3.5165270000001656</c:v>
                </c:pt>
                <c:pt idx="211">
                  <c:v>3.5331930000001663</c:v>
                </c:pt>
                <c:pt idx="212">
                  <c:v>3.5498590000001671</c:v>
                </c:pt>
                <c:pt idx="213">
                  <c:v>3.5665250000001678</c:v>
                </c:pt>
                <c:pt idx="214">
                  <c:v>3.5831910000001685</c:v>
                </c:pt>
                <c:pt idx="215">
                  <c:v>3.5998570000001693</c:v>
                </c:pt>
                <c:pt idx="216">
                  <c:v>3.61652300000017</c:v>
                </c:pt>
                <c:pt idx="217">
                  <c:v>3.6331890000001708</c:v>
                </c:pt>
                <c:pt idx="218">
                  <c:v>3.6498550000001715</c:v>
                </c:pt>
                <c:pt idx="219">
                  <c:v>3.6665210000001722</c:v>
                </c:pt>
                <c:pt idx="220">
                  <c:v>3.683187000000173</c:v>
                </c:pt>
                <c:pt idx="221">
                  <c:v>3.6998530000001737</c:v>
                </c:pt>
                <c:pt idx="222">
                  <c:v>3.7165190000001744</c:v>
                </c:pt>
                <c:pt idx="223">
                  <c:v>3.7331850000001752</c:v>
                </c:pt>
                <c:pt idx="224">
                  <c:v>3.7498510000001759</c:v>
                </c:pt>
                <c:pt idx="225">
                  <c:v>3.7665170000001766</c:v>
                </c:pt>
                <c:pt idx="226">
                  <c:v>3.7831830000001774</c:v>
                </c:pt>
                <c:pt idx="227">
                  <c:v>3.7998490000001781</c:v>
                </c:pt>
                <c:pt idx="228">
                  <c:v>3.8165150000001788</c:v>
                </c:pt>
                <c:pt idx="229">
                  <c:v>3.8331810000001796</c:v>
                </c:pt>
                <c:pt idx="230">
                  <c:v>3.8498470000001803</c:v>
                </c:pt>
                <c:pt idx="231">
                  <c:v>3.8665130000001811</c:v>
                </c:pt>
                <c:pt idx="232">
                  <c:v>3.8831790000001818</c:v>
                </c:pt>
                <c:pt idx="233">
                  <c:v>3.8998450000001825</c:v>
                </c:pt>
                <c:pt idx="234">
                  <c:v>3.9165110000001833</c:v>
                </c:pt>
                <c:pt idx="235">
                  <c:v>3.933177000000184</c:v>
                </c:pt>
                <c:pt idx="236">
                  <c:v>3.9498430000001847</c:v>
                </c:pt>
                <c:pt idx="237">
                  <c:v>3.9665090000001855</c:v>
                </c:pt>
                <c:pt idx="238">
                  <c:v>3.9831750000001862</c:v>
                </c:pt>
                <c:pt idx="239">
                  <c:v>3.9998410000001869</c:v>
                </c:pt>
                <c:pt idx="240">
                  <c:v>4.0165070000001872</c:v>
                </c:pt>
                <c:pt idx="241">
                  <c:v>4.033173000000188</c:v>
                </c:pt>
                <c:pt idx="242">
                  <c:v>4.0498390000001887</c:v>
                </c:pt>
                <c:pt idx="243">
                  <c:v>4.0665050000001894</c:v>
                </c:pt>
                <c:pt idx="244">
                  <c:v>4.0831710000001902</c:v>
                </c:pt>
                <c:pt idx="245">
                  <c:v>4.0998370000001909</c:v>
                </c:pt>
                <c:pt idx="246">
                  <c:v>4.1165030000001916</c:v>
                </c:pt>
                <c:pt idx="247">
                  <c:v>4.1331690000001924</c:v>
                </c:pt>
                <c:pt idx="248">
                  <c:v>4.1498350000001931</c:v>
                </c:pt>
                <c:pt idx="249">
                  <c:v>4.1665010000001939</c:v>
                </c:pt>
                <c:pt idx="250">
                  <c:v>4.1831670000001946</c:v>
                </c:pt>
                <c:pt idx="251">
                  <c:v>4.1998330000001953</c:v>
                </c:pt>
                <c:pt idx="252">
                  <c:v>4.2164990000001961</c:v>
                </c:pt>
                <c:pt idx="253">
                  <c:v>4.2331650000001968</c:v>
                </c:pt>
                <c:pt idx="254">
                  <c:v>4.2498310000001975</c:v>
                </c:pt>
                <c:pt idx="255">
                  <c:v>4.2664970000001983</c:v>
                </c:pt>
                <c:pt idx="256">
                  <c:v>4.283163000000199</c:v>
                </c:pt>
                <c:pt idx="257">
                  <c:v>4.2998290000001997</c:v>
                </c:pt>
                <c:pt idx="258">
                  <c:v>4.3164950000002005</c:v>
                </c:pt>
                <c:pt idx="259">
                  <c:v>4.3331610000002012</c:v>
                </c:pt>
                <c:pt idx="260">
                  <c:v>4.3498270000002019</c:v>
                </c:pt>
                <c:pt idx="261">
                  <c:v>4.3664930000002027</c:v>
                </c:pt>
                <c:pt idx="262">
                  <c:v>4.3831590000002034</c:v>
                </c:pt>
                <c:pt idx="263">
                  <c:v>4.3998250000002042</c:v>
                </c:pt>
                <c:pt idx="264">
                  <c:v>4.4164910000002049</c:v>
                </c:pt>
                <c:pt idx="265">
                  <c:v>4.4331570000002056</c:v>
                </c:pt>
                <c:pt idx="266">
                  <c:v>4.4498230000002064</c:v>
                </c:pt>
                <c:pt idx="267">
                  <c:v>4.4664890000002071</c:v>
                </c:pt>
                <c:pt idx="268">
                  <c:v>4.4831550000002078</c:v>
                </c:pt>
                <c:pt idx="269">
                  <c:v>4.4998210000002086</c:v>
                </c:pt>
                <c:pt idx="270">
                  <c:v>4.5164870000002093</c:v>
                </c:pt>
                <c:pt idx="271">
                  <c:v>4.53315300000021</c:v>
                </c:pt>
                <c:pt idx="272">
                  <c:v>4.5498190000002108</c:v>
                </c:pt>
                <c:pt idx="273">
                  <c:v>4.5664850000002115</c:v>
                </c:pt>
                <c:pt idx="274">
                  <c:v>4.5831510000002122</c:v>
                </c:pt>
                <c:pt idx="275">
                  <c:v>4.599817000000213</c:v>
                </c:pt>
                <c:pt idx="276">
                  <c:v>4.6164830000002137</c:v>
                </c:pt>
                <c:pt idx="277">
                  <c:v>4.6331490000002145</c:v>
                </c:pt>
                <c:pt idx="278">
                  <c:v>4.6498150000002152</c:v>
                </c:pt>
                <c:pt idx="279">
                  <c:v>4.6664810000002159</c:v>
                </c:pt>
                <c:pt idx="280">
                  <c:v>4.6831470000002167</c:v>
                </c:pt>
                <c:pt idx="281">
                  <c:v>4.6998130000002174</c:v>
                </c:pt>
                <c:pt idx="282">
                  <c:v>4.7164790000002181</c:v>
                </c:pt>
                <c:pt idx="283">
                  <c:v>4.7331450000002189</c:v>
                </c:pt>
                <c:pt idx="284">
                  <c:v>4.7498110000002196</c:v>
                </c:pt>
                <c:pt idx="285">
                  <c:v>4.7664770000002203</c:v>
                </c:pt>
                <c:pt idx="286">
                  <c:v>4.7831430000002211</c:v>
                </c:pt>
                <c:pt idx="287">
                  <c:v>4.7998090000002218</c:v>
                </c:pt>
                <c:pt idx="288">
                  <c:v>4.8164750000002226</c:v>
                </c:pt>
                <c:pt idx="289">
                  <c:v>4.8331410000002233</c:v>
                </c:pt>
                <c:pt idx="290">
                  <c:v>4.849807000000224</c:v>
                </c:pt>
                <c:pt idx="291">
                  <c:v>4.8664730000002248</c:v>
                </c:pt>
                <c:pt idx="292">
                  <c:v>4.8831390000002255</c:v>
                </c:pt>
                <c:pt idx="293">
                  <c:v>4.8998050000002262</c:v>
                </c:pt>
                <c:pt idx="294">
                  <c:v>4.916471000000227</c:v>
                </c:pt>
                <c:pt idx="295">
                  <c:v>4.9331370000002277</c:v>
                </c:pt>
                <c:pt idx="296">
                  <c:v>4.9498030000002284</c:v>
                </c:pt>
                <c:pt idx="297">
                  <c:v>4.9664690000002292</c:v>
                </c:pt>
                <c:pt idx="298">
                  <c:v>4.9831350000002299</c:v>
                </c:pt>
                <c:pt idx="299">
                  <c:v>4.9998010000002306</c:v>
                </c:pt>
                <c:pt idx="300">
                  <c:v>5.0164670000002314</c:v>
                </c:pt>
                <c:pt idx="301">
                  <c:v>5.0331330000002321</c:v>
                </c:pt>
                <c:pt idx="302">
                  <c:v>5.0497990000002329</c:v>
                </c:pt>
                <c:pt idx="303">
                  <c:v>5.0664650000002336</c:v>
                </c:pt>
                <c:pt idx="304">
                  <c:v>5.0831310000002343</c:v>
                </c:pt>
                <c:pt idx="305">
                  <c:v>5.0997970000002351</c:v>
                </c:pt>
                <c:pt idx="306">
                  <c:v>5.1164630000002358</c:v>
                </c:pt>
                <c:pt idx="307">
                  <c:v>5.1331290000002365</c:v>
                </c:pt>
                <c:pt idx="308">
                  <c:v>5.1497950000002373</c:v>
                </c:pt>
                <c:pt idx="309">
                  <c:v>5.166461000000238</c:v>
                </c:pt>
                <c:pt idx="310">
                  <c:v>5.1831270000002387</c:v>
                </c:pt>
                <c:pt idx="311">
                  <c:v>5.1997930000002395</c:v>
                </c:pt>
                <c:pt idx="312">
                  <c:v>5.2164590000002402</c:v>
                </c:pt>
                <c:pt idx="313">
                  <c:v>5.2331250000002409</c:v>
                </c:pt>
                <c:pt idx="314">
                  <c:v>5.2497910000002417</c:v>
                </c:pt>
                <c:pt idx="315">
                  <c:v>5.2664570000002424</c:v>
                </c:pt>
                <c:pt idx="316">
                  <c:v>5.2831230000002432</c:v>
                </c:pt>
                <c:pt idx="317">
                  <c:v>5.2997890000002439</c:v>
                </c:pt>
                <c:pt idx="318">
                  <c:v>5.3164550000002446</c:v>
                </c:pt>
                <c:pt idx="319">
                  <c:v>5.3331210000002454</c:v>
                </c:pt>
                <c:pt idx="320">
                  <c:v>5.3497870000002461</c:v>
                </c:pt>
                <c:pt idx="321">
                  <c:v>5.3664530000002468</c:v>
                </c:pt>
                <c:pt idx="322">
                  <c:v>5.3831190000002476</c:v>
                </c:pt>
                <c:pt idx="323">
                  <c:v>5.3997850000002483</c:v>
                </c:pt>
                <c:pt idx="324">
                  <c:v>5.416451000000249</c:v>
                </c:pt>
                <c:pt idx="325">
                  <c:v>5.4331170000002498</c:v>
                </c:pt>
                <c:pt idx="326">
                  <c:v>5.4497830000002505</c:v>
                </c:pt>
                <c:pt idx="327">
                  <c:v>5.4664490000002512</c:v>
                </c:pt>
                <c:pt idx="328">
                  <c:v>5.483115000000252</c:v>
                </c:pt>
                <c:pt idx="329">
                  <c:v>5.4997810000002527</c:v>
                </c:pt>
                <c:pt idx="330">
                  <c:v>5.5164470000002535</c:v>
                </c:pt>
                <c:pt idx="331">
                  <c:v>5.5331130000002542</c:v>
                </c:pt>
                <c:pt idx="332">
                  <c:v>5.5497790000002549</c:v>
                </c:pt>
                <c:pt idx="333">
                  <c:v>5.5664450000002557</c:v>
                </c:pt>
                <c:pt idx="334">
                  <c:v>5.5831110000002564</c:v>
                </c:pt>
                <c:pt idx="335">
                  <c:v>5.5997770000002571</c:v>
                </c:pt>
                <c:pt idx="336">
                  <c:v>5.6164430000002579</c:v>
                </c:pt>
                <c:pt idx="337">
                  <c:v>5.6331090000002586</c:v>
                </c:pt>
                <c:pt idx="338">
                  <c:v>5.6497750000002593</c:v>
                </c:pt>
                <c:pt idx="339">
                  <c:v>5.6664410000002601</c:v>
                </c:pt>
                <c:pt idx="340">
                  <c:v>5.6831070000002608</c:v>
                </c:pt>
                <c:pt idx="341">
                  <c:v>5.6997730000002615</c:v>
                </c:pt>
                <c:pt idx="342">
                  <c:v>5.7164390000002623</c:v>
                </c:pt>
                <c:pt idx="343">
                  <c:v>5.733105000000263</c:v>
                </c:pt>
                <c:pt idx="344">
                  <c:v>5.7497710000002638</c:v>
                </c:pt>
                <c:pt idx="345">
                  <c:v>5.7664370000002645</c:v>
                </c:pt>
                <c:pt idx="346">
                  <c:v>5.7831030000002652</c:v>
                </c:pt>
                <c:pt idx="347">
                  <c:v>5.799769000000266</c:v>
                </c:pt>
                <c:pt idx="348">
                  <c:v>5.8164350000002667</c:v>
                </c:pt>
                <c:pt idx="349">
                  <c:v>5.8331010000002674</c:v>
                </c:pt>
                <c:pt idx="350">
                  <c:v>5.8497670000002682</c:v>
                </c:pt>
                <c:pt idx="351">
                  <c:v>5.8664330000002689</c:v>
                </c:pt>
                <c:pt idx="352">
                  <c:v>5.8830990000002696</c:v>
                </c:pt>
                <c:pt idx="353">
                  <c:v>5.8997650000002704</c:v>
                </c:pt>
                <c:pt idx="354">
                  <c:v>5.9164310000002711</c:v>
                </c:pt>
                <c:pt idx="355">
                  <c:v>5.9330970000002718</c:v>
                </c:pt>
                <c:pt idx="356">
                  <c:v>5.9497630000002726</c:v>
                </c:pt>
                <c:pt idx="357">
                  <c:v>5.9664290000002733</c:v>
                </c:pt>
                <c:pt idx="358">
                  <c:v>5.9830950000002741</c:v>
                </c:pt>
                <c:pt idx="359">
                  <c:v>5.9997610000002748</c:v>
                </c:pt>
                <c:pt idx="360">
                  <c:v>6.0164270000002755</c:v>
                </c:pt>
                <c:pt idx="361">
                  <c:v>6.0330930000002763</c:v>
                </c:pt>
                <c:pt idx="362">
                  <c:v>6.049759000000277</c:v>
                </c:pt>
                <c:pt idx="363">
                  <c:v>6.0664250000002777</c:v>
                </c:pt>
                <c:pt idx="364">
                  <c:v>6.0830910000002785</c:v>
                </c:pt>
                <c:pt idx="365">
                  <c:v>6.0997570000002792</c:v>
                </c:pt>
                <c:pt idx="366">
                  <c:v>6.1164230000002799</c:v>
                </c:pt>
                <c:pt idx="367">
                  <c:v>6.1330890000002807</c:v>
                </c:pt>
                <c:pt idx="368">
                  <c:v>6.1497550000002814</c:v>
                </c:pt>
                <c:pt idx="369">
                  <c:v>6.1664210000002821</c:v>
                </c:pt>
                <c:pt idx="370">
                  <c:v>6.1830870000002829</c:v>
                </c:pt>
                <c:pt idx="371">
                  <c:v>6.1997530000002836</c:v>
                </c:pt>
                <c:pt idx="372">
                  <c:v>6.2164190000002844</c:v>
                </c:pt>
                <c:pt idx="373">
                  <c:v>6.2330850000002851</c:v>
                </c:pt>
                <c:pt idx="374">
                  <c:v>6.2497510000002858</c:v>
                </c:pt>
                <c:pt idx="375">
                  <c:v>6.2664170000002866</c:v>
                </c:pt>
                <c:pt idx="376">
                  <c:v>6.2830830000002873</c:v>
                </c:pt>
                <c:pt idx="377">
                  <c:v>6.299749000000288</c:v>
                </c:pt>
                <c:pt idx="378">
                  <c:v>6.3164150000002888</c:v>
                </c:pt>
                <c:pt idx="379">
                  <c:v>6.3330810000002895</c:v>
                </c:pt>
                <c:pt idx="380">
                  <c:v>6.3497470000002902</c:v>
                </c:pt>
                <c:pt idx="381">
                  <c:v>6.366413000000291</c:v>
                </c:pt>
                <c:pt idx="382">
                  <c:v>6.3830790000002917</c:v>
                </c:pt>
                <c:pt idx="383">
                  <c:v>6.3997450000002924</c:v>
                </c:pt>
                <c:pt idx="384">
                  <c:v>6.4164110000002932</c:v>
                </c:pt>
                <c:pt idx="385">
                  <c:v>6.4330770000002939</c:v>
                </c:pt>
                <c:pt idx="386">
                  <c:v>6.4497430000002947</c:v>
                </c:pt>
                <c:pt idx="387">
                  <c:v>6.4664090000002954</c:v>
                </c:pt>
                <c:pt idx="388">
                  <c:v>6.4830750000002961</c:v>
                </c:pt>
                <c:pt idx="389">
                  <c:v>6.4997410000002969</c:v>
                </c:pt>
                <c:pt idx="390">
                  <c:v>6.5164070000002976</c:v>
                </c:pt>
                <c:pt idx="391">
                  <c:v>6.5330730000002983</c:v>
                </c:pt>
                <c:pt idx="392">
                  <c:v>6.5497390000002991</c:v>
                </c:pt>
                <c:pt idx="393">
                  <c:v>6.5664050000002998</c:v>
                </c:pt>
                <c:pt idx="394">
                  <c:v>6.5830710000003005</c:v>
                </c:pt>
                <c:pt idx="395">
                  <c:v>6.5997370000003013</c:v>
                </c:pt>
                <c:pt idx="396">
                  <c:v>6.616403000000302</c:v>
                </c:pt>
                <c:pt idx="397">
                  <c:v>6.6330690000003028</c:v>
                </c:pt>
                <c:pt idx="398">
                  <c:v>6.6497350000003035</c:v>
                </c:pt>
                <c:pt idx="399">
                  <c:v>6.6664010000003042</c:v>
                </c:pt>
                <c:pt idx="400">
                  <c:v>6.683067000000305</c:v>
                </c:pt>
                <c:pt idx="401">
                  <c:v>6.6997330000003057</c:v>
                </c:pt>
                <c:pt idx="402">
                  <c:v>6.7163990000003064</c:v>
                </c:pt>
                <c:pt idx="403">
                  <c:v>6.7330650000003072</c:v>
                </c:pt>
                <c:pt idx="404">
                  <c:v>6.7497310000003079</c:v>
                </c:pt>
                <c:pt idx="405">
                  <c:v>6.7663970000003086</c:v>
                </c:pt>
                <c:pt idx="406">
                  <c:v>6.7830630000003094</c:v>
                </c:pt>
                <c:pt idx="407">
                  <c:v>6.7997290000003101</c:v>
                </c:pt>
                <c:pt idx="408">
                  <c:v>6.8163950000003108</c:v>
                </c:pt>
                <c:pt idx="409">
                  <c:v>6.8330610000003116</c:v>
                </c:pt>
                <c:pt idx="410">
                  <c:v>6.8497270000003123</c:v>
                </c:pt>
                <c:pt idx="411">
                  <c:v>6.8663930000003131</c:v>
                </c:pt>
                <c:pt idx="412">
                  <c:v>6.8830590000003138</c:v>
                </c:pt>
                <c:pt idx="413">
                  <c:v>6.8997250000003145</c:v>
                </c:pt>
                <c:pt idx="414">
                  <c:v>6.9163910000003153</c:v>
                </c:pt>
                <c:pt idx="415">
                  <c:v>6.933057000000316</c:v>
                </c:pt>
                <c:pt idx="416">
                  <c:v>6.9497230000003167</c:v>
                </c:pt>
                <c:pt idx="417">
                  <c:v>6.9663890000003175</c:v>
                </c:pt>
                <c:pt idx="418">
                  <c:v>6.9830550000003182</c:v>
                </c:pt>
                <c:pt idx="419">
                  <c:v>6.9997210000003189</c:v>
                </c:pt>
                <c:pt idx="420">
                  <c:v>7.0163870000003197</c:v>
                </c:pt>
                <c:pt idx="421">
                  <c:v>7.0330530000003204</c:v>
                </c:pt>
                <c:pt idx="422">
                  <c:v>7.0497190000003211</c:v>
                </c:pt>
                <c:pt idx="423">
                  <c:v>7.0663850000003219</c:v>
                </c:pt>
                <c:pt idx="424">
                  <c:v>7.0830510000003226</c:v>
                </c:pt>
                <c:pt idx="425">
                  <c:v>7.0997170000003234</c:v>
                </c:pt>
                <c:pt idx="426">
                  <c:v>7.1163830000003241</c:v>
                </c:pt>
                <c:pt idx="427">
                  <c:v>7.1330490000003248</c:v>
                </c:pt>
                <c:pt idx="428">
                  <c:v>7.1497150000003256</c:v>
                </c:pt>
                <c:pt idx="429">
                  <c:v>7.1663810000003263</c:v>
                </c:pt>
                <c:pt idx="430">
                  <c:v>7.183047000000327</c:v>
                </c:pt>
                <c:pt idx="431">
                  <c:v>7.1997130000003278</c:v>
                </c:pt>
                <c:pt idx="432">
                  <c:v>7.2163790000003285</c:v>
                </c:pt>
                <c:pt idx="433">
                  <c:v>7.2330450000003292</c:v>
                </c:pt>
                <c:pt idx="434">
                  <c:v>7.24971100000033</c:v>
                </c:pt>
                <c:pt idx="435">
                  <c:v>7.2663770000003307</c:v>
                </c:pt>
                <c:pt idx="436">
                  <c:v>7.2830430000003314</c:v>
                </c:pt>
                <c:pt idx="437">
                  <c:v>7.2997090000003322</c:v>
                </c:pt>
                <c:pt idx="438">
                  <c:v>7.3163750000003329</c:v>
                </c:pt>
                <c:pt idx="439">
                  <c:v>7.3330410000003337</c:v>
                </c:pt>
                <c:pt idx="440">
                  <c:v>7.3497070000003344</c:v>
                </c:pt>
                <c:pt idx="441">
                  <c:v>7.3663730000003351</c:v>
                </c:pt>
                <c:pt idx="442">
                  <c:v>7.3830390000003359</c:v>
                </c:pt>
                <c:pt idx="443">
                  <c:v>7.3997050000003366</c:v>
                </c:pt>
                <c:pt idx="444">
                  <c:v>7.4163710000003373</c:v>
                </c:pt>
                <c:pt idx="445">
                  <c:v>7.4330370000003381</c:v>
                </c:pt>
                <c:pt idx="446">
                  <c:v>7.4497030000003388</c:v>
                </c:pt>
                <c:pt idx="447">
                  <c:v>7.4663690000003395</c:v>
                </c:pt>
                <c:pt idx="448">
                  <c:v>7.4830350000003403</c:v>
                </c:pt>
                <c:pt idx="449">
                  <c:v>7.499701000000341</c:v>
                </c:pt>
                <c:pt idx="450">
                  <c:v>7.5163670000003417</c:v>
                </c:pt>
                <c:pt idx="451">
                  <c:v>7.5330330000003425</c:v>
                </c:pt>
                <c:pt idx="452">
                  <c:v>7.5496990000003432</c:v>
                </c:pt>
                <c:pt idx="453">
                  <c:v>7.566365000000344</c:v>
                </c:pt>
                <c:pt idx="454">
                  <c:v>7.5830310000003447</c:v>
                </c:pt>
                <c:pt idx="455">
                  <c:v>7.5996970000003454</c:v>
                </c:pt>
                <c:pt idx="456">
                  <c:v>7.6163630000003462</c:v>
                </c:pt>
                <c:pt idx="457">
                  <c:v>7.6330290000003469</c:v>
                </c:pt>
                <c:pt idx="458">
                  <c:v>7.6496950000003476</c:v>
                </c:pt>
                <c:pt idx="459">
                  <c:v>7.6663610000003484</c:v>
                </c:pt>
                <c:pt idx="460">
                  <c:v>7.6830270000003491</c:v>
                </c:pt>
                <c:pt idx="461">
                  <c:v>7.6996930000003498</c:v>
                </c:pt>
                <c:pt idx="462">
                  <c:v>7.7163590000003506</c:v>
                </c:pt>
                <c:pt idx="463">
                  <c:v>7.7330250000003513</c:v>
                </c:pt>
                <c:pt idx="464">
                  <c:v>7.749691000000352</c:v>
                </c:pt>
                <c:pt idx="465">
                  <c:v>7.7663570000003528</c:v>
                </c:pt>
                <c:pt idx="466">
                  <c:v>7.7830230000003535</c:v>
                </c:pt>
                <c:pt idx="467">
                  <c:v>7.7996890000003543</c:v>
                </c:pt>
                <c:pt idx="468">
                  <c:v>7.816355000000355</c:v>
                </c:pt>
                <c:pt idx="469">
                  <c:v>7.8330210000003557</c:v>
                </c:pt>
                <c:pt idx="470">
                  <c:v>7.8496870000003565</c:v>
                </c:pt>
                <c:pt idx="471">
                  <c:v>7.8663530000003572</c:v>
                </c:pt>
                <c:pt idx="472">
                  <c:v>7.8830190000003579</c:v>
                </c:pt>
                <c:pt idx="473">
                  <c:v>7.8996850000003587</c:v>
                </c:pt>
                <c:pt idx="474">
                  <c:v>7.9163510000003594</c:v>
                </c:pt>
                <c:pt idx="475">
                  <c:v>7.9330170000003601</c:v>
                </c:pt>
                <c:pt idx="476">
                  <c:v>7.9496830000003609</c:v>
                </c:pt>
                <c:pt idx="477">
                  <c:v>7.9663490000003616</c:v>
                </c:pt>
                <c:pt idx="478">
                  <c:v>7.9830150000003623</c:v>
                </c:pt>
                <c:pt idx="479">
                  <c:v>7.9996810000003631</c:v>
                </c:pt>
                <c:pt idx="480">
                  <c:v>8.0163470000003638</c:v>
                </c:pt>
                <c:pt idx="481">
                  <c:v>8.0330130000003646</c:v>
                </c:pt>
                <c:pt idx="482">
                  <c:v>8.0496790000003653</c:v>
                </c:pt>
                <c:pt idx="483">
                  <c:v>8.066345000000366</c:v>
                </c:pt>
                <c:pt idx="484">
                  <c:v>8.0830110000003668</c:v>
                </c:pt>
                <c:pt idx="485">
                  <c:v>8.0996770000003675</c:v>
                </c:pt>
                <c:pt idx="486">
                  <c:v>8.1163430000003682</c:v>
                </c:pt>
                <c:pt idx="487">
                  <c:v>8.133009000000369</c:v>
                </c:pt>
                <c:pt idx="488">
                  <c:v>8.1496750000003697</c:v>
                </c:pt>
                <c:pt idx="489">
                  <c:v>8.1663410000003704</c:v>
                </c:pt>
                <c:pt idx="490">
                  <c:v>8.1830070000003712</c:v>
                </c:pt>
                <c:pt idx="491">
                  <c:v>8.1996730000003719</c:v>
                </c:pt>
                <c:pt idx="492">
                  <c:v>8.2163390000003726</c:v>
                </c:pt>
                <c:pt idx="493">
                  <c:v>8.2330050000003734</c:v>
                </c:pt>
                <c:pt idx="494">
                  <c:v>8.2496710000003741</c:v>
                </c:pt>
                <c:pt idx="495">
                  <c:v>8.2663370000003749</c:v>
                </c:pt>
                <c:pt idx="496">
                  <c:v>8.2830030000003756</c:v>
                </c:pt>
                <c:pt idx="497">
                  <c:v>8.2996690000003763</c:v>
                </c:pt>
                <c:pt idx="498">
                  <c:v>8.3163350000003771</c:v>
                </c:pt>
                <c:pt idx="499">
                  <c:v>8.3330010000003778</c:v>
                </c:pt>
                <c:pt idx="500">
                  <c:v>8.3496670000003785</c:v>
                </c:pt>
                <c:pt idx="501">
                  <c:v>8.3663330000003793</c:v>
                </c:pt>
                <c:pt idx="502">
                  <c:v>8.38299900000038</c:v>
                </c:pt>
                <c:pt idx="503">
                  <c:v>8.3996650000003807</c:v>
                </c:pt>
                <c:pt idx="504">
                  <c:v>8.4163310000003815</c:v>
                </c:pt>
                <c:pt idx="505">
                  <c:v>8.4329970000003822</c:v>
                </c:pt>
                <c:pt idx="506">
                  <c:v>8.449663000000383</c:v>
                </c:pt>
                <c:pt idx="507">
                  <c:v>8.4663290000003837</c:v>
                </c:pt>
                <c:pt idx="508">
                  <c:v>8.4829950000003844</c:v>
                </c:pt>
                <c:pt idx="509">
                  <c:v>8.4996610000003852</c:v>
                </c:pt>
                <c:pt idx="510">
                  <c:v>8.5163270000003859</c:v>
                </c:pt>
                <c:pt idx="511">
                  <c:v>8.5329930000003866</c:v>
                </c:pt>
                <c:pt idx="512">
                  <c:v>8.5496590000003874</c:v>
                </c:pt>
                <c:pt idx="513">
                  <c:v>8.5663250000003881</c:v>
                </c:pt>
                <c:pt idx="514">
                  <c:v>8.5829910000003888</c:v>
                </c:pt>
                <c:pt idx="515">
                  <c:v>8.5996570000003896</c:v>
                </c:pt>
                <c:pt idx="516">
                  <c:v>8.6163230000003903</c:v>
                </c:pt>
                <c:pt idx="517">
                  <c:v>8.632989000000391</c:v>
                </c:pt>
                <c:pt idx="518">
                  <c:v>8.6496550000003918</c:v>
                </c:pt>
                <c:pt idx="519">
                  <c:v>8.6663210000003925</c:v>
                </c:pt>
                <c:pt idx="520">
                  <c:v>8.6829870000003933</c:v>
                </c:pt>
                <c:pt idx="521">
                  <c:v>8.699653000000394</c:v>
                </c:pt>
                <c:pt idx="522">
                  <c:v>8.7163190000003947</c:v>
                </c:pt>
                <c:pt idx="523">
                  <c:v>8.7329850000003955</c:v>
                </c:pt>
                <c:pt idx="524">
                  <c:v>8.7496510000003962</c:v>
                </c:pt>
                <c:pt idx="525">
                  <c:v>8.7663170000003969</c:v>
                </c:pt>
                <c:pt idx="526">
                  <c:v>8.7829830000003977</c:v>
                </c:pt>
                <c:pt idx="527">
                  <c:v>8.7996490000003984</c:v>
                </c:pt>
                <c:pt idx="528">
                  <c:v>8.8163150000003991</c:v>
                </c:pt>
                <c:pt idx="529">
                  <c:v>8.8329810000003999</c:v>
                </c:pt>
                <c:pt idx="530">
                  <c:v>8.8496470000004006</c:v>
                </c:pt>
                <c:pt idx="531">
                  <c:v>8.8663130000004013</c:v>
                </c:pt>
                <c:pt idx="532">
                  <c:v>8.8829790000004021</c:v>
                </c:pt>
                <c:pt idx="533">
                  <c:v>8.8996450000004028</c:v>
                </c:pt>
                <c:pt idx="534">
                  <c:v>8.9163110000004036</c:v>
                </c:pt>
                <c:pt idx="535">
                  <c:v>8.9329770000004043</c:v>
                </c:pt>
                <c:pt idx="536">
                  <c:v>8.949643000000405</c:v>
                </c:pt>
                <c:pt idx="537">
                  <c:v>8.9663090000004058</c:v>
                </c:pt>
                <c:pt idx="538">
                  <c:v>8.9829750000004065</c:v>
                </c:pt>
                <c:pt idx="539">
                  <c:v>8.9996410000004072</c:v>
                </c:pt>
                <c:pt idx="540">
                  <c:v>9.016307000000408</c:v>
                </c:pt>
                <c:pt idx="541">
                  <c:v>9.0329730000004087</c:v>
                </c:pt>
                <c:pt idx="542">
                  <c:v>9.0496390000004094</c:v>
                </c:pt>
                <c:pt idx="543">
                  <c:v>9.0663050000004102</c:v>
                </c:pt>
                <c:pt idx="544">
                  <c:v>9.0829710000004109</c:v>
                </c:pt>
                <c:pt idx="545">
                  <c:v>9.0996370000004116</c:v>
                </c:pt>
                <c:pt idx="546">
                  <c:v>9.1163030000004124</c:v>
                </c:pt>
                <c:pt idx="547">
                  <c:v>9.1329690000004131</c:v>
                </c:pt>
                <c:pt idx="548">
                  <c:v>9.1496350000004139</c:v>
                </c:pt>
                <c:pt idx="549">
                  <c:v>9.1663010000004146</c:v>
                </c:pt>
                <c:pt idx="550">
                  <c:v>9.1829670000004153</c:v>
                </c:pt>
                <c:pt idx="551">
                  <c:v>9.1996330000004161</c:v>
                </c:pt>
                <c:pt idx="552">
                  <c:v>9.2162990000004168</c:v>
                </c:pt>
                <c:pt idx="553">
                  <c:v>9.2329650000004175</c:v>
                </c:pt>
                <c:pt idx="554">
                  <c:v>9.2496310000004183</c:v>
                </c:pt>
                <c:pt idx="555">
                  <c:v>9.266297000000419</c:v>
                </c:pt>
                <c:pt idx="556">
                  <c:v>9.2829630000004197</c:v>
                </c:pt>
                <c:pt idx="557">
                  <c:v>9.2996290000004205</c:v>
                </c:pt>
                <c:pt idx="558">
                  <c:v>9.3162950000004212</c:v>
                </c:pt>
                <c:pt idx="559">
                  <c:v>9.3329610000004219</c:v>
                </c:pt>
                <c:pt idx="560">
                  <c:v>9.3496270000004227</c:v>
                </c:pt>
                <c:pt idx="561">
                  <c:v>9.3662930000004234</c:v>
                </c:pt>
                <c:pt idx="562">
                  <c:v>9.3829590000004242</c:v>
                </c:pt>
                <c:pt idx="563">
                  <c:v>9.3996250000004249</c:v>
                </c:pt>
                <c:pt idx="564">
                  <c:v>9.4162910000004256</c:v>
                </c:pt>
                <c:pt idx="565">
                  <c:v>9.4329570000004264</c:v>
                </c:pt>
                <c:pt idx="566">
                  <c:v>9.4496230000004271</c:v>
                </c:pt>
                <c:pt idx="567">
                  <c:v>9.4662890000004278</c:v>
                </c:pt>
                <c:pt idx="568">
                  <c:v>9.4829550000004286</c:v>
                </c:pt>
                <c:pt idx="569">
                  <c:v>9.4996210000004293</c:v>
                </c:pt>
                <c:pt idx="570">
                  <c:v>9.51628700000043</c:v>
                </c:pt>
                <c:pt idx="571">
                  <c:v>9.5329530000004308</c:v>
                </c:pt>
                <c:pt idx="572">
                  <c:v>9.5496190000004315</c:v>
                </c:pt>
                <c:pt idx="573">
                  <c:v>9.5662850000004322</c:v>
                </c:pt>
                <c:pt idx="574">
                  <c:v>9.582951000000433</c:v>
                </c:pt>
                <c:pt idx="575">
                  <c:v>9.5996170000004337</c:v>
                </c:pt>
                <c:pt idx="576">
                  <c:v>9.6162830000004345</c:v>
                </c:pt>
                <c:pt idx="577">
                  <c:v>9.6329490000004352</c:v>
                </c:pt>
                <c:pt idx="578">
                  <c:v>9.6496150000004359</c:v>
                </c:pt>
                <c:pt idx="579">
                  <c:v>9.6662810000004367</c:v>
                </c:pt>
                <c:pt idx="580">
                  <c:v>9.6829470000004374</c:v>
                </c:pt>
                <c:pt idx="581">
                  <c:v>9.6996130000004381</c:v>
                </c:pt>
                <c:pt idx="582">
                  <c:v>9.7162790000004389</c:v>
                </c:pt>
                <c:pt idx="583">
                  <c:v>9.7329450000004396</c:v>
                </c:pt>
                <c:pt idx="584">
                  <c:v>9.7496110000004403</c:v>
                </c:pt>
                <c:pt idx="585">
                  <c:v>9.7662770000004411</c:v>
                </c:pt>
                <c:pt idx="586">
                  <c:v>9.7829430000004418</c:v>
                </c:pt>
                <c:pt idx="587">
                  <c:v>9.7996090000004425</c:v>
                </c:pt>
                <c:pt idx="588">
                  <c:v>9.8162750000004433</c:v>
                </c:pt>
                <c:pt idx="589">
                  <c:v>9.832941000000444</c:v>
                </c:pt>
                <c:pt idx="590">
                  <c:v>9.8496070000004448</c:v>
                </c:pt>
                <c:pt idx="591">
                  <c:v>9.8662730000004455</c:v>
                </c:pt>
                <c:pt idx="592">
                  <c:v>9.8829390000004462</c:v>
                </c:pt>
                <c:pt idx="593">
                  <c:v>9.899605000000447</c:v>
                </c:pt>
                <c:pt idx="594">
                  <c:v>9.9162710000004477</c:v>
                </c:pt>
                <c:pt idx="595">
                  <c:v>9.9329370000004484</c:v>
                </c:pt>
                <c:pt idx="596">
                  <c:v>9.9496030000004492</c:v>
                </c:pt>
                <c:pt idx="597">
                  <c:v>9.9662690000004499</c:v>
                </c:pt>
                <c:pt idx="598">
                  <c:v>9.9829350000004506</c:v>
                </c:pt>
                <c:pt idx="599">
                  <c:v>9.9996010000004514</c:v>
                </c:pt>
                <c:pt idx="600">
                  <c:v>10.016267000000452</c:v>
                </c:pt>
                <c:pt idx="601">
                  <c:v>10.032933000000453</c:v>
                </c:pt>
                <c:pt idx="602">
                  <c:v>10.049599000000454</c:v>
                </c:pt>
                <c:pt idx="603">
                  <c:v>10.066265000000454</c:v>
                </c:pt>
                <c:pt idx="604">
                  <c:v>10.082931000000455</c:v>
                </c:pt>
                <c:pt idx="605">
                  <c:v>10.099597000000456</c:v>
                </c:pt>
                <c:pt idx="606">
                  <c:v>10.116263000000457</c:v>
                </c:pt>
                <c:pt idx="607">
                  <c:v>10.132929000000457</c:v>
                </c:pt>
                <c:pt idx="608">
                  <c:v>10.149595000000458</c:v>
                </c:pt>
                <c:pt idx="609">
                  <c:v>10.166261000000459</c:v>
                </c:pt>
                <c:pt idx="610">
                  <c:v>10.182927000000459</c:v>
                </c:pt>
                <c:pt idx="611">
                  <c:v>10.19959300000046</c:v>
                </c:pt>
                <c:pt idx="612">
                  <c:v>10.216259000000461</c:v>
                </c:pt>
                <c:pt idx="613">
                  <c:v>10.232925000000462</c:v>
                </c:pt>
                <c:pt idx="614">
                  <c:v>10.249591000000462</c:v>
                </c:pt>
                <c:pt idx="615">
                  <c:v>10.266257000000463</c:v>
                </c:pt>
                <c:pt idx="616">
                  <c:v>10.282923000000464</c:v>
                </c:pt>
                <c:pt idx="617">
                  <c:v>10.299589000000465</c:v>
                </c:pt>
                <c:pt idx="618">
                  <c:v>10.316255000000465</c:v>
                </c:pt>
                <c:pt idx="619">
                  <c:v>10.332921000000466</c:v>
                </c:pt>
                <c:pt idx="620">
                  <c:v>10.349587000000467</c:v>
                </c:pt>
                <c:pt idx="621">
                  <c:v>10.366253000000468</c:v>
                </c:pt>
                <c:pt idx="622">
                  <c:v>10.382919000000468</c:v>
                </c:pt>
                <c:pt idx="623">
                  <c:v>10.399585000000469</c:v>
                </c:pt>
                <c:pt idx="624">
                  <c:v>10.41625100000047</c:v>
                </c:pt>
                <c:pt idx="625">
                  <c:v>10.432917000000471</c:v>
                </c:pt>
                <c:pt idx="626">
                  <c:v>10.449583000000471</c:v>
                </c:pt>
                <c:pt idx="627">
                  <c:v>10.466249000000472</c:v>
                </c:pt>
                <c:pt idx="628">
                  <c:v>10.482915000000473</c:v>
                </c:pt>
                <c:pt idx="629">
                  <c:v>10.499581000000473</c:v>
                </c:pt>
                <c:pt idx="630">
                  <c:v>10.516247000000474</c:v>
                </c:pt>
                <c:pt idx="631">
                  <c:v>10.532913000000475</c:v>
                </c:pt>
                <c:pt idx="632">
                  <c:v>10.549579000000476</c:v>
                </c:pt>
                <c:pt idx="633">
                  <c:v>10.566245000000476</c:v>
                </c:pt>
                <c:pt idx="634">
                  <c:v>10.582911000000477</c:v>
                </c:pt>
                <c:pt idx="635">
                  <c:v>10.599577000000478</c:v>
                </c:pt>
                <c:pt idx="636">
                  <c:v>10.616243000000479</c:v>
                </c:pt>
                <c:pt idx="637">
                  <c:v>10.632909000000479</c:v>
                </c:pt>
                <c:pt idx="638">
                  <c:v>10.64957500000048</c:v>
                </c:pt>
                <c:pt idx="639">
                  <c:v>10.666241000000481</c:v>
                </c:pt>
                <c:pt idx="640">
                  <c:v>10.682907000000482</c:v>
                </c:pt>
                <c:pt idx="641">
                  <c:v>10.699573000000482</c:v>
                </c:pt>
                <c:pt idx="642">
                  <c:v>10.716239000000483</c:v>
                </c:pt>
                <c:pt idx="643">
                  <c:v>10.732905000000484</c:v>
                </c:pt>
                <c:pt idx="644">
                  <c:v>10.749571000000484</c:v>
                </c:pt>
                <c:pt idx="645">
                  <c:v>10.766237000000485</c:v>
                </c:pt>
                <c:pt idx="646">
                  <c:v>10.782903000000486</c:v>
                </c:pt>
                <c:pt idx="647">
                  <c:v>10.799569000000487</c:v>
                </c:pt>
                <c:pt idx="648">
                  <c:v>10.816235000000487</c:v>
                </c:pt>
                <c:pt idx="649">
                  <c:v>10.832901000000488</c:v>
                </c:pt>
                <c:pt idx="650">
                  <c:v>10.849567000000489</c:v>
                </c:pt>
                <c:pt idx="651">
                  <c:v>10.86623300000049</c:v>
                </c:pt>
                <c:pt idx="652">
                  <c:v>10.88289900000049</c:v>
                </c:pt>
                <c:pt idx="653">
                  <c:v>10.899565000000491</c:v>
                </c:pt>
                <c:pt idx="654">
                  <c:v>10.916231000000492</c:v>
                </c:pt>
                <c:pt idx="655">
                  <c:v>10.932897000000493</c:v>
                </c:pt>
                <c:pt idx="656">
                  <c:v>10.949563000000493</c:v>
                </c:pt>
                <c:pt idx="657">
                  <c:v>10.966229000000494</c:v>
                </c:pt>
                <c:pt idx="658">
                  <c:v>10.982895000000495</c:v>
                </c:pt>
                <c:pt idx="659">
                  <c:v>10.999561000000496</c:v>
                </c:pt>
                <c:pt idx="660">
                  <c:v>11.016227000000496</c:v>
                </c:pt>
                <c:pt idx="661">
                  <c:v>11.032893000000497</c:v>
                </c:pt>
                <c:pt idx="662">
                  <c:v>11.049559000000498</c:v>
                </c:pt>
                <c:pt idx="663">
                  <c:v>11.066225000000498</c:v>
                </c:pt>
                <c:pt idx="664">
                  <c:v>11.082891000000499</c:v>
                </c:pt>
                <c:pt idx="665">
                  <c:v>11.0995570000005</c:v>
                </c:pt>
                <c:pt idx="666">
                  <c:v>11.116223000000501</c:v>
                </c:pt>
                <c:pt idx="667">
                  <c:v>11.132889000000501</c:v>
                </c:pt>
                <c:pt idx="668">
                  <c:v>11.149555000000502</c:v>
                </c:pt>
                <c:pt idx="669">
                  <c:v>11.166221000000503</c:v>
                </c:pt>
                <c:pt idx="670">
                  <c:v>11.182887000000504</c:v>
                </c:pt>
                <c:pt idx="671">
                  <c:v>11.199553000000504</c:v>
                </c:pt>
                <c:pt idx="672">
                  <c:v>11.216219000000505</c:v>
                </c:pt>
                <c:pt idx="673">
                  <c:v>11.232885000000506</c:v>
                </c:pt>
                <c:pt idx="674">
                  <c:v>11.249551000000507</c:v>
                </c:pt>
                <c:pt idx="675">
                  <c:v>11.266217000000507</c:v>
                </c:pt>
                <c:pt idx="676">
                  <c:v>11.282883000000508</c:v>
                </c:pt>
                <c:pt idx="677">
                  <c:v>11.299549000000509</c:v>
                </c:pt>
                <c:pt idx="678">
                  <c:v>11.31621500000051</c:v>
                </c:pt>
                <c:pt idx="679">
                  <c:v>11.33288100000051</c:v>
                </c:pt>
                <c:pt idx="680">
                  <c:v>11.349547000000511</c:v>
                </c:pt>
                <c:pt idx="681">
                  <c:v>11.366213000000512</c:v>
                </c:pt>
                <c:pt idx="682">
                  <c:v>11.382879000000512</c:v>
                </c:pt>
                <c:pt idx="683">
                  <c:v>11.399545000000513</c:v>
                </c:pt>
                <c:pt idx="684">
                  <c:v>11.416211000000514</c:v>
                </c:pt>
                <c:pt idx="685">
                  <c:v>11.432877000000515</c:v>
                </c:pt>
                <c:pt idx="686">
                  <c:v>11.449543000000515</c:v>
                </c:pt>
                <c:pt idx="687">
                  <c:v>11.466209000000516</c:v>
                </c:pt>
                <c:pt idx="688">
                  <c:v>11.482875000000517</c:v>
                </c:pt>
                <c:pt idx="689">
                  <c:v>11.499541000000518</c:v>
                </c:pt>
                <c:pt idx="690">
                  <c:v>11.516207000000518</c:v>
                </c:pt>
                <c:pt idx="691">
                  <c:v>11.532873000000519</c:v>
                </c:pt>
                <c:pt idx="692">
                  <c:v>11.54953900000052</c:v>
                </c:pt>
                <c:pt idx="693">
                  <c:v>11.566205000000521</c:v>
                </c:pt>
                <c:pt idx="694">
                  <c:v>11.582871000000521</c:v>
                </c:pt>
                <c:pt idx="695">
                  <c:v>11.599537000000522</c:v>
                </c:pt>
                <c:pt idx="696">
                  <c:v>11.616203000000523</c:v>
                </c:pt>
                <c:pt idx="697">
                  <c:v>11.632869000000523</c:v>
                </c:pt>
                <c:pt idx="698">
                  <c:v>11.649535000000524</c:v>
                </c:pt>
                <c:pt idx="699">
                  <c:v>11.666201000000525</c:v>
                </c:pt>
                <c:pt idx="700">
                  <c:v>11.682867000000526</c:v>
                </c:pt>
                <c:pt idx="701">
                  <c:v>11.699533000000526</c:v>
                </c:pt>
                <c:pt idx="702">
                  <c:v>11.716199000000527</c:v>
                </c:pt>
                <c:pt idx="703">
                  <c:v>11.732865000000528</c:v>
                </c:pt>
                <c:pt idx="704">
                  <c:v>11.749531000000529</c:v>
                </c:pt>
                <c:pt idx="705">
                  <c:v>11.766197000000529</c:v>
                </c:pt>
                <c:pt idx="706">
                  <c:v>11.78286300000053</c:v>
                </c:pt>
                <c:pt idx="707">
                  <c:v>11.799529000000531</c:v>
                </c:pt>
                <c:pt idx="708">
                  <c:v>11.816195000000532</c:v>
                </c:pt>
                <c:pt idx="709">
                  <c:v>11.832861000000532</c:v>
                </c:pt>
                <c:pt idx="710">
                  <c:v>11.849527000000533</c:v>
                </c:pt>
                <c:pt idx="711">
                  <c:v>11.866193000000534</c:v>
                </c:pt>
                <c:pt idx="712">
                  <c:v>11.882859000000535</c:v>
                </c:pt>
                <c:pt idx="713">
                  <c:v>11.899525000000535</c:v>
                </c:pt>
                <c:pt idx="714">
                  <c:v>11.916191000000536</c:v>
                </c:pt>
                <c:pt idx="715">
                  <c:v>11.932857000000537</c:v>
                </c:pt>
                <c:pt idx="716">
                  <c:v>11.949523000000537</c:v>
                </c:pt>
                <c:pt idx="717">
                  <c:v>11.966189000000538</c:v>
                </c:pt>
                <c:pt idx="718">
                  <c:v>11.982855000000539</c:v>
                </c:pt>
                <c:pt idx="719">
                  <c:v>11.99952100000054</c:v>
                </c:pt>
                <c:pt idx="720">
                  <c:v>12.01618700000054</c:v>
                </c:pt>
                <c:pt idx="721">
                  <c:v>12.032853000000541</c:v>
                </c:pt>
                <c:pt idx="722">
                  <c:v>12.049519000000542</c:v>
                </c:pt>
                <c:pt idx="723">
                  <c:v>12.066185000000543</c:v>
                </c:pt>
                <c:pt idx="724">
                  <c:v>12.082851000000543</c:v>
                </c:pt>
                <c:pt idx="725">
                  <c:v>12.099517000000544</c:v>
                </c:pt>
                <c:pt idx="726">
                  <c:v>12.116183000000545</c:v>
                </c:pt>
                <c:pt idx="727">
                  <c:v>12.132849000000546</c:v>
                </c:pt>
                <c:pt idx="728">
                  <c:v>12.149515000000546</c:v>
                </c:pt>
                <c:pt idx="729">
                  <c:v>12.166181000000547</c:v>
                </c:pt>
                <c:pt idx="730">
                  <c:v>12.182847000000548</c:v>
                </c:pt>
                <c:pt idx="731">
                  <c:v>12.199513000000549</c:v>
                </c:pt>
                <c:pt idx="732">
                  <c:v>12.216179000000549</c:v>
                </c:pt>
                <c:pt idx="733">
                  <c:v>12.23284500000055</c:v>
                </c:pt>
                <c:pt idx="734">
                  <c:v>12.249511000000551</c:v>
                </c:pt>
                <c:pt idx="735">
                  <c:v>12.266177000000551</c:v>
                </c:pt>
                <c:pt idx="736">
                  <c:v>12.282843000000552</c:v>
                </c:pt>
                <c:pt idx="737">
                  <c:v>12.299509000000553</c:v>
                </c:pt>
                <c:pt idx="738">
                  <c:v>12.316175000000554</c:v>
                </c:pt>
                <c:pt idx="739">
                  <c:v>12.332841000000554</c:v>
                </c:pt>
                <c:pt idx="740">
                  <c:v>12.349507000000555</c:v>
                </c:pt>
                <c:pt idx="741">
                  <c:v>12.366173000000556</c:v>
                </c:pt>
                <c:pt idx="742">
                  <c:v>12.382839000000557</c:v>
                </c:pt>
                <c:pt idx="743">
                  <c:v>12.399505000000557</c:v>
                </c:pt>
                <c:pt idx="744">
                  <c:v>12.416171000000558</c:v>
                </c:pt>
                <c:pt idx="745">
                  <c:v>12.432837000000559</c:v>
                </c:pt>
                <c:pt idx="746">
                  <c:v>12.44950300000056</c:v>
                </c:pt>
                <c:pt idx="747">
                  <c:v>12.46616900000056</c:v>
                </c:pt>
                <c:pt idx="748">
                  <c:v>12.482835000000561</c:v>
                </c:pt>
                <c:pt idx="749">
                  <c:v>12.499501000000562</c:v>
                </c:pt>
                <c:pt idx="750">
                  <c:v>12.516167000000562</c:v>
                </c:pt>
                <c:pt idx="751">
                  <c:v>12.532833000000563</c:v>
                </c:pt>
                <c:pt idx="752">
                  <c:v>12.549499000000564</c:v>
                </c:pt>
                <c:pt idx="753">
                  <c:v>12.566165000000565</c:v>
                </c:pt>
                <c:pt idx="754">
                  <c:v>12.582831000000565</c:v>
                </c:pt>
                <c:pt idx="755">
                  <c:v>12.599497000000566</c:v>
                </c:pt>
                <c:pt idx="756">
                  <c:v>12.616163000000567</c:v>
                </c:pt>
                <c:pt idx="757">
                  <c:v>12.632829000000568</c:v>
                </c:pt>
                <c:pt idx="758">
                  <c:v>12.649495000000568</c:v>
                </c:pt>
                <c:pt idx="759">
                  <c:v>12.666161000000569</c:v>
                </c:pt>
                <c:pt idx="760">
                  <c:v>12.68282700000057</c:v>
                </c:pt>
                <c:pt idx="761">
                  <c:v>12.699493000000571</c:v>
                </c:pt>
                <c:pt idx="762">
                  <c:v>12.716159000000571</c:v>
                </c:pt>
                <c:pt idx="763">
                  <c:v>12.732825000000572</c:v>
                </c:pt>
                <c:pt idx="764">
                  <c:v>12.749491000000573</c:v>
                </c:pt>
                <c:pt idx="765">
                  <c:v>12.766157000000574</c:v>
                </c:pt>
                <c:pt idx="766">
                  <c:v>12.782823000000574</c:v>
                </c:pt>
                <c:pt idx="767">
                  <c:v>12.799489000000575</c:v>
                </c:pt>
                <c:pt idx="768">
                  <c:v>12.816155000000576</c:v>
                </c:pt>
                <c:pt idx="769">
                  <c:v>12.832821000000576</c:v>
                </c:pt>
                <c:pt idx="770">
                  <c:v>12.849487000000577</c:v>
                </c:pt>
                <c:pt idx="771">
                  <c:v>12.866153000000578</c:v>
                </c:pt>
                <c:pt idx="772">
                  <c:v>12.882819000000579</c:v>
                </c:pt>
                <c:pt idx="773">
                  <c:v>12.899485000000579</c:v>
                </c:pt>
                <c:pt idx="774">
                  <c:v>12.91615100000058</c:v>
                </c:pt>
                <c:pt idx="775">
                  <c:v>12.932817000000581</c:v>
                </c:pt>
                <c:pt idx="776">
                  <c:v>12.949483000000582</c:v>
                </c:pt>
                <c:pt idx="777">
                  <c:v>12.966149000000582</c:v>
                </c:pt>
                <c:pt idx="778">
                  <c:v>12.982815000000583</c:v>
                </c:pt>
                <c:pt idx="779">
                  <c:v>12.999481000000584</c:v>
                </c:pt>
                <c:pt idx="780">
                  <c:v>13.016147000000585</c:v>
                </c:pt>
                <c:pt idx="781">
                  <c:v>13.032813000000585</c:v>
                </c:pt>
                <c:pt idx="782">
                  <c:v>13.049479000000586</c:v>
                </c:pt>
                <c:pt idx="783">
                  <c:v>13.066145000000587</c:v>
                </c:pt>
                <c:pt idx="784">
                  <c:v>13.082811000000587</c:v>
                </c:pt>
                <c:pt idx="785">
                  <c:v>13.099477000000588</c:v>
                </c:pt>
                <c:pt idx="786">
                  <c:v>13.116143000000589</c:v>
                </c:pt>
                <c:pt idx="787">
                  <c:v>13.13280900000059</c:v>
                </c:pt>
                <c:pt idx="788">
                  <c:v>13.14947500000059</c:v>
                </c:pt>
                <c:pt idx="789">
                  <c:v>13.166141000000591</c:v>
                </c:pt>
                <c:pt idx="790">
                  <c:v>13.182807000000592</c:v>
                </c:pt>
                <c:pt idx="791">
                  <c:v>13.199473000000593</c:v>
                </c:pt>
                <c:pt idx="792">
                  <c:v>13.216139000000593</c:v>
                </c:pt>
                <c:pt idx="793">
                  <c:v>13.232805000000594</c:v>
                </c:pt>
                <c:pt idx="794">
                  <c:v>13.249471000000595</c:v>
                </c:pt>
                <c:pt idx="795">
                  <c:v>13.266137000000596</c:v>
                </c:pt>
                <c:pt idx="796">
                  <c:v>13.282803000000596</c:v>
                </c:pt>
                <c:pt idx="797">
                  <c:v>13.299469000000597</c:v>
                </c:pt>
                <c:pt idx="798">
                  <c:v>13.316135000000598</c:v>
                </c:pt>
                <c:pt idx="799">
                  <c:v>13.332801000000599</c:v>
                </c:pt>
                <c:pt idx="800">
                  <c:v>13.349467000000599</c:v>
                </c:pt>
                <c:pt idx="801">
                  <c:v>13.3661330000006</c:v>
                </c:pt>
                <c:pt idx="802">
                  <c:v>13.382799000000601</c:v>
                </c:pt>
                <c:pt idx="803">
                  <c:v>13.399465000000601</c:v>
                </c:pt>
                <c:pt idx="804">
                  <c:v>13.416131000000602</c:v>
                </c:pt>
                <c:pt idx="805">
                  <c:v>13.432797000000603</c:v>
                </c:pt>
                <c:pt idx="806">
                  <c:v>13.449463000000604</c:v>
                </c:pt>
                <c:pt idx="807">
                  <c:v>13.466129000000604</c:v>
                </c:pt>
                <c:pt idx="808">
                  <c:v>13.482795000000605</c:v>
                </c:pt>
                <c:pt idx="809">
                  <c:v>13.499461000000606</c:v>
                </c:pt>
                <c:pt idx="810">
                  <c:v>13.516127000000607</c:v>
                </c:pt>
                <c:pt idx="811">
                  <c:v>13.532793000000607</c:v>
                </c:pt>
                <c:pt idx="812">
                  <c:v>13.549459000000608</c:v>
                </c:pt>
                <c:pt idx="813">
                  <c:v>13.566125000000609</c:v>
                </c:pt>
                <c:pt idx="814">
                  <c:v>13.58279100000061</c:v>
                </c:pt>
                <c:pt idx="815">
                  <c:v>13.59945700000061</c:v>
                </c:pt>
                <c:pt idx="816">
                  <c:v>13.616123000000611</c:v>
                </c:pt>
                <c:pt idx="817">
                  <c:v>13.632789000000612</c:v>
                </c:pt>
                <c:pt idx="818">
                  <c:v>13.649455000000613</c:v>
                </c:pt>
                <c:pt idx="819">
                  <c:v>13.666121000000613</c:v>
                </c:pt>
                <c:pt idx="820">
                  <c:v>13.682787000000614</c:v>
                </c:pt>
                <c:pt idx="821">
                  <c:v>13.699453000000615</c:v>
                </c:pt>
                <c:pt idx="822">
                  <c:v>13.716119000000615</c:v>
                </c:pt>
                <c:pt idx="823">
                  <c:v>13.732785000000616</c:v>
                </c:pt>
                <c:pt idx="824">
                  <c:v>13.749451000000617</c:v>
                </c:pt>
                <c:pt idx="825">
                  <c:v>13.766117000000618</c:v>
                </c:pt>
                <c:pt idx="826">
                  <c:v>13.782783000000618</c:v>
                </c:pt>
                <c:pt idx="827">
                  <c:v>13.799449000000619</c:v>
                </c:pt>
                <c:pt idx="828">
                  <c:v>13.81611500000062</c:v>
                </c:pt>
                <c:pt idx="829">
                  <c:v>13.832781000000621</c:v>
                </c:pt>
                <c:pt idx="830">
                  <c:v>13.849447000000621</c:v>
                </c:pt>
                <c:pt idx="831">
                  <c:v>13.866113000000622</c:v>
                </c:pt>
                <c:pt idx="832">
                  <c:v>13.882779000000623</c:v>
                </c:pt>
                <c:pt idx="833">
                  <c:v>13.899445000000624</c:v>
                </c:pt>
                <c:pt idx="834">
                  <c:v>13.916111000000624</c:v>
                </c:pt>
                <c:pt idx="835">
                  <c:v>13.932777000000625</c:v>
                </c:pt>
                <c:pt idx="836">
                  <c:v>13.949443000000626</c:v>
                </c:pt>
                <c:pt idx="837">
                  <c:v>13.966109000000626</c:v>
                </c:pt>
                <c:pt idx="838">
                  <c:v>13.982775000000627</c:v>
                </c:pt>
                <c:pt idx="839">
                  <c:v>13.999441000000628</c:v>
                </c:pt>
                <c:pt idx="840">
                  <c:v>14.016107000000629</c:v>
                </c:pt>
                <c:pt idx="841">
                  <c:v>14.032773000000629</c:v>
                </c:pt>
                <c:pt idx="842">
                  <c:v>14.04943900000063</c:v>
                </c:pt>
                <c:pt idx="843">
                  <c:v>14.066105000000631</c:v>
                </c:pt>
                <c:pt idx="844">
                  <c:v>14.082771000000632</c:v>
                </c:pt>
                <c:pt idx="845">
                  <c:v>14.099437000000632</c:v>
                </c:pt>
                <c:pt idx="846">
                  <c:v>14.116103000000633</c:v>
                </c:pt>
                <c:pt idx="847">
                  <c:v>14.132769000000634</c:v>
                </c:pt>
                <c:pt idx="848">
                  <c:v>14.149435000000635</c:v>
                </c:pt>
                <c:pt idx="849">
                  <c:v>14.166101000000635</c:v>
                </c:pt>
                <c:pt idx="850">
                  <c:v>14.182767000000636</c:v>
                </c:pt>
                <c:pt idx="851">
                  <c:v>14.199433000000637</c:v>
                </c:pt>
                <c:pt idx="852">
                  <c:v>14.216099000000638</c:v>
                </c:pt>
                <c:pt idx="853">
                  <c:v>14.232765000000638</c:v>
                </c:pt>
                <c:pt idx="854">
                  <c:v>14.249431000000639</c:v>
                </c:pt>
                <c:pt idx="855">
                  <c:v>14.26609700000064</c:v>
                </c:pt>
                <c:pt idx="856">
                  <c:v>14.28276300000064</c:v>
                </c:pt>
                <c:pt idx="857">
                  <c:v>14.299429000000641</c:v>
                </c:pt>
                <c:pt idx="858">
                  <c:v>14.316095000000642</c:v>
                </c:pt>
                <c:pt idx="859">
                  <c:v>14.332761000000643</c:v>
                </c:pt>
                <c:pt idx="860">
                  <c:v>14.349427000000643</c:v>
                </c:pt>
                <c:pt idx="861">
                  <c:v>14.366093000000644</c:v>
                </c:pt>
                <c:pt idx="862">
                  <c:v>14.382759000000645</c:v>
                </c:pt>
                <c:pt idx="863">
                  <c:v>14.399425000000646</c:v>
                </c:pt>
                <c:pt idx="864">
                  <c:v>14.416091000000646</c:v>
                </c:pt>
                <c:pt idx="865">
                  <c:v>14.432757000000647</c:v>
                </c:pt>
                <c:pt idx="866">
                  <c:v>14.449423000000648</c:v>
                </c:pt>
                <c:pt idx="867">
                  <c:v>14.466089000000649</c:v>
                </c:pt>
                <c:pt idx="868">
                  <c:v>14.482755000000649</c:v>
                </c:pt>
                <c:pt idx="869">
                  <c:v>14.49942100000065</c:v>
                </c:pt>
                <c:pt idx="870">
                  <c:v>14.516087000000651</c:v>
                </c:pt>
                <c:pt idx="871">
                  <c:v>14.532753000000652</c:v>
                </c:pt>
                <c:pt idx="872">
                  <c:v>14.549419000000652</c:v>
                </c:pt>
                <c:pt idx="873">
                  <c:v>14.566085000000653</c:v>
                </c:pt>
                <c:pt idx="874">
                  <c:v>14.582751000000654</c:v>
                </c:pt>
                <c:pt idx="875">
                  <c:v>14.599417000000654</c:v>
                </c:pt>
                <c:pt idx="876">
                  <c:v>14.616083000000655</c:v>
                </c:pt>
                <c:pt idx="877">
                  <c:v>14.632749000000656</c:v>
                </c:pt>
                <c:pt idx="878">
                  <c:v>14.649415000000657</c:v>
                </c:pt>
                <c:pt idx="879">
                  <c:v>14.666081000000657</c:v>
                </c:pt>
                <c:pt idx="880">
                  <c:v>14.682747000000658</c:v>
                </c:pt>
                <c:pt idx="881">
                  <c:v>14.699413000000659</c:v>
                </c:pt>
                <c:pt idx="882">
                  <c:v>14.71607900000066</c:v>
                </c:pt>
                <c:pt idx="883">
                  <c:v>14.73274500000066</c:v>
                </c:pt>
                <c:pt idx="884">
                  <c:v>14.749411000000661</c:v>
                </c:pt>
                <c:pt idx="885">
                  <c:v>14.766077000000662</c:v>
                </c:pt>
                <c:pt idx="886">
                  <c:v>14.782743000000663</c:v>
                </c:pt>
                <c:pt idx="887">
                  <c:v>14.799409000000663</c:v>
                </c:pt>
                <c:pt idx="888">
                  <c:v>14.816075000000664</c:v>
                </c:pt>
                <c:pt idx="889">
                  <c:v>14.832741000000665</c:v>
                </c:pt>
                <c:pt idx="890">
                  <c:v>14.849407000000665</c:v>
                </c:pt>
                <c:pt idx="891">
                  <c:v>14.866073000000666</c:v>
                </c:pt>
                <c:pt idx="892">
                  <c:v>14.882739000000667</c:v>
                </c:pt>
                <c:pt idx="893">
                  <c:v>14.899405000000668</c:v>
                </c:pt>
                <c:pt idx="894">
                  <c:v>14.916071000000668</c:v>
                </c:pt>
                <c:pt idx="895">
                  <c:v>14.932737000000669</c:v>
                </c:pt>
                <c:pt idx="896">
                  <c:v>14.94940300000067</c:v>
                </c:pt>
                <c:pt idx="897">
                  <c:v>14.966069000000671</c:v>
                </c:pt>
                <c:pt idx="898">
                  <c:v>14.982735000000671</c:v>
                </c:pt>
                <c:pt idx="899">
                  <c:v>14.999401000000672</c:v>
                </c:pt>
                <c:pt idx="900">
                  <c:v>15.016067000000673</c:v>
                </c:pt>
                <c:pt idx="901">
                  <c:v>15.032733000000674</c:v>
                </c:pt>
                <c:pt idx="902">
                  <c:v>15.049399000000674</c:v>
                </c:pt>
                <c:pt idx="903">
                  <c:v>15.066065000000675</c:v>
                </c:pt>
                <c:pt idx="904">
                  <c:v>15.082731000000676</c:v>
                </c:pt>
                <c:pt idx="905">
                  <c:v>15.099397000000677</c:v>
                </c:pt>
                <c:pt idx="906">
                  <c:v>15.116063000000677</c:v>
                </c:pt>
                <c:pt idx="907">
                  <c:v>15.132729000000678</c:v>
                </c:pt>
                <c:pt idx="908">
                  <c:v>15.149395000000679</c:v>
                </c:pt>
                <c:pt idx="909">
                  <c:v>15.166061000000679</c:v>
                </c:pt>
                <c:pt idx="910">
                  <c:v>15.18272700000068</c:v>
                </c:pt>
                <c:pt idx="911">
                  <c:v>15.199393000000681</c:v>
                </c:pt>
                <c:pt idx="912">
                  <c:v>15.216059000000682</c:v>
                </c:pt>
                <c:pt idx="913">
                  <c:v>15.232725000000682</c:v>
                </c:pt>
                <c:pt idx="914">
                  <c:v>15.249391000000683</c:v>
                </c:pt>
                <c:pt idx="915">
                  <c:v>15.266057000000684</c:v>
                </c:pt>
                <c:pt idx="916">
                  <c:v>15.282723000000685</c:v>
                </c:pt>
                <c:pt idx="917">
                  <c:v>15.299389000000685</c:v>
                </c:pt>
                <c:pt idx="918">
                  <c:v>15.316055000000686</c:v>
                </c:pt>
                <c:pt idx="919">
                  <c:v>15.332721000000687</c:v>
                </c:pt>
                <c:pt idx="920">
                  <c:v>15.349387000000688</c:v>
                </c:pt>
                <c:pt idx="921">
                  <c:v>15.366053000000688</c:v>
                </c:pt>
                <c:pt idx="922">
                  <c:v>15.382719000000689</c:v>
                </c:pt>
                <c:pt idx="923">
                  <c:v>15.39938500000069</c:v>
                </c:pt>
                <c:pt idx="924">
                  <c:v>15.416051000000691</c:v>
                </c:pt>
                <c:pt idx="925">
                  <c:v>15.432717000000691</c:v>
                </c:pt>
                <c:pt idx="926">
                  <c:v>15.449383000000692</c:v>
                </c:pt>
                <c:pt idx="927">
                  <c:v>15.466049000000693</c:v>
                </c:pt>
                <c:pt idx="928">
                  <c:v>15.482715000000693</c:v>
                </c:pt>
                <c:pt idx="929">
                  <c:v>15.499381000000694</c:v>
                </c:pt>
                <c:pt idx="930">
                  <c:v>15.516047000000695</c:v>
                </c:pt>
                <c:pt idx="931">
                  <c:v>15.532713000000696</c:v>
                </c:pt>
                <c:pt idx="932">
                  <c:v>15.549379000000696</c:v>
                </c:pt>
                <c:pt idx="933">
                  <c:v>15.566045000000697</c:v>
                </c:pt>
                <c:pt idx="934">
                  <c:v>15.582711000000698</c:v>
                </c:pt>
                <c:pt idx="935">
                  <c:v>15.599377000000699</c:v>
                </c:pt>
                <c:pt idx="936">
                  <c:v>15.616043000000699</c:v>
                </c:pt>
                <c:pt idx="937">
                  <c:v>15.6327090000007</c:v>
                </c:pt>
                <c:pt idx="938">
                  <c:v>15.649375000000701</c:v>
                </c:pt>
                <c:pt idx="939">
                  <c:v>15.666041000000702</c:v>
                </c:pt>
                <c:pt idx="940">
                  <c:v>15.682707000000702</c:v>
                </c:pt>
                <c:pt idx="941">
                  <c:v>15.699373000000703</c:v>
                </c:pt>
                <c:pt idx="942">
                  <c:v>15.716039000000704</c:v>
                </c:pt>
                <c:pt idx="943">
                  <c:v>15.732705000000704</c:v>
                </c:pt>
                <c:pt idx="944">
                  <c:v>15.749371000000705</c:v>
                </c:pt>
                <c:pt idx="945">
                  <c:v>15.766037000000706</c:v>
                </c:pt>
                <c:pt idx="946">
                  <c:v>15.782703000000707</c:v>
                </c:pt>
                <c:pt idx="947">
                  <c:v>15.799369000000707</c:v>
                </c:pt>
                <c:pt idx="948">
                  <c:v>15.816035000000708</c:v>
                </c:pt>
                <c:pt idx="949">
                  <c:v>15.832701000000709</c:v>
                </c:pt>
                <c:pt idx="950">
                  <c:v>15.84936700000071</c:v>
                </c:pt>
                <c:pt idx="951">
                  <c:v>15.86603300000071</c:v>
                </c:pt>
                <c:pt idx="952">
                  <c:v>15.882699000000711</c:v>
                </c:pt>
                <c:pt idx="953">
                  <c:v>15.899365000000712</c:v>
                </c:pt>
                <c:pt idx="954">
                  <c:v>15.916031000000713</c:v>
                </c:pt>
                <c:pt idx="955">
                  <c:v>15.932697000000713</c:v>
                </c:pt>
                <c:pt idx="956">
                  <c:v>15.949363000000714</c:v>
                </c:pt>
                <c:pt idx="957">
                  <c:v>15.966029000000715</c:v>
                </c:pt>
                <c:pt idx="958">
                  <c:v>15.982695000000716</c:v>
                </c:pt>
                <c:pt idx="959">
                  <c:v>15.999361000000716</c:v>
                </c:pt>
                <c:pt idx="960">
                  <c:v>16.016027000000715</c:v>
                </c:pt>
                <c:pt idx="961">
                  <c:v>16.032693000000716</c:v>
                </c:pt>
                <c:pt idx="962">
                  <c:v>16.049359000000717</c:v>
                </c:pt>
                <c:pt idx="963">
                  <c:v>16.066025000000717</c:v>
                </c:pt>
                <c:pt idx="964">
                  <c:v>16.082691000000718</c:v>
                </c:pt>
                <c:pt idx="965">
                  <c:v>16.099357000000719</c:v>
                </c:pt>
                <c:pt idx="966">
                  <c:v>16.11602300000072</c:v>
                </c:pt>
                <c:pt idx="967">
                  <c:v>16.13268900000072</c:v>
                </c:pt>
                <c:pt idx="968">
                  <c:v>16.149355000000721</c:v>
                </c:pt>
                <c:pt idx="969">
                  <c:v>16.166021000000722</c:v>
                </c:pt>
                <c:pt idx="970">
                  <c:v>16.182687000000723</c:v>
                </c:pt>
                <c:pt idx="971">
                  <c:v>16.199353000000723</c:v>
                </c:pt>
                <c:pt idx="972">
                  <c:v>16.216019000000724</c:v>
                </c:pt>
                <c:pt idx="973">
                  <c:v>16.232685000000725</c:v>
                </c:pt>
                <c:pt idx="974">
                  <c:v>16.249351000000726</c:v>
                </c:pt>
                <c:pt idx="975">
                  <c:v>16.266017000000726</c:v>
                </c:pt>
                <c:pt idx="976">
                  <c:v>16.282683000000727</c:v>
                </c:pt>
                <c:pt idx="977">
                  <c:v>16.299349000000728</c:v>
                </c:pt>
                <c:pt idx="978">
                  <c:v>16.316015000000728</c:v>
                </c:pt>
                <c:pt idx="979">
                  <c:v>16.332681000000729</c:v>
                </c:pt>
                <c:pt idx="980">
                  <c:v>16.34934700000073</c:v>
                </c:pt>
                <c:pt idx="981">
                  <c:v>16.366013000000731</c:v>
                </c:pt>
                <c:pt idx="982">
                  <c:v>16.382679000000731</c:v>
                </c:pt>
                <c:pt idx="983">
                  <c:v>16.399345000000732</c:v>
                </c:pt>
                <c:pt idx="984">
                  <c:v>16.416011000000733</c:v>
                </c:pt>
                <c:pt idx="985">
                  <c:v>16.432677000000734</c:v>
                </c:pt>
                <c:pt idx="986">
                  <c:v>16.449343000000734</c:v>
                </c:pt>
                <c:pt idx="987">
                  <c:v>16.466009000000735</c:v>
                </c:pt>
                <c:pt idx="988">
                  <c:v>16.482675000000736</c:v>
                </c:pt>
                <c:pt idx="989">
                  <c:v>16.499341000000737</c:v>
                </c:pt>
                <c:pt idx="990">
                  <c:v>16.516007000000737</c:v>
                </c:pt>
                <c:pt idx="991">
                  <c:v>16.532673000000738</c:v>
                </c:pt>
                <c:pt idx="992">
                  <c:v>16.549339000000739</c:v>
                </c:pt>
                <c:pt idx="993">
                  <c:v>16.566005000000739</c:v>
                </c:pt>
                <c:pt idx="994">
                  <c:v>16.58267100000074</c:v>
                </c:pt>
                <c:pt idx="995">
                  <c:v>16.599337000000741</c:v>
                </c:pt>
                <c:pt idx="996">
                  <c:v>16.616003000000742</c:v>
                </c:pt>
                <c:pt idx="997">
                  <c:v>16.632669000000742</c:v>
                </c:pt>
                <c:pt idx="998">
                  <c:v>16.649335000000743</c:v>
                </c:pt>
                <c:pt idx="999">
                  <c:v>16.666001000000744</c:v>
                </c:pt>
                <c:pt idx="1000">
                  <c:v>16.682667000000745</c:v>
                </c:pt>
                <c:pt idx="1001">
                  <c:v>16.699333000000745</c:v>
                </c:pt>
                <c:pt idx="1002">
                  <c:v>16.715999000000746</c:v>
                </c:pt>
                <c:pt idx="1003">
                  <c:v>16.732665000000747</c:v>
                </c:pt>
                <c:pt idx="1004">
                  <c:v>16.749331000000748</c:v>
                </c:pt>
                <c:pt idx="1005">
                  <c:v>16.765997000000748</c:v>
                </c:pt>
                <c:pt idx="1006">
                  <c:v>16.782663000000749</c:v>
                </c:pt>
                <c:pt idx="1007">
                  <c:v>16.79932900000075</c:v>
                </c:pt>
                <c:pt idx="1008">
                  <c:v>16.815995000000751</c:v>
                </c:pt>
                <c:pt idx="1009">
                  <c:v>16.832661000000751</c:v>
                </c:pt>
                <c:pt idx="1010">
                  <c:v>16.849327000000752</c:v>
                </c:pt>
                <c:pt idx="1011">
                  <c:v>16.865993000000753</c:v>
                </c:pt>
                <c:pt idx="1012">
                  <c:v>16.882659000000753</c:v>
                </c:pt>
                <c:pt idx="1013">
                  <c:v>16.899325000000754</c:v>
                </c:pt>
                <c:pt idx="1014">
                  <c:v>16.915991000000755</c:v>
                </c:pt>
                <c:pt idx="1015">
                  <c:v>16.932657000000756</c:v>
                </c:pt>
                <c:pt idx="1016">
                  <c:v>16.949323000000756</c:v>
                </c:pt>
                <c:pt idx="1017">
                  <c:v>16.965989000000757</c:v>
                </c:pt>
                <c:pt idx="1018">
                  <c:v>16.982655000000758</c:v>
                </c:pt>
                <c:pt idx="1019">
                  <c:v>16.999321000000759</c:v>
                </c:pt>
                <c:pt idx="1020">
                  <c:v>17.015987000000759</c:v>
                </c:pt>
                <c:pt idx="1021">
                  <c:v>17.03265300000076</c:v>
                </c:pt>
                <c:pt idx="1022">
                  <c:v>17.049319000000761</c:v>
                </c:pt>
                <c:pt idx="1023">
                  <c:v>17.065985000000762</c:v>
                </c:pt>
                <c:pt idx="1024">
                  <c:v>17.082651000000762</c:v>
                </c:pt>
                <c:pt idx="1025">
                  <c:v>17.099317000000763</c:v>
                </c:pt>
                <c:pt idx="1026">
                  <c:v>17.115983000000764</c:v>
                </c:pt>
                <c:pt idx="1027">
                  <c:v>17.132649000000765</c:v>
                </c:pt>
                <c:pt idx="1028">
                  <c:v>17.149315000000765</c:v>
                </c:pt>
                <c:pt idx="1029">
                  <c:v>17.165981000000766</c:v>
                </c:pt>
                <c:pt idx="1030">
                  <c:v>17.182647000000767</c:v>
                </c:pt>
                <c:pt idx="1031">
                  <c:v>17.199313000000767</c:v>
                </c:pt>
                <c:pt idx="1032">
                  <c:v>17.215979000000768</c:v>
                </c:pt>
                <c:pt idx="1033">
                  <c:v>17.232645000000769</c:v>
                </c:pt>
                <c:pt idx="1034">
                  <c:v>17.24931100000077</c:v>
                </c:pt>
                <c:pt idx="1035">
                  <c:v>17.26597700000077</c:v>
                </c:pt>
                <c:pt idx="1036">
                  <c:v>17.282643000000771</c:v>
                </c:pt>
                <c:pt idx="1037">
                  <c:v>17.299309000000772</c:v>
                </c:pt>
                <c:pt idx="1038">
                  <c:v>17.315975000000773</c:v>
                </c:pt>
                <c:pt idx="1039">
                  <c:v>17.332641000000773</c:v>
                </c:pt>
                <c:pt idx="1040">
                  <c:v>17.349307000000774</c:v>
                </c:pt>
                <c:pt idx="1041">
                  <c:v>17.365973000000775</c:v>
                </c:pt>
                <c:pt idx="1042">
                  <c:v>17.382639000000776</c:v>
                </c:pt>
                <c:pt idx="1043">
                  <c:v>17.399305000000776</c:v>
                </c:pt>
                <c:pt idx="1044">
                  <c:v>17.415971000000777</c:v>
                </c:pt>
                <c:pt idx="1045">
                  <c:v>17.432637000000778</c:v>
                </c:pt>
                <c:pt idx="1046">
                  <c:v>17.449303000000778</c:v>
                </c:pt>
                <c:pt idx="1047">
                  <c:v>17.465969000000779</c:v>
                </c:pt>
                <c:pt idx="1048">
                  <c:v>17.48263500000078</c:v>
                </c:pt>
                <c:pt idx="1049">
                  <c:v>17.499301000000781</c:v>
                </c:pt>
                <c:pt idx="1050">
                  <c:v>17.515967000000781</c:v>
                </c:pt>
                <c:pt idx="1051">
                  <c:v>17.532633000000782</c:v>
                </c:pt>
                <c:pt idx="1052">
                  <c:v>17.549299000000783</c:v>
                </c:pt>
                <c:pt idx="1053">
                  <c:v>17.565965000000784</c:v>
                </c:pt>
                <c:pt idx="1054">
                  <c:v>17.582631000000784</c:v>
                </c:pt>
                <c:pt idx="1055">
                  <c:v>17.599297000000785</c:v>
                </c:pt>
                <c:pt idx="1056">
                  <c:v>17.615963000000786</c:v>
                </c:pt>
                <c:pt idx="1057">
                  <c:v>17.632629000000787</c:v>
                </c:pt>
                <c:pt idx="1058">
                  <c:v>17.649295000000787</c:v>
                </c:pt>
                <c:pt idx="1059">
                  <c:v>17.665961000000788</c:v>
                </c:pt>
                <c:pt idx="1060">
                  <c:v>17.682627000000789</c:v>
                </c:pt>
                <c:pt idx="1061">
                  <c:v>17.69929300000079</c:v>
                </c:pt>
                <c:pt idx="1062">
                  <c:v>17.71595900000079</c:v>
                </c:pt>
                <c:pt idx="1063">
                  <c:v>17.732625000000791</c:v>
                </c:pt>
                <c:pt idx="1064">
                  <c:v>17.749291000000792</c:v>
                </c:pt>
                <c:pt idx="1065">
                  <c:v>17.765957000000792</c:v>
                </c:pt>
                <c:pt idx="1066">
                  <c:v>17.782623000000793</c:v>
                </c:pt>
                <c:pt idx="1067">
                  <c:v>17.799289000000794</c:v>
                </c:pt>
                <c:pt idx="1068">
                  <c:v>17.815955000000795</c:v>
                </c:pt>
                <c:pt idx="1069">
                  <c:v>17.832621000000795</c:v>
                </c:pt>
                <c:pt idx="1070">
                  <c:v>17.849287000000796</c:v>
                </c:pt>
                <c:pt idx="1071">
                  <c:v>17.865953000000797</c:v>
                </c:pt>
                <c:pt idx="1072">
                  <c:v>17.882619000000798</c:v>
                </c:pt>
                <c:pt idx="1073">
                  <c:v>17.899285000000798</c:v>
                </c:pt>
                <c:pt idx="1074">
                  <c:v>17.915951000000799</c:v>
                </c:pt>
                <c:pt idx="1075">
                  <c:v>17.9326170000008</c:v>
                </c:pt>
                <c:pt idx="1076">
                  <c:v>17.949283000000801</c:v>
                </c:pt>
                <c:pt idx="1077">
                  <c:v>17.965949000000801</c:v>
                </c:pt>
                <c:pt idx="1078">
                  <c:v>17.982615000000802</c:v>
                </c:pt>
                <c:pt idx="1079">
                  <c:v>17.999281000000803</c:v>
                </c:pt>
                <c:pt idx="1080">
                  <c:v>18.015947000000804</c:v>
                </c:pt>
                <c:pt idx="1081">
                  <c:v>18.032613000000804</c:v>
                </c:pt>
                <c:pt idx="1082">
                  <c:v>18.049279000000805</c:v>
                </c:pt>
                <c:pt idx="1083">
                  <c:v>18.065945000000806</c:v>
                </c:pt>
                <c:pt idx="1084">
                  <c:v>18.082611000000806</c:v>
                </c:pt>
                <c:pt idx="1085">
                  <c:v>18.099277000000807</c:v>
                </c:pt>
                <c:pt idx="1086">
                  <c:v>18.115943000000808</c:v>
                </c:pt>
                <c:pt idx="1087">
                  <c:v>18.132609000000809</c:v>
                </c:pt>
                <c:pt idx="1088">
                  <c:v>18.149275000000809</c:v>
                </c:pt>
                <c:pt idx="1089">
                  <c:v>18.16594100000081</c:v>
                </c:pt>
                <c:pt idx="1090">
                  <c:v>18.182607000000811</c:v>
                </c:pt>
                <c:pt idx="1091">
                  <c:v>18.199273000000812</c:v>
                </c:pt>
                <c:pt idx="1092">
                  <c:v>18.215939000000812</c:v>
                </c:pt>
                <c:pt idx="1093">
                  <c:v>18.232605000000813</c:v>
                </c:pt>
                <c:pt idx="1094">
                  <c:v>18.249271000000814</c:v>
                </c:pt>
                <c:pt idx="1095">
                  <c:v>18.265937000000815</c:v>
                </c:pt>
                <c:pt idx="1096">
                  <c:v>18.282603000000815</c:v>
                </c:pt>
                <c:pt idx="1097">
                  <c:v>18.299269000000816</c:v>
                </c:pt>
                <c:pt idx="1098">
                  <c:v>18.315935000000817</c:v>
                </c:pt>
                <c:pt idx="1099">
                  <c:v>18.332601000000817</c:v>
                </c:pt>
                <c:pt idx="1100">
                  <c:v>18.349267000000818</c:v>
                </c:pt>
                <c:pt idx="1101">
                  <c:v>18.365933000000819</c:v>
                </c:pt>
                <c:pt idx="1102">
                  <c:v>18.38259900000082</c:v>
                </c:pt>
                <c:pt idx="1103">
                  <c:v>18.39926500000082</c:v>
                </c:pt>
                <c:pt idx="1104">
                  <c:v>18.415931000000821</c:v>
                </c:pt>
                <c:pt idx="1105">
                  <c:v>18.432597000000822</c:v>
                </c:pt>
                <c:pt idx="1106">
                  <c:v>18.449263000000823</c:v>
                </c:pt>
                <c:pt idx="1107">
                  <c:v>18.465929000000823</c:v>
                </c:pt>
                <c:pt idx="1108">
                  <c:v>18.482595000000824</c:v>
                </c:pt>
                <c:pt idx="1109">
                  <c:v>18.499261000000825</c:v>
                </c:pt>
                <c:pt idx="1110">
                  <c:v>18.515927000000826</c:v>
                </c:pt>
                <c:pt idx="1111">
                  <c:v>18.532593000000826</c:v>
                </c:pt>
                <c:pt idx="1112">
                  <c:v>18.549259000000827</c:v>
                </c:pt>
                <c:pt idx="1113">
                  <c:v>18.565925000000828</c:v>
                </c:pt>
                <c:pt idx="1114">
                  <c:v>18.582591000000829</c:v>
                </c:pt>
                <c:pt idx="1115">
                  <c:v>18.599257000000829</c:v>
                </c:pt>
                <c:pt idx="1116">
                  <c:v>18.61592300000083</c:v>
                </c:pt>
                <c:pt idx="1117">
                  <c:v>18.632589000000831</c:v>
                </c:pt>
                <c:pt idx="1118">
                  <c:v>18.649255000000831</c:v>
                </c:pt>
                <c:pt idx="1119">
                  <c:v>18.665921000000832</c:v>
                </c:pt>
                <c:pt idx="1120">
                  <c:v>18.682587000000833</c:v>
                </c:pt>
                <c:pt idx="1121">
                  <c:v>18.699253000000834</c:v>
                </c:pt>
                <c:pt idx="1122">
                  <c:v>18.715919000000834</c:v>
                </c:pt>
                <c:pt idx="1123">
                  <c:v>18.732585000000835</c:v>
                </c:pt>
                <c:pt idx="1124">
                  <c:v>18.749251000000836</c:v>
                </c:pt>
                <c:pt idx="1125">
                  <c:v>18.765917000000837</c:v>
                </c:pt>
                <c:pt idx="1126">
                  <c:v>18.782583000000837</c:v>
                </c:pt>
                <c:pt idx="1127">
                  <c:v>18.799249000000838</c:v>
                </c:pt>
                <c:pt idx="1128">
                  <c:v>18.815915000000839</c:v>
                </c:pt>
                <c:pt idx="1129">
                  <c:v>18.83258100000084</c:v>
                </c:pt>
                <c:pt idx="1130">
                  <c:v>18.84924700000084</c:v>
                </c:pt>
                <c:pt idx="1131">
                  <c:v>18.865913000000841</c:v>
                </c:pt>
                <c:pt idx="1132">
                  <c:v>18.882579000000842</c:v>
                </c:pt>
                <c:pt idx="1133">
                  <c:v>18.899245000000843</c:v>
                </c:pt>
                <c:pt idx="1134">
                  <c:v>18.915911000000843</c:v>
                </c:pt>
                <c:pt idx="1135">
                  <c:v>18.932577000000844</c:v>
                </c:pt>
                <c:pt idx="1136">
                  <c:v>18.949243000000845</c:v>
                </c:pt>
                <c:pt idx="1137">
                  <c:v>18.965909000000845</c:v>
                </c:pt>
                <c:pt idx="1138">
                  <c:v>18.982575000000846</c:v>
                </c:pt>
                <c:pt idx="1139">
                  <c:v>18.999241000000847</c:v>
                </c:pt>
                <c:pt idx="1140">
                  <c:v>19.015907000000848</c:v>
                </c:pt>
                <c:pt idx="1141">
                  <c:v>19.032573000000848</c:v>
                </c:pt>
                <c:pt idx="1142">
                  <c:v>19.049239000000849</c:v>
                </c:pt>
                <c:pt idx="1143">
                  <c:v>19.06590500000085</c:v>
                </c:pt>
                <c:pt idx="1144">
                  <c:v>19.082571000000851</c:v>
                </c:pt>
                <c:pt idx="1145">
                  <c:v>19.099237000000851</c:v>
                </c:pt>
                <c:pt idx="1146">
                  <c:v>19.115903000000852</c:v>
                </c:pt>
                <c:pt idx="1147">
                  <c:v>19.132569000000853</c:v>
                </c:pt>
                <c:pt idx="1148">
                  <c:v>19.149235000000854</c:v>
                </c:pt>
                <c:pt idx="1149">
                  <c:v>19.165901000000854</c:v>
                </c:pt>
                <c:pt idx="1150">
                  <c:v>19.182567000000855</c:v>
                </c:pt>
                <c:pt idx="1151">
                  <c:v>19.199233000000856</c:v>
                </c:pt>
                <c:pt idx="1152">
                  <c:v>19.215899000000856</c:v>
                </c:pt>
                <c:pt idx="1153">
                  <c:v>19.232565000000857</c:v>
                </c:pt>
                <c:pt idx="1154">
                  <c:v>19.249231000000858</c:v>
                </c:pt>
                <c:pt idx="1155">
                  <c:v>19.265897000000859</c:v>
                </c:pt>
                <c:pt idx="1156">
                  <c:v>19.282563000000859</c:v>
                </c:pt>
                <c:pt idx="1157">
                  <c:v>19.29922900000086</c:v>
                </c:pt>
                <c:pt idx="1158">
                  <c:v>19.315895000000861</c:v>
                </c:pt>
                <c:pt idx="1159">
                  <c:v>19.332561000000862</c:v>
                </c:pt>
                <c:pt idx="1160">
                  <c:v>19.349227000000862</c:v>
                </c:pt>
                <c:pt idx="1161">
                  <c:v>19.365893000000863</c:v>
                </c:pt>
                <c:pt idx="1162">
                  <c:v>19.382559000000864</c:v>
                </c:pt>
                <c:pt idx="1163">
                  <c:v>19.399225000000865</c:v>
                </c:pt>
                <c:pt idx="1164">
                  <c:v>19.415891000000865</c:v>
                </c:pt>
                <c:pt idx="1165">
                  <c:v>19.432557000000866</c:v>
                </c:pt>
                <c:pt idx="1166">
                  <c:v>19.449223000000867</c:v>
                </c:pt>
                <c:pt idx="1167">
                  <c:v>19.465889000000868</c:v>
                </c:pt>
                <c:pt idx="1168">
                  <c:v>19.482555000000868</c:v>
                </c:pt>
                <c:pt idx="1169">
                  <c:v>19.499221000000869</c:v>
                </c:pt>
                <c:pt idx="1170">
                  <c:v>19.51588700000087</c:v>
                </c:pt>
                <c:pt idx="1171">
                  <c:v>19.53255300000087</c:v>
                </c:pt>
                <c:pt idx="1172">
                  <c:v>19.549219000000871</c:v>
                </c:pt>
                <c:pt idx="1173">
                  <c:v>19.565885000000872</c:v>
                </c:pt>
                <c:pt idx="1174">
                  <c:v>19.582551000000873</c:v>
                </c:pt>
                <c:pt idx="1175">
                  <c:v>19.599217000000873</c:v>
                </c:pt>
                <c:pt idx="1176">
                  <c:v>19.615883000000874</c:v>
                </c:pt>
                <c:pt idx="1177">
                  <c:v>19.632549000000875</c:v>
                </c:pt>
                <c:pt idx="1178">
                  <c:v>19.649215000000876</c:v>
                </c:pt>
                <c:pt idx="1179">
                  <c:v>19.665881000000876</c:v>
                </c:pt>
                <c:pt idx="1180">
                  <c:v>19.682547000000877</c:v>
                </c:pt>
                <c:pt idx="1181">
                  <c:v>19.699213000000878</c:v>
                </c:pt>
                <c:pt idx="1182">
                  <c:v>19.715879000000879</c:v>
                </c:pt>
                <c:pt idx="1183">
                  <c:v>19.732545000000879</c:v>
                </c:pt>
                <c:pt idx="1184">
                  <c:v>19.74921100000088</c:v>
                </c:pt>
                <c:pt idx="1185">
                  <c:v>19.765877000000881</c:v>
                </c:pt>
                <c:pt idx="1186">
                  <c:v>19.782543000000882</c:v>
                </c:pt>
                <c:pt idx="1187">
                  <c:v>19.799209000000882</c:v>
                </c:pt>
                <c:pt idx="1188">
                  <c:v>19.815875000000883</c:v>
                </c:pt>
                <c:pt idx="1189">
                  <c:v>19.832541000000884</c:v>
                </c:pt>
                <c:pt idx="1190">
                  <c:v>19.849207000000884</c:v>
                </c:pt>
                <c:pt idx="1191">
                  <c:v>19.865873000000885</c:v>
                </c:pt>
                <c:pt idx="1192">
                  <c:v>19.882539000000886</c:v>
                </c:pt>
                <c:pt idx="1193">
                  <c:v>19.899205000000887</c:v>
                </c:pt>
                <c:pt idx="1194">
                  <c:v>19.915871000000887</c:v>
                </c:pt>
                <c:pt idx="1195">
                  <c:v>19.932537000000888</c:v>
                </c:pt>
                <c:pt idx="1196">
                  <c:v>19.949203000000889</c:v>
                </c:pt>
                <c:pt idx="1197">
                  <c:v>19.96586900000089</c:v>
                </c:pt>
                <c:pt idx="1198">
                  <c:v>19.98253500000089</c:v>
                </c:pt>
                <c:pt idx="1199">
                  <c:v>19.999201000000891</c:v>
                </c:pt>
                <c:pt idx="1200">
                  <c:v>20.015867000000892</c:v>
                </c:pt>
                <c:pt idx="1201">
                  <c:v>20.032533000000893</c:v>
                </c:pt>
                <c:pt idx="1202">
                  <c:v>20.049199000000893</c:v>
                </c:pt>
                <c:pt idx="1203">
                  <c:v>20.065865000000894</c:v>
                </c:pt>
                <c:pt idx="1204">
                  <c:v>20.082531000000895</c:v>
                </c:pt>
                <c:pt idx="1205">
                  <c:v>20.099197000000895</c:v>
                </c:pt>
                <c:pt idx="1206">
                  <c:v>20.115863000000896</c:v>
                </c:pt>
                <c:pt idx="1207">
                  <c:v>20.132529000000897</c:v>
                </c:pt>
                <c:pt idx="1208">
                  <c:v>20.149195000000898</c:v>
                </c:pt>
                <c:pt idx="1209">
                  <c:v>20.165861000000898</c:v>
                </c:pt>
                <c:pt idx="1210">
                  <c:v>20.182527000000899</c:v>
                </c:pt>
                <c:pt idx="1211">
                  <c:v>20.1991930000009</c:v>
                </c:pt>
                <c:pt idx="1212">
                  <c:v>20.215859000000901</c:v>
                </c:pt>
                <c:pt idx="1213">
                  <c:v>20.232525000000901</c:v>
                </c:pt>
                <c:pt idx="1214">
                  <c:v>20.249191000000902</c:v>
                </c:pt>
                <c:pt idx="1215">
                  <c:v>20.265857000000903</c:v>
                </c:pt>
                <c:pt idx="1216">
                  <c:v>20.282523000000904</c:v>
                </c:pt>
                <c:pt idx="1217">
                  <c:v>20.299189000000904</c:v>
                </c:pt>
                <c:pt idx="1218">
                  <c:v>20.315855000000905</c:v>
                </c:pt>
                <c:pt idx="1219">
                  <c:v>20.332521000000906</c:v>
                </c:pt>
                <c:pt idx="1220">
                  <c:v>20.349187000000907</c:v>
                </c:pt>
                <c:pt idx="1221">
                  <c:v>20.365853000000907</c:v>
                </c:pt>
                <c:pt idx="1222">
                  <c:v>20.382519000000908</c:v>
                </c:pt>
                <c:pt idx="1223">
                  <c:v>20.399185000000909</c:v>
                </c:pt>
                <c:pt idx="1224">
                  <c:v>20.415851000000909</c:v>
                </c:pt>
                <c:pt idx="1225">
                  <c:v>20.43251700000091</c:v>
                </c:pt>
                <c:pt idx="1226">
                  <c:v>20.449183000000911</c:v>
                </c:pt>
                <c:pt idx="1227">
                  <c:v>20.465849000000912</c:v>
                </c:pt>
                <c:pt idx="1228">
                  <c:v>20.482515000000912</c:v>
                </c:pt>
                <c:pt idx="1229">
                  <c:v>20.499181000000913</c:v>
                </c:pt>
                <c:pt idx="1230">
                  <c:v>20.515847000000914</c:v>
                </c:pt>
                <c:pt idx="1231">
                  <c:v>20.532513000000915</c:v>
                </c:pt>
                <c:pt idx="1232">
                  <c:v>20.549179000000915</c:v>
                </c:pt>
                <c:pt idx="1233">
                  <c:v>20.565845000000916</c:v>
                </c:pt>
                <c:pt idx="1234">
                  <c:v>20.582511000000917</c:v>
                </c:pt>
                <c:pt idx="1235">
                  <c:v>20.599177000000918</c:v>
                </c:pt>
                <c:pt idx="1236">
                  <c:v>20.615843000000918</c:v>
                </c:pt>
                <c:pt idx="1237">
                  <c:v>20.632509000000919</c:v>
                </c:pt>
                <c:pt idx="1238">
                  <c:v>20.64917500000092</c:v>
                </c:pt>
                <c:pt idx="1239">
                  <c:v>20.665841000000921</c:v>
                </c:pt>
                <c:pt idx="1240">
                  <c:v>20.682507000000921</c:v>
                </c:pt>
                <c:pt idx="1241">
                  <c:v>20.699173000000922</c:v>
                </c:pt>
                <c:pt idx="1242">
                  <c:v>20.715839000000923</c:v>
                </c:pt>
                <c:pt idx="1243">
                  <c:v>20.732505000000923</c:v>
                </c:pt>
                <c:pt idx="1244">
                  <c:v>20.749171000000924</c:v>
                </c:pt>
                <c:pt idx="1245">
                  <c:v>20.765837000000925</c:v>
                </c:pt>
                <c:pt idx="1246">
                  <c:v>20.782503000000926</c:v>
                </c:pt>
                <c:pt idx="1247">
                  <c:v>20.799169000000926</c:v>
                </c:pt>
                <c:pt idx="1248">
                  <c:v>20.815835000000927</c:v>
                </c:pt>
                <c:pt idx="1249">
                  <c:v>20.832501000000928</c:v>
                </c:pt>
                <c:pt idx="1250">
                  <c:v>20.849167000000929</c:v>
                </c:pt>
                <c:pt idx="1251">
                  <c:v>20.865833000000929</c:v>
                </c:pt>
                <c:pt idx="1252">
                  <c:v>20.88249900000093</c:v>
                </c:pt>
                <c:pt idx="1253">
                  <c:v>20.899165000000931</c:v>
                </c:pt>
                <c:pt idx="1254">
                  <c:v>20.915831000000932</c:v>
                </c:pt>
                <c:pt idx="1255">
                  <c:v>20.932497000000932</c:v>
                </c:pt>
                <c:pt idx="1256">
                  <c:v>20.949163000000933</c:v>
                </c:pt>
                <c:pt idx="1257">
                  <c:v>20.965829000000934</c:v>
                </c:pt>
                <c:pt idx="1258">
                  <c:v>20.982495000000934</c:v>
                </c:pt>
                <c:pt idx="1259">
                  <c:v>20.999161000000935</c:v>
                </c:pt>
                <c:pt idx="1260">
                  <c:v>21.015827000000936</c:v>
                </c:pt>
                <c:pt idx="1261">
                  <c:v>21.032493000000937</c:v>
                </c:pt>
                <c:pt idx="1262">
                  <c:v>21.049159000000937</c:v>
                </c:pt>
                <c:pt idx="1263">
                  <c:v>21.065825000000938</c:v>
                </c:pt>
                <c:pt idx="1264">
                  <c:v>21.082491000000939</c:v>
                </c:pt>
                <c:pt idx="1265">
                  <c:v>21.09915700000094</c:v>
                </c:pt>
                <c:pt idx="1266">
                  <c:v>21.11582300000094</c:v>
                </c:pt>
                <c:pt idx="1267">
                  <c:v>21.132489000000941</c:v>
                </c:pt>
                <c:pt idx="1268">
                  <c:v>21.149155000000942</c:v>
                </c:pt>
                <c:pt idx="1269">
                  <c:v>21.165821000000943</c:v>
                </c:pt>
                <c:pt idx="1270">
                  <c:v>21.182487000000943</c:v>
                </c:pt>
                <c:pt idx="1271">
                  <c:v>21.199153000000944</c:v>
                </c:pt>
                <c:pt idx="1272">
                  <c:v>21.215819000000945</c:v>
                </c:pt>
                <c:pt idx="1273">
                  <c:v>21.232485000000946</c:v>
                </c:pt>
                <c:pt idx="1274">
                  <c:v>21.249151000000946</c:v>
                </c:pt>
                <c:pt idx="1275">
                  <c:v>21.265817000000947</c:v>
                </c:pt>
                <c:pt idx="1276">
                  <c:v>21.282483000000948</c:v>
                </c:pt>
                <c:pt idx="1277">
                  <c:v>21.299149000000948</c:v>
                </c:pt>
                <c:pt idx="1278">
                  <c:v>21.315815000000949</c:v>
                </c:pt>
                <c:pt idx="1279">
                  <c:v>21.33248100000095</c:v>
                </c:pt>
                <c:pt idx="1280">
                  <c:v>21.349147000000951</c:v>
                </c:pt>
                <c:pt idx="1281">
                  <c:v>21.365813000000951</c:v>
                </c:pt>
                <c:pt idx="1282">
                  <c:v>21.382479000000952</c:v>
                </c:pt>
                <c:pt idx="1283">
                  <c:v>21.399145000000953</c:v>
                </c:pt>
                <c:pt idx="1284">
                  <c:v>21.415811000000954</c:v>
                </c:pt>
                <c:pt idx="1285">
                  <c:v>21.432477000000954</c:v>
                </c:pt>
                <c:pt idx="1286">
                  <c:v>21.449143000000955</c:v>
                </c:pt>
                <c:pt idx="1287">
                  <c:v>21.465809000000956</c:v>
                </c:pt>
                <c:pt idx="1288">
                  <c:v>21.482475000000957</c:v>
                </c:pt>
                <c:pt idx="1289">
                  <c:v>21.499141000000957</c:v>
                </c:pt>
                <c:pt idx="1290">
                  <c:v>21.515807000000958</c:v>
                </c:pt>
                <c:pt idx="1291">
                  <c:v>21.532473000000959</c:v>
                </c:pt>
                <c:pt idx="1292">
                  <c:v>21.549139000000959</c:v>
                </c:pt>
                <c:pt idx="1293">
                  <c:v>21.56580500000096</c:v>
                </c:pt>
                <c:pt idx="1294">
                  <c:v>21.582471000000961</c:v>
                </c:pt>
                <c:pt idx="1295">
                  <c:v>21.599137000000962</c:v>
                </c:pt>
                <c:pt idx="1296">
                  <c:v>21.615803000000962</c:v>
                </c:pt>
                <c:pt idx="1297">
                  <c:v>21.632469000000963</c:v>
                </c:pt>
                <c:pt idx="1298">
                  <c:v>21.649135000000964</c:v>
                </c:pt>
                <c:pt idx="1299">
                  <c:v>21.665801000000965</c:v>
                </c:pt>
                <c:pt idx="1300">
                  <c:v>21.682467000000965</c:v>
                </c:pt>
                <c:pt idx="1301">
                  <c:v>21.699133000000966</c:v>
                </c:pt>
                <c:pt idx="1302">
                  <c:v>21.715799000000967</c:v>
                </c:pt>
                <c:pt idx="1303">
                  <c:v>21.732465000000968</c:v>
                </c:pt>
                <c:pt idx="1304">
                  <c:v>21.749131000000968</c:v>
                </c:pt>
                <c:pt idx="1305">
                  <c:v>21.765797000000969</c:v>
                </c:pt>
                <c:pt idx="1306">
                  <c:v>21.78246300000097</c:v>
                </c:pt>
                <c:pt idx="1307">
                  <c:v>21.799129000000971</c:v>
                </c:pt>
                <c:pt idx="1308">
                  <c:v>21.815795000000971</c:v>
                </c:pt>
                <c:pt idx="1309">
                  <c:v>21.832461000000972</c:v>
                </c:pt>
                <c:pt idx="1310">
                  <c:v>21.849127000000973</c:v>
                </c:pt>
                <c:pt idx="1311">
                  <c:v>21.865793000000973</c:v>
                </c:pt>
                <c:pt idx="1312">
                  <c:v>21.882459000000974</c:v>
                </c:pt>
                <c:pt idx="1313">
                  <c:v>21.899125000000975</c:v>
                </c:pt>
                <c:pt idx="1314">
                  <c:v>21.915791000000976</c:v>
                </c:pt>
                <c:pt idx="1315">
                  <c:v>21.932457000000976</c:v>
                </c:pt>
                <c:pt idx="1316">
                  <c:v>21.949123000000977</c:v>
                </c:pt>
                <c:pt idx="1317">
                  <c:v>21.965789000000978</c:v>
                </c:pt>
                <c:pt idx="1318">
                  <c:v>21.982455000000979</c:v>
                </c:pt>
                <c:pt idx="1319">
                  <c:v>21.999121000000979</c:v>
                </c:pt>
                <c:pt idx="1320">
                  <c:v>22.01578700000098</c:v>
                </c:pt>
                <c:pt idx="1321">
                  <c:v>22.032453000000981</c:v>
                </c:pt>
                <c:pt idx="1322">
                  <c:v>22.049119000000982</c:v>
                </c:pt>
                <c:pt idx="1323">
                  <c:v>22.065785000000982</c:v>
                </c:pt>
                <c:pt idx="1324">
                  <c:v>22.082451000000983</c:v>
                </c:pt>
                <c:pt idx="1325">
                  <c:v>22.099117000000984</c:v>
                </c:pt>
                <c:pt idx="1326">
                  <c:v>22.115783000000985</c:v>
                </c:pt>
                <c:pt idx="1327">
                  <c:v>22.132449000000985</c:v>
                </c:pt>
                <c:pt idx="1328">
                  <c:v>22.149115000000986</c:v>
                </c:pt>
                <c:pt idx="1329">
                  <c:v>22.165781000000987</c:v>
                </c:pt>
                <c:pt idx="1330">
                  <c:v>22.182447000000987</c:v>
                </c:pt>
                <c:pt idx="1331">
                  <c:v>22.199113000000988</c:v>
                </c:pt>
                <c:pt idx="1332">
                  <c:v>22.215779000000989</c:v>
                </c:pt>
                <c:pt idx="1333">
                  <c:v>22.23244500000099</c:v>
                </c:pt>
                <c:pt idx="1334">
                  <c:v>22.24911100000099</c:v>
                </c:pt>
                <c:pt idx="1335">
                  <c:v>22.265777000000991</c:v>
                </c:pt>
                <c:pt idx="1336">
                  <c:v>22.282443000000992</c:v>
                </c:pt>
                <c:pt idx="1337">
                  <c:v>22.299109000000993</c:v>
                </c:pt>
                <c:pt idx="1338">
                  <c:v>22.315775000000993</c:v>
                </c:pt>
                <c:pt idx="1339">
                  <c:v>22.332441000000994</c:v>
                </c:pt>
                <c:pt idx="1340">
                  <c:v>22.349107000000995</c:v>
                </c:pt>
                <c:pt idx="1341">
                  <c:v>22.365773000000996</c:v>
                </c:pt>
                <c:pt idx="1342">
                  <c:v>22.382439000000996</c:v>
                </c:pt>
                <c:pt idx="1343">
                  <c:v>22.399105000000997</c:v>
                </c:pt>
                <c:pt idx="1344">
                  <c:v>22.415771000000998</c:v>
                </c:pt>
                <c:pt idx="1345">
                  <c:v>22.432437000000998</c:v>
                </c:pt>
                <c:pt idx="1346">
                  <c:v>22.449103000000999</c:v>
                </c:pt>
                <c:pt idx="1347">
                  <c:v>22.465769000001</c:v>
                </c:pt>
                <c:pt idx="1348">
                  <c:v>22.482435000001001</c:v>
                </c:pt>
                <c:pt idx="1349">
                  <c:v>22.499101000001001</c:v>
                </c:pt>
                <c:pt idx="1350">
                  <c:v>22.515767000001002</c:v>
                </c:pt>
                <c:pt idx="1351">
                  <c:v>22.532433000001003</c:v>
                </c:pt>
                <c:pt idx="1352">
                  <c:v>22.549099000001004</c:v>
                </c:pt>
                <c:pt idx="1353">
                  <c:v>22.565765000001004</c:v>
                </c:pt>
                <c:pt idx="1354">
                  <c:v>22.582431000001005</c:v>
                </c:pt>
                <c:pt idx="1355">
                  <c:v>22.599097000001006</c:v>
                </c:pt>
                <c:pt idx="1356">
                  <c:v>22.615763000001007</c:v>
                </c:pt>
                <c:pt idx="1357">
                  <c:v>22.632429000001007</c:v>
                </c:pt>
                <c:pt idx="1358">
                  <c:v>22.649095000001008</c:v>
                </c:pt>
                <c:pt idx="1359">
                  <c:v>22.665761000001009</c:v>
                </c:pt>
                <c:pt idx="1360">
                  <c:v>22.68242700000101</c:v>
                </c:pt>
                <c:pt idx="1361">
                  <c:v>22.69909300000101</c:v>
                </c:pt>
                <c:pt idx="1362">
                  <c:v>22.715759000001011</c:v>
                </c:pt>
                <c:pt idx="1363">
                  <c:v>22.732425000001012</c:v>
                </c:pt>
                <c:pt idx="1364">
                  <c:v>22.749091000001012</c:v>
                </c:pt>
                <c:pt idx="1365">
                  <c:v>22.765757000001013</c:v>
                </c:pt>
                <c:pt idx="1366">
                  <c:v>22.782423000001014</c:v>
                </c:pt>
                <c:pt idx="1367">
                  <c:v>22.799089000001015</c:v>
                </c:pt>
                <c:pt idx="1368">
                  <c:v>22.815755000001015</c:v>
                </c:pt>
                <c:pt idx="1369">
                  <c:v>22.832421000001016</c:v>
                </c:pt>
                <c:pt idx="1370">
                  <c:v>22.849087000001017</c:v>
                </c:pt>
                <c:pt idx="1371">
                  <c:v>22.865753000001018</c:v>
                </c:pt>
                <c:pt idx="1372">
                  <c:v>22.882419000001018</c:v>
                </c:pt>
                <c:pt idx="1373">
                  <c:v>22.899085000001019</c:v>
                </c:pt>
                <c:pt idx="1374">
                  <c:v>22.91575100000102</c:v>
                </c:pt>
                <c:pt idx="1375">
                  <c:v>22.932417000001021</c:v>
                </c:pt>
                <c:pt idx="1376">
                  <c:v>22.949083000001021</c:v>
                </c:pt>
                <c:pt idx="1377">
                  <c:v>22.965749000001022</c:v>
                </c:pt>
                <c:pt idx="1378">
                  <c:v>22.982415000001023</c:v>
                </c:pt>
                <c:pt idx="1379">
                  <c:v>22.999081000001024</c:v>
                </c:pt>
                <c:pt idx="1380">
                  <c:v>23.015747000001024</c:v>
                </c:pt>
                <c:pt idx="1381">
                  <c:v>23.032413000001025</c:v>
                </c:pt>
                <c:pt idx="1382">
                  <c:v>23.049079000001026</c:v>
                </c:pt>
                <c:pt idx="1383">
                  <c:v>23.065745000001026</c:v>
                </c:pt>
                <c:pt idx="1384">
                  <c:v>23.082411000001027</c:v>
                </c:pt>
                <c:pt idx="1385">
                  <c:v>23.099077000001028</c:v>
                </c:pt>
                <c:pt idx="1386">
                  <c:v>23.115743000001029</c:v>
                </c:pt>
                <c:pt idx="1387">
                  <c:v>23.132409000001029</c:v>
                </c:pt>
                <c:pt idx="1388">
                  <c:v>23.14907500000103</c:v>
                </c:pt>
                <c:pt idx="1389">
                  <c:v>23.165741000001031</c:v>
                </c:pt>
                <c:pt idx="1390">
                  <c:v>23.182407000001032</c:v>
                </c:pt>
                <c:pt idx="1391">
                  <c:v>23.199073000001032</c:v>
                </c:pt>
                <c:pt idx="1392">
                  <c:v>23.215739000001033</c:v>
                </c:pt>
                <c:pt idx="1393">
                  <c:v>23.232405000001034</c:v>
                </c:pt>
                <c:pt idx="1394">
                  <c:v>23.249071000001035</c:v>
                </c:pt>
                <c:pt idx="1395">
                  <c:v>23.265737000001035</c:v>
                </c:pt>
                <c:pt idx="1396">
                  <c:v>23.282403000001036</c:v>
                </c:pt>
                <c:pt idx="1397">
                  <c:v>23.299069000001037</c:v>
                </c:pt>
                <c:pt idx="1398">
                  <c:v>23.315735000001037</c:v>
                </c:pt>
                <c:pt idx="1399">
                  <c:v>23.332401000001038</c:v>
                </c:pt>
                <c:pt idx="1400">
                  <c:v>23.349067000001039</c:v>
                </c:pt>
                <c:pt idx="1401">
                  <c:v>23.36573300000104</c:v>
                </c:pt>
                <c:pt idx="1402">
                  <c:v>23.38239900000104</c:v>
                </c:pt>
                <c:pt idx="1403">
                  <c:v>23.399065000001041</c:v>
                </c:pt>
                <c:pt idx="1404">
                  <c:v>23.415731000001042</c:v>
                </c:pt>
                <c:pt idx="1405">
                  <c:v>23.432397000001043</c:v>
                </c:pt>
                <c:pt idx="1406">
                  <c:v>23.449063000001043</c:v>
                </c:pt>
                <c:pt idx="1407">
                  <c:v>23.465729000001044</c:v>
                </c:pt>
                <c:pt idx="1408">
                  <c:v>23.482395000001045</c:v>
                </c:pt>
                <c:pt idx="1409">
                  <c:v>23.499061000001046</c:v>
                </c:pt>
                <c:pt idx="1410">
                  <c:v>23.515727000001046</c:v>
                </c:pt>
                <c:pt idx="1411">
                  <c:v>23.532393000001047</c:v>
                </c:pt>
                <c:pt idx="1412">
                  <c:v>23.549059000001048</c:v>
                </c:pt>
                <c:pt idx="1413">
                  <c:v>23.565725000001049</c:v>
                </c:pt>
                <c:pt idx="1414">
                  <c:v>23.582391000001049</c:v>
                </c:pt>
                <c:pt idx="1415">
                  <c:v>23.59905700000105</c:v>
                </c:pt>
                <c:pt idx="1416">
                  <c:v>23.615723000001051</c:v>
                </c:pt>
                <c:pt idx="1417">
                  <c:v>23.632389000001051</c:v>
                </c:pt>
                <c:pt idx="1418">
                  <c:v>23.649055000001052</c:v>
                </c:pt>
                <c:pt idx="1419">
                  <c:v>23.665721000001053</c:v>
                </c:pt>
                <c:pt idx="1420">
                  <c:v>23.682387000001054</c:v>
                </c:pt>
                <c:pt idx="1421">
                  <c:v>23.699053000001054</c:v>
                </c:pt>
                <c:pt idx="1422">
                  <c:v>23.715719000001055</c:v>
                </c:pt>
                <c:pt idx="1423">
                  <c:v>23.732385000001056</c:v>
                </c:pt>
                <c:pt idx="1424">
                  <c:v>23.749051000001057</c:v>
                </c:pt>
                <c:pt idx="1425">
                  <c:v>23.765717000001057</c:v>
                </c:pt>
                <c:pt idx="1426">
                  <c:v>23.782383000001058</c:v>
                </c:pt>
                <c:pt idx="1427">
                  <c:v>23.799049000001059</c:v>
                </c:pt>
                <c:pt idx="1428">
                  <c:v>23.81571500000106</c:v>
                </c:pt>
                <c:pt idx="1429">
                  <c:v>23.83238100000106</c:v>
                </c:pt>
                <c:pt idx="1430">
                  <c:v>23.849047000001061</c:v>
                </c:pt>
                <c:pt idx="1431">
                  <c:v>23.865713000001062</c:v>
                </c:pt>
                <c:pt idx="1432">
                  <c:v>23.882379000001063</c:v>
                </c:pt>
                <c:pt idx="1433">
                  <c:v>23.899045000001063</c:v>
                </c:pt>
                <c:pt idx="1434">
                  <c:v>23.915711000001064</c:v>
                </c:pt>
                <c:pt idx="1435">
                  <c:v>23.932377000001065</c:v>
                </c:pt>
                <c:pt idx="1436">
                  <c:v>23.949043000001065</c:v>
                </c:pt>
                <c:pt idx="1437">
                  <c:v>23.965709000001066</c:v>
                </c:pt>
                <c:pt idx="1438">
                  <c:v>23.982375000001067</c:v>
                </c:pt>
                <c:pt idx="1439">
                  <c:v>23.999041000001068</c:v>
                </c:pt>
                <c:pt idx="1440">
                  <c:v>24.015707000001068</c:v>
                </c:pt>
                <c:pt idx="1441">
                  <c:v>24.032373000001069</c:v>
                </c:pt>
                <c:pt idx="1442">
                  <c:v>24.04903900000107</c:v>
                </c:pt>
                <c:pt idx="1443">
                  <c:v>24.065705000001071</c:v>
                </c:pt>
                <c:pt idx="1444">
                  <c:v>24.082371000001071</c:v>
                </c:pt>
                <c:pt idx="1445">
                  <c:v>24.099037000001072</c:v>
                </c:pt>
                <c:pt idx="1446">
                  <c:v>24.115703000001073</c:v>
                </c:pt>
                <c:pt idx="1447">
                  <c:v>24.132369000001074</c:v>
                </c:pt>
                <c:pt idx="1448">
                  <c:v>24.149035000001074</c:v>
                </c:pt>
                <c:pt idx="1449">
                  <c:v>24.165701000001075</c:v>
                </c:pt>
                <c:pt idx="1450">
                  <c:v>24.182367000001076</c:v>
                </c:pt>
                <c:pt idx="1451">
                  <c:v>24.199033000001076</c:v>
                </c:pt>
                <c:pt idx="1452">
                  <c:v>24.215699000001077</c:v>
                </c:pt>
                <c:pt idx="1453">
                  <c:v>24.232365000001078</c:v>
                </c:pt>
                <c:pt idx="1454">
                  <c:v>24.249031000001079</c:v>
                </c:pt>
                <c:pt idx="1455">
                  <c:v>24.265697000001079</c:v>
                </c:pt>
                <c:pt idx="1456">
                  <c:v>24.28236300000108</c:v>
                </c:pt>
                <c:pt idx="1457">
                  <c:v>24.299029000001081</c:v>
                </c:pt>
                <c:pt idx="1458">
                  <c:v>24.315695000001082</c:v>
                </c:pt>
                <c:pt idx="1459">
                  <c:v>24.332361000001082</c:v>
                </c:pt>
                <c:pt idx="1460">
                  <c:v>24.349027000001083</c:v>
                </c:pt>
                <c:pt idx="1461">
                  <c:v>24.365693000001084</c:v>
                </c:pt>
                <c:pt idx="1462">
                  <c:v>24.382359000001085</c:v>
                </c:pt>
                <c:pt idx="1463">
                  <c:v>24.399025000001085</c:v>
                </c:pt>
                <c:pt idx="1464">
                  <c:v>24.415691000001086</c:v>
                </c:pt>
                <c:pt idx="1465">
                  <c:v>24.432357000001087</c:v>
                </c:pt>
                <c:pt idx="1466">
                  <c:v>24.449023000001088</c:v>
                </c:pt>
                <c:pt idx="1467">
                  <c:v>24.465689000001088</c:v>
                </c:pt>
                <c:pt idx="1468">
                  <c:v>24.482355000001089</c:v>
                </c:pt>
                <c:pt idx="1469">
                  <c:v>24.49902100000109</c:v>
                </c:pt>
                <c:pt idx="1470">
                  <c:v>24.51568700000109</c:v>
                </c:pt>
                <c:pt idx="1471">
                  <c:v>24.532353000001091</c:v>
                </c:pt>
                <c:pt idx="1472">
                  <c:v>24.549019000001092</c:v>
                </c:pt>
                <c:pt idx="1473">
                  <c:v>24.565685000001093</c:v>
                </c:pt>
                <c:pt idx="1474">
                  <c:v>24.582351000001093</c:v>
                </c:pt>
                <c:pt idx="1475">
                  <c:v>24.599017000001094</c:v>
                </c:pt>
                <c:pt idx="1476">
                  <c:v>24.615683000001095</c:v>
                </c:pt>
                <c:pt idx="1477">
                  <c:v>24.632349000001096</c:v>
                </c:pt>
                <c:pt idx="1478">
                  <c:v>24.649015000001096</c:v>
                </c:pt>
                <c:pt idx="1479">
                  <c:v>24.665681000001097</c:v>
                </c:pt>
                <c:pt idx="1480">
                  <c:v>24.682347000001098</c:v>
                </c:pt>
                <c:pt idx="1481">
                  <c:v>24.699013000001099</c:v>
                </c:pt>
                <c:pt idx="1482">
                  <c:v>24.715679000001099</c:v>
                </c:pt>
                <c:pt idx="1483">
                  <c:v>24.7323450000011</c:v>
                </c:pt>
                <c:pt idx="1484">
                  <c:v>24.749011000001101</c:v>
                </c:pt>
                <c:pt idx="1485">
                  <c:v>24.765677000001102</c:v>
                </c:pt>
                <c:pt idx="1486">
                  <c:v>24.782343000001102</c:v>
                </c:pt>
                <c:pt idx="1487">
                  <c:v>24.799009000001103</c:v>
                </c:pt>
                <c:pt idx="1488">
                  <c:v>24.815675000001104</c:v>
                </c:pt>
                <c:pt idx="1489">
                  <c:v>24.832341000001104</c:v>
                </c:pt>
                <c:pt idx="1490">
                  <c:v>24.849007000001105</c:v>
                </c:pt>
                <c:pt idx="1491">
                  <c:v>24.865673000001106</c:v>
                </c:pt>
                <c:pt idx="1492">
                  <c:v>24.882339000001107</c:v>
                </c:pt>
                <c:pt idx="1493">
                  <c:v>24.899005000001107</c:v>
                </c:pt>
                <c:pt idx="1494">
                  <c:v>24.915671000001108</c:v>
                </c:pt>
                <c:pt idx="1495">
                  <c:v>24.932337000001109</c:v>
                </c:pt>
                <c:pt idx="1496">
                  <c:v>24.94900300000111</c:v>
                </c:pt>
                <c:pt idx="1497">
                  <c:v>24.96566900000111</c:v>
                </c:pt>
                <c:pt idx="1498">
                  <c:v>24.982335000001111</c:v>
                </c:pt>
                <c:pt idx="1499">
                  <c:v>24.999001000001112</c:v>
                </c:pt>
                <c:pt idx="1500">
                  <c:v>25.015667000001113</c:v>
                </c:pt>
                <c:pt idx="1501">
                  <c:v>25.032333000001113</c:v>
                </c:pt>
                <c:pt idx="1502">
                  <c:v>25.048999000001114</c:v>
                </c:pt>
                <c:pt idx="1503">
                  <c:v>25.065665000001115</c:v>
                </c:pt>
                <c:pt idx="1504">
                  <c:v>25.082331000001115</c:v>
                </c:pt>
                <c:pt idx="1505">
                  <c:v>25.098997000001116</c:v>
                </c:pt>
                <c:pt idx="1506">
                  <c:v>25.115663000001117</c:v>
                </c:pt>
                <c:pt idx="1507">
                  <c:v>25.132329000001118</c:v>
                </c:pt>
                <c:pt idx="1508">
                  <c:v>25.148995000001118</c:v>
                </c:pt>
                <c:pt idx="1509">
                  <c:v>25.165661000001119</c:v>
                </c:pt>
                <c:pt idx="1510">
                  <c:v>25.18232700000112</c:v>
                </c:pt>
                <c:pt idx="1511">
                  <c:v>25.198993000001121</c:v>
                </c:pt>
                <c:pt idx="1512">
                  <c:v>25.215659000001121</c:v>
                </c:pt>
                <c:pt idx="1513">
                  <c:v>25.232325000001122</c:v>
                </c:pt>
                <c:pt idx="1514">
                  <c:v>25.248991000001123</c:v>
                </c:pt>
                <c:pt idx="1515">
                  <c:v>25.265657000001124</c:v>
                </c:pt>
                <c:pt idx="1516">
                  <c:v>25.282323000001124</c:v>
                </c:pt>
                <c:pt idx="1517">
                  <c:v>25.298989000001125</c:v>
                </c:pt>
                <c:pt idx="1518">
                  <c:v>25.315655000001126</c:v>
                </c:pt>
                <c:pt idx="1519">
                  <c:v>25.332321000001127</c:v>
                </c:pt>
                <c:pt idx="1520">
                  <c:v>25.348987000001127</c:v>
                </c:pt>
                <c:pt idx="1521">
                  <c:v>25.365653000001128</c:v>
                </c:pt>
                <c:pt idx="1522">
                  <c:v>25.382319000001129</c:v>
                </c:pt>
                <c:pt idx="1523">
                  <c:v>25.398985000001129</c:v>
                </c:pt>
                <c:pt idx="1524">
                  <c:v>25.41565100000113</c:v>
                </c:pt>
                <c:pt idx="1525">
                  <c:v>25.432317000001131</c:v>
                </c:pt>
                <c:pt idx="1526">
                  <c:v>25.448983000001132</c:v>
                </c:pt>
                <c:pt idx="1527">
                  <c:v>25.465649000001132</c:v>
                </c:pt>
                <c:pt idx="1528">
                  <c:v>25.482315000001133</c:v>
                </c:pt>
                <c:pt idx="1529">
                  <c:v>25.498981000001134</c:v>
                </c:pt>
                <c:pt idx="1530">
                  <c:v>25.515647000001135</c:v>
                </c:pt>
                <c:pt idx="1531">
                  <c:v>25.532313000001135</c:v>
                </c:pt>
                <c:pt idx="1532">
                  <c:v>25.548979000001136</c:v>
                </c:pt>
                <c:pt idx="1533">
                  <c:v>25.565645000001137</c:v>
                </c:pt>
                <c:pt idx="1534">
                  <c:v>25.582311000001138</c:v>
                </c:pt>
                <c:pt idx="1535">
                  <c:v>25.598977000001138</c:v>
                </c:pt>
                <c:pt idx="1536">
                  <c:v>25.615643000001139</c:v>
                </c:pt>
                <c:pt idx="1537">
                  <c:v>25.63230900000114</c:v>
                </c:pt>
                <c:pt idx="1538">
                  <c:v>25.648975000001141</c:v>
                </c:pt>
                <c:pt idx="1539">
                  <c:v>25.665641000001141</c:v>
                </c:pt>
                <c:pt idx="1540">
                  <c:v>25.682307000001142</c:v>
                </c:pt>
                <c:pt idx="1541">
                  <c:v>25.698973000001143</c:v>
                </c:pt>
                <c:pt idx="1542">
                  <c:v>25.715639000001143</c:v>
                </c:pt>
                <c:pt idx="1543">
                  <c:v>25.732305000001144</c:v>
                </c:pt>
                <c:pt idx="1544">
                  <c:v>25.748971000001145</c:v>
                </c:pt>
                <c:pt idx="1545">
                  <c:v>25.765637000001146</c:v>
                </c:pt>
                <c:pt idx="1546">
                  <c:v>25.782303000001146</c:v>
                </c:pt>
                <c:pt idx="1547">
                  <c:v>25.798969000001147</c:v>
                </c:pt>
                <c:pt idx="1548">
                  <c:v>25.815635000001148</c:v>
                </c:pt>
                <c:pt idx="1549">
                  <c:v>25.832301000001149</c:v>
                </c:pt>
                <c:pt idx="1550">
                  <c:v>25.848967000001149</c:v>
                </c:pt>
                <c:pt idx="1551">
                  <c:v>25.86563300000115</c:v>
                </c:pt>
                <c:pt idx="1552">
                  <c:v>25.882299000001151</c:v>
                </c:pt>
                <c:pt idx="1553">
                  <c:v>25.898965000001152</c:v>
                </c:pt>
                <c:pt idx="1554">
                  <c:v>25.915631000001152</c:v>
                </c:pt>
                <c:pt idx="1555">
                  <c:v>25.932297000001153</c:v>
                </c:pt>
                <c:pt idx="1556">
                  <c:v>25.948963000001154</c:v>
                </c:pt>
                <c:pt idx="1557">
                  <c:v>25.965629000001154</c:v>
                </c:pt>
                <c:pt idx="1558">
                  <c:v>25.982295000001155</c:v>
                </c:pt>
                <c:pt idx="1559">
                  <c:v>25.998961000001156</c:v>
                </c:pt>
                <c:pt idx="1560">
                  <c:v>26.015627000001157</c:v>
                </c:pt>
                <c:pt idx="1561">
                  <c:v>26.032293000001157</c:v>
                </c:pt>
                <c:pt idx="1562">
                  <c:v>26.048959000001158</c:v>
                </c:pt>
                <c:pt idx="1563">
                  <c:v>26.065625000001159</c:v>
                </c:pt>
                <c:pt idx="1564">
                  <c:v>26.08229100000116</c:v>
                </c:pt>
                <c:pt idx="1565">
                  <c:v>26.09895700000116</c:v>
                </c:pt>
                <c:pt idx="1566">
                  <c:v>26.115623000001161</c:v>
                </c:pt>
                <c:pt idx="1567">
                  <c:v>26.132289000001162</c:v>
                </c:pt>
                <c:pt idx="1568">
                  <c:v>26.148955000001163</c:v>
                </c:pt>
                <c:pt idx="1569">
                  <c:v>26.165621000001163</c:v>
                </c:pt>
                <c:pt idx="1570">
                  <c:v>26.182287000001164</c:v>
                </c:pt>
                <c:pt idx="1571">
                  <c:v>26.198953000001165</c:v>
                </c:pt>
                <c:pt idx="1572">
                  <c:v>26.215619000001166</c:v>
                </c:pt>
                <c:pt idx="1573">
                  <c:v>26.232285000001166</c:v>
                </c:pt>
                <c:pt idx="1574">
                  <c:v>26.248951000001167</c:v>
                </c:pt>
                <c:pt idx="1575">
                  <c:v>26.265617000001168</c:v>
                </c:pt>
                <c:pt idx="1576">
                  <c:v>26.282283000001168</c:v>
                </c:pt>
                <c:pt idx="1577">
                  <c:v>26.298949000001169</c:v>
                </c:pt>
                <c:pt idx="1578">
                  <c:v>26.31561500000117</c:v>
                </c:pt>
                <c:pt idx="1579">
                  <c:v>26.332281000001171</c:v>
                </c:pt>
                <c:pt idx="1580">
                  <c:v>26.348947000001171</c:v>
                </c:pt>
                <c:pt idx="1581">
                  <c:v>26.365613000001172</c:v>
                </c:pt>
                <c:pt idx="1582">
                  <c:v>26.382279000001173</c:v>
                </c:pt>
                <c:pt idx="1583">
                  <c:v>26.398945000001174</c:v>
                </c:pt>
                <c:pt idx="1584">
                  <c:v>26.415611000001174</c:v>
                </c:pt>
                <c:pt idx="1585">
                  <c:v>26.432277000001175</c:v>
                </c:pt>
                <c:pt idx="1586">
                  <c:v>26.448943000001176</c:v>
                </c:pt>
                <c:pt idx="1587">
                  <c:v>26.465609000001177</c:v>
                </c:pt>
                <c:pt idx="1588">
                  <c:v>26.482275000001177</c:v>
                </c:pt>
                <c:pt idx="1589">
                  <c:v>26.498941000001178</c:v>
                </c:pt>
                <c:pt idx="1590">
                  <c:v>26.515607000001179</c:v>
                </c:pt>
                <c:pt idx="1591">
                  <c:v>26.532273000001179</c:v>
                </c:pt>
                <c:pt idx="1592">
                  <c:v>26.54893900000118</c:v>
                </c:pt>
                <c:pt idx="1593">
                  <c:v>26.565605000001181</c:v>
                </c:pt>
                <c:pt idx="1594">
                  <c:v>26.582271000001182</c:v>
                </c:pt>
                <c:pt idx="1595">
                  <c:v>26.598937000001182</c:v>
                </c:pt>
                <c:pt idx="1596">
                  <c:v>26.615603000001183</c:v>
                </c:pt>
                <c:pt idx="1597">
                  <c:v>26.632269000001184</c:v>
                </c:pt>
                <c:pt idx="1598">
                  <c:v>26.648935000001185</c:v>
                </c:pt>
                <c:pt idx="1599">
                  <c:v>26.665601000001185</c:v>
                </c:pt>
                <c:pt idx="1600">
                  <c:v>26.682267000001186</c:v>
                </c:pt>
                <c:pt idx="1601">
                  <c:v>26.698933000001187</c:v>
                </c:pt>
                <c:pt idx="1602">
                  <c:v>26.715599000001188</c:v>
                </c:pt>
                <c:pt idx="1603">
                  <c:v>26.732265000001188</c:v>
                </c:pt>
                <c:pt idx="1604">
                  <c:v>26.748931000001189</c:v>
                </c:pt>
                <c:pt idx="1605">
                  <c:v>26.76559700000119</c:v>
                </c:pt>
                <c:pt idx="1606">
                  <c:v>26.782263000001191</c:v>
                </c:pt>
                <c:pt idx="1607">
                  <c:v>26.798929000001191</c:v>
                </c:pt>
                <c:pt idx="1608">
                  <c:v>26.815595000001192</c:v>
                </c:pt>
                <c:pt idx="1609">
                  <c:v>26.832261000001193</c:v>
                </c:pt>
                <c:pt idx="1610">
                  <c:v>26.848927000001193</c:v>
                </c:pt>
                <c:pt idx="1611">
                  <c:v>26.865593000001194</c:v>
                </c:pt>
                <c:pt idx="1612">
                  <c:v>26.882259000001195</c:v>
                </c:pt>
                <c:pt idx="1613">
                  <c:v>26.898925000001196</c:v>
                </c:pt>
                <c:pt idx="1614">
                  <c:v>26.915591000001196</c:v>
                </c:pt>
                <c:pt idx="1615">
                  <c:v>26.932257000001197</c:v>
                </c:pt>
                <c:pt idx="1616">
                  <c:v>26.948923000001198</c:v>
                </c:pt>
                <c:pt idx="1617">
                  <c:v>26.965589000001199</c:v>
                </c:pt>
                <c:pt idx="1618">
                  <c:v>26.982255000001199</c:v>
                </c:pt>
                <c:pt idx="1619">
                  <c:v>26.9989210000012</c:v>
                </c:pt>
                <c:pt idx="1620">
                  <c:v>27.015587000001201</c:v>
                </c:pt>
                <c:pt idx="1621">
                  <c:v>27.032253000001202</c:v>
                </c:pt>
                <c:pt idx="1622">
                  <c:v>27.048919000001202</c:v>
                </c:pt>
                <c:pt idx="1623">
                  <c:v>27.065585000001203</c:v>
                </c:pt>
                <c:pt idx="1624">
                  <c:v>27.082251000001204</c:v>
                </c:pt>
                <c:pt idx="1625">
                  <c:v>27.098917000001205</c:v>
                </c:pt>
                <c:pt idx="1626">
                  <c:v>27.115583000001205</c:v>
                </c:pt>
                <c:pt idx="1627">
                  <c:v>27.132249000001206</c:v>
                </c:pt>
                <c:pt idx="1628">
                  <c:v>27.148915000001207</c:v>
                </c:pt>
                <c:pt idx="1629">
                  <c:v>27.165581000001207</c:v>
                </c:pt>
                <c:pt idx="1630">
                  <c:v>27.182247000001208</c:v>
                </c:pt>
                <c:pt idx="1631">
                  <c:v>27.198913000001209</c:v>
                </c:pt>
                <c:pt idx="1632">
                  <c:v>27.21557900000121</c:v>
                </c:pt>
                <c:pt idx="1633">
                  <c:v>27.23224500000121</c:v>
                </c:pt>
                <c:pt idx="1634">
                  <c:v>27.248911000001211</c:v>
                </c:pt>
                <c:pt idx="1635">
                  <c:v>27.265577000001212</c:v>
                </c:pt>
                <c:pt idx="1636">
                  <c:v>27.282243000001213</c:v>
                </c:pt>
                <c:pt idx="1637">
                  <c:v>27.298909000001213</c:v>
                </c:pt>
                <c:pt idx="1638">
                  <c:v>27.315575000001214</c:v>
                </c:pt>
                <c:pt idx="1639">
                  <c:v>27.332241000001215</c:v>
                </c:pt>
                <c:pt idx="1640">
                  <c:v>27.348907000001216</c:v>
                </c:pt>
                <c:pt idx="1641">
                  <c:v>27.365573000001216</c:v>
                </c:pt>
                <c:pt idx="1642">
                  <c:v>27.382239000001217</c:v>
                </c:pt>
                <c:pt idx="1643">
                  <c:v>27.398905000001218</c:v>
                </c:pt>
                <c:pt idx="1644">
                  <c:v>27.415571000001218</c:v>
                </c:pt>
                <c:pt idx="1645">
                  <c:v>27.432237000001219</c:v>
                </c:pt>
                <c:pt idx="1646">
                  <c:v>27.44890300000122</c:v>
                </c:pt>
                <c:pt idx="1647">
                  <c:v>27.465569000001221</c:v>
                </c:pt>
                <c:pt idx="1648">
                  <c:v>27.482235000001221</c:v>
                </c:pt>
                <c:pt idx="1649">
                  <c:v>27.498901000001222</c:v>
                </c:pt>
                <c:pt idx="1650">
                  <c:v>27.515567000001223</c:v>
                </c:pt>
                <c:pt idx="1651">
                  <c:v>27.532233000001224</c:v>
                </c:pt>
                <c:pt idx="1652">
                  <c:v>27.548899000001224</c:v>
                </c:pt>
                <c:pt idx="1653">
                  <c:v>27.565565000001225</c:v>
                </c:pt>
                <c:pt idx="1654">
                  <c:v>27.582231000001226</c:v>
                </c:pt>
                <c:pt idx="1655">
                  <c:v>27.598897000001227</c:v>
                </c:pt>
                <c:pt idx="1656">
                  <c:v>27.615563000001227</c:v>
                </c:pt>
                <c:pt idx="1657">
                  <c:v>27.632229000001228</c:v>
                </c:pt>
                <c:pt idx="1658">
                  <c:v>27.648895000001229</c:v>
                </c:pt>
                <c:pt idx="1659">
                  <c:v>27.66556100000123</c:v>
                </c:pt>
                <c:pt idx="1660">
                  <c:v>27.68222700000123</c:v>
                </c:pt>
                <c:pt idx="1661">
                  <c:v>27.698893000001231</c:v>
                </c:pt>
                <c:pt idx="1662">
                  <c:v>27.715559000001232</c:v>
                </c:pt>
                <c:pt idx="1663">
                  <c:v>27.732225000001232</c:v>
                </c:pt>
                <c:pt idx="1664">
                  <c:v>27.748891000001233</c:v>
                </c:pt>
                <c:pt idx="1665">
                  <c:v>27.765557000001234</c:v>
                </c:pt>
                <c:pt idx="1666">
                  <c:v>27.782223000001235</c:v>
                </c:pt>
                <c:pt idx="1667">
                  <c:v>27.798889000001235</c:v>
                </c:pt>
                <c:pt idx="1668">
                  <c:v>27.815555000001236</c:v>
                </c:pt>
                <c:pt idx="1669">
                  <c:v>27.832221000001237</c:v>
                </c:pt>
                <c:pt idx="1670">
                  <c:v>27.848887000001238</c:v>
                </c:pt>
                <c:pt idx="1671">
                  <c:v>27.865553000001238</c:v>
                </c:pt>
                <c:pt idx="1672">
                  <c:v>27.882219000001239</c:v>
                </c:pt>
                <c:pt idx="1673">
                  <c:v>27.89888500000124</c:v>
                </c:pt>
                <c:pt idx="1674">
                  <c:v>27.915551000001241</c:v>
                </c:pt>
                <c:pt idx="1675">
                  <c:v>27.932217000001241</c:v>
                </c:pt>
                <c:pt idx="1676">
                  <c:v>27.948883000001242</c:v>
                </c:pt>
                <c:pt idx="1677">
                  <c:v>27.965549000001243</c:v>
                </c:pt>
                <c:pt idx="1678">
                  <c:v>27.982215000001244</c:v>
                </c:pt>
                <c:pt idx="1679">
                  <c:v>27.998881000001244</c:v>
                </c:pt>
                <c:pt idx="1680">
                  <c:v>28.015547000001245</c:v>
                </c:pt>
                <c:pt idx="1681">
                  <c:v>28.032213000001246</c:v>
                </c:pt>
                <c:pt idx="1682">
                  <c:v>28.048879000001246</c:v>
                </c:pt>
                <c:pt idx="1683">
                  <c:v>28.065545000001247</c:v>
                </c:pt>
                <c:pt idx="1684">
                  <c:v>28.082211000001248</c:v>
                </c:pt>
                <c:pt idx="1685">
                  <c:v>28.098877000001249</c:v>
                </c:pt>
                <c:pt idx="1686">
                  <c:v>28.115543000001249</c:v>
                </c:pt>
                <c:pt idx="1687">
                  <c:v>28.13220900000125</c:v>
                </c:pt>
                <c:pt idx="1688">
                  <c:v>28.148875000001251</c:v>
                </c:pt>
                <c:pt idx="1689">
                  <c:v>28.165541000001252</c:v>
                </c:pt>
                <c:pt idx="1690">
                  <c:v>28.182207000001252</c:v>
                </c:pt>
                <c:pt idx="1691">
                  <c:v>28.198873000001253</c:v>
                </c:pt>
                <c:pt idx="1692">
                  <c:v>28.215539000001254</c:v>
                </c:pt>
                <c:pt idx="1693">
                  <c:v>28.232205000001255</c:v>
                </c:pt>
                <c:pt idx="1694">
                  <c:v>28.248871000001255</c:v>
                </c:pt>
                <c:pt idx="1695">
                  <c:v>28.265537000001256</c:v>
                </c:pt>
                <c:pt idx="1696">
                  <c:v>28.282203000001257</c:v>
                </c:pt>
                <c:pt idx="1697">
                  <c:v>28.298869000001257</c:v>
                </c:pt>
                <c:pt idx="1698">
                  <c:v>28.315535000001258</c:v>
                </c:pt>
                <c:pt idx="1699">
                  <c:v>28.332201000001259</c:v>
                </c:pt>
                <c:pt idx="1700">
                  <c:v>28.34886700000126</c:v>
                </c:pt>
                <c:pt idx="1701">
                  <c:v>28.36553300000126</c:v>
                </c:pt>
                <c:pt idx="1702">
                  <c:v>28.382199000001261</c:v>
                </c:pt>
                <c:pt idx="1703">
                  <c:v>28.398865000001262</c:v>
                </c:pt>
                <c:pt idx="1704">
                  <c:v>28.415531000001263</c:v>
                </c:pt>
                <c:pt idx="1705">
                  <c:v>28.432197000001263</c:v>
                </c:pt>
                <c:pt idx="1706">
                  <c:v>28.448863000001264</c:v>
                </c:pt>
                <c:pt idx="1707">
                  <c:v>28.465529000001265</c:v>
                </c:pt>
                <c:pt idx="1708">
                  <c:v>28.482195000001266</c:v>
                </c:pt>
                <c:pt idx="1709">
                  <c:v>28.498861000001266</c:v>
                </c:pt>
                <c:pt idx="1710">
                  <c:v>28.515527000001267</c:v>
                </c:pt>
                <c:pt idx="1711">
                  <c:v>28.532193000001268</c:v>
                </c:pt>
                <c:pt idx="1712">
                  <c:v>28.548859000001269</c:v>
                </c:pt>
                <c:pt idx="1713">
                  <c:v>28.565525000001269</c:v>
                </c:pt>
                <c:pt idx="1714">
                  <c:v>28.58219100000127</c:v>
                </c:pt>
                <c:pt idx="1715">
                  <c:v>28.598857000001271</c:v>
                </c:pt>
                <c:pt idx="1716">
                  <c:v>28.615523000001271</c:v>
                </c:pt>
                <c:pt idx="1717">
                  <c:v>28.632189000001272</c:v>
                </c:pt>
                <c:pt idx="1718">
                  <c:v>28.648855000001273</c:v>
                </c:pt>
                <c:pt idx="1719">
                  <c:v>28.665521000001274</c:v>
                </c:pt>
                <c:pt idx="1720">
                  <c:v>28.682187000001274</c:v>
                </c:pt>
                <c:pt idx="1721">
                  <c:v>28.698853000001275</c:v>
                </c:pt>
                <c:pt idx="1722">
                  <c:v>28.715519000001276</c:v>
                </c:pt>
                <c:pt idx="1723">
                  <c:v>28.732185000001277</c:v>
                </c:pt>
                <c:pt idx="1724">
                  <c:v>28.748851000001277</c:v>
                </c:pt>
                <c:pt idx="1725">
                  <c:v>28.765517000001278</c:v>
                </c:pt>
                <c:pt idx="1726">
                  <c:v>28.782183000001279</c:v>
                </c:pt>
                <c:pt idx="1727">
                  <c:v>28.79884900000128</c:v>
                </c:pt>
                <c:pt idx="1728">
                  <c:v>28.81551500000128</c:v>
                </c:pt>
                <c:pt idx="1729">
                  <c:v>28.832181000001281</c:v>
                </c:pt>
                <c:pt idx="1730">
                  <c:v>28.848847000001282</c:v>
                </c:pt>
                <c:pt idx="1731">
                  <c:v>28.865513000001283</c:v>
                </c:pt>
                <c:pt idx="1732">
                  <c:v>28.882179000001283</c:v>
                </c:pt>
                <c:pt idx="1733">
                  <c:v>28.898845000001284</c:v>
                </c:pt>
                <c:pt idx="1734">
                  <c:v>28.915511000001285</c:v>
                </c:pt>
                <c:pt idx="1735">
                  <c:v>28.932177000001285</c:v>
                </c:pt>
                <c:pt idx="1736">
                  <c:v>28.948843000001286</c:v>
                </c:pt>
                <c:pt idx="1737">
                  <c:v>28.965509000001287</c:v>
                </c:pt>
                <c:pt idx="1738">
                  <c:v>28.982175000001288</c:v>
                </c:pt>
                <c:pt idx="1739">
                  <c:v>28.998841000001288</c:v>
                </c:pt>
                <c:pt idx="1740">
                  <c:v>29.015507000001289</c:v>
                </c:pt>
                <c:pt idx="1741">
                  <c:v>29.03217300000129</c:v>
                </c:pt>
                <c:pt idx="1742">
                  <c:v>29.048839000001291</c:v>
                </c:pt>
                <c:pt idx="1743">
                  <c:v>29.065505000001291</c:v>
                </c:pt>
                <c:pt idx="1744">
                  <c:v>29.082171000001292</c:v>
                </c:pt>
                <c:pt idx="1745">
                  <c:v>29.098837000001293</c:v>
                </c:pt>
                <c:pt idx="1746">
                  <c:v>29.115503000001294</c:v>
                </c:pt>
                <c:pt idx="1747">
                  <c:v>29.132169000001294</c:v>
                </c:pt>
                <c:pt idx="1748">
                  <c:v>29.148835000001295</c:v>
                </c:pt>
                <c:pt idx="1749">
                  <c:v>29.165501000001296</c:v>
                </c:pt>
                <c:pt idx="1750">
                  <c:v>29.182167000001296</c:v>
                </c:pt>
                <c:pt idx="1751">
                  <c:v>29.198833000001297</c:v>
                </c:pt>
                <c:pt idx="1752">
                  <c:v>29.215499000001298</c:v>
                </c:pt>
                <c:pt idx="1753">
                  <c:v>29.232165000001299</c:v>
                </c:pt>
                <c:pt idx="1754">
                  <c:v>29.248831000001299</c:v>
                </c:pt>
                <c:pt idx="1755">
                  <c:v>29.2654970000013</c:v>
                </c:pt>
                <c:pt idx="1756">
                  <c:v>29.282163000001301</c:v>
                </c:pt>
                <c:pt idx="1757">
                  <c:v>29.298829000001302</c:v>
                </c:pt>
                <c:pt idx="1758">
                  <c:v>29.315495000001302</c:v>
                </c:pt>
                <c:pt idx="1759">
                  <c:v>29.332161000001303</c:v>
                </c:pt>
                <c:pt idx="1760">
                  <c:v>29.348827000001304</c:v>
                </c:pt>
                <c:pt idx="1761">
                  <c:v>29.365493000001305</c:v>
                </c:pt>
                <c:pt idx="1762">
                  <c:v>29.382159000001305</c:v>
                </c:pt>
                <c:pt idx="1763">
                  <c:v>29.398825000001306</c:v>
                </c:pt>
                <c:pt idx="1764">
                  <c:v>29.415491000001307</c:v>
                </c:pt>
                <c:pt idx="1765">
                  <c:v>29.432157000001308</c:v>
                </c:pt>
                <c:pt idx="1766">
                  <c:v>29.448823000001308</c:v>
                </c:pt>
                <c:pt idx="1767">
                  <c:v>29.465489000001309</c:v>
                </c:pt>
                <c:pt idx="1768">
                  <c:v>29.48215500000131</c:v>
                </c:pt>
                <c:pt idx="1769">
                  <c:v>29.49882100000131</c:v>
                </c:pt>
                <c:pt idx="1770">
                  <c:v>29.515487000001311</c:v>
                </c:pt>
                <c:pt idx="1771">
                  <c:v>29.532153000001312</c:v>
                </c:pt>
                <c:pt idx="1772">
                  <c:v>29.548819000001313</c:v>
                </c:pt>
                <c:pt idx="1773">
                  <c:v>29.565485000001313</c:v>
                </c:pt>
                <c:pt idx="1774">
                  <c:v>29.582151000001314</c:v>
                </c:pt>
                <c:pt idx="1775">
                  <c:v>29.598817000001315</c:v>
                </c:pt>
                <c:pt idx="1776">
                  <c:v>29.615483000001316</c:v>
                </c:pt>
                <c:pt idx="1777">
                  <c:v>29.632149000001316</c:v>
                </c:pt>
                <c:pt idx="1778">
                  <c:v>29.648815000001317</c:v>
                </c:pt>
                <c:pt idx="1779">
                  <c:v>29.665481000001318</c:v>
                </c:pt>
                <c:pt idx="1780">
                  <c:v>29.682147000001319</c:v>
                </c:pt>
                <c:pt idx="1781">
                  <c:v>29.698813000001319</c:v>
                </c:pt>
                <c:pt idx="1782">
                  <c:v>29.71547900000132</c:v>
                </c:pt>
                <c:pt idx="1783">
                  <c:v>29.732145000001321</c:v>
                </c:pt>
                <c:pt idx="1784">
                  <c:v>29.748811000001322</c:v>
                </c:pt>
                <c:pt idx="1785">
                  <c:v>29.765477000001322</c:v>
                </c:pt>
                <c:pt idx="1786">
                  <c:v>29.782143000001323</c:v>
                </c:pt>
                <c:pt idx="1787">
                  <c:v>29.798809000001324</c:v>
                </c:pt>
                <c:pt idx="1788">
                  <c:v>29.815475000001324</c:v>
                </c:pt>
                <c:pt idx="1789">
                  <c:v>29.832141000001325</c:v>
                </c:pt>
                <c:pt idx="1790">
                  <c:v>29.848807000001326</c:v>
                </c:pt>
                <c:pt idx="1791">
                  <c:v>29.865473000001327</c:v>
                </c:pt>
                <c:pt idx="1792">
                  <c:v>29.882139000001327</c:v>
                </c:pt>
                <c:pt idx="1793">
                  <c:v>29.898805000001328</c:v>
                </c:pt>
                <c:pt idx="1794">
                  <c:v>29.915471000001329</c:v>
                </c:pt>
                <c:pt idx="1795">
                  <c:v>29.93213700000133</c:v>
                </c:pt>
                <c:pt idx="1796">
                  <c:v>29.94880300000133</c:v>
                </c:pt>
                <c:pt idx="1797">
                  <c:v>29.965469000001331</c:v>
                </c:pt>
                <c:pt idx="1798">
                  <c:v>29.982135000001332</c:v>
                </c:pt>
                <c:pt idx="1799">
                  <c:v>29.998801000001333</c:v>
                </c:pt>
                <c:pt idx="1800">
                  <c:v>30.015467000001333</c:v>
                </c:pt>
                <c:pt idx="1801">
                  <c:v>30.032133000001334</c:v>
                </c:pt>
                <c:pt idx="1802">
                  <c:v>30.048799000001335</c:v>
                </c:pt>
                <c:pt idx="1803">
                  <c:v>30.065465000001335</c:v>
                </c:pt>
                <c:pt idx="1804">
                  <c:v>30.082131000001336</c:v>
                </c:pt>
                <c:pt idx="1805">
                  <c:v>30.098797000001337</c:v>
                </c:pt>
                <c:pt idx="1806">
                  <c:v>30.115463000001338</c:v>
                </c:pt>
                <c:pt idx="1807">
                  <c:v>30.132129000001338</c:v>
                </c:pt>
                <c:pt idx="1808">
                  <c:v>30.148795000001339</c:v>
                </c:pt>
                <c:pt idx="1809">
                  <c:v>30.16546100000134</c:v>
                </c:pt>
                <c:pt idx="1810">
                  <c:v>30.182127000001341</c:v>
                </c:pt>
                <c:pt idx="1811">
                  <c:v>30.198793000001341</c:v>
                </c:pt>
                <c:pt idx="1812">
                  <c:v>30.215459000001342</c:v>
                </c:pt>
                <c:pt idx="1813">
                  <c:v>30.232125000001343</c:v>
                </c:pt>
                <c:pt idx="1814">
                  <c:v>30.248791000001344</c:v>
                </c:pt>
                <c:pt idx="1815">
                  <c:v>30.265457000001344</c:v>
                </c:pt>
                <c:pt idx="1816">
                  <c:v>30.282123000001345</c:v>
                </c:pt>
                <c:pt idx="1817">
                  <c:v>30.298789000001346</c:v>
                </c:pt>
                <c:pt idx="1818">
                  <c:v>30.315455000001347</c:v>
                </c:pt>
                <c:pt idx="1819">
                  <c:v>30.332121000001347</c:v>
                </c:pt>
                <c:pt idx="1820">
                  <c:v>30.348787000001348</c:v>
                </c:pt>
                <c:pt idx="1821">
                  <c:v>30.365453000001349</c:v>
                </c:pt>
                <c:pt idx="1822">
                  <c:v>30.382119000001349</c:v>
                </c:pt>
                <c:pt idx="1823">
                  <c:v>30.39878500000135</c:v>
                </c:pt>
                <c:pt idx="1824">
                  <c:v>30.415451000001351</c:v>
                </c:pt>
                <c:pt idx="1825">
                  <c:v>30.432117000001352</c:v>
                </c:pt>
                <c:pt idx="1826">
                  <c:v>30.448783000001352</c:v>
                </c:pt>
                <c:pt idx="1827">
                  <c:v>30.465449000001353</c:v>
                </c:pt>
                <c:pt idx="1828">
                  <c:v>30.482115000001354</c:v>
                </c:pt>
                <c:pt idx="1829">
                  <c:v>30.498781000001355</c:v>
                </c:pt>
                <c:pt idx="1830">
                  <c:v>30.515447000001355</c:v>
                </c:pt>
                <c:pt idx="1831">
                  <c:v>30.532113000001356</c:v>
                </c:pt>
                <c:pt idx="1832">
                  <c:v>30.548779000001357</c:v>
                </c:pt>
                <c:pt idx="1833">
                  <c:v>30.565445000001358</c:v>
                </c:pt>
                <c:pt idx="1834">
                  <c:v>30.582111000001358</c:v>
                </c:pt>
                <c:pt idx="1835">
                  <c:v>30.598777000001359</c:v>
                </c:pt>
                <c:pt idx="1836">
                  <c:v>30.61544300000136</c:v>
                </c:pt>
                <c:pt idx="1837">
                  <c:v>30.63210900000136</c:v>
                </c:pt>
                <c:pt idx="1838">
                  <c:v>30.648775000001361</c:v>
                </c:pt>
                <c:pt idx="1839">
                  <c:v>30.665441000001362</c:v>
                </c:pt>
                <c:pt idx="1840">
                  <c:v>30.682107000001363</c:v>
                </c:pt>
                <c:pt idx="1841">
                  <c:v>30.698773000001363</c:v>
                </c:pt>
                <c:pt idx="1842">
                  <c:v>30.715439000001364</c:v>
                </c:pt>
                <c:pt idx="1843">
                  <c:v>30.732105000001365</c:v>
                </c:pt>
                <c:pt idx="1844">
                  <c:v>30.748771000001366</c:v>
                </c:pt>
                <c:pt idx="1845">
                  <c:v>30.765437000001366</c:v>
                </c:pt>
                <c:pt idx="1846">
                  <c:v>30.782103000001367</c:v>
                </c:pt>
                <c:pt idx="1847">
                  <c:v>30.798769000001368</c:v>
                </c:pt>
                <c:pt idx="1848">
                  <c:v>30.815435000001369</c:v>
                </c:pt>
                <c:pt idx="1849">
                  <c:v>30.832101000001369</c:v>
                </c:pt>
                <c:pt idx="1850">
                  <c:v>30.84876700000137</c:v>
                </c:pt>
                <c:pt idx="1851">
                  <c:v>30.865433000001371</c:v>
                </c:pt>
                <c:pt idx="1852">
                  <c:v>30.882099000001372</c:v>
                </c:pt>
                <c:pt idx="1853">
                  <c:v>30.898765000001372</c:v>
                </c:pt>
                <c:pt idx="1854">
                  <c:v>30.915431000001373</c:v>
                </c:pt>
                <c:pt idx="1855">
                  <c:v>30.932097000001374</c:v>
                </c:pt>
                <c:pt idx="1856">
                  <c:v>30.948763000001374</c:v>
                </c:pt>
                <c:pt idx="1857">
                  <c:v>30.965429000001375</c:v>
                </c:pt>
                <c:pt idx="1858">
                  <c:v>30.982095000001376</c:v>
                </c:pt>
                <c:pt idx="1859">
                  <c:v>30.998761000001377</c:v>
                </c:pt>
                <c:pt idx="1860">
                  <c:v>31.015427000001377</c:v>
                </c:pt>
                <c:pt idx="1861">
                  <c:v>31.032093000001378</c:v>
                </c:pt>
                <c:pt idx="1862">
                  <c:v>31.048759000001379</c:v>
                </c:pt>
                <c:pt idx="1863">
                  <c:v>31.06542500000138</c:v>
                </c:pt>
                <c:pt idx="1864">
                  <c:v>31.08209100000138</c:v>
                </c:pt>
                <c:pt idx="1865">
                  <c:v>31.098757000001381</c:v>
                </c:pt>
                <c:pt idx="1866">
                  <c:v>31.115423000001382</c:v>
                </c:pt>
                <c:pt idx="1867">
                  <c:v>31.132089000001383</c:v>
                </c:pt>
                <c:pt idx="1868">
                  <c:v>31.148755000001383</c:v>
                </c:pt>
                <c:pt idx="1869">
                  <c:v>31.165421000001384</c:v>
                </c:pt>
                <c:pt idx="1870">
                  <c:v>31.182087000001385</c:v>
                </c:pt>
                <c:pt idx="1871">
                  <c:v>31.198753000001386</c:v>
                </c:pt>
                <c:pt idx="1872">
                  <c:v>31.215419000001386</c:v>
                </c:pt>
                <c:pt idx="1873">
                  <c:v>31.232085000001387</c:v>
                </c:pt>
                <c:pt idx="1874">
                  <c:v>31.248751000001388</c:v>
                </c:pt>
                <c:pt idx="1875">
                  <c:v>31.265417000001388</c:v>
                </c:pt>
                <c:pt idx="1876">
                  <c:v>31.282083000001389</c:v>
                </c:pt>
                <c:pt idx="1877">
                  <c:v>31.29874900000139</c:v>
                </c:pt>
                <c:pt idx="1878">
                  <c:v>31.315415000001391</c:v>
                </c:pt>
                <c:pt idx="1879">
                  <c:v>31.332081000001391</c:v>
                </c:pt>
                <c:pt idx="1880">
                  <c:v>31.348747000001392</c:v>
                </c:pt>
                <c:pt idx="1881">
                  <c:v>31.365413000001393</c:v>
                </c:pt>
                <c:pt idx="1882">
                  <c:v>31.382079000001394</c:v>
                </c:pt>
                <c:pt idx="1883">
                  <c:v>31.398745000001394</c:v>
                </c:pt>
                <c:pt idx="1884">
                  <c:v>31.415411000001395</c:v>
                </c:pt>
                <c:pt idx="1885">
                  <c:v>31.432077000001396</c:v>
                </c:pt>
                <c:pt idx="1886">
                  <c:v>31.448743000001397</c:v>
                </c:pt>
                <c:pt idx="1887">
                  <c:v>31.465409000001397</c:v>
                </c:pt>
                <c:pt idx="1888">
                  <c:v>31.482075000001398</c:v>
                </c:pt>
                <c:pt idx="1889">
                  <c:v>31.498741000001399</c:v>
                </c:pt>
                <c:pt idx="1890">
                  <c:v>31.515407000001399</c:v>
                </c:pt>
                <c:pt idx="1891">
                  <c:v>31.5320730000014</c:v>
                </c:pt>
                <c:pt idx="1892">
                  <c:v>31.548739000001401</c:v>
                </c:pt>
                <c:pt idx="1893">
                  <c:v>31.565405000001402</c:v>
                </c:pt>
                <c:pt idx="1894">
                  <c:v>31.582071000001402</c:v>
                </c:pt>
                <c:pt idx="1895">
                  <c:v>31.598737000001403</c:v>
                </c:pt>
                <c:pt idx="1896">
                  <c:v>31.615403000001404</c:v>
                </c:pt>
                <c:pt idx="1897">
                  <c:v>31.632069000001405</c:v>
                </c:pt>
                <c:pt idx="1898">
                  <c:v>31.648735000001405</c:v>
                </c:pt>
                <c:pt idx="1899">
                  <c:v>31.665401000001406</c:v>
                </c:pt>
                <c:pt idx="1900">
                  <c:v>31.682067000001407</c:v>
                </c:pt>
                <c:pt idx="1901">
                  <c:v>31.698733000001408</c:v>
                </c:pt>
                <c:pt idx="1902">
                  <c:v>31.715399000001408</c:v>
                </c:pt>
                <c:pt idx="1903">
                  <c:v>31.732065000001409</c:v>
                </c:pt>
                <c:pt idx="1904">
                  <c:v>31.74873100000141</c:v>
                </c:pt>
                <c:pt idx="1905">
                  <c:v>31.765397000001411</c:v>
                </c:pt>
                <c:pt idx="1906">
                  <c:v>31.782063000001411</c:v>
                </c:pt>
                <c:pt idx="1907">
                  <c:v>31.798729000001412</c:v>
                </c:pt>
                <c:pt idx="1908">
                  <c:v>31.815395000001413</c:v>
                </c:pt>
                <c:pt idx="1909">
                  <c:v>31.832061000001413</c:v>
                </c:pt>
                <c:pt idx="1910">
                  <c:v>31.848727000001414</c:v>
                </c:pt>
                <c:pt idx="1911">
                  <c:v>31.865393000001415</c:v>
                </c:pt>
                <c:pt idx="1912">
                  <c:v>31.882059000001416</c:v>
                </c:pt>
                <c:pt idx="1913">
                  <c:v>31.898725000001416</c:v>
                </c:pt>
                <c:pt idx="1914">
                  <c:v>31.915391000001417</c:v>
                </c:pt>
                <c:pt idx="1915">
                  <c:v>31.932057000001418</c:v>
                </c:pt>
                <c:pt idx="1916">
                  <c:v>31.948723000001419</c:v>
                </c:pt>
                <c:pt idx="1917">
                  <c:v>31.965389000001419</c:v>
                </c:pt>
                <c:pt idx="1918">
                  <c:v>31.98205500000142</c:v>
                </c:pt>
                <c:pt idx="1919">
                  <c:v>31.998721000001421</c:v>
                </c:pt>
                <c:pt idx="1920">
                  <c:v>32.015387000001418</c:v>
                </c:pt>
                <c:pt idx="1921">
                  <c:v>32.032053000001419</c:v>
                </c:pt>
                <c:pt idx="1922">
                  <c:v>32.048719000001419</c:v>
                </c:pt>
                <c:pt idx="1923">
                  <c:v>32.06538500000142</c:v>
                </c:pt>
                <c:pt idx="1924">
                  <c:v>32.082051000001421</c:v>
                </c:pt>
                <c:pt idx="1925">
                  <c:v>32.098717000001422</c:v>
                </c:pt>
                <c:pt idx="1926">
                  <c:v>32.115383000001422</c:v>
                </c:pt>
                <c:pt idx="1927">
                  <c:v>32.132049000001423</c:v>
                </c:pt>
                <c:pt idx="1928">
                  <c:v>32.148715000001424</c:v>
                </c:pt>
                <c:pt idx="1929">
                  <c:v>32.165381000001425</c:v>
                </c:pt>
                <c:pt idx="1930">
                  <c:v>32.182047000001425</c:v>
                </c:pt>
                <c:pt idx="1931">
                  <c:v>32.198713000001426</c:v>
                </c:pt>
                <c:pt idx="1932">
                  <c:v>32.215379000001427</c:v>
                </c:pt>
                <c:pt idx="1933">
                  <c:v>32.232045000001428</c:v>
                </c:pt>
                <c:pt idx="1934">
                  <c:v>32.248711000001428</c:v>
                </c:pt>
                <c:pt idx="1935">
                  <c:v>32.265377000001429</c:v>
                </c:pt>
                <c:pt idx="1936">
                  <c:v>32.28204300000143</c:v>
                </c:pt>
                <c:pt idx="1937">
                  <c:v>32.298709000001431</c:v>
                </c:pt>
                <c:pt idx="1938">
                  <c:v>32.315375000001431</c:v>
                </c:pt>
                <c:pt idx="1939">
                  <c:v>32.332041000001432</c:v>
                </c:pt>
                <c:pt idx="1940">
                  <c:v>32.348707000001433</c:v>
                </c:pt>
                <c:pt idx="1941">
                  <c:v>32.365373000001433</c:v>
                </c:pt>
                <c:pt idx="1942">
                  <c:v>32.382039000001434</c:v>
                </c:pt>
                <c:pt idx="1943">
                  <c:v>32.398705000001435</c:v>
                </c:pt>
                <c:pt idx="1944">
                  <c:v>32.415371000001436</c:v>
                </c:pt>
                <c:pt idx="1945">
                  <c:v>32.432037000001436</c:v>
                </c:pt>
                <c:pt idx="1946">
                  <c:v>32.448703000001437</c:v>
                </c:pt>
                <c:pt idx="1947">
                  <c:v>32.465369000001438</c:v>
                </c:pt>
                <c:pt idx="1948">
                  <c:v>32.482035000001439</c:v>
                </c:pt>
                <c:pt idx="1949">
                  <c:v>32.498701000001439</c:v>
                </c:pt>
                <c:pt idx="1950">
                  <c:v>32.51536700000144</c:v>
                </c:pt>
                <c:pt idx="1951">
                  <c:v>32.532033000001441</c:v>
                </c:pt>
                <c:pt idx="1952">
                  <c:v>32.548699000001442</c:v>
                </c:pt>
                <c:pt idx="1953">
                  <c:v>32.565365000001442</c:v>
                </c:pt>
                <c:pt idx="1954">
                  <c:v>32.582031000001443</c:v>
                </c:pt>
                <c:pt idx="1955">
                  <c:v>32.598697000001444</c:v>
                </c:pt>
                <c:pt idx="1956">
                  <c:v>32.615363000001445</c:v>
                </c:pt>
                <c:pt idx="1957">
                  <c:v>32.632029000001445</c:v>
                </c:pt>
                <c:pt idx="1958">
                  <c:v>32.648695000001446</c:v>
                </c:pt>
                <c:pt idx="1959">
                  <c:v>32.665361000001447</c:v>
                </c:pt>
                <c:pt idx="1960">
                  <c:v>32.682027000001447</c:v>
                </c:pt>
                <c:pt idx="1961">
                  <c:v>32.698693000001448</c:v>
                </c:pt>
                <c:pt idx="1962">
                  <c:v>32.715359000001449</c:v>
                </c:pt>
                <c:pt idx="1963">
                  <c:v>32.73202500000145</c:v>
                </c:pt>
                <c:pt idx="1964">
                  <c:v>32.74869100000145</c:v>
                </c:pt>
                <c:pt idx="1965">
                  <c:v>32.765357000001451</c:v>
                </c:pt>
                <c:pt idx="1966">
                  <c:v>32.782023000001452</c:v>
                </c:pt>
                <c:pt idx="1967">
                  <c:v>32.798689000001453</c:v>
                </c:pt>
                <c:pt idx="1968">
                  <c:v>32.815355000001453</c:v>
                </c:pt>
                <c:pt idx="1969">
                  <c:v>32.832021000001454</c:v>
                </c:pt>
                <c:pt idx="1970">
                  <c:v>32.848687000001455</c:v>
                </c:pt>
                <c:pt idx="1971">
                  <c:v>32.865353000001456</c:v>
                </c:pt>
                <c:pt idx="1972">
                  <c:v>32.882019000001456</c:v>
                </c:pt>
                <c:pt idx="1973">
                  <c:v>32.898685000001457</c:v>
                </c:pt>
                <c:pt idx="1974">
                  <c:v>32.915351000001458</c:v>
                </c:pt>
                <c:pt idx="1975">
                  <c:v>32.932017000001458</c:v>
                </c:pt>
                <c:pt idx="1976">
                  <c:v>32.948683000001459</c:v>
                </c:pt>
                <c:pt idx="1977">
                  <c:v>32.96534900000146</c:v>
                </c:pt>
                <c:pt idx="1978">
                  <c:v>32.982015000001461</c:v>
                </c:pt>
                <c:pt idx="1979">
                  <c:v>32.998681000001461</c:v>
                </c:pt>
                <c:pt idx="1980">
                  <c:v>33.015347000001462</c:v>
                </c:pt>
                <c:pt idx="1981">
                  <c:v>33.032013000001463</c:v>
                </c:pt>
                <c:pt idx="1982">
                  <c:v>33.048679000001464</c:v>
                </c:pt>
                <c:pt idx="1983">
                  <c:v>33.065345000001464</c:v>
                </c:pt>
                <c:pt idx="1984">
                  <c:v>33.082011000001465</c:v>
                </c:pt>
                <c:pt idx="1985">
                  <c:v>33.098677000001466</c:v>
                </c:pt>
                <c:pt idx="1986">
                  <c:v>33.115343000001467</c:v>
                </c:pt>
                <c:pt idx="1987">
                  <c:v>33.132009000001467</c:v>
                </c:pt>
                <c:pt idx="1988">
                  <c:v>33.148675000001468</c:v>
                </c:pt>
                <c:pt idx="1989">
                  <c:v>33.165341000001469</c:v>
                </c:pt>
                <c:pt idx="1990">
                  <c:v>33.18200700000147</c:v>
                </c:pt>
                <c:pt idx="1991">
                  <c:v>33.19867300000147</c:v>
                </c:pt>
                <c:pt idx="1992">
                  <c:v>33.215339000001471</c:v>
                </c:pt>
                <c:pt idx="1993">
                  <c:v>33.232005000001472</c:v>
                </c:pt>
                <c:pt idx="1994">
                  <c:v>33.248671000001472</c:v>
                </c:pt>
                <c:pt idx="1995">
                  <c:v>33.265337000001473</c:v>
                </c:pt>
                <c:pt idx="1996">
                  <c:v>33.282003000001474</c:v>
                </c:pt>
                <c:pt idx="1997">
                  <c:v>33.298669000001475</c:v>
                </c:pt>
                <c:pt idx="1998">
                  <c:v>33.315335000001475</c:v>
                </c:pt>
                <c:pt idx="1999">
                  <c:v>33.332001000001476</c:v>
                </c:pt>
                <c:pt idx="2000">
                  <c:v>33.348667000001477</c:v>
                </c:pt>
                <c:pt idx="2001">
                  <c:v>33.365333000001478</c:v>
                </c:pt>
                <c:pt idx="2002">
                  <c:v>33.381999000001478</c:v>
                </c:pt>
                <c:pt idx="2003">
                  <c:v>33.398665000001479</c:v>
                </c:pt>
                <c:pt idx="2004">
                  <c:v>33.41533100000148</c:v>
                </c:pt>
                <c:pt idx="2005">
                  <c:v>33.431997000001481</c:v>
                </c:pt>
                <c:pt idx="2006">
                  <c:v>33.448663000001481</c:v>
                </c:pt>
                <c:pt idx="2007">
                  <c:v>33.465329000001482</c:v>
                </c:pt>
                <c:pt idx="2008">
                  <c:v>33.481995000001483</c:v>
                </c:pt>
                <c:pt idx="2009">
                  <c:v>33.498661000001484</c:v>
                </c:pt>
                <c:pt idx="2010">
                  <c:v>33.515327000001484</c:v>
                </c:pt>
                <c:pt idx="2011">
                  <c:v>33.531993000001485</c:v>
                </c:pt>
                <c:pt idx="2012">
                  <c:v>33.548659000001486</c:v>
                </c:pt>
                <c:pt idx="2013">
                  <c:v>33.565325000001486</c:v>
                </c:pt>
                <c:pt idx="2014">
                  <c:v>33.581991000001487</c:v>
                </c:pt>
                <c:pt idx="2015">
                  <c:v>33.598657000001488</c:v>
                </c:pt>
                <c:pt idx="2016">
                  <c:v>33.615323000001489</c:v>
                </c:pt>
                <c:pt idx="2017">
                  <c:v>33.631989000001489</c:v>
                </c:pt>
                <c:pt idx="2018">
                  <c:v>33.64865500000149</c:v>
                </c:pt>
                <c:pt idx="2019">
                  <c:v>33.665321000001491</c:v>
                </c:pt>
                <c:pt idx="2020">
                  <c:v>33.681987000001492</c:v>
                </c:pt>
                <c:pt idx="2021">
                  <c:v>33.698653000001492</c:v>
                </c:pt>
                <c:pt idx="2022">
                  <c:v>33.715319000001493</c:v>
                </c:pt>
                <c:pt idx="2023">
                  <c:v>33.731985000001494</c:v>
                </c:pt>
                <c:pt idx="2024">
                  <c:v>33.748651000001495</c:v>
                </c:pt>
                <c:pt idx="2025">
                  <c:v>33.765317000001495</c:v>
                </c:pt>
                <c:pt idx="2026">
                  <c:v>33.781983000001496</c:v>
                </c:pt>
                <c:pt idx="2027">
                  <c:v>33.798649000001497</c:v>
                </c:pt>
                <c:pt idx="2028">
                  <c:v>33.815315000001497</c:v>
                </c:pt>
                <c:pt idx="2029">
                  <c:v>33.831981000001498</c:v>
                </c:pt>
                <c:pt idx="2030">
                  <c:v>33.848647000001499</c:v>
                </c:pt>
                <c:pt idx="2031">
                  <c:v>33.8653130000015</c:v>
                </c:pt>
                <c:pt idx="2032">
                  <c:v>33.8819790000015</c:v>
                </c:pt>
                <c:pt idx="2033">
                  <c:v>33.898645000001501</c:v>
                </c:pt>
                <c:pt idx="2034">
                  <c:v>33.915311000001502</c:v>
                </c:pt>
                <c:pt idx="2035">
                  <c:v>33.931977000001503</c:v>
                </c:pt>
                <c:pt idx="2036">
                  <c:v>33.948643000001503</c:v>
                </c:pt>
                <c:pt idx="2037">
                  <c:v>33.965309000001504</c:v>
                </c:pt>
                <c:pt idx="2038">
                  <c:v>33.981975000001505</c:v>
                </c:pt>
                <c:pt idx="2039">
                  <c:v>33.998641000001506</c:v>
                </c:pt>
                <c:pt idx="2040">
                  <c:v>34.015307000001506</c:v>
                </c:pt>
                <c:pt idx="2041">
                  <c:v>34.031973000001507</c:v>
                </c:pt>
                <c:pt idx="2042">
                  <c:v>34.048639000001508</c:v>
                </c:pt>
                <c:pt idx="2043">
                  <c:v>34.065305000001509</c:v>
                </c:pt>
                <c:pt idx="2044">
                  <c:v>34.081971000001509</c:v>
                </c:pt>
                <c:pt idx="2045">
                  <c:v>34.09863700000151</c:v>
                </c:pt>
                <c:pt idx="2046">
                  <c:v>34.115303000001511</c:v>
                </c:pt>
                <c:pt idx="2047">
                  <c:v>34.131969000001511</c:v>
                </c:pt>
                <c:pt idx="2048">
                  <c:v>34.148635000001512</c:v>
                </c:pt>
                <c:pt idx="2049">
                  <c:v>34.165301000001513</c:v>
                </c:pt>
                <c:pt idx="2050">
                  <c:v>34.181967000001514</c:v>
                </c:pt>
                <c:pt idx="2051">
                  <c:v>34.198633000001514</c:v>
                </c:pt>
                <c:pt idx="2052">
                  <c:v>34.215299000001515</c:v>
                </c:pt>
                <c:pt idx="2053">
                  <c:v>34.231965000001516</c:v>
                </c:pt>
                <c:pt idx="2054">
                  <c:v>34.248631000001517</c:v>
                </c:pt>
                <c:pt idx="2055">
                  <c:v>34.265297000001517</c:v>
                </c:pt>
                <c:pt idx="2056">
                  <c:v>34.281963000001518</c:v>
                </c:pt>
                <c:pt idx="2057">
                  <c:v>34.298629000001519</c:v>
                </c:pt>
                <c:pt idx="2058">
                  <c:v>34.31529500000152</c:v>
                </c:pt>
                <c:pt idx="2059">
                  <c:v>34.33196100000152</c:v>
                </c:pt>
                <c:pt idx="2060">
                  <c:v>34.348627000001521</c:v>
                </c:pt>
                <c:pt idx="2061">
                  <c:v>34.365293000001522</c:v>
                </c:pt>
                <c:pt idx="2062">
                  <c:v>34.381959000001522</c:v>
                </c:pt>
                <c:pt idx="2063">
                  <c:v>34.398625000001523</c:v>
                </c:pt>
                <c:pt idx="2064">
                  <c:v>34.415291000001524</c:v>
                </c:pt>
                <c:pt idx="2065">
                  <c:v>34.431957000001525</c:v>
                </c:pt>
                <c:pt idx="2066">
                  <c:v>34.448623000001525</c:v>
                </c:pt>
                <c:pt idx="2067">
                  <c:v>34.465289000001526</c:v>
                </c:pt>
                <c:pt idx="2068">
                  <c:v>34.481955000001527</c:v>
                </c:pt>
                <c:pt idx="2069">
                  <c:v>34.498621000001528</c:v>
                </c:pt>
                <c:pt idx="2070">
                  <c:v>34.515287000001528</c:v>
                </c:pt>
                <c:pt idx="2071">
                  <c:v>34.531953000001529</c:v>
                </c:pt>
                <c:pt idx="2072">
                  <c:v>34.54861900000153</c:v>
                </c:pt>
                <c:pt idx="2073">
                  <c:v>34.565285000001531</c:v>
                </c:pt>
                <c:pt idx="2074">
                  <c:v>34.581951000001531</c:v>
                </c:pt>
                <c:pt idx="2075">
                  <c:v>34.598617000001532</c:v>
                </c:pt>
                <c:pt idx="2076">
                  <c:v>34.615283000001533</c:v>
                </c:pt>
                <c:pt idx="2077">
                  <c:v>34.631949000001534</c:v>
                </c:pt>
                <c:pt idx="2078">
                  <c:v>34.648615000001534</c:v>
                </c:pt>
                <c:pt idx="2079">
                  <c:v>34.665281000001535</c:v>
                </c:pt>
                <c:pt idx="2080">
                  <c:v>34.681947000001536</c:v>
                </c:pt>
                <c:pt idx="2081">
                  <c:v>34.698613000001536</c:v>
                </c:pt>
                <c:pt idx="2082">
                  <c:v>34.715279000001537</c:v>
                </c:pt>
                <c:pt idx="2083">
                  <c:v>34.731945000001538</c:v>
                </c:pt>
                <c:pt idx="2084">
                  <c:v>34.748611000001539</c:v>
                </c:pt>
                <c:pt idx="2085">
                  <c:v>34.765277000001539</c:v>
                </c:pt>
                <c:pt idx="2086">
                  <c:v>34.78194300000154</c:v>
                </c:pt>
                <c:pt idx="2087">
                  <c:v>34.798609000001541</c:v>
                </c:pt>
                <c:pt idx="2088">
                  <c:v>34.815275000001542</c:v>
                </c:pt>
                <c:pt idx="2089">
                  <c:v>34.831941000001542</c:v>
                </c:pt>
                <c:pt idx="2090">
                  <c:v>34.848607000001543</c:v>
                </c:pt>
                <c:pt idx="2091">
                  <c:v>34.865273000001544</c:v>
                </c:pt>
                <c:pt idx="2092">
                  <c:v>34.881939000001545</c:v>
                </c:pt>
                <c:pt idx="2093">
                  <c:v>34.898605000001545</c:v>
                </c:pt>
                <c:pt idx="2094">
                  <c:v>34.915271000001546</c:v>
                </c:pt>
                <c:pt idx="2095">
                  <c:v>34.931937000001547</c:v>
                </c:pt>
                <c:pt idx="2096">
                  <c:v>34.948603000001548</c:v>
                </c:pt>
                <c:pt idx="2097">
                  <c:v>34.965269000001548</c:v>
                </c:pt>
                <c:pt idx="2098">
                  <c:v>34.981935000001549</c:v>
                </c:pt>
                <c:pt idx="2099">
                  <c:v>34.99860100000155</c:v>
                </c:pt>
                <c:pt idx="2100">
                  <c:v>35.01526700000155</c:v>
                </c:pt>
                <c:pt idx="2101">
                  <c:v>35.031933000001551</c:v>
                </c:pt>
                <c:pt idx="2102">
                  <c:v>35.048599000001552</c:v>
                </c:pt>
                <c:pt idx="2103">
                  <c:v>35.065265000001553</c:v>
                </c:pt>
                <c:pt idx="2104">
                  <c:v>35.081931000001553</c:v>
                </c:pt>
                <c:pt idx="2105">
                  <c:v>35.098597000001554</c:v>
                </c:pt>
                <c:pt idx="2106">
                  <c:v>35.115263000001555</c:v>
                </c:pt>
                <c:pt idx="2107">
                  <c:v>35.131929000001556</c:v>
                </c:pt>
                <c:pt idx="2108">
                  <c:v>35.148595000001556</c:v>
                </c:pt>
                <c:pt idx="2109">
                  <c:v>35.165261000001557</c:v>
                </c:pt>
                <c:pt idx="2110">
                  <c:v>35.181927000001558</c:v>
                </c:pt>
                <c:pt idx="2111">
                  <c:v>35.198593000001559</c:v>
                </c:pt>
                <c:pt idx="2112">
                  <c:v>35.215259000001559</c:v>
                </c:pt>
                <c:pt idx="2113">
                  <c:v>35.23192500000156</c:v>
                </c:pt>
                <c:pt idx="2114">
                  <c:v>35.248591000001561</c:v>
                </c:pt>
                <c:pt idx="2115">
                  <c:v>35.265257000001561</c:v>
                </c:pt>
                <c:pt idx="2116">
                  <c:v>35.281923000001562</c:v>
                </c:pt>
                <c:pt idx="2117">
                  <c:v>35.298589000001563</c:v>
                </c:pt>
                <c:pt idx="2118">
                  <c:v>35.315255000001564</c:v>
                </c:pt>
                <c:pt idx="2119">
                  <c:v>35.331921000001564</c:v>
                </c:pt>
                <c:pt idx="2120">
                  <c:v>35.348587000001565</c:v>
                </c:pt>
                <c:pt idx="2121">
                  <c:v>35.365253000001566</c:v>
                </c:pt>
                <c:pt idx="2122">
                  <c:v>35.381919000001567</c:v>
                </c:pt>
                <c:pt idx="2123">
                  <c:v>35.398585000001567</c:v>
                </c:pt>
                <c:pt idx="2124">
                  <c:v>35.415251000001568</c:v>
                </c:pt>
                <c:pt idx="2125">
                  <c:v>35.431917000001569</c:v>
                </c:pt>
                <c:pt idx="2126">
                  <c:v>35.44858300000157</c:v>
                </c:pt>
                <c:pt idx="2127">
                  <c:v>35.46524900000157</c:v>
                </c:pt>
                <c:pt idx="2128">
                  <c:v>35.481915000001571</c:v>
                </c:pt>
                <c:pt idx="2129">
                  <c:v>35.498581000001572</c:v>
                </c:pt>
                <c:pt idx="2130">
                  <c:v>35.515247000001573</c:v>
                </c:pt>
                <c:pt idx="2131">
                  <c:v>35.531913000001573</c:v>
                </c:pt>
                <c:pt idx="2132">
                  <c:v>35.548579000001574</c:v>
                </c:pt>
                <c:pt idx="2133">
                  <c:v>35.565245000001575</c:v>
                </c:pt>
                <c:pt idx="2134">
                  <c:v>35.581911000001575</c:v>
                </c:pt>
                <c:pt idx="2135">
                  <c:v>35.598577000001576</c:v>
                </c:pt>
                <c:pt idx="2136">
                  <c:v>35.615243000001577</c:v>
                </c:pt>
                <c:pt idx="2137">
                  <c:v>35.631909000001578</c:v>
                </c:pt>
                <c:pt idx="2138">
                  <c:v>35.648575000001578</c:v>
                </c:pt>
                <c:pt idx="2139">
                  <c:v>35.665241000001579</c:v>
                </c:pt>
                <c:pt idx="2140">
                  <c:v>35.68190700000158</c:v>
                </c:pt>
                <c:pt idx="2141">
                  <c:v>35.698573000001581</c:v>
                </c:pt>
                <c:pt idx="2142">
                  <c:v>35.715239000001581</c:v>
                </c:pt>
                <c:pt idx="2143">
                  <c:v>35.731905000001582</c:v>
                </c:pt>
                <c:pt idx="2144">
                  <c:v>35.748571000001583</c:v>
                </c:pt>
                <c:pt idx="2145">
                  <c:v>35.765237000001584</c:v>
                </c:pt>
                <c:pt idx="2146">
                  <c:v>35.781903000001584</c:v>
                </c:pt>
                <c:pt idx="2147">
                  <c:v>35.798569000001585</c:v>
                </c:pt>
                <c:pt idx="2148">
                  <c:v>35.815235000001586</c:v>
                </c:pt>
                <c:pt idx="2149">
                  <c:v>35.831901000001587</c:v>
                </c:pt>
                <c:pt idx="2150">
                  <c:v>35.848567000001587</c:v>
                </c:pt>
                <c:pt idx="2151">
                  <c:v>35.865233000001588</c:v>
                </c:pt>
                <c:pt idx="2152">
                  <c:v>35.881899000001589</c:v>
                </c:pt>
                <c:pt idx="2153">
                  <c:v>35.898565000001589</c:v>
                </c:pt>
                <c:pt idx="2154">
                  <c:v>35.91523100000159</c:v>
                </c:pt>
                <c:pt idx="2155">
                  <c:v>35.931897000001591</c:v>
                </c:pt>
                <c:pt idx="2156">
                  <c:v>35.948563000001592</c:v>
                </c:pt>
                <c:pt idx="2157">
                  <c:v>35.965229000001592</c:v>
                </c:pt>
                <c:pt idx="2158">
                  <c:v>35.981895000001593</c:v>
                </c:pt>
                <c:pt idx="2159">
                  <c:v>35.998561000001594</c:v>
                </c:pt>
                <c:pt idx="2160">
                  <c:v>36.015227000001595</c:v>
                </c:pt>
                <c:pt idx="2161">
                  <c:v>36.031893000001595</c:v>
                </c:pt>
                <c:pt idx="2162">
                  <c:v>36.048559000001596</c:v>
                </c:pt>
                <c:pt idx="2163">
                  <c:v>36.065225000001597</c:v>
                </c:pt>
                <c:pt idx="2164">
                  <c:v>36.081891000001598</c:v>
                </c:pt>
                <c:pt idx="2165">
                  <c:v>36.098557000001598</c:v>
                </c:pt>
                <c:pt idx="2166">
                  <c:v>36.115223000001599</c:v>
                </c:pt>
                <c:pt idx="2167">
                  <c:v>36.1318890000016</c:v>
                </c:pt>
                <c:pt idx="2168">
                  <c:v>36.1485550000016</c:v>
                </c:pt>
                <c:pt idx="2169">
                  <c:v>36.165221000001601</c:v>
                </c:pt>
                <c:pt idx="2170">
                  <c:v>36.181887000001602</c:v>
                </c:pt>
                <c:pt idx="2171">
                  <c:v>36.198553000001603</c:v>
                </c:pt>
                <c:pt idx="2172">
                  <c:v>36.215219000001603</c:v>
                </c:pt>
                <c:pt idx="2173">
                  <c:v>36.231885000001604</c:v>
                </c:pt>
                <c:pt idx="2174">
                  <c:v>36.248551000001605</c:v>
                </c:pt>
                <c:pt idx="2175">
                  <c:v>36.265217000001606</c:v>
                </c:pt>
                <c:pt idx="2176">
                  <c:v>36.281883000001606</c:v>
                </c:pt>
                <c:pt idx="2177">
                  <c:v>36.298549000001607</c:v>
                </c:pt>
                <c:pt idx="2178">
                  <c:v>36.315215000001608</c:v>
                </c:pt>
                <c:pt idx="2179">
                  <c:v>36.331881000001609</c:v>
                </c:pt>
                <c:pt idx="2180">
                  <c:v>36.348547000001609</c:v>
                </c:pt>
                <c:pt idx="2181">
                  <c:v>36.36521300000161</c:v>
                </c:pt>
                <c:pt idx="2182">
                  <c:v>36.381879000001611</c:v>
                </c:pt>
                <c:pt idx="2183">
                  <c:v>36.398545000001612</c:v>
                </c:pt>
                <c:pt idx="2184">
                  <c:v>36.415211000001612</c:v>
                </c:pt>
                <c:pt idx="2185">
                  <c:v>36.431877000001613</c:v>
                </c:pt>
                <c:pt idx="2186">
                  <c:v>36.448543000001614</c:v>
                </c:pt>
                <c:pt idx="2187">
                  <c:v>36.465209000001614</c:v>
                </c:pt>
                <c:pt idx="2188">
                  <c:v>36.481875000001615</c:v>
                </c:pt>
                <c:pt idx="2189">
                  <c:v>36.498541000001616</c:v>
                </c:pt>
                <c:pt idx="2190">
                  <c:v>36.515207000001617</c:v>
                </c:pt>
                <c:pt idx="2191">
                  <c:v>36.531873000001617</c:v>
                </c:pt>
                <c:pt idx="2192">
                  <c:v>36.548539000001618</c:v>
                </c:pt>
                <c:pt idx="2193">
                  <c:v>36.565205000001619</c:v>
                </c:pt>
                <c:pt idx="2194">
                  <c:v>36.58187100000162</c:v>
                </c:pt>
                <c:pt idx="2195">
                  <c:v>36.59853700000162</c:v>
                </c:pt>
                <c:pt idx="2196">
                  <c:v>36.615203000001621</c:v>
                </c:pt>
                <c:pt idx="2197">
                  <c:v>36.631869000001622</c:v>
                </c:pt>
                <c:pt idx="2198">
                  <c:v>36.648535000001623</c:v>
                </c:pt>
                <c:pt idx="2199">
                  <c:v>36.665201000001623</c:v>
                </c:pt>
                <c:pt idx="2200">
                  <c:v>36.681867000001624</c:v>
                </c:pt>
                <c:pt idx="2201">
                  <c:v>36.698533000001625</c:v>
                </c:pt>
                <c:pt idx="2202">
                  <c:v>36.715199000001626</c:v>
                </c:pt>
                <c:pt idx="2203">
                  <c:v>36.731865000001626</c:v>
                </c:pt>
                <c:pt idx="2204">
                  <c:v>36.748531000001627</c:v>
                </c:pt>
                <c:pt idx="2205">
                  <c:v>36.765197000001628</c:v>
                </c:pt>
                <c:pt idx="2206">
                  <c:v>36.781863000001628</c:v>
                </c:pt>
                <c:pt idx="2207">
                  <c:v>36.798529000001629</c:v>
                </c:pt>
                <c:pt idx="2208">
                  <c:v>36.81519500000163</c:v>
                </c:pt>
                <c:pt idx="2209">
                  <c:v>36.831861000001631</c:v>
                </c:pt>
                <c:pt idx="2210">
                  <c:v>36.848527000001631</c:v>
                </c:pt>
                <c:pt idx="2211">
                  <c:v>36.865193000001632</c:v>
                </c:pt>
                <c:pt idx="2212">
                  <c:v>36.881859000001633</c:v>
                </c:pt>
                <c:pt idx="2213">
                  <c:v>36.898525000001634</c:v>
                </c:pt>
                <c:pt idx="2214">
                  <c:v>36.915191000001634</c:v>
                </c:pt>
                <c:pt idx="2215">
                  <c:v>36.931857000001635</c:v>
                </c:pt>
                <c:pt idx="2216">
                  <c:v>36.948523000001636</c:v>
                </c:pt>
                <c:pt idx="2217">
                  <c:v>36.965189000001637</c:v>
                </c:pt>
                <c:pt idx="2218">
                  <c:v>36.981855000001637</c:v>
                </c:pt>
                <c:pt idx="2219">
                  <c:v>36.998521000001638</c:v>
                </c:pt>
                <c:pt idx="2220">
                  <c:v>37.015187000001639</c:v>
                </c:pt>
                <c:pt idx="2221">
                  <c:v>37.031853000001639</c:v>
                </c:pt>
                <c:pt idx="2222">
                  <c:v>37.04851900000164</c:v>
                </c:pt>
                <c:pt idx="2223">
                  <c:v>37.065185000001641</c:v>
                </c:pt>
                <c:pt idx="2224">
                  <c:v>37.081851000001642</c:v>
                </c:pt>
                <c:pt idx="2225">
                  <c:v>37.098517000001642</c:v>
                </c:pt>
                <c:pt idx="2226">
                  <c:v>37.115183000001643</c:v>
                </c:pt>
                <c:pt idx="2227">
                  <c:v>37.131849000001644</c:v>
                </c:pt>
                <c:pt idx="2228">
                  <c:v>37.148515000001645</c:v>
                </c:pt>
                <c:pt idx="2229">
                  <c:v>37.165181000001645</c:v>
                </c:pt>
                <c:pt idx="2230">
                  <c:v>37.181847000001646</c:v>
                </c:pt>
                <c:pt idx="2231">
                  <c:v>37.198513000001647</c:v>
                </c:pt>
                <c:pt idx="2232">
                  <c:v>37.215179000001648</c:v>
                </c:pt>
                <c:pt idx="2233">
                  <c:v>37.231845000001648</c:v>
                </c:pt>
                <c:pt idx="2234">
                  <c:v>37.248511000001649</c:v>
                </c:pt>
                <c:pt idx="2235">
                  <c:v>37.26517700000165</c:v>
                </c:pt>
                <c:pt idx="2236">
                  <c:v>37.281843000001651</c:v>
                </c:pt>
                <c:pt idx="2237">
                  <c:v>37.298509000001651</c:v>
                </c:pt>
                <c:pt idx="2238">
                  <c:v>37.315175000001652</c:v>
                </c:pt>
                <c:pt idx="2239">
                  <c:v>37.331841000001653</c:v>
                </c:pt>
                <c:pt idx="2240">
                  <c:v>37.348507000001653</c:v>
                </c:pt>
                <c:pt idx="2241">
                  <c:v>37.365173000001654</c:v>
                </c:pt>
                <c:pt idx="2242">
                  <c:v>37.381839000001655</c:v>
                </c:pt>
                <c:pt idx="2243">
                  <c:v>37.398505000001656</c:v>
                </c:pt>
                <c:pt idx="2244">
                  <c:v>37.415171000001656</c:v>
                </c:pt>
                <c:pt idx="2245">
                  <c:v>37.431837000001657</c:v>
                </c:pt>
                <c:pt idx="2246">
                  <c:v>37.448503000001658</c:v>
                </c:pt>
                <c:pt idx="2247">
                  <c:v>37.465169000001659</c:v>
                </c:pt>
                <c:pt idx="2248">
                  <c:v>37.481835000001659</c:v>
                </c:pt>
                <c:pt idx="2249">
                  <c:v>37.49850100000166</c:v>
                </c:pt>
                <c:pt idx="2250">
                  <c:v>37.515167000001661</c:v>
                </c:pt>
                <c:pt idx="2251">
                  <c:v>37.531833000001662</c:v>
                </c:pt>
                <c:pt idx="2252">
                  <c:v>37.548499000001662</c:v>
                </c:pt>
                <c:pt idx="2253">
                  <c:v>37.565165000001663</c:v>
                </c:pt>
                <c:pt idx="2254">
                  <c:v>37.581831000001664</c:v>
                </c:pt>
                <c:pt idx="2255">
                  <c:v>37.598497000001665</c:v>
                </c:pt>
                <c:pt idx="2256">
                  <c:v>37.615163000001665</c:v>
                </c:pt>
                <c:pt idx="2257">
                  <c:v>37.631829000001666</c:v>
                </c:pt>
                <c:pt idx="2258">
                  <c:v>37.648495000001667</c:v>
                </c:pt>
                <c:pt idx="2259">
                  <c:v>37.665161000001667</c:v>
                </c:pt>
                <c:pt idx="2260">
                  <c:v>37.681827000001668</c:v>
                </c:pt>
                <c:pt idx="2261">
                  <c:v>37.698493000001669</c:v>
                </c:pt>
                <c:pt idx="2262">
                  <c:v>37.71515900000167</c:v>
                </c:pt>
                <c:pt idx="2263">
                  <c:v>37.73182500000167</c:v>
                </c:pt>
                <c:pt idx="2264">
                  <c:v>37.748491000001671</c:v>
                </c:pt>
                <c:pt idx="2265">
                  <c:v>37.765157000001672</c:v>
                </c:pt>
                <c:pt idx="2266">
                  <c:v>37.781823000001673</c:v>
                </c:pt>
                <c:pt idx="2267">
                  <c:v>37.798489000001673</c:v>
                </c:pt>
                <c:pt idx="2268">
                  <c:v>37.815155000001674</c:v>
                </c:pt>
                <c:pt idx="2269">
                  <c:v>37.831821000001675</c:v>
                </c:pt>
                <c:pt idx="2270">
                  <c:v>37.848487000001676</c:v>
                </c:pt>
                <c:pt idx="2271">
                  <c:v>37.865153000001676</c:v>
                </c:pt>
                <c:pt idx="2272">
                  <c:v>37.881819000001677</c:v>
                </c:pt>
                <c:pt idx="2273">
                  <c:v>37.898485000001678</c:v>
                </c:pt>
                <c:pt idx="2274">
                  <c:v>37.915151000001678</c:v>
                </c:pt>
                <c:pt idx="2275">
                  <c:v>37.931817000001679</c:v>
                </c:pt>
                <c:pt idx="2276">
                  <c:v>37.94848300000168</c:v>
                </c:pt>
                <c:pt idx="2277">
                  <c:v>37.965149000001681</c:v>
                </c:pt>
                <c:pt idx="2278">
                  <c:v>37.981815000001681</c:v>
                </c:pt>
                <c:pt idx="2279">
                  <c:v>37.998481000001682</c:v>
                </c:pt>
                <c:pt idx="2280">
                  <c:v>38.015147000001683</c:v>
                </c:pt>
                <c:pt idx="2281">
                  <c:v>38.031813000001684</c:v>
                </c:pt>
                <c:pt idx="2282">
                  <c:v>38.048479000001684</c:v>
                </c:pt>
                <c:pt idx="2283">
                  <c:v>38.065145000001685</c:v>
                </c:pt>
                <c:pt idx="2284">
                  <c:v>38.081811000001686</c:v>
                </c:pt>
                <c:pt idx="2285">
                  <c:v>38.098477000001687</c:v>
                </c:pt>
                <c:pt idx="2286">
                  <c:v>38.115143000001687</c:v>
                </c:pt>
                <c:pt idx="2287">
                  <c:v>38.131809000001688</c:v>
                </c:pt>
                <c:pt idx="2288">
                  <c:v>38.148475000001689</c:v>
                </c:pt>
                <c:pt idx="2289">
                  <c:v>38.16514100000169</c:v>
                </c:pt>
                <c:pt idx="2290">
                  <c:v>38.18180700000169</c:v>
                </c:pt>
                <c:pt idx="2291">
                  <c:v>38.198473000001691</c:v>
                </c:pt>
                <c:pt idx="2292">
                  <c:v>38.215139000001692</c:v>
                </c:pt>
                <c:pt idx="2293">
                  <c:v>38.231805000001692</c:v>
                </c:pt>
                <c:pt idx="2294">
                  <c:v>38.248471000001693</c:v>
                </c:pt>
                <c:pt idx="2295">
                  <c:v>38.265137000001694</c:v>
                </c:pt>
                <c:pt idx="2296">
                  <c:v>38.281803000001695</c:v>
                </c:pt>
                <c:pt idx="2297">
                  <c:v>38.298469000001695</c:v>
                </c:pt>
                <c:pt idx="2298">
                  <c:v>38.315135000001696</c:v>
                </c:pt>
                <c:pt idx="2299">
                  <c:v>38.331801000001697</c:v>
                </c:pt>
                <c:pt idx="2300">
                  <c:v>38.348467000001698</c:v>
                </c:pt>
                <c:pt idx="2301">
                  <c:v>38.365133000001698</c:v>
                </c:pt>
                <c:pt idx="2302">
                  <c:v>38.381799000001699</c:v>
                </c:pt>
                <c:pt idx="2303">
                  <c:v>38.3984650000017</c:v>
                </c:pt>
                <c:pt idx="2304">
                  <c:v>38.415131000001701</c:v>
                </c:pt>
                <c:pt idx="2305">
                  <c:v>38.431797000001701</c:v>
                </c:pt>
                <c:pt idx="2306">
                  <c:v>38.448463000001702</c:v>
                </c:pt>
                <c:pt idx="2307">
                  <c:v>38.465129000001703</c:v>
                </c:pt>
                <c:pt idx="2308">
                  <c:v>38.481795000001703</c:v>
                </c:pt>
                <c:pt idx="2309">
                  <c:v>38.498461000001704</c:v>
                </c:pt>
                <c:pt idx="2310">
                  <c:v>38.515127000001705</c:v>
                </c:pt>
                <c:pt idx="2311">
                  <c:v>38.531793000001706</c:v>
                </c:pt>
                <c:pt idx="2312">
                  <c:v>38.548459000001706</c:v>
                </c:pt>
                <c:pt idx="2313">
                  <c:v>38.565125000001707</c:v>
                </c:pt>
                <c:pt idx="2314">
                  <c:v>38.581791000001708</c:v>
                </c:pt>
                <c:pt idx="2315">
                  <c:v>38.598457000001709</c:v>
                </c:pt>
                <c:pt idx="2316">
                  <c:v>38.615123000001709</c:v>
                </c:pt>
                <c:pt idx="2317">
                  <c:v>38.63178900000171</c:v>
                </c:pt>
                <c:pt idx="2318">
                  <c:v>38.648455000001711</c:v>
                </c:pt>
                <c:pt idx="2319">
                  <c:v>38.665121000001712</c:v>
                </c:pt>
                <c:pt idx="2320">
                  <c:v>38.681787000001712</c:v>
                </c:pt>
                <c:pt idx="2321">
                  <c:v>38.698453000001713</c:v>
                </c:pt>
                <c:pt idx="2322">
                  <c:v>38.715119000001714</c:v>
                </c:pt>
                <c:pt idx="2323">
                  <c:v>38.731785000001715</c:v>
                </c:pt>
                <c:pt idx="2324">
                  <c:v>38.748451000001715</c:v>
                </c:pt>
                <c:pt idx="2325">
                  <c:v>38.765117000001716</c:v>
                </c:pt>
                <c:pt idx="2326">
                  <c:v>38.781783000001717</c:v>
                </c:pt>
                <c:pt idx="2327">
                  <c:v>38.798449000001717</c:v>
                </c:pt>
                <c:pt idx="2328">
                  <c:v>38.815115000001718</c:v>
                </c:pt>
                <c:pt idx="2329">
                  <c:v>38.831781000001719</c:v>
                </c:pt>
                <c:pt idx="2330">
                  <c:v>38.84844700000172</c:v>
                </c:pt>
                <c:pt idx="2331">
                  <c:v>38.86511300000172</c:v>
                </c:pt>
                <c:pt idx="2332">
                  <c:v>38.881779000001721</c:v>
                </c:pt>
                <c:pt idx="2333">
                  <c:v>38.898445000001722</c:v>
                </c:pt>
                <c:pt idx="2334">
                  <c:v>38.915111000001723</c:v>
                </c:pt>
                <c:pt idx="2335">
                  <c:v>38.931777000001723</c:v>
                </c:pt>
                <c:pt idx="2336">
                  <c:v>38.948443000001724</c:v>
                </c:pt>
                <c:pt idx="2337">
                  <c:v>38.965109000001725</c:v>
                </c:pt>
                <c:pt idx="2338">
                  <c:v>38.981775000001726</c:v>
                </c:pt>
                <c:pt idx="2339">
                  <c:v>38.998441000001726</c:v>
                </c:pt>
                <c:pt idx="2340">
                  <c:v>39.015107000001727</c:v>
                </c:pt>
                <c:pt idx="2341">
                  <c:v>39.031773000001728</c:v>
                </c:pt>
                <c:pt idx="2342">
                  <c:v>39.048439000001729</c:v>
                </c:pt>
                <c:pt idx="2343">
                  <c:v>39.065105000001729</c:v>
                </c:pt>
                <c:pt idx="2344">
                  <c:v>39.08177100000173</c:v>
                </c:pt>
                <c:pt idx="2345">
                  <c:v>39.098437000001731</c:v>
                </c:pt>
                <c:pt idx="2346">
                  <c:v>39.115103000001731</c:v>
                </c:pt>
                <c:pt idx="2347">
                  <c:v>39.131769000001732</c:v>
                </c:pt>
                <c:pt idx="2348">
                  <c:v>39.148435000001733</c:v>
                </c:pt>
                <c:pt idx="2349">
                  <c:v>39.165101000001734</c:v>
                </c:pt>
                <c:pt idx="2350">
                  <c:v>39.181767000001734</c:v>
                </c:pt>
                <c:pt idx="2351">
                  <c:v>39.198433000001735</c:v>
                </c:pt>
                <c:pt idx="2352">
                  <c:v>39.215099000001736</c:v>
                </c:pt>
                <c:pt idx="2353">
                  <c:v>39.231765000001737</c:v>
                </c:pt>
                <c:pt idx="2354">
                  <c:v>39.248431000001737</c:v>
                </c:pt>
                <c:pt idx="2355">
                  <c:v>39.265097000001738</c:v>
                </c:pt>
                <c:pt idx="2356">
                  <c:v>39.281763000001739</c:v>
                </c:pt>
                <c:pt idx="2357">
                  <c:v>39.29842900000174</c:v>
                </c:pt>
                <c:pt idx="2358">
                  <c:v>39.31509500000174</c:v>
                </c:pt>
                <c:pt idx="2359">
                  <c:v>39.331761000001741</c:v>
                </c:pt>
                <c:pt idx="2360">
                  <c:v>39.348427000001742</c:v>
                </c:pt>
                <c:pt idx="2361">
                  <c:v>39.365093000001742</c:v>
                </c:pt>
                <c:pt idx="2362">
                  <c:v>39.381759000001743</c:v>
                </c:pt>
                <c:pt idx="2363">
                  <c:v>39.398425000001744</c:v>
                </c:pt>
                <c:pt idx="2364">
                  <c:v>39.415091000001745</c:v>
                </c:pt>
                <c:pt idx="2365">
                  <c:v>39.431757000001745</c:v>
                </c:pt>
                <c:pt idx="2366">
                  <c:v>39.448423000001746</c:v>
                </c:pt>
                <c:pt idx="2367">
                  <c:v>39.465089000001747</c:v>
                </c:pt>
                <c:pt idx="2368">
                  <c:v>39.481755000001748</c:v>
                </c:pt>
                <c:pt idx="2369">
                  <c:v>39.498421000001748</c:v>
                </c:pt>
                <c:pt idx="2370">
                  <c:v>39.515087000001749</c:v>
                </c:pt>
                <c:pt idx="2371">
                  <c:v>39.53175300000175</c:v>
                </c:pt>
                <c:pt idx="2372">
                  <c:v>39.548419000001751</c:v>
                </c:pt>
                <c:pt idx="2373">
                  <c:v>39.565085000001751</c:v>
                </c:pt>
                <c:pt idx="2374">
                  <c:v>39.581751000001752</c:v>
                </c:pt>
                <c:pt idx="2375">
                  <c:v>39.598417000001753</c:v>
                </c:pt>
                <c:pt idx="2376">
                  <c:v>39.615083000001754</c:v>
                </c:pt>
                <c:pt idx="2377">
                  <c:v>39.631749000001754</c:v>
                </c:pt>
                <c:pt idx="2378">
                  <c:v>39.648415000001755</c:v>
                </c:pt>
                <c:pt idx="2379">
                  <c:v>39.665081000001756</c:v>
                </c:pt>
                <c:pt idx="2380">
                  <c:v>39.681747000001756</c:v>
                </c:pt>
                <c:pt idx="2381">
                  <c:v>39.698413000001757</c:v>
                </c:pt>
                <c:pt idx="2382">
                  <c:v>39.715079000001758</c:v>
                </c:pt>
                <c:pt idx="2383">
                  <c:v>39.731745000001759</c:v>
                </c:pt>
                <c:pt idx="2384">
                  <c:v>39.748411000001759</c:v>
                </c:pt>
                <c:pt idx="2385">
                  <c:v>39.76507700000176</c:v>
                </c:pt>
                <c:pt idx="2386">
                  <c:v>39.781743000001761</c:v>
                </c:pt>
                <c:pt idx="2387">
                  <c:v>39.798409000001762</c:v>
                </c:pt>
                <c:pt idx="2388">
                  <c:v>39.815075000001762</c:v>
                </c:pt>
                <c:pt idx="2389">
                  <c:v>39.831741000001763</c:v>
                </c:pt>
                <c:pt idx="2390">
                  <c:v>39.848407000001764</c:v>
                </c:pt>
                <c:pt idx="2391">
                  <c:v>39.865073000001765</c:v>
                </c:pt>
                <c:pt idx="2392">
                  <c:v>39.881739000001765</c:v>
                </c:pt>
                <c:pt idx="2393">
                  <c:v>39.898405000001766</c:v>
                </c:pt>
                <c:pt idx="2394">
                  <c:v>39.915071000001767</c:v>
                </c:pt>
                <c:pt idx="2395">
                  <c:v>39.931737000001768</c:v>
                </c:pt>
                <c:pt idx="2396">
                  <c:v>39.948403000001768</c:v>
                </c:pt>
                <c:pt idx="2397">
                  <c:v>39.965069000001769</c:v>
                </c:pt>
                <c:pt idx="2398">
                  <c:v>39.98173500000177</c:v>
                </c:pt>
                <c:pt idx="2399">
                  <c:v>39.99840100000177</c:v>
                </c:pt>
                <c:pt idx="2400">
                  <c:v>40.015067000001771</c:v>
                </c:pt>
                <c:pt idx="2401">
                  <c:v>40.031733000001772</c:v>
                </c:pt>
                <c:pt idx="2402">
                  <c:v>40.048399000001773</c:v>
                </c:pt>
                <c:pt idx="2403">
                  <c:v>40.065065000001773</c:v>
                </c:pt>
                <c:pt idx="2404">
                  <c:v>40.081731000001774</c:v>
                </c:pt>
                <c:pt idx="2405">
                  <c:v>40.098397000001775</c:v>
                </c:pt>
                <c:pt idx="2406">
                  <c:v>40.115063000001776</c:v>
                </c:pt>
                <c:pt idx="2407">
                  <c:v>40.131729000001776</c:v>
                </c:pt>
                <c:pt idx="2408">
                  <c:v>40.148395000001777</c:v>
                </c:pt>
                <c:pt idx="2409">
                  <c:v>40.165061000001778</c:v>
                </c:pt>
                <c:pt idx="2410">
                  <c:v>40.181727000001779</c:v>
                </c:pt>
                <c:pt idx="2411">
                  <c:v>40.198393000001779</c:v>
                </c:pt>
                <c:pt idx="2412">
                  <c:v>40.21505900000178</c:v>
                </c:pt>
                <c:pt idx="2413">
                  <c:v>40.231725000001781</c:v>
                </c:pt>
                <c:pt idx="2414">
                  <c:v>40.248391000001781</c:v>
                </c:pt>
                <c:pt idx="2415">
                  <c:v>40.265057000001782</c:v>
                </c:pt>
                <c:pt idx="2416">
                  <c:v>40.281723000001783</c:v>
                </c:pt>
                <c:pt idx="2417">
                  <c:v>40.298389000001784</c:v>
                </c:pt>
                <c:pt idx="2418">
                  <c:v>40.315055000001784</c:v>
                </c:pt>
                <c:pt idx="2419">
                  <c:v>40.331721000001785</c:v>
                </c:pt>
                <c:pt idx="2420">
                  <c:v>40.348387000001786</c:v>
                </c:pt>
                <c:pt idx="2421">
                  <c:v>40.365053000001787</c:v>
                </c:pt>
                <c:pt idx="2422">
                  <c:v>40.381719000001787</c:v>
                </c:pt>
                <c:pt idx="2423">
                  <c:v>40.398385000001788</c:v>
                </c:pt>
                <c:pt idx="2424">
                  <c:v>40.415051000001789</c:v>
                </c:pt>
                <c:pt idx="2425">
                  <c:v>40.43171700000179</c:v>
                </c:pt>
                <c:pt idx="2426">
                  <c:v>40.44838300000179</c:v>
                </c:pt>
                <c:pt idx="2427">
                  <c:v>40.465049000001791</c:v>
                </c:pt>
                <c:pt idx="2428">
                  <c:v>40.481715000001792</c:v>
                </c:pt>
                <c:pt idx="2429">
                  <c:v>40.498381000001793</c:v>
                </c:pt>
                <c:pt idx="2430">
                  <c:v>40.515047000001793</c:v>
                </c:pt>
                <c:pt idx="2431">
                  <c:v>40.531713000001794</c:v>
                </c:pt>
                <c:pt idx="2432">
                  <c:v>40.548379000001795</c:v>
                </c:pt>
                <c:pt idx="2433">
                  <c:v>40.565045000001795</c:v>
                </c:pt>
                <c:pt idx="2434">
                  <c:v>40.581711000001796</c:v>
                </c:pt>
                <c:pt idx="2435">
                  <c:v>40.598377000001797</c:v>
                </c:pt>
                <c:pt idx="2436">
                  <c:v>40.615043000001798</c:v>
                </c:pt>
                <c:pt idx="2437">
                  <c:v>40.631709000001798</c:v>
                </c:pt>
                <c:pt idx="2438">
                  <c:v>40.648375000001799</c:v>
                </c:pt>
                <c:pt idx="2439">
                  <c:v>40.6650410000018</c:v>
                </c:pt>
                <c:pt idx="2440">
                  <c:v>40.681707000001801</c:v>
                </c:pt>
                <c:pt idx="2441">
                  <c:v>40.698373000001801</c:v>
                </c:pt>
                <c:pt idx="2442">
                  <c:v>40.715039000001802</c:v>
                </c:pt>
                <c:pt idx="2443">
                  <c:v>40.731705000001803</c:v>
                </c:pt>
                <c:pt idx="2444">
                  <c:v>40.748371000001804</c:v>
                </c:pt>
                <c:pt idx="2445">
                  <c:v>40.765037000001804</c:v>
                </c:pt>
                <c:pt idx="2446">
                  <c:v>40.781703000001805</c:v>
                </c:pt>
                <c:pt idx="2447">
                  <c:v>40.798369000001806</c:v>
                </c:pt>
                <c:pt idx="2448">
                  <c:v>40.815035000001807</c:v>
                </c:pt>
                <c:pt idx="2449">
                  <c:v>40.831701000001807</c:v>
                </c:pt>
                <c:pt idx="2450">
                  <c:v>40.848367000001808</c:v>
                </c:pt>
                <c:pt idx="2451">
                  <c:v>40.865033000001809</c:v>
                </c:pt>
                <c:pt idx="2452">
                  <c:v>40.881699000001809</c:v>
                </c:pt>
                <c:pt idx="2453">
                  <c:v>40.89836500000181</c:v>
                </c:pt>
                <c:pt idx="2454">
                  <c:v>40.915031000001811</c:v>
                </c:pt>
                <c:pt idx="2455">
                  <c:v>40.931697000001812</c:v>
                </c:pt>
                <c:pt idx="2456">
                  <c:v>40.948363000001812</c:v>
                </c:pt>
                <c:pt idx="2457">
                  <c:v>40.965029000001813</c:v>
                </c:pt>
                <c:pt idx="2458">
                  <c:v>40.981695000001814</c:v>
                </c:pt>
                <c:pt idx="2459">
                  <c:v>40.998361000001815</c:v>
                </c:pt>
                <c:pt idx="2460">
                  <c:v>41.015027000001815</c:v>
                </c:pt>
                <c:pt idx="2461">
                  <c:v>41.031693000001816</c:v>
                </c:pt>
                <c:pt idx="2462">
                  <c:v>41.048359000001817</c:v>
                </c:pt>
                <c:pt idx="2463">
                  <c:v>41.065025000001818</c:v>
                </c:pt>
                <c:pt idx="2464">
                  <c:v>41.081691000001818</c:v>
                </c:pt>
                <c:pt idx="2465">
                  <c:v>41.098357000001819</c:v>
                </c:pt>
                <c:pt idx="2466">
                  <c:v>41.11502300000182</c:v>
                </c:pt>
                <c:pt idx="2467">
                  <c:v>41.13168900000182</c:v>
                </c:pt>
                <c:pt idx="2468">
                  <c:v>41.148355000001821</c:v>
                </c:pt>
                <c:pt idx="2469">
                  <c:v>41.165021000001822</c:v>
                </c:pt>
                <c:pt idx="2470">
                  <c:v>41.181687000001823</c:v>
                </c:pt>
                <c:pt idx="2471">
                  <c:v>41.198353000001823</c:v>
                </c:pt>
                <c:pt idx="2472">
                  <c:v>41.215019000001824</c:v>
                </c:pt>
                <c:pt idx="2473">
                  <c:v>41.231685000001825</c:v>
                </c:pt>
                <c:pt idx="2474">
                  <c:v>41.248351000001826</c:v>
                </c:pt>
                <c:pt idx="2475">
                  <c:v>41.265017000001826</c:v>
                </c:pt>
                <c:pt idx="2476">
                  <c:v>41.281683000001827</c:v>
                </c:pt>
                <c:pt idx="2477">
                  <c:v>41.298349000001828</c:v>
                </c:pt>
                <c:pt idx="2478">
                  <c:v>41.315015000001829</c:v>
                </c:pt>
                <c:pt idx="2479">
                  <c:v>41.331681000001829</c:v>
                </c:pt>
                <c:pt idx="2480">
                  <c:v>41.34834700000183</c:v>
                </c:pt>
                <c:pt idx="2481">
                  <c:v>41.365013000001831</c:v>
                </c:pt>
                <c:pt idx="2482">
                  <c:v>41.381679000001832</c:v>
                </c:pt>
                <c:pt idx="2483">
                  <c:v>41.398345000001832</c:v>
                </c:pt>
                <c:pt idx="2484">
                  <c:v>41.415011000001833</c:v>
                </c:pt>
                <c:pt idx="2485">
                  <c:v>41.431677000001834</c:v>
                </c:pt>
                <c:pt idx="2486">
                  <c:v>41.448343000001834</c:v>
                </c:pt>
                <c:pt idx="2487">
                  <c:v>41.465009000001835</c:v>
                </c:pt>
                <c:pt idx="2488">
                  <c:v>41.481675000001836</c:v>
                </c:pt>
                <c:pt idx="2489">
                  <c:v>41.498341000001837</c:v>
                </c:pt>
                <c:pt idx="2490">
                  <c:v>41.515007000001837</c:v>
                </c:pt>
                <c:pt idx="2491">
                  <c:v>41.531673000001838</c:v>
                </c:pt>
                <c:pt idx="2492">
                  <c:v>41.548339000001839</c:v>
                </c:pt>
                <c:pt idx="2493">
                  <c:v>41.56500500000184</c:v>
                </c:pt>
                <c:pt idx="2494">
                  <c:v>41.58167100000184</c:v>
                </c:pt>
                <c:pt idx="2495">
                  <c:v>41.598337000001841</c:v>
                </c:pt>
                <c:pt idx="2496">
                  <c:v>41.615003000001842</c:v>
                </c:pt>
                <c:pt idx="2497">
                  <c:v>41.631669000001843</c:v>
                </c:pt>
                <c:pt idx="2498">
                  <c:v>41.648335000001843</c:v>
                </c:pt>
                <c:pt idx="2499">
                  <c:v>41.665001000001844</c:v>
                </c:pt>
                <c:pt idx="2500">
                  <c:v>41.681667000001845</c:v>
                </c:pt>
                <c:pt idx="2501">
                  <c:v>41.698333000001846</c:v>
                </c:pt>
                <c:pt idx="2502">
                  <c:v>41.714999000001846</c:v>
                </c:pt>
                <c:pt idx="2503">
                  <c:v>41.731665000001847</c:v>
                </c:pt>
                <c:pt idx="2504">
                  <c:v>41.748331000001848</c:v>
                </c:pt>
                <c:pt idx="2505">
                  <c:v>41.764997000001848</c:v>
                </c:pt>
                <c:pt idx="2506">
                  <c:v>41.781663000001849</c:v>
                </c:pt>
                <c:pt idx="2507">
                  <c:v>41.79832900000185</c:v>
                </c:pt>
                <c:pt idx="2508">
                  <c:v>41.814995000001851</c:v>
                </c:pt>
                <c:pt idx="2509">
                  <c:v>41.831661000001851</c:v>
                </c:pt>
                <c:pt idx="2510">
                  <c:v>41.848327000001852</c:v>
                </c:pt>
                <c:pt idx="2511">
                  <c:v>41.864993000001853</c:v>
                </c:pt>
                <c:pt idx="2512">
                  <c:v>41.881659000001854</c:v>
                </c:pt>
                <c:pt idx="2513">
                  <c:v>41.898325000001854</c:v>
                </c:pt>
                <c:pt idx="2514">
                  <c:v>41.914991000001855</c:v>
                </c:pt>
                <c:pt idx="2515">
                  <c:v>41.931657000001856</c:v>
                </c:pt>
                <c:pt idx="2516">
                  <c:v>41.948323000001857</c:v>
                </c:pt>
                <c:pt idx="2517">
                  <c:v>41.964989000001857</c:v>
                </c:pt>
                <c:pt idx="2518">
                  <c:v>41.981655000001858</c:v>
                </c:pt>
                <c:pt idx="2519">
                  <c:v>41.998321000001859</c:v>
                </c:pt>
                <c:pt idx="2520">
                  <c:v>42.014987000001859</c:v>
                </c:pt>
                <c:pt idx="2521">
                  <c:v>42.03165300000186</c:v>
                </c:pt>
                <c:pt idx="2522">
                  <c:v>42.048319000001861</c:v>
                </c:pt>
                <c:pt idx="2523">
                  <c:v>42.064985000001862</c:v>
                </c:pt>
                <c:pt idx="2524">
                  <c:v>42.081651000001862</c:v>
                </c:pt>
                <c:pt idx="2525">
                  <c:v>42.098317000001863</c:v>
                </c:pt>
                <c:pt idx="2526">
                  <c:v>42.114983000001864</c:v>
                </c:pt>
                <c:pt idx="2527">
                  <c:v>42.131649000001865</c:v>
                </c:pt>
                <c:pt idx="2528">
                  <c:v>42.148315000001865</c:v>
                </c:pt>
                <c:pt idx="2529">
                  <c:v>42.164981000001866</c:v>
                </c:pt>
                <c:pt idx="2530">
                  <c:v>42.181647000001867</c:v>
                </c:pt>
                <c:pt idx="2531">
                  <c:v>42.198313000001868</c:v>
                </c:pt>
                <c:pt idx="2532">
                  <c:v>42.214979000001868</c:v>
                </c:pt>
                <c:pt idx="2533">
                  <c:v>42.231645000001869</c:v>
                </c:pt>
                <c:pt idx="2534">
                  <c:v>42.24831100000187</c:v>
                </c:pt>
                <c:pt idx="2535">
                  <c:v>42.264977000001871</c:v>
                </c:pt>
                <c:pt idx="2536">
                  <c:v>42.281643000001871</c:v>
                </c:pt>
                <c:pt idx="2537">
                  <c:v>42.298309000001872</c:v>
                </c:pt>
                <c:pt idx="2538">
                  <c:v>42.314975000001873</c:v>
                </c:pt>
                <c:pt idx="2539">
                  <c:v>42.331641000001873</c:v>
                </c:pt>
                <c:pt idx="2540">
                  <c:v>42.348307000001874</c:v>
                </c:pt>
                <c:pt idx="2541">
                  <c:v>42.364973000001875</c:v>
                </c:pt>
                <c:pt idx="2542">
                  <c:v>42.381639000001876</c:v>
                </c:pt>
                <c:pt idx="2543">
                  <c:v>42.398305000001876</c:v>
                </c:pt>
                <c:pt idx="2544">
                  <c:v>42.414971000001877</c:v>
                </c:pt>
                <c:pt idx="2545">
                  <c:v>42.431637000001878</c:v>
                </c:pt>
                <c:pt idx="2546">
                  <c:v>42.448303000001879</c:v>
                </c:pt>
                <c:pt idx="2547">
                  <c:v>42.464969000001879</c:v>
                </c:pt>
                <c:pt idx="2548">
                  <c:v>42.48163500000188</c:v>
                </c:pt>
                <c:pt idx="2549">
                  <c:v>42.498301000001881</c:v>
                </c:pt>
                <c:pt idx="2550">
                  <c:v>42.514967000001882</c:v>
                </c:pt>
                <c:pt idx="2551">
                  <c:v>42.531633000001882</c:v>
                </c:pt>
                <c:pt idx="2552">
                  <c:v>42.548299000001883</c:v>
                </c:pt>
                <c:pt idx="2553">
                  <c:v>42.564965000001884</c:v>
                </c:pt>
                <c:pt idx="2554">
                  <c:v>42.581631000001885</c:v>
                </c:pt>
                <c:pt idx="2555">
                  <c:v>42.598297000001885</c:v>
                </c:pt>
                <c:pt idx="2556">
                  <c:v>42.614963000001886</c:v>
                </c:pt>
                <c:pt idx="2557">
                  <c:v>42.631629000001887</c:v>
                </c:pt>
                <c:pt idx="2558">
                  <c:v>42.648295000001887</c:v>
                </c:pt>
                <c:pt idx="2559">
                  <c:v>42.664961000001888</c:v>
                </c:pt>
                <c:pt idx="2560">
                  <c:v>42.681627000001889</c:v>
                </c:pt>
                <c:pt idx="2561">
                  <c:v>42.69829300000189</c:v>
                </c:pt>
                <c:pt idx="2562">
                  <c:v>42.71495900000189</c:v>
                </c:pt>
                <c:pt idx="2563">
                  <c:v>42.731625000001891</c:v>
                </c:pt>
                <c:pt idx="2564">
                  <c:v>42.748291000001892</c:v>
                </c:pt>
                <c:pt idx="2565">
                  <c:v>42.764957000001893</c:v>
                </c:pt>
                <c:pt idx="2566">
                  <c:v>42.781623000001893</c:v>
                </c:pt>
                <c:pt idx="2567">
                  <c:v>42.798289000001894</c:v>
                </c:pt>
                <c:pt idx="2568">
                  <c:v>42.814955000001895</c:v>
                </c:pt>
                <c:pt idx="2569">
                  <c:v>42.831621000001896</c:v>
                </c:pt>
                <c:pt idx="2570">
                  <c:v>42.848287000001896</c:v>
                </c:pt>
                <c:pt idx="2571">
                  <c:v>42.864953000001897</c:v>
                </c:pt>
                <c:pt idx="2572">
                  <c:v>42.881619000001898</c:v>
                </c:pt>
                <c:pt idx="2573">
                  <c:v>42.898285000001898</c:v>
                </c:pt>
                <c:pt idx="2574">
                  <c:v>42.914951000001899</c:v>
                </c:pt>
                <c:pt idx="2575">
                  <c:v>42.9316170000019</c:v>
                </c:pt>
                <c:pt idx="2576">
                  <c:v>42.948283000001901</c:v>
                </c:pt>
                <c:pt idx="2577">
                  <c:v>42.964949000001901</c:v>
                </c:pt>
                <c:pt idx="2578">
                  <c:v>42.981615000001902</c:v>
                </c:pt>
                <c:pt idx="2579">
                  <c:v>42.998281000001903</c:v>
                </c:pt>
                <c:pt idx="2580">
                  <c:v>43.014947000001904</c:v>
                </c:pt>
                <c:pt idx="2581">
                  <c:v>43.031613000001904</c:v>
                </c:pt>
                <c:pt idx="2582">
                  <c:v>43.048279000001905</c:v>
                </c:pt>
                <c:pt idx="2583">
                  <c:v>43.064945000001906</c:v>
                </c:pt>
                <c:pt idx="2584">
                  <c:v>43.081611000001907</c:v>
                </c:pt>
                <c:pt idx="2585">
                  <c:v>43.098277000001907</c:v>
                </c:pt>
                <c:pt idx="2586">
                  <c:v>43.114943000001908</c:v>
                </c:pt>
                <c:pt idx="2587">
                  <c:v>43.131609000001909</c:v>
                </c:pt>
                <c:pt idx="2588">
                  <c:v>43.14827500000191</c:v>
                </c:pt>
                <c:pt idx="2589">
                  <c:v>43.16494100000191</c:v>
                </c:pt>
                <c:pt idx="2590">
                  <c:v>43.181607000001911</c:v>
                </c:pt>
                <c:pt idx="2591">
                  <c:v>43.198273000001912</c:v>
                </c:pt>
                <c:pt idx="2592">
                  <c:v>43.214939000001912</c:v>
                </c:pt>
                <c:pt idx="2593">
                  <c:v>43.231605000001913</c:v>
                </c:pt>
                <c:pt idx="2594">
                  <c:v>43.248271000001914</c:v>
                </c:pt>
                <c:pt idx="2595">
                  <c:v>43.264937000001915</c:v>
                </c:pt>
                <c:pt idx="2596">
                  <c:v>43.281603000001915</c:v>
                </c:pt>
                <c:pt idx="2597">
                  <c:v>43.298269000001916</c:v>
                </c:pt>
                <c:pt idx="2598">
                  <c:v>43.314935000001917</c:v>
                </c:pt>
                <c:pt idx="2599">
                  <c:v>43.331601000001918</c:v>
                </c:pt>
                <c:pt idx="2600">
                  <c:v>43.348267000001918</c:v>
                </c:pt>
                <c:pt idx="2601">
                  <c:v>43.364933000001919</c:v>
                </c:pt>
                <c:pt idx="2602">
                  <c:v>43.38159900000192</c:v>
                </c:pt>
                <c:pt idx="2603">
                  <c:v>43.398265000001921</c:v>
                </c:pt>
                <c:pt idx="2604">
                  <c:v>43.414931000001921</c:v>
                </c:pt>
                <c:pt idx="2605">
                  <c:v>43.431597000001922</c:v>
                </c:pt>
                <c:pt idx="2606">
                  <c:v>43.448263000001923</c:v>
                </c:pt>
                <c:pt idx="2607">
                  <c:v>43.464929000001923</c:v>
                </c:pt>
                <c:pt idx="2608">
                  <c:v>43.481595000001924</c:v>
                </c:pt>
                <c:pt idx="2609">
                  <c:v>43.498261000001925</c:v>
                </c:pt>
                <c:pt idx="2610">
                  <c:v>43.514927000001926</c:v>
                </c:pt>
                <c:pt idx="2611">
                  <c:v>43.531593000001926</c:v>
                </c:pt>
                <c:pt idx="2612">
                  <c:v>43.548259000001927</c:v>
                </c:pt>
                <c:pt idx="2613">
                  <c:v>43.564925000001928</c:v>
                </c:pt>
                <c:pt idx="2614">
                  <c:v>43.581591000001929</c:v>
                </c:pt>
                <c:pt idx="2615">
                  <c:v>43.598257000001929</c:v>
                </c:pt>
                <c:pt idx="2616">
                  <c:v>43.61492300000193</c:v>
                </c:pt>
                <c:pt idx="2617">
                  <c:v>43.631589000001931</c:v>
                </c:pt>
                <c:pt idx="2618">
                  <c:v>43.648255000001932</c:v>
                </c:pt>
                <c:pt idx="2619">
                  <c:v>43.664921000001932</c:v>
                </c:pt>
                <c:pt idx="2620">
                  <c:v>43.681587000001933</c:v>
                </c:pt>
                <c:pt idx="2621">
                  <c:v>43.698253000001934</c:v>
                </c:pt>
                <c:pt idx="2622">
                  <c:v>43.714919000001935</c:v>
                </c:pt>
                <c:pt idx="2623">
                  <c:v>43.731585000001935</c:v>
                </c:pt>
                <c:pt idx="2624">
                  <c:v>43.748251000001936</c:v>
                </c:pt>
                <c:pt idx="2625">
                  <c:v>43.764917000001937</c:v>
                </c:pt>
                <c:pt idx="2626">
                  <c:v>43.781583000001937</c:v>
                </c:pt>
                <c:pt idx="2627">
                  <c:v>43.798249000001938</c:v>
                </c:pt>
                <c:pt idx="2628">
                  <c:v>43.814915000001939</c:v>
                </c:pt>
                <c:pt idx="2629">
                  <c:v>43.83158100000194</c:v>
                </c:pt>
                <c:pt idx="2630">
                  <c:v>43.84824700000194</c:v>
                </c:pt>
                <c:pt idx="2631">
                  <c:v>43.864913000001941</c:v>
                </c:pt>
                <c:pt idx="2632">
                  <c:v>43.881579000001942</c:v>
                </c:pt>
                <c:pt idx="2633">
                  <c:v>43.898245000001943</c:v>
                </c:pt>
                <c:pt idx="2634">
                  <c:v>43.914911000001943</c:v>
                </c:pt>
                <c:pt idx="2635">
                  <c:v>43.931577000001944</c:v>
                </c:pt>
                <c:pt idx="2636">
                  <c:v>43.948243000001945</c:v>
                </c:pt>
                <c:pt idx="2637">
                  <c:v>43.964909000001946</c:v>
                </c:pt>
                <c:pt idx="2638">
                  <c:v>43.981575000001946</c:v>
                </c:pt>
                <c:pt idx="2639">
                  <c:v>43.998241000001947</c:v>
                </c:pt>
                <c:pt idx="2640">
                  <c:v>44.014907000001948</c:v>
                </c:pt>
                <c:pt idx="2641">
                  <c:v>44.031573000001949</c:v>
                </c:pt>
                <c:pt idx="2642">
                  <c:v>44.048239000001949</c:v>
                </c:pt>
                <c:pt idx="2643">
                  <c:v>44.06490500000195</c:v>
                </c:pt>
                <c:pt idx="2644">
                  <c:v>44.081571000001951</c:v>
                </c:pt>
                <c:pt idx="2645">
                  <c:v>44.098237000001951</c:v>
                </c:pt>
                <c:pt idx="2646">
                  <c:v>44.114903000001952</c:v>
                </c:pt>
                <c:pt idx="2647">
                  <c:v>44.131569000001953</c:v>
                </c:pt>
                <c:pt idx="2648">
                  <c:v>44.148235000001954</c:v>
                </c:pt>
                <c:pt idx="2649">
                  <c:v>44.164901000001954</c:v>
                </c:pt>
                <c:pt idx="2650">
                  <c:v>44.181567000001955</c:v>
                </c:pt>
                <c:pt idx="2651">
                  <c:v>44.198233000001956</c:v>
                </c:pt>
                <c:pt idx="2652">
                  <c:v>44.214899000001957</c:v>
                </c:pt>
                <c:pt idx="2653">
                  <c:v>44.231565000001957</c:v>
                </c:pt>
                <c:pt idx="2654">
                  <c:v>44.248231000001958</c:v>
                </c:pt>
                <c:pt idx="2655">
                  <c:v>44.264897000001959</c:v>
                </c:pt>
                <c:pt idx="2656">
                  <c:v>44.28156300000196</c:v>
                </c:pt>
                <c:pt idx="2657">
                  <c:v>44.29822900000196</c:v>
                </c:pt>
                <c:pt idx="2658">
                  <c:v>44.314895000001961</c:v>
                </c:pt>
                <c:pt idx="2659">
                  <c:v>44.331561000001962</c:v>
                </c:pt>
                <c:pt idx="2660">
                  <c:v>44.348227000001962</c:v>
                </c:pt>
                <c:pt idx="2661">
                  <c:v>44.364893000001963</c:v>
                </c:pt>
                <c:pt idx="2662">
                  <c:v>44.381559000001964</c:v>
                </c:pt>
                <c:pt idx="2663">
                  <c:v>44.398225000001965</c:v>
                </c:pt>
                <c:pt idx="2664">
                  <c:v>44.414891000001965</c:v>
                </c:pt>
                <c:pt idx="2665">
                  <c:v>44.431557000001966</c:v>
                </c:pt>
                <c:pt idx="2666">
                  <c:v>44.448223000001967</c:v>
                </c:pt>
                <c:pt idx="2667">
                  <c:v>44.464889000001968</c:v>
                </c:pt>
                <c:pt idx="2668">
                  <c:v>44.481555000001968</c:v>
                </c:pt>
                <c:pt idx="2669">
                  <c:v>44.498221000001969</c:v>
                </c:pt>
                <c:pt idx="2670">
                  <c:v>44.51488700000197</c:v>
                </c:pt>
                <c:pt idx="2671">
                  <c:v>44.531553000001971</c:v>
                </c:pt>
                <c:pt idx="2672">
                  <c:v>44.548219000001971</c:v>
                </c:pt>
                <c:pt idx="2673">
                  <c:v>44.564885000001972</c:v>
                </c:pt>
                <c:pt idx="2674">
                  <c:v>44.581551000001973</c:v>
                </c:pt>
                <c:pt idx="2675">
                  <c:v>44.598217000001974</c:v>
                </c:pt>
                <c:pt idx="2676">
                  <c:v>44.614883000001974</c:v>
                </c:pt>
                <c:pt idx="2677">
                  <c:v>44.631549000001975</c:v>
                </c:pt>
                <c:pt idx="2678">
                  <c:v>44.648215000001976</c:v>
                </c:pt>
                <c:pt idx="2679">
                  <c:v>44.664881000001976</c:v>
                </c:pt>
                <c:pt idx="2680">
                  <c:v>44.681547000001977</c:v>
                </c:pt>
                <c:pt idx="2681">
                  <c:v>44.698213000001978</c:v>
                </c:pt>
                <c:pt idx="2682">
                  <c:v>44.714879000001979</c:v>
                </c:pt>
                <c:pt idx="2683">
                  <c:v>44.731545000001979</c:v>
                </c:pt>
                <c:pt idx="2684">
                  <c:v>44.74821100000198</c:v>
                </c:pt>
                <c:pt idx="2685">
                  <c:v>44.764877000001981</c:v>
                </c:pt>
                <c:pt idx="2686">
                  <c:v>44.781543000001982</c:v>
                </c:pt>
                <c:pt idx="2687">
                  <c:v>44.798209000001982</c:v>
                </c:pt>
                <c:pt idx="2688">
                  <c:v>44.814875000001983</c:v>
                </c:pt>
                <c:pt idx="2689">
                  <c:v>44.831541000001984</c:v>
                </c:pt>
                <c:pt idx="2690">
                  <c:v>44.848207000001985</c:v>
                </c:pt>
                <c:pt idx="2691">
                  <c:v>44.864873000001985</c:v>
                </c:pt>
                <c:pt idx="2692">
                  <c:v>44.881539000001986</c:v>
                </c:pt>
                <c:pt idx="2693">
                  <c:v>44.898205000001987</c:v>
                </c:pt>
                <c:pt idx="2694">
                  <c:v>44.914871000001988</c:v>
                </c:pt>
                <c:pt idx="2695">
                  <c:v>44.931537000001988</c:v>
                </c:pt>
                <c:pt idx="2696">
                  <c:v>44.948203000001989</c:v>
                </c:pt>
                <c:pt idx="2697">
                  <c:v>44.96486900000199</c:v>
                </c:pt>
                <c:pt idx="2698">
                  <c:v>44.98153500000199</c:v>
                </c:pt>
                <c:pt idx="2699">
                  <c:v>44.998201000001991</c:v>
                </c:pt>
                <c:pt idx="2700">
                  <c:v>45.014867000001992</c:v>
                </c:pt>
                <c:pt idx="2701">
                  <c:v>45.031533000001993</c:v>
                </c:pt>
                <c:pt idx="2702">
                  <c:v>45.048199000001993</c:v>
                </c:pt>
                <c:pt idx="2703">
                  <c:v>45.064865000001994</c:v>
                </c:pt>
                <c:pt idx="2704">
                  <c:v>45.081531000001995</c:v>
                </c:pt>
                <c:pt idx="2705">
                  <c:v>45.098197000001996</c:v>
                </c:pt>
                <c:pt idx="2706">
                  <c:v>45.114863000001996</c:v>
                </c:pt>
                <c:pt idx="2707">
                  <c:v>45.131529000001997</c:v>
                </c:pt>
                <c:pt idx="2708">
                  <c:v>45.148195000001998</c:v>
                </c:pt>
                <c:pt idx="2709">
                  <c:v>45.164861000001999</c:v>
                </c:pt>
                <c:pt idx="2710">
                  <c:v>45.181527000001999</c:v>
                </c:pt>
                <c:pt idx="2711">
                  <c:v>45.198193000002</c:v>
                </c:pt>
                <c:pt idx="2712">
                  <c:v>45.214859000002001</c:v>
                </c:pt>
                <c:pt idx="2713">
                  <c:v>45.231525000002001</c:v>
                </c:pt>
                <c:pt idx="2714">
                  <c:v>45.248191000002002</c:v>
                </c:pt>
                <c:pt idx="2715">
                  <c:v>45.264857000002003</c:v>
                </c:pt>
                <c:pt idx="2716">
                  <c:v>45.281523000002004</c:v>
                </c:pt>
                <c:pt idx="2717">
                  <c:v>45.298189000002004</c:v>
                </c:pt>
                <c:pt idx="2718">
                  <c:v>45.314855000002005</c:v>
                </c:pt>
                <c:pt idx="2719">
                  <c:v>45.331521000002006</c:v>
                </c:pt>
                <c:pt idx="2720">
                  <c:v>45.348187000002007</c:v>
                </c:pt>
                <c:pt idx="2721">
                  <c:v>45.364853000002007</c:v>
                </c:pt>
                <c:pt idx="2722">
                  <c:v>45.381519000002008</c:v>
                </c:pt>
                <c:pt idx="2723">
                  <c:v>45.398185000002009</c:v>
                </c:pt>
                <c:pt idx="2724">
                  <c:v>45.41485100000201</c:v>
                </c:pt>
                <c:pt idx="2725">
                  <c:v>45.43151700000201</c:v>
                </c:pt>
                <c:pt idx="2726">
                  <c:v>45.448183000002011</c:v>
                </c:pt>
                <c:pt idx="2727">
                  <c:v>45.464849000002012</c:v>
                </c:pt>
                <c:pt idx="2728">
                  <c:v>45.481515000002013</c:v>
                </c:pt>
                <c:pt idx="2729">
                  <c:v>45.498181000002013</c:v>
                </c:pt>
                <c:pt idx="2730">
                  <c:v>45.514847000002014</c:v>
                </c:pt>
                <c:pt idx="2731">
                  <c:v>45.531513000002015</c:v>
                </c:pt>
                <c:pt idx="2732">
                  <c:v>45.548179000002015</c:v>
                </c:pt>
                <c:pt idx="2733">
                  <c:v>45.564845000002016</c:v>
                </c:pt>
                <c:pt idx="2734">
                  <c:v>45.581511000002017</c:v>
                </c:pt>
                <c:pt idx="2735">
                  <c:v>45.598177000002018</c:v>
                </c:pt>
                <c:pt idx="2736">
                  <c:v>45.614843000002018</c:v>
                </c:pt>
                <c:pt idx="2737">
                  <c:v>45.631509000002019</c:v>
                </c:pt>
                <c:pt idx="2738">
                  <c:v>45.64817500000202</c:v>
                </c:pt>
                <c:pt idx="2739">
                  <c:v>45.664841000002021</c:v>
                </c:pt>
                <c:pt idx="2740">
                  <c:v>45.681507000002021</c:v>
                </c:pt>
                <c:pt idx="2741">
                  <c:v>45.698173000002022</c:v>
                </c:pt>
                <c:pt idx="2742">
                  <c:v>45.714839000002023</c:v>
                </c:pt>
                <c:pt idx="2743">
                  <c:v>45.731505000002024</c:v>
                </c:pt>
                <c:pt idx="2744">
                  <c:v>45.748171000002024</c:v>
                </c:pt>
                <c:pt idx="2745">
                  <c:v>45.764837000002025</c:v>
                </c:pt>
                <c:pt idx="2746">
                  <c:v>45.781503000002026</c:v>
                </c:pt>
                <c:pt idx="2747">
                  <c:v>45.798169000002027</c:v>
                </c:pt>
                <c:pt idx="2748">
                  <c:v>45.814835000002027</c:v>
                </c:pt>
                <c:pt idx="2749">
                  <c:v>45.831501000002028</c:v>
                </c:pt>
                <c:pt idx="2750">
                  <c:v>45.848167000002029</c:v>
                </c:pt>
                <c:pt idx="2751">
                  <c:v>45.864833000002029</c:v>
                </c:pt>
                <c:pt idx="2752">
                  <c:v>45.88149900000203</c:v>
                </c:pt>
                <c:pt idx="2753">
                  <c:v>45.898165000002031</c:v>
                </c:pt>
                <c:pt idx="2754">
                  <c:v>45.914831000002032</c:v>
                </c:pt>
                <c:pt idx="2755">
                  <c:v>45.931497000002032</c:v>
                </c:pt>
                <c:pt idx="2756">
                  <c:v>45.948163000002033</c:v>
                </c:pt>
                <c:pt idx="2757">
                  <c:v>45.964829000002034</c:v>
                </c:pt>
                <c:pt idx="2758">
                  <c:v>45.981495000002035</c:v>
                </c:pt>
                <c:pt idx="2759">
                  <c:v>45.998161000002035</c:v>
                </c:pt>
                <c:pt idx="2760">
                  <c:v>46.014827000002036</c:v>
                </c:pt>
                <c:pt idx="2761">
                  <c:v>46.031493000002037</c:v>
                </c:pt>
                <c:pt idx="2762">
                  <c:v>46.048159000002038</c:v>
                </c:pt>
                <c:pt idx="2763">
                  <c:v>46.064825000002038</c:v>
                </c:pt>
                <c:pt idx="2764">
                  <c:v>46.081491000002039</c:v>
                </c:pt>
                <c:pt idx="2765">
                  <c:v>46.09815700000204</c:v>
                </c:pt>
                <c:pt idx="2766">
                  <c:v>46.11482300000204</c:v>
                </c:pt>
                <c:pt idx="2767">
                  <c:v>46.131489000002041</c:v>
                </c:pt>
                <c:pt idx="2768">
                  <c:v>46.148155000002042</c:v>
                </c:pt>
                <c:pt idx="2769">
                  <c:v>46.164821000002043</c:v>
                </c:pt>
                <c:pt idx="2770">
                  <c:v>46.181487000002043</c:v>
                </c:pt>
                <c:pt idx="2771">
                  <c:v>46.198153000002044</c:v>
                </c:pt>
                <c:pt idx="2772">
                  <c:v>46.214819000002045</c:v>
                </c:pt>
                <c:pt idx="2773">
                  <c:v>46.231485000002046</c:v>
                </c:pt>
                <c:pt idx="2774">
                  <c:v>46.248151000002046</c:v>
                </c:pt>
                <c:pt idx="2775">
                  <c:v>46.264817000002047</c:v>
                </c:pt>
                <c:pt idx="2776">
                  <c:v>46.281483000002048</c:v>
                </c:pt>
                <c:pt idx="2777">
                  <c:v>46.298149000002049</c:v>
                </c:pt>
                <c:pt idx="2778">
                  <c:v>46.314815000002049</c:v>
                </c:pt>
                <c:pt idx="2779">
                  <c:v>46.33148100000205</c:v>
                </c:pt>
                <c:pt idx="2780">
                  <c:v>46.348147000002051</c:v>
                </c:pt>
                <c:pt idx="2781">
                  <c:v>46.364813000002052</c:v>
                </c:pt>
                <c:pt idx="2782">
                  <c:v>46.381479000002052</c:v>
                </c:pt>
                <c:pt idx="2783">
                  <c:v>46.398145000002053</c:v>
                </c:pt>
                <c:pt idx="2784">
                  <c:v>46.414811000002054</c:v>
                </c:pt>
                <c:pt idx="2785">
                  <c:v>46.431477000002054</c:v>
                </c:pt>
                <c:pt idx="2786">
                  <c:v>46.448143000002055</c:v>
                </c:pt>
                <c:pt idx="2787">
                  <c:v>46.464809000002056</c:v>
                </c:pt>
                <c:pt idx="2788">
                  <c:v>46.481475000002057</c:v>
                </c:pt>
                <c:pt idx="2789">
                  <c:v>46.498141000002057</c:v>
                </c:pt>
                <c:pt idx="2790">
                  <c:v>46.514807000002058</c:v>
                </c:pt>
                <c:pt idx="2791">
                  <c:v>46.531473000002059</c:v>
                </c:pt>
                <c:pt idx="2792">
                  <c:v>46.54813900000206</c:v>
                </c:pt>
                <c:pt idx="2793">
                  <c:v>46.56480500000206</c:v>
                </c:pt>
                <c:pt idx="2794">
                  <c:v>46.581471000002061</c:v>
                </c:pt>
                <c:pt idx="2795">
                  <c:v>46.598137000002062</c:v>
                </c:pt>
                <c:pt idx="2796">
                  <c:v>46.614803000002063</c:v>
                </c:pt>
                <c:pt idx="2797">
                  <c:v>46.631469000002063</c:v>
                </c:pt>
                <c:pt idx="2798">
                  <c:v>46.648135000002064</c:v>
                </c:pt>
                <c:pt idx="2799">
                  <c:v>46.664801000002065</c:v>
                </c:pt>
                <c:pt idx="2800">
                  <c:v>46.681467000002066</c:v>
                </c:pt>
                <c:pt idx="2801">
                  <c:v>46.698133000002066</c:v>
                </c:pt>
                <c:pt idx="2802">
                  <c:v>46.714799000002067</c:v>
                </c:pt>
                <c:pt idx="2803">
                  <c:v>46.731465000002068</c:v>
                </c:pt>
                <c:pt idx="2804">
                  <c:v>46.748131000002068</c:v>
                </c:pt>
                <c:pt idx="2805">
                  <c:v>46.764797000002069</c:v>
                </c:pt>
                <c:pt idx="2806">
                  <c:v>46.78146300000207</c:v>
                </c:pt>
                <c:pt idx="2807">
                  <c:v>46.798129000002071</c:v>
                </c:pt>
                <c:pt idx="2808">
                  <c:v>46.814795000002071</c:v>
                </c:pt>
                <c:pt idx="2809">
                  <c:v>46.831461000002072</c:v>
                </c:pt>
                <c:pt idx="2810">
                  <c:v>46.848127000002073</c:v>
                </c:pt>
                <c:pt idx="2811">
                  <c:v>46.864793000002074</c:v>
                </c:pt>
                <c:pt idx="2812">
                  <c:v>46.881459000002074</c:v>
                </c:pt>
                <c:pt idx="2813">
                  <c:v>46.898125000002075</c:v>
                </c:pt>
                <c:pt idx="2814">
                  <c:v>46.914791000002076</c:v>
                </c:pt>
                <c:pt idx="2815">
                  <c:v>46.931457000002077</c:v>
                </c:pt>
                <c:pt idx="2816">
                  <c:v>46.948123000002077</c:v>
                </c:pt>
                <c:pt idx="2817">
                  <c:v>46.964789000002078</c:v>
                </c:pt>
                <c:pt idx="2818">
                  <c:v>46.981455000002079</c:v>
                </c:pt>
                <c:pt idx="2819">
                  <c:v>46.998121000002079</c:v>
                </c:pt>
                <c:pt idx="2820">
                  <c:v>47.01478700000208</c:v>
                </c:pt>
                <c:pt idx="2821">
                  <c:v>47.031453000002081</c:v>
                </c:pt>
                <c:pt idx="2822">
                  <c:v>47.048119000002082</c:v>
                </c:pt>
                <c:pt idx="2823">
                  <c:v>47.064785000002082</c:v>
                </c:pt>
                <c:pt idx="2824">
                  <c:v>47.081451000002083</c:v>
                </c:pt>
                <c:pt idx="2825">
                  <c:v>47.098117000002084</c:v>
                </c:pt>
                <c:pt idx="2826">
                  <c:v>47.114783000002085</c:v>
                </c:pt>
                <c:pt idx="2827">
                  <c:v>47.131449000002085</c:v>
                </c:pt>
                <c:pt idx="2828">
                  <c:v>47.148115000002086</c:v>
                </c:pt>
                <c:pt idx="2829">
                  <c:v>47.164781000002087</c:v>
                </c:pt>
                <c:pt idx="2830">
                  <c:v>47.181447000002088</c:v>
                </c:pt>
                <c:pt idx="2831">
                  <c:v>47.198113000002088</c:v>
                </c:pt>
                <c:pt idx="2832">
                  <c:v>47.214779000002089</c:v>
                </c:pt>
                <c:pt idx="2833">
                  <c:v>47.23144500000209</c:v>
                </c:pt>
                <c:pt idx="2834">
                  <c:v>47.248111000002091</c:v>
                </c:pt>
                <c:pt idx="2835">
                  <c:v>47.264777000002091</c:v>
                </c:pt>
                <c:pt idx="2836">
                  <c:v>47.281443000002092</c:v>
                </c:pt>
                <c:pt idx="2837">
                  <c:v>47.298109000002093</c:v>
                </c:pt>
                <c:pt idx="2838">
                  <c:v>47.314775000002093</c:v>
                </c:pt>
                <c:pt idx="2839">
                  <c:v>47.331441000002094</c:v>
                </c:pt>
                <c:pt idx="2840">
                  <c:v>47.348107000002095</c:v>
                </c:pt>
                <c:pt idx="2841">
                  <c:v>47.364773000002096</c:v>
                </c:pt>
                <c:pt idx="2842">
                  <c:v>47.381439000002096</c:v>
                </c:pt>
                <c:pt idx="2843">
                  <c:v>47.398105000002097</c:v>
                </c:pt>
                <c:pt idx="2844">
                  <c:v>47.414771000002098</c:v>
                </c:pt>
                <c:pt idx="2845">
                  <c:v>47.431437000002099</c:v>
                </c:pt>
                <c:pt idx="2846">
                  <c:v>47.448103000002099</c:v>
                </c:pt>
                <c:pt idx="2847">
                  <c:v>47.4647690000021</c:v>
                </c:pt>
                <c:pt idx="2848">
                  <c:v>47.481435000002101</c:v>
                </c:pt>
                <c:pt idx="2849">
                  <c:v>47.498101000002102</c:v>
                </c:pt>
                <c:pt idx="2850">
                  <c:v>47.514767000002102</c:v>
                </c:pt>
                <c:pt idx="2851">
                  <c:v>47.531433000002103</c:v>
                </c:pt>
                <c:pt idx="2852">
                  <c:v>47.548099000002104</c:v>
                </c:pt>
                <c:pt idx="2853">
                  <c:v>47.564765000002105</c:v>
                </c:pt>
                <c:pt idx="2854">
                  <c:v>47.581431000002105</c:v>
                </c:pt>
                <c:pt idx="2855">
                  <c:v>47.598097000002106</c:v>
                </c:pt>
                <c:pt idx="2856">
                  <c:v>47.614763000002107</c:v>
                </c:pt>
                <c:pt idx="2857">
                  <c:v>47.631429000002107</c:v>
                </c:pt>
                <c:pt idx="2858">
                  <c:v>47.648095000002108</c:v>
                </c:pt>
                <c:pt idx="2859">
                  <c:v>47.664761000002109</c:v>
                </c:pt>
                <c:pt idx="2860">
                  <c:v>47.68142700000211</c:v>
                </c:pt>
                <c:pt idx="2861">
                  <c:v>47.69809300000211</c:v>
                </c:pt>
                <c:pt idx="2862">
                  <c:v>47.714759000002111</c:v>
                </c:pt>
                <c:pt idx="2863">
                  <c:v>47.731425000002112</c:v>
                </c:pt>
                <c:pt idx="2864">
                  <c:v>47.748091000002113</c:v>
                </c:pt>
                <c:pt idx="2865">
                  <c:v>47.764757000002113</c:v>
                </c:pt>
                <c:pt idx="2866">
                  <c:v>47.781423000002114</c:v>
                </c:pt>
                <c:pt idx="2867">
                  <c:v>47.798089000002115</c:v>
                </c:pt>
                <c:pt idx="2868">
                  <c:v>47.814755000002116</c:v>
                </c:pt>
                <c:pt idx="2869">
                  <c:v>47.831421000002116</c:v>
                </c:pt>
                <c:pt idx="2870">
                  <c:v>47.848087000002117</c:v>
                </c:pt>
                <c:pt idx="2871">
                  <c:v>47.864753000002118</c:v>
                </c:pt>
                <c:pt idx="2872">
                  <c:v>47.881419000002118</c:v>
                </c:pt>
                <c:pt idx="2873">
                  <c:v>47.898085000002119</c:v>
                </c:pt>
                <c:pt idx="2874">
                  <c:v>47.91475100000212</c:v>
                </c:pt>
                <c:pt idx="2875">
                  <c:v>47.931417000002121</c:v>
                </c:pt>
                <c:pt idx="2876">
                  <c:v>47.948083000002121</c:v>
                </c:pt>
                <c:pt idx="2877">
                  <c:v>47.964749000002122</c:v>
                </c:pt>
                <c:pt idx="2878">
                  <c:v>47.981415000002123</c:v>
                </c:pt>
                <c:pt idx="2879">
                  <c:v>47.998081000002124</c:v>
                </c:pt>
                <c:pt idx="2880">
                  <c:v>48.014747000002124</c:v>
                </c:pt>
                <c:pt idx="2881">
                  <c:v>48.031413000002125</c:v>
                </c:pt>
                <c:pt idx="2882">
                  <c:v>48.048079000002126</c:v>
                </c:pt>
                <c:pt idx="2883">
                  <c:v>48.064745000002127</c:v>
                </c:pt>
                <c:pt idx="2884">
                  <c:v>48.081411000002127</c:v>
                </c:pt>
                <c:pt idx="2885">
                  <c:v>48.098077000002128</c:v>
                </c:pt>
                <c:pt idx="2886">
                  <c:v>48.114743000002129</c:v>
                </c:pt>
                <c:pt idx="2887">
                  <c:v>48.13140900000213</c:v>
                </c:pt>
                <c:pt idx="2888">
                  <c:v>48.14807500000213</c:v>
                </c:pt>
                <c:pt idx="2889">
                  <c:v>48.164741000002131</c:v>
                </c:pt>
                <c:pt idx="2890">
                  <c:v>48.181407000002132</c:v>
                </c:pt>
                <c:pt idx="2891">
                  <c:v>48.198073000002132</c:v>
                </c:pt>
                <c:pt idx="2892">
                  <c:v>48.214739000002133</c:v>
                </c:pt>
                <c:pt idx="2893">
                  <c:v>48.231405000002134</c:v>
                </c:pt>
                <c:pt idx="2894">
                  <c:v>48.248071000002135</c:v>
                </c:pt>
                <c:pt idx="2895">
                  <c:v>48.264737000002135</c:v>
                </c:pt>
                <c:pt idx="2896">
                  <c:v>48.281403000002136</c:v>
                </c:pt>
                <c:pt idx="2897">
                  <c:v>48.298069000002137</c:v>
                </c:pt>
                <c:pt idx="2898">
                  <c:v>48.314735000002138</c:v>
                </c:pt>
                <c:pt idx="2899">
                  <c:v>48.331401000002138</c:v>
                </c:pt>
                <c:pt idx="2900">
                  <c:v>48.348067000002139</c:v>
                </c:pt>
                <c:pt idx="2901">
                  <c:v>48.36473300000214</c:v>
                </c:pt>
                <c:pt idx="2902">
                  <c:v>48.381399000002141</c:v>
                </c:pt>
                <c:pt idx="2903">
                  <c:v>48.398065000002141</c:v>
                </c:pt>
                <c:pt idx="2904">
                  <c:v>48.414731000002142</c:v>
                </c:pt>
                <c:pt idx="2905">
                  <c:v>48.431397000002143</c:v>
                </c:pt>
                <c:pt idx="2906">
                  <c:v>48.448063000002143</c:v>
                </c:pt>
                <c:pt idx="2907">
                  <c:v>48.464729000002144</c:v>
                </c:pt>
                <c:pt idx="2908">
                  <c:v>48.481395000002145</c:v>
                </c:pt>
                <c:pt idx="2909">
                  <c:v>48.498061000002146</c:v>
                </c:pt>
                <c:pt idx="2910">
                  <c:v>48.514727000002146</c:v>
                </c:pt>
                <c:pt idx="2911">
                  <c:v>48.531393000002147</c:v>
                </c:pt>
                <c:pt idx="2912">
                  <c:v>48.548059000002148</c:v>
                </c:pt>
                <c:pt idx="2913">
                  <c:v>48.564725000002149</c:v>
                </c:pt>
                <c:pt idx="2914">
                  <c:v>48.581391000002149</c:v>
                </c:pt>
                <c:pt idx="2915">
                  <c:v>48.59805700000215</c:v>
                </c:pt>
                <c:pt idx="2916">
                  <c:v>48.614723000002151</c:v>
                </c:pt>
                <c:pt idx="2917">
                  <c:v>48.631389000002152</c:v>
                </c:pt>
                <c:pt idx="2918">
                  <c:v>48.648055000002152</c:v>
                </c:pt>
                <c:pt idx="2919">
                  <c:v>48.664721000002153</c:v>
                </c:pt>
                <c:pt idx="2920">
                  <c:v>48.681387000002154</c:v>
                </c:pt>
                <c:pt idx="2921">
                  <c:v>48.698053000002155</c:v>
                </c:pt>
                <c:pt idx="2922">
                  <c:v>48.714719000002155</c:v>
                </c:pt>
                <c:pt idx="2923">
                  <c:v>48.731385000002156</c:v>
                </c:pt>
                <c:pt idx="2924">
                  <c:v>48.748051000002157</c:v>
                </c:pt>
                <c:pt idx="2925">
                  <c:v>48.764717000002157</c:v>
                </c:pt>
                <c:pt idx="2926">
                  <c:v>48.781383000002158</c:v>
                </c:pt>
                <c:pt idx="2927">
                  <c:v>48.798049000002159</c:v>
                </c:pt>
                <c:pt idx="2928">
                  <c:v>48.81471500000216</c:v>
                </c:pt>
                <c:pt idx="2929">
                  <c:v>48.83138100000216</c:v>
                </c:pt>
                <c:pt idx="2930">
                  <c:v>48.848047000002161</c:v>
                </c:pt>
                <c:pt idx="2931">
                  <c:v>48.864713000002162</c:v>
                </c:pt>
                <c:pt idx="2932">
                  <c:v>48.881379000002163</c:v>
                </c:pt>
                <c:pt idx="2933">
                  <c:v>48.898045000002163</c:v>
                </c:pt>
                <c:pt idx="2934">
                  <c:v>48.914711000002164</c:v>
                </c:pt>
                <c:pt idx="2935">
                  <c:v>48.931377000002165</c:v>
                </c:pt>
                <c:pt idx="2936">
                  <c:v>48.948043000002166</c:v>
                </c:pt>
                <c:pt idx="2937">
                  <c:v>48.964709000002166</c:v>
                </c:pt>
                <c:pt idx="2938">
                  <c:v>48.981375000002167</c:v>
                </c:pt>
                <c:pt idx="2939">
                  <c:v>48.998041000002168</c:v>
                </c:pt>
                <c:pt idx="2940">
                  <c:v>49.014707000002169</c:v>
                </c:pt>
                <c:pt idx="2941">
                  <c:v>49.031373000002169</c:v>
                </c:pt>
                <c:pt idx="2942">
                  <c:v>49.04803900000217</c:v>
                </c:pt>
                <c:pt idx="2943">
                  <c:v>49.064705000002171</c:v>
                </c:pt>
                <c:pt idx="2944">
                  <c:v>49.081371000002171</c:v>
                </c:pt>
                <c:pt idx="2945">
                  <c:v>49.098037000002172</c:v>
                </c:pt>
                <c:pt idx="2946">
                  <c:v>49.114703000002173</c:v>
                </c:pt>
                <c:pt idx="2947">
                  <c:v>49.131369000002174</c:v>
                </c:pt>
                <c:pt idx="2948">
                  <c:v>49.148035000002174</c:v>
                </c:pt>
                <c:pt idx="2949">
                  <c:v>49.164701000002175</c:v>
                </c:pt>
                <c:pt idx="2950">
                  <c:v>49.181367000002176</c:v>
                </c:pt>
                <c:pt idx="2951">
                  <c:v>49.198033000002177</c:v>
                </c:pt>
                <c:pt idx="2952">
                  <c:v>49.214699000002177</c:v>
                </c:pt>
                <c:pt idx="2953">
                  <c:v>49.231365000002178</c:v>
                </c:pt>
                <c:pt idx="2954">
                  <c:v>49.248031000002179</c:v>
                </c:pt>
                <c:pt idx="2955">
                  <c:v>49.26469700000218</c:v>
                </c:pt>
                <c:pt idx="2956">
                  <c:v>49.28136300000218</c:v>
                </c:pt>
                <c:pt idx="2957">
                  <c:v>49.298029000002181</c:v>
                </c:pt>
                <c:pt idx="2958">
                  <c:v>49.314695000002182</c:v>
                </c:pt>
                <c:pt idx="2959">
                  <c:v>49.331361000002182</c:v>
                </c:pt>
                <c:pt idx="2960">
                  <c:v>49.348027000002183</c:v>
                </c:pt>
                <c:pt idx="2961">
                  <c:v>49.364693000002184</c:v>
                </c:pt>
                <c:pt idx="2962">
                  <c:v>49.381359000002185</c:v>
                </c:pt>
                <c:pt idx="2963">
                  <c:v>49.398025000002185</c:v>
                </c:pt>
                <c:pt idx="2964">
                  <c:v>49.414691000002186</c:v>
                </c:pt>
                <c:pt idx="2965">
                  <c:v>49.431357000002187</c:v>
                </c:pt>
                <c:pt idx="2966">
                  <c:v>49.448023000002188</c:v>
                </c:pt>
                <c:pt idx="2967">
                  <c:v>49.464689000002188</c:v>
                </c:pt>
                <c:pt idx="2968">
                  <c:v>49.481355000002189</c:v>
                </c:pt>
                <c:pt idx="2969">
                  <c:v>49.49802100000219</c:v>
                </c:pt>
                <c:pt idx="2970">
                  <c:v>49.514687000002191</c:v>
                </c:pt>
                <c:pt idx="2971">
                  <c:v>49.531353000002191</c:v>
                </c:pt>
                <c:pt idx="2972">
                  <c:v>49.548019000002192</c:v>
                </c:pt>
                <c:pt idx="2973">
                  <c:v>49.564685000002193</c:v>
                </c:pt>
                <c:pt idx="2974">
                  <c:v>49.581351000002194</c:v>
                </c:pt>
                <c:pt idx="2975">
                  <c:v>49.598017000002194</c:v>
                </c:pt>
                <c:pt idx="2976">
                  <c:v>49.614683000002195</c:v>
                </c:pt>
                <c:pt idx="2977">
                  <c:v>49.631349000002196</c:v>
                </c:pt>
                <c:pt idx="2978">
                  <c:v>49.648015000002196</c:v>
                </c:pt>
                <c:pt idx="2979">
                  <c:v>49.664681000002197</c:v>
                </c:pt>
                <c:pt idx="2980">
                  <c:v>49.681347000002198</c:v>
                </c:pt>
                <c:pt idx="2981">
                  <c:v>49.698013000002199</c:v>
                </c:pt>
                <c:pt idx="2982">
                  <c:v>49.714679000002199</c:v>
                </c:pt>
                <c:pt idx="2983">
                  <c:v>49.7313450000022</c:v>
                </c:pt>
                <c:pt idx="2984">
                  <c:v>49.748011000002201</c:v>
                </c:pt>
                <c:pt idx="2985">
                  <c:v>49.764677000002202</c:v>
                </c:pt>
                <c:pt idx="2986">
                  <c:v>49.781343000002202</c:v>
                </c:pt>
                <c:pt idx="2987">
                  <c:v>49.798009000002203</c:v>
                </c:pt>
                <c:pt idx="2988">
                  <c:v>49.814675000002204</c:v>
                </c:pt>
                <c:pt idx="2989">
                  <c:v>49.831341000002205</c:v>
                </c:pt>
                <c:pt idx="2990">
                  <c:v>49.848007000002205</c:v>
                </c:pt>
                <c:pt idx="2991">
                  <c:v>49.864673000002206</c:v>
                </c:pt>
                <c:pt idx="2992">
                  <c:v>49.881339000002207</c:v>
                </c:pt>
                <c:pt idx="2993">
                  <c:v>49.898005000002208</c:v>
                </c:pt>
                <c:pt idx="2994">
                  <c:v>49.914671000002208</c:v>
                </c:pt>
                <c:pt idx="2995">
                  <c:v>49.931337000002209</c:v>
                </c:pt>
                <c:pt idx="2996">
                  <c:v>49.94800300000221</c:v>
                </c:pt>
                <c:pt idx="2997">
                  <c:v>49.96466900000221</c:v>
                </c:pt>
                <c:pt idx="2998">
                  <c:v>49.981335000002211</c:v>
                </c:pt>
                <c:pt idx="2999">
                  <c:v>49.998001000002212</c:v>
                </c:pt>
                <c:pt idx="3000">
                  <c:v>50.014667000002213</c:v>
                </c:pt>
                <c:pt idx="3001">
                  <c:v>50.031333000002213</c:v>
                </c:pt>
                <c:pt idx="3002">
                  <c:v>50.047999000002214</c:v>
                </c:pt>
                <c:pt idx="3003">
                  <c:v>50.064665000002215</c:v>
                </c:pt>
                <c:pt idx="3004">
                  <c:v>50.081331000002216</c:v>
                </c:pt>
                <c:pt idx="3005">
                  <c:v>50.097997000002216</c:v>
                </c:pt>
                <c:pt idx="3006">
                  <c:v>50.114663000002217</c:v>
                </c:pt>
                <c:pt idx="3007">
                  <c:v>50.131329000002218</c:v>
                </c:pt>
                <c:pt idx="3008">
                  <c:v>50.147995000002219</c:v>
                </c:pt>
                <c:pt idx="3009">
                  <c:v>50.164661000002219</c:v>
                </c:pt>
                <c:pt idx="3010">
                  <c:v>50.18132700000222</c:v>
                </c:pt>
                <c:pt idx="3011">
                  <c:v>50.197993000002221</c:v>
                </c:pt>
                <c:pt idx="3012">
                  <c:v>50.214659000002221</c:v>
                </c:pt>
                <c:pt idx="3013">
                  <c:v>50.231325000002222</c:v>
                </c:pt>
                <c:pt idx="3014">
                  <c:v>50.247991000002223</c:v>
                </c:pt>
                <c:pt idx="3015">
                  <c:v>50.264657000002224</c:v>
                </c:pt>
                <c:pt idx="3016">
                  <c:v>50.281323000002224</c:v>
                </c:pt>
                <c:pt idx="3017">
                  <c:v>50.297989000002225</c:v>
                </c:pt>
                <c:pt idx="3018">
                  <c:v>50.314655000002226</c:v>
                </c:pt>
                <c:pt idx="3019">
                  <c:v>50.331321000002227</c:v>
                </c:pt>
                <c:pt idx="3020">
                  <c:v>50.347987000002227</c:v>
                </c:pt>
                <c:pt idx="3021">
                  <c:v>50.364653000002228</c:v>
                </c:pt>
                <c:pt idx="3022">
                  <c:v>50.381319000002229</c:v>
                </c:pt>
                <c:pt idx="3023">
                  <c:v>50.39798500000223</c:v>
                </c:pt>
                <c:pt idx="3024">
                  <c:v>50.41465100000223</c:v>
                </c:pt>
                <c:pt idx="3025">
                  <c:v>50.431317000002231</c:v>
                </c:pt>
                <c:pt idx="3026">
                  <c:v>50.447983000002232</c:v>
                </c:pt>
                <c:pt idx="3027">
                  <c:v>50.464649000002233</c:v>
                </c:pt>
                <c:pt idx="3028">
                  <c:v>50.481315000002233</c:v>
                </c:pt>
                <c:pt idx="3029">
                  <c:v>50.497981000002234</c:v>
                </c:pt>
                <c:pt idx="3030">
                  <c:v>50.514647000002235</c:v>
                </c:pt>
                <c:pt idx="3031">
                  <c:v>50.531313000002235</c:v>
                </c:pt>
                <c:pt idx="3032">
                  <c:v>50.547979000002236</c:v>
                </c:pt>
                <c:pt idx="3033">
                  <c:v>50.564645000002237</c:v>
                </c:pt>
                <c:pt idx="3034">
                  <c:v>50.581311000002238</c:v>
                </c:pt>
                <c:pt idx="3035">
                  <c:v>50.597977000002238</c:v>
                </c:pt>
                <c:pt idx="3036">
                  <c:v>50.614643000002239</c:v>
                </c:pt>
                <c:pt idx="3037">
                  <c:v>50.63130900000224</c:v>
                </c:pt>
                <c:pt idx="3038">
                  <c:v>50.647975000002241</c:v>
                </c:pt>
                <c:pt idx="3039">
                  <c:v>50.664641000002241</c:v>
                </c:pt>
                <c:pt idx="3040">
                  <c:v>50.681307000002242</c:v>
                </c:pt>
                <c:pt idx="3041">
                  <c:v>50.697973000002243</c:v>
                </c:pt>
                <c:pt idx="3042">
                  <c:v>50.714639000002244</c:v>
                </c:pt>
                <c:pt idx="3043">
                  <c:v>50.731305000002244</c:v>
                </c:pt>
                <c:pt idx="3044">
                  <c:v>50.747971000002245</c:v>
                </c:pt>
                <c:pt idx="3045">
                  <c:v>50.764637000002246</c:v>
                </c:pt>
                <c:pt idx="3046">
                  <c:v>50.781303000002247</c:v>
                </c:pt>
                <c:pt idx="3047">
                  <c:v>50.797969000002247</c:v>
                </c:pt>
                <c:pt idx="3048">
                  <c:v>50.814635000002248</c:v>
                </c:pt>
                <c:pt idx="3049">
                  <c:v>50.831301000002249</c:v>
                </c:pt>
                <c:pt idx="3050">
                  <c:v>50.847967000002249</c:v>
                </c:pt>
                <c:pt idx="3051">
                  <c:v>50.86463300000225</c:v>
                </c:pt>
                <c:pt idx="3052">
                  <c:v>50.881299000002251</c:v>
                </c:pt>
                <c:pt idx="3053">
                  <c:v>50.897965000002252</c:v>
                </c:pt>
                <c:pt idx="3054">
                  <c:v>50.914631000002252</c:v>
                </c:pt>
                <c:pt idx="3055">
                  <c:v>50.931297000002253</c:v>
                </c:pt>
                <c:pt idx="3056">
                  <c:v>50.947963000002254</c:v>
                </c:pt>
                <c:pt idx="3057">
                  <c:v>50.964629000002255</c:v>
                </c:pt>
                <c:pt idx="3058">
                  <c:v>50.981295000002255</c:v>
                </c:pt>
                <c:pt idx="3059">
                  <c:v>50.997961000002256</c:v>
                </c:pt>
                <c:pt idx="3060">
                  <c:v>51.014627000002257</c:v>
                </c:pt>
                <c:pt idx="3061">
                  <c:v>51.031293000002258</c:v>
                </c:pt>
                <c:pt idx="3062">
                  <c:v>51.047959000002258</c:v>
                </c:pt>
                <c:pt idx="3063">
                  <c:v>51.064625000002259</c:v>
                </c:pt>
                <c:pt idx="3064">
                  <c:v>51.08129100000226</c:v>
                </c:pt>
                <c:pt idx="3065">
                  <c:v>51.09795700000226</c:v>
                </c:pt>
                <c:pt idx="3066">
                  <c:v>51.114623000002261</c:v>
                </c:pt>
                <c:pt idx="3067">
                  <c:v>51.131289000002262</c:v>
                </c:pt>
                <c:pt idx="3068">
                  <c:v>51.147955000002263</c:v>
                </c:pt>
                <c:pt idx="3069">
                  <c:v>51.164621000002263</c:v>
                </c:pt>
                <c:pt idx="3070">
                  <c:v>51.181287000002264</c:v>
                </c:pt>
                <c:pt idx="3071">
                  <c:v>51.197953000002265</c:v>
                </c:pt>
                <c:pt idx="3072">
                  <c:v>51.214619000002266</c:v>
                </c:pt>
                <c:pt idx="3073">
                  <c:v>51.231285000002266</c:v>
                </c:pt>
                <c:pt idx="3074">
                  <c:v>51.247951000002267</c:v>
                </c:pt>
                <c:pt idx="3075">
                  <c:v>51.264617000002268</c:v>
                </c:pt>
                <c:pt idx="3076">
                  <c:v>51.281283000002269</c:v>
                </c:pt>
                <c:pt idx="3077">
                  <c:v>51.297949000002269</c:v>
                </c:pt>
                <c:pt idx="3078">
                  <c:v>51.31461500000227</c:v>
                </c:pt>
                <c:pt idx="3079">
                  <c:v>51.331281000002271</c:v>
                </c:pt>
                <c:pt idx="3080">
                  <c:v>51.347947000002272</c:v>
                </c:pt>
                <c:pt idx="3081">
                  <c:v>51.364613000002272</c:v>
                </c:pt>
                <c:pt idx="3082">
                  <c:v>51.381279000002273</c:v>
                </c:pt>
                <c:pt idx="3083">
                  <c:v>51.397945000002274</c:v>
                </c:pt>
                <c:pt idx="3084">
                  <c:v>51.414611000002274</c:v>
                </c:pt>
                <c:pt idx="3085">
                  <c:v>51.431277000002275</c:v>
                </c:pt>
                <c:pt idx="3086">
                  <c:v>51.447943000002276</c:v>
                </c:pt>
                <c:pt idx="3087">
                  <c:v>51.464609000002277</c:v>
                </c:pt>
                <c:pt idx="3088">
                  <c:v>51.481275000002277</c:v>
                </c:pt>
                <c:pt idx="3089">
                  <c:v>51.497941000002278</c:v>
                </c:pt>
                <c:pt idx="3090">
                  <c:v>51.514607000002279</c:v>
                </c:pt>
                <c:pt idx="3091">
                  <c:v>51.53127300000228</c:v>
                </c:pt>
                <c:pt idx="3092">
                  <c:v>51.54793900000228</c:v>
                </c:pt>
                <c:pt idx="3093">
                  <c:v>51.564605000002281</c:v>
                </c:pt>
                <c:pt idx="3094">
                  <c:v>51.581271000002282</c:v>
                </c:pt>
                <c:pt idx="3095">
                  <c:v>51.597937000002283</c:v>
                </c:pt>
                <c:pt idx="3096">
                  <c:v>51.614603000002283</c:v>
                </c:pt>
                <c:pt idx="3097">
                  <c:v>51.631269000002284</c:v>
                </c:pt>
                <c:pt idx="3098">
                  <c:v>51.647935000002285</c:v>
                </c:pt>
                <c:pt idx="3099">
                  <c:v>51.664601000002286</c:v>
                </c:pt>
                <c:pt idx="3100">
                  <c:v>51.681267000002286</c:v>
                </c:pt>
                <c:pt idx="3101">
                  <c:v>51.697933000002287</c:v>
                </c:pt>
                <c:pt idx="3102">
                  <c:v>51.714599000002288</c:v>
                </c:pt>
                <c:pt idx="3103">
                  <c:v>51.731265000002288</c:v>
                </c:pt>
                <c:pt idx="3104">
                  <c:v>51.747931000002289</c:v>
                </c:pt>
                <c:pt idx="3105">
                  <c:v>51.76459700000229</c:v>
                </c:pt>
                <c:pt idx="3106">
                  <c:v>51.781263000002291</c:v>
                </c:pt>
                <c:pt idx="3107">
                  <c:v>51.797929000002291</c:v>
                </c:pt>
                <c:pt idx="3108">
                  <c:v>51.814595000002292</c:v>
                </c:pt>
                <c:pt idx="3109">
                  <c:v>51.831261000002293</c:v>
                </c:pt>
                <c:pt idx="3110">
                  <c:v>51.847927000002294</c:v>
                </c:pt>
                <c:pt idx="3111">
                  <c:v>51.864593000002294</c:v>
                </c:pt>
                <c:pt idx="3112">
                  <c:v>51.881259000002295</c:v>
                </c:pt>
                <c:pt idx="3113">
                  <c:v>51.897925000002296</c:v>
                </c:pt>
                <c:pt idx="3114">
                  <c:v>51.914591000002297</c:v>
                </c:pt>
                <c:pt idx="3115">
                  <c:v>51.931257000002297</c:v>
                </c:pt>
                <c:pt idx="3116">
                  <c:v>51.947923000002298</c:v>
                </c:pt>
                <c:pt idx="3117">
                  <c:v>51.964589000002299</c:v>
                </c:pt>
                <c:pt idx="3118">
                  <c:v>51.981255000002299</c:v>
                </c:pt>
                <c:pt idx="3119">
                  <c:v>51.9979210000023</c:v>
                </c:pt>
                <c:pt idx="3120">
                  <c:v>52.014587000002301</c:v>
                </c:pt>
                <c:pt idx="3121">
                  <c:v>52.031253000002302</c:v>
                </c:pt>
                <c:pt idx="3122">
                  <c:v>52.047919000002302</c:v>
                </c:pt>
                <c:pt idx="3123">
                  <c:v>52.064585000002303</c:v>
                </c:pt>
                <c:pt idx="3124">
                  <c:v>52.081251000002304</c:v>
                </c:pt>
                <c:pt idx="3125">
                  <c:v>52.097917000002305</c:v>
                </c:pt>
                <c:pt idx="3126">
                  <c:v>52.114583000002305</c:v>
                </c:pt>
                <c:pt idx="3127">
                  <c:v>52.131249000002306</c:v>
                </c:pt>
                <c:pt idx="3128">
                  <c:v>52.147915000002307</c:v>
                </c:pt>
                <c:pt idx="3129">
                  <c:v>52.164581000002308</c:v>
                </c:pt>
                <c:pt idx="3130">
                  <c:v>52.181247000002308</c:v>
                </c:pt>
                <c:pt idx="3131">
                  <c:v>52.197913000002309</c:v>
                </c:pt>
                <c:pt idx="3132">
                  <c:v>52.21457900000231</c:v>
                </c:pt>
                <c:pt idx="3133">
                  <c:v>52.231245000002311</c:v>
                </c:pt>
                <c:pt idx="3134">
                  <c:v>52.247911000002311</c:v>
                </c:pt>
                <c:pt idx="3135">
                  <c:v>52.264577000002312</c:v>
                </c:pt>
                <c:pt idx="3136">
                  <c:v>52.281243000002313</c:v>
                </c:pt>
                <c:pt idx="3137">
                  <c:v>52.297909000002313</c:v>
                </c:pt>
                <c:pt idx="3138">
                  <c:v>52.314575000002314</c:v>
                </c:pt>
                <c:pt idx="3139">
                  <c:v>52.331241000002315</c:v>
                </c:pt>
                <c:pt idx="3140">
                  <c:v>52.347907000002316</c:v>
                </c:pt>
                <c:pt idx="3141">
                  <c:v>52.364573000002316</c:v>
                </c:pt>
                <c:pt idx="3142">
                  <c:v>52.381239000002317</c:v>
                </c:pt>
                <c:pt idx="3143">
                  <c:v>52.397905000002318</c:v>
                </c:pt>
                <c:pt idx="3144">
                  <c:v>52.414571000002319</c:v>
                </c:pt>
                <c:pt idx="3145">
                  <c:v>52.431237000002319</c:v>
                </c:pt>
                <c:pt idx="3146">
                  <c:v>52.44790300000232</c:v>
                </c:pt>
                <c:pt idx="3147">
                  <c:v>52.464569000002321</c:v>
                </c:pt>
                <c:pt idx="3148">
                  <c:v>52.481235000002322</c:v>
                </c:pt>
                <c:pt idx="3149">
                  <c:v>52.497901000002322</c:v>
                </c:pt>
                <c:pt idx="3150">
                  <c:v>52.514567000002323</c:v>
                </c:pt>
                <c:pt idx="3151">
                  <c:v>52.531233000002324</c:v>
                </c:pt>
                <c:pt idx="3152">
                  <c:v>52.547899000002324</c:v>
                </c:pt>
                <c:pt idx="3153">
                  <c:v>52.564565000002325</c:v>
                </c:pt>
                <c:pt idx="3154">
                  <c:v>52.581231000002326</c:v>
                </c:pt>
                <c:pt idx="3155">
                  <c:v>52.597897000002327</c:v>
                </c:pt>
                <c:pt idx="3156">
                  <c:v>52.614563000002327</c:v>
                </c:pt>
                <c:pt idx="3157">
                  <c:v>52.631229000002328</c:v>
                </c:pt>
                <c:pt idx="3158">
                  <c:v>52.647895000002329</c:v>
                </c:pt>
                <c:pt idx="3159">
                  <c:v>52.66456100000233</c:v>
                </c:pt>
                <c:pt idx="3160">
                  <c:v>52.68122700000233</c:v>
                </c:pt>
                <c:pt idx="3161">
                  <c:v>52.697893000002331</c:v>
                </c:pt>
                <c:pt idx="3162">
                  <c:v>52.714559000002332</c:v>
                </c:pt>
                <c:pt idx="3163">
                  <c:v>52.731225000002333</c:v>
                </c:pt>
                <c:pt idx="3164">
                  <c:v>52.747891000002333</c:v>
                </c:pt>
                <c:pt idx="3165">
                  <c:v>52.764557000002334</c:v>
                </c:pt>
                <c:pt idx="3166">
                  <c:v>52.781223000002335</c:v>
                </c:pt>
                <c:pt idx="3167">
                  <c:v>52.797889000002336</c:v>
                </c:pt>
                <c:pt idx="3168">
                  <c:v>52.814555000002336</c:v>
                </c:pt>
                <c:pt idx="3169">
                  <c:v>52.831221000002337</c:v>
                </c:pt>
                <c:pt idx="3170">
                  <c:v>52.847887000002338</c:v>
                </c:pt>
                <c:pt idx="3171">
                  <c:v>52.864553000002338</c:v>
                </c:pt>
                <c:pt idx="3172">
                  <c:v>52.881219000002339</c:v>
                </c:pt>
                <c:pt idx="3173">
                  <c:v>52.89788500000234</c:v>
                </c:pt>
                <c:pt idx="3174">
                  <c:v>52.914551000002341</c:v>
                </c:pt>
                <c:pt idx="3175">
                  <c:v>52.931217000002341</c:v>
                </c:pt>
                <c:pt idx="3176">
                  <c:v>52.947883000002342</c:v>
                </c:pt>
                <c:pt idx="3177">
                  <c:v>52.964549000002343</c:v>
                </c:pt>
                <c:pt idx="3178">
                  <c:v>52.981215000002344</c:v>
                </c:pt>
                <c:pt idx="3179">
                  <c:v>52.997881000002344</c:v>
                </c:pt>
                <c:pt idx="3180">
                  <c:v>53.014547000002345</c:v>
                </c:pt>
                <c:pt idx="3181">
                  <c:v>53.031213000002346</c:v>
                </c:pt>
                <c:pt idx="3182">
                  <c:v>53.047879000002347</c:v>
                </c:pt>
                <c:pt idx="3183">
                  <c:v>53.064545000002347</c:v>
                </c:pt>
                <c:pt idx="3184">
                  <c:v>53.081211000002348</c:v>
                </c:pt>
                <c:pt idx="3185">
                  <c:v>53.097877000002349</c:v>
                </c:pt>
                <c:pt idx="3186">
                  <c:v>53.11454300000235</c:v>
                </c:pt>
                <c:pt idx="3187">
                  <c:v>53.13120900000235</c:v>
                </c:pt>
                <c:pt idx="3188">
                  <c:v>53.147875000002351</c:v>
                </c:pt>
                <c:pt idx="3189">
                  <c:v>53.164541000002352</c:v>
                </c:pt>
                <c:pt idx="3190">
                  <c:v>53.181207000002352</c:v>
                </c:pt>
                <c:pt idx="3191">
                  <c:v>53.197873000002353</c:v>
                </c:pt>
                <c:pt idx="3192">
                  <c:v>53.214539000002354</c:v>
                </c:pt>
                <c:pt idx="3193">
                  <c:v>53.231205000002355</c:v>
                </c:pt>
                <c:pt idx="3194">
                  <c:v>53.247871000002355</c:v>
                </c:pt>
                <c:pt idx="3195">
                  <c:v>53.264537000002356</c:v>
                </c:pt>
                <c:pt idx="3196">
                  <c:v>53.281203000002357</c:v>
                </c:pt>
                <c:pt idx="3197">
                  <c:v>53.297869000002358</c:v>
                </c:pt>
                <c:pt idx="3198">
                  <c:v>53.314535000002358</c:v>
                </c:pt>
                <c:pt idx="3199">
                  <c:v>53.331201000002359</c:v>
                </c:pt>
                <c:pt idx="3200">
                  <c:v>53.34786700000236</c:v>
                </c:pt>
                <c:pt idx="3201">
                  <c:v>53.364533000002361</c:v>
                </c:pt>
                <c:pt idx="3202">
                  <c:v>53.381199000002361</c:v>
                </c:pt>
                <c:pt idx="3203">
                  <c:v>53.397865000002362</c:v>
                </c:pt>
                <c:pt idx="3204">
                  <c:v>53.414531000002363</c:v>
                </c:pt>
                <c:pt idx="3205">
                  <c:v>53.431197000002363</c:v>
                </c:pt>
                <c:pt idx="3206">
                  <c:v>53.447863000002364</c:v>
                </c:pt>
                <c:pt idx="3207">
                  <c:v>53.464529000002365</c:v>
                </c:pt>
                <c:pt idx="3208">
                  <c:v>53.481195000002366</c:v>
                </c:pt>
                <c:pt idx="3209">
                  <c:v>53.497861000002366</c:v>
                </c:pt>
                <c:pt idx="3210">
                  <c:v>53.514527000002367</c:v>
                </c:pt>
                <c:pt idx="3211">
                  <c:v>53.531193000002368</c:v>
                </c:pt>
                <c:pt idx="3212">
                  <c:v>53.547859000002369</c:v>
                </c:pt>
                <c:pt idx="3213">
                  <c:v>53.564525000002369</c:v>
                </c:pt>
                <c:pt idx="3214">
                  <c:v>53.58119100000237</c:v>
                </c:pt>
                <c:pt idx="3215">
                  <c:v>53.597857000002371</c:v>
                </c:pt>
                <c:pt idx="3216">
                  <c:v>53.614523000002372</c:v>
                </c:pt>
                <c:pt idx="3217">
                  <c:v>53.631189000002372</c:v>
                </c:pt>
                <c:pt idx="3218">
                  <c:v>53.647855000002373</c:v>
                </c:pt>
                <c:pt idx="3219">
                  <c:v>53.664521000002374</c:v>
                </c:pt>
                <c:pt idx="3220">
                  <c:v>53.681187000002375</c:v>
                </c:pt>
                <c:pt idx="3221">
                  <c:v>53.697853000002375</c:v>
                </c:pt>
                <c:pt idx="3222">
                  <c:v>53.714519000002376</c:v>
                </c:pt>
                <c:pt idx="3223">
                  <c:v>53.731185000002377</c:v>
                </c:pt>
                <c:pt idx="3224">
                  <c:v>53.747851000002377</c:v>
                </c:pt>
                <c:pt idx="3225">
                  <c:v>53.764517000002378</c:v>
                </c:pt>
                <c:pt idx="3226">
                  <c:v>53.781183000002379</c:v>
                </c:pt>
                <c:pt idx="3227">
                  <c:v>53.79784900000238</c:v>
                </c:pt>
                <c:pt idx="3228">
                  <c:v>53.81451500000238</c:v>
                </c:pt>
                <c:pt idx="3229">
                  <c:v>53.831181000002381</c:v>
                </c:pt>
                <c:pt idx="3230">
                  <c:v>53.847847000002382</c:v>
                </c:pt>
                <c:pt idx="3231">
                  <c:v>53.864513000002383</c:v>
                </c:pt>
                <c:pt idx="3232">
                  <c:v>53.881179000002383</c:v>
                </c:pt>
                <c:pt idx="3233">
                  <c:v>53.897845000002384</c:v>
                </c:pt>
                <c:pt idx="3234">
                  <c:v>53.914511000002385</c:v>
                </c:pt>
                <c:pt idx="3235">
                  <c:v>53.931177000002386</c:v>
                </c:pt>
                <c:pt idx="3236">
                  <c:v>53.947843000002386</c:v>
                </c:pt>
                <c:pt idx="3237">
                  <c:v>53.964509000002387</c:v>
                </c:pt>
                <c:pt idx="3238">
                  <c:v>53.981175000002388</c:v>
                </c:pt>
                <c:pt idx="3239">
                  <c:v>53.997841000002389</c:v>
                </c:pt>
                <c:pt idx="3240">
                  <c:v>54.014507000002389</c:v>
                </c:pt>
                <c:pt idx="3241">
                  <c:v>54.03117300000239</c:v>
                </c:pt>
                <c:pt idx="3242">
                  <c:v>54.047839000002391</c:v>
                </c:pt>
                <c:pt idx="3243">
                  <c:v>54.064505000002391</c:v>
                </c:pt>
                <c:pt idx="3244">
                  <c:v>54.081171000002392</c:v>
                </c:pt>
                <c:pt idx="3245">
                  <c:v>54.097837000002393</c:v>
                </c:pt>
                <c:pt idx="3246">
                  <c:v>54.114503000002394</c:v>
                </c:pt>
                <c:pt idx="3247">
                  <c:v>54.131169000002394</c:v>
                </c:pt>
                <c:pt idx="3248">
                  <c:v>54.147835000002395</c:v>
                </c:pt>
                <c:pt idx="3249">
                  <c:v>54.164501000002396</c:v>
                </c:pt>
                <c:pt idx="3250">
                  <c:v>54.181167000002397</c:v>
                </c:pt>
                <c:pt idx="3251">
                  <c:v>54.197833000002397</c:v>
                </c:pt>
                <c:pt idx="3252">
                  <c:v>54.214499000002398</c:v>
                </c:pt>
                <c:pt idx="3253">
                  <c:v>54.231165000002399</c:v>
                </c:pt>
                <c:pt idx="3254">
                  <c:v>54.2478310000024</c:v>
                </c:pt>
                <c:pt idx="3255">
                  <c:v>54.2644970000024</c:v>
                </c:pt>
                <c:pt idx="3256">
                  <c:v>54.281163000002401</c:v>
                </c:pt>
                <c:pt idx="3257">
                  <c:v>54.297829000002402</c:v>
                </c:pt>
                <c:pt idx="3258">
                  <c:v>54.314495000002402</c:v>
                </c:pt>
                <c:pt idx="3259">
                  <c:v>54.331161000002403</c:v>
                </c:pt>
                <c:pt idx="3260">
                  <c:v>54.347827000002404</c:v>
                </c:pt>
                <c:pt idx="3261">
                  <c:v>54.364493000002405</c:v>
                </c:pt>
                <c:pt idx="3262">
                  <c:v>54.381159000002405</c:v>
                </c:pt>
                <c:pt idx="3263">
                  <c:v>54.397825000002406</c:v>
                </c:pt>
                <c:pt idx="3264">
                  <c:v>54.414491000002407</c:v>
                </c:pt>
                <c:pt idx="3265">
                  <c:v>54.431157000002408</c:v>
                </c:pt>
                <c:pt idx="3266">
                  <c:v>54.447823000002408</c:v>
                </c:pt>
                <c:pt idx="3267">
                  <c:v>54.464489000002409</c:v>
                </c:pt>
                <c:pt idx="3268">
                  <c:v>54.48115500000241</c:v>
                </c:pt>
                <c:pt idx="3269">
                  <c:v>54.497821000002411</c:v>
                </c:pt>
                <c:pt idx="3270">
                  <c:v>54.514487000002411</c:v>
                </c:pt>
                <c:pt idx="3271">
                  <c:v>54.531153000002412</c:v>
                </c:pt>
                <c:pt idx="3272">
                  <c:v>54.547819000002413</c:v>
                </c:pt>
                <c:pt idx="3273">
                  <c:v>54.564485000002414</c:v>
                </c:pt>
                <c:pt idx="3274">
                  <c:v>54.581151000002414</c:v>
                </c:pt>
                <c:pt idx="3275">
                  <c:v>54.597817000002415</c:v>
                </c:pt>
                <c:pt idx="3276">
                  <c:v>54.614483000002416</c:v>
                </c:pt>
                <c:pt idx="3277">
                  <c:v>54.631149000002416</c:v>
                </c:pt>
                <c:pt idx="3278">
                  <c:v>54.647815000002417</c:v>
                </c:pt>
                <c:pt idx="3279">
                  <c:v>54.664481000002418</c:v>
                </c:pt>
                <c:pt idx="3280">
                  <c:v>54.681147000002419</c:v>
                </c:pt>
                <c:pt idx="3281">
                  <c:v>54.697813000002419</c:v>
                </c:pt>
                <c:pt idx="3282">
                  <c:v>54.71447900000242</c:v>
                </c:pt>
                <c:pt idx="3283">
                  <c:v>54.731145000002421</c:v>
                </c:pt>
                <c:pt idx="3284">
                  <c:v>54.747811000002422</c:v>
                </c:pt>
                <c:pt idx="3285">
                  <c:v>54.764477000002422</c:v>
                </c:pt>
                <c:pt idx="3286">
                  <c:v>54.781143000002423</c:v>
                </c:pt>
                <c:pt idx="3287">
                  <c:v>54.797809000002424</c:v>
                </c:pt>
                <c:pt idx="3288">
                  <c:v>54.814475000002425</c:v>
                </c:pt>
                <c:pt idx="3289">
                  <c:v>54.831141000002425</c:v>
                </c:pt>
                <c:pt idx="3290">
                  <c:v>54.847807000002426</c:v>
                </c:pt>
                <c:pt idx="3291">
                  <c:v>54.864473000002427</c:v>
                </c:pt>
                <c:pt idx="3292">
                  <c:v>54.881139000002428</c:v>
                </c:pt>
                <c:pt idx="3293">
                  <c:v>54.897805000002428</c:v>
                </c:pt>
                <c:pt idx="3294">
                  <c:v>54.914471000002429</c:v>
                </c:pt>
                <c:pt idx="3295">
                  <c:v>54.93113700000243</c:v>
                </c:pt>
                <c:pt idx="3296">
                  <c:v>54.94780300000243</c:v>
                </c:pt>
                <c:pt idx="3297">
                  <c:v>54.964469000002431</c:v>
                </c:pt>
                <c:pt idx="3298">
                  <c:v>54.981135000002432</c:v>
                </c:pt>
                <c:pt idx="3299">
                  <c:v>54.997801000002433</c:v>
                </c:pt>
                <c:pt idx="3300">
                  <c:v>55.014467000002433</c:v>
                </c:pt>
                <c:pt idx="3301">
                  <c:v>55.031133000002434</c:v>
                </c:pt>
                <c:pt idx="3302">
                  <c:v>55.047799000002435</c:v>
                </c:pt>
                <c:pt idx="3303">
                  <c:v>55.064465000002436</c:v>
                </c:pt>
                <c:pt idx="3304">
                  <c:v>55.081131000002436</c:v>
                </c:pt>
                <c:pt idx="3305">
                  <c:v>55.097797000002437</c:v>
                </c:pt>
                <c:pt idx="3306">
                  <c:v>55.114463000002438</c:v>
                </c:pt>
                <c:pt idx="3307">
                  <c:v>55.131129000002439</c:v>
                </c:pt>
                <c:pt idx="3308">
                  <c:v>55.147795000002439</c:v>
                </c:pt>
                <c:pt idx="3309">
                  <c:v>55.16446100000244</c:v>
                </c:pt>
                <c:pt idx="3310">
                  <c:v>55.181127000002441</c:v>
                </c:pt>
                <c:pt idx="3311">
                  <c:v>55.197793000002441</c:v>
                </c:pt>
                <c:pt idx="3312">
                  <c:v>55.214459000002442</c:v>
                </c:pt>
                <c:pt idx="3313">
                  <c:v>55.231125000002443</c:v>
                </c:pt>
                <c:pt idx="3314">
                  <c:v>55.247791000002444</c:v>
                </c:pt>
                <c:pt idx="3315">
                  <c:v>55.264457000002444</c:v>
                </c:pt>
                <c:pt idx="3316">
                  <c:v>55.281123000002445</c:v>
                </c:pt>
                <c:pt idx="3317">
                  <c:v>55.297789000002446</c:v>
                </c:pt>
                <c:pt idx="3318">
                  <c:v>55.314455000002447</c:v>
                </c:pt>
                <c:pt idx="3319">
                  <c:v>55.331121000002447</c:v>
                </c:pt>
                <c:pt idx="3320">
                  <c:v>55.347787000002448</c:v>
                </c:pt>
                <c:pt idx="3321">
                  <c:v>55.364453000002449</c:v>
                </c:pt>
                <c:pt idx="3322">
                  <c:v>55.38111900000245</c:v>
                </c:pt>
                <c:pt idx="3323">
                  <c:v>55.39778500000245</c:v>
                </c:pt>
                <c:pt idx="3324">
                  <c:v>55.414451000002451</c:v>
                </c:pt>
                <c:pt idx="3325">
                  <c:v>55.431117000002452</c:v>
                </c:pt>
                <c:pt idx="3326">
                  <c:v>55.447783000002453</c:v>
                </c:pt>
                <c:pt idx="3327">
                  <c:v>55.464449000002453</c:v>
                </c:pt>
                <c:pt idx="3328">
                  <c:v>55.481115000002454</c:v>
                </c:pt>
                <c:pt idx="3329">
                  <c:v>55.497781000002455</c:v>
                </c:pt>
                <c:pt idx="3330">
                  <c:v>55.514447000002455</c:v>
                </c:pt>
                <c:pt idx="3331">
                  <c:v>55.531113000002456</c:v>
                </c:pt>
                <c:pt idx="3332">
                  <c:v>55.547779000002457</c:v>
                </c:pt>
                <c:pt idx="3333">
                  <c:v>55.564445000002458</c:v>
                </c:pt>
                <c:pt idx="3334">
                  <c:v>55.581111000002458</c:v>
                </c:pt>
                <c:pt idx="3335">
                  <c:v>55.597777000002459</c:v>
                </c:pt>
                <c:pt idx="3336">
                  <c:v>55.61444300000246</c:v>
                </c:pt>
                <c:pt idx="3337">
                  <c:v>55.631109000002461</c:v>
                </c:pt>
                <c:pt idx="3338">
                  <c:v>55.647775000002461</c:v>
                </c:pt>
                <c:pt idx="3339">
                  <c:v>55.664441000002462</c:v>
                </c:pt>
                <c:pt idx="3340">
                  <c:v>55.681107000002463</c:v>
                </c:pt>
                <c:pt idx="3341">
                  <c:v>55.697773000002464</c:v>
                </c:pt>
                <c:pt idx="3342">
                  <c:v>55.714439000002464</c:v>
                </c:pt>
                <c:pt idx="3343">
                  <c:v>55.731105000002465</c:v>
                </c:pt>
                <c:pt idx="3344">
                  <c:v>55.747771000002466</c:v>
                </c:pt>
                <c:pt idx="3345">
                  <c:v>55.764437000002467</c:v>
                </c:pt>
                <c:pt idx="3346">
                  <c:v>55.781103000002467</c:v>
                </c:pt>
                <c:pt idx="3347">
                  <c:v>55.797769000002468</c:v>
                </c:pt>
                <c:pt idx="3348">
                  <c:v>55.814435000002469</c:v>
                </c:pt>
                <c:pt idx="3349">
                  <c:v>55.831101000002469</c:v>
                </c:pt>
                <c:pt idx="3350">
                  <c:v>55.84776700000247</c:v>
                </c:pt>
                <c:pt idx="3351">
                  <c:v>55.864433000002471</c:v>
                </c:pt>
                <c:pt idx="3352">
                  <c:v>55.881099000002472</c:v>
                </c:pt>
                <c:pt idx="3353">
                  <c:v>55.897765000002472</c:v>
                </c:pt>
                <c:pt idx="3354">
                  <c:v>55.914431000002473</c:v>
                </c:pt>
                <c:pt idx="3355">
                  <c:v>55.931097000002474</c:v>
                </c:pt>
                <c:pt idx="3356">
                  <c:v>55.947763000002475</c:v>
                </c:pt>
                <c:pt idx="3357">
                  <c:v>55.964429000002475</c:v>
                </c:pt>
                <c:pt idx="3358">
                  <c:v>55.981095000002476</c:v>
                </c:pt>
                <c:pt idx="3359">
                  <c:v>55.997761000002477</c:v>
                </c:pt>
                <c:pt idx="3360">
                  <c:v>56.014427000002478</c:v>
                </c:pt>
                <c:pt idx="3361">
                  <c:v>56.031093000002478</c:v>
                </c:pt>
                <c:pt idx="3362">
                  <c:v>56.047759000002479</c:v>
                </c:pt>
                <c:pt idx="3363">
                  <c:v>56.06442500000248</c:v>
                </c:pt>
                <c:pt idx="3364">
                  <c:v>56.08109100000248</c:v>
                </c:pt>
                <c:pt idx="3365">
                  <c:v>56.097757000002481</c:v>
                </c:pt>
                <c:pt idx="3366">
                  <c:v>56.114423000002482</c:v>
                </c:pt>
                <c:pt idx="3367">
                  <c:v>56.131089000002483</c:v>
                </c:pt>
                <c:pt idx="3368">
                  <c:v>56.147755000002483</c:v>
                </c:pt>
                <c:pt idx="3369">
                  <c:v>56.164421000002484</c:v>
                </c:pt>
                <c:pt idx="3370">
                  <c:v>56.181087000002485</c:v>
                </c:pt>
                <c:pt idx="3371">
                  <c:v>56.197753000002486</c:v>
                </c:pt>
                <c:pt idx="3372">
                  <c:v>56.214419000002486</c:v>
                </c:pt>
                <c:pt idx="3373">
                  <c:v>56.231085000002487</c:v>
                </c:pt>
                <c:pt idx="3374">
                  <c:v>56.247751000002488</c:v>
                </c:pt>
                <c:pt idx="3375">
                  <c:v>56.264417000002489</c:v>
                </c:pt>
                <c:pt idx="3376">
                  <c:v>56.281083000002489</c:v>
                </c:pt>
                <c:pt idx="3377">
                  <c:v>56.29774900000249</c:v>
                </c:pt>
                <c:pt idx="3378">
                  <c:v>56.314415000002491</c:v>
                </c:pt>
                <c:pt idx="3379">
                  <c:v>56.331081000002492</c:v>
                </c:pt>
                <c:pt idx="3380">
                  <c:v>56.347747000002492</c:v>
                </c:pt>
                <c:pt idx="3381">
                  <c:v>56.364413000002493</c:v>
                </c:pt>
                <c:pt idx="3382">
                  <c:v>56.381079000002494</c:v>
                </c:pt>
                <c:pt idx="3383">
                  <c:v>56.397745000002494</c:v>
                </c:pt>
                <c:pt idx="3384">
                  <c:v>56.414411000002495</c:v>
                </c:pt>
                <c:pt idx="3385">
                  <c:v>56.431077000002496</c:v>
                </c:pt>
                <c:pt idx="3386">
                  <c:v>56.447743000002497</c:v>
                </c:pt>
                <c:pt idx="3387">
                  <c:v>56.464409000002497</c:v>
                </c:pt>
                <c:pt idx="3388">
                  <c:v>56.481075000002498</c:v>
                </c:pt>
                <c:pt idx="3389">
                  <c:v>56.497741000002499</c:v>
                </c:pt>
                <c:pt idx="3390">
                  <c:v>56.5144070000025</c:v>
                </c:pt>
                <c:pt idx="3391">
                  <c:v>56.5310730000025</c:v>
                </c:pt>
                <c:pt idx="3392">
                  <c:v>56.547739000002501</c:v>
                </c:pt>
                <c:pt idx="3393">
                  <c:v>56.564405000002502</c:v>
                </c:pt>
                <c:pt idx="3394">
                  <c:v>56.581071000002503</c:v>
                </c:pt>
                <c:pt idx="3395">
                  <c:v>56.597737000002503</c:v>
                </c:pt>
                <c:pt idx="3396">
                  <c:v>56.614403000002504</c:v>
                </c:pt>
                <c:pt idx="3397">
                  <c:v>56.631069000002505</c:v>
                </c:pt>
                <c:pt idx="3398">
                  <c:v>56.647735000002506</c:v>
                </c:pt>
                <c:pt idx="3399">
                  <c:v>56.664401000002506</c:v>
                </c:pt>
                <c:pt idx="3400">
                  <c:v>56.681067000002507</c:v>
                </c:pt>
                <c:pt idx="3401">
                  <c:v>56.697733000002508</c:v>
                </c:pt>
                <c:pt idx="3402">
                  <c:v>56.714399000002508</c:v>
                </c:pt>
                <c:pt idx="3403">
                  <c:v>56.731065000002509</c:v>
                </c:pt>
                <c:pt idx="3404">
                  <c:v>56.74773100000251</c:v>
                </c:pt>
                <c:pt idx="3405">
                  <c:v>56.764397000002511</c:v>
                </c:pt>
                <c:pt idx="3406">
                  <c:v>56.781063000002511</c:v>
                </c:pt>
                <c:pt idx="3407">
                  <c:v>56.797729000002512</c:v>
                </c:pt>
                <c:pt idx="3408">
                  <c:v>56.814395000002513</c:v>
                </c:pt>
                <c:pt idx="3409">
                  <c:v>56.831061000002514</c:v>
                </c:pt>
                <c:pt idx="3410">
                  <c:v>56.847727000002514</c:v>
                </c:pt>
                <c:pt idx="3411">
                  <c:v>56.864393000002515</c:v>
                </c:pt>
                <c:pt idx="3412">
                  <c:v>56.881059000002516</c:v>
                </c:pt>
                <c:pt idx="3413">
                  <c:v>56.897725000002517</c:v>
                </c:pt>
                <c:pt idx="3414">
                  <c:v>56.914391000002517</c:v>
                </c:pt>
                <c:pt idx="3415">
                  <c:v>56.931057000002518</c:v>
                </c:pt>
                <c:pt idx="3416">
                  <c:v>56.947723000002519</c:v>
                </c:pt>
                <c:pt idx="3417">
                  <c:v>56.964389000002519</c:v>
                </c:pt>
                <c:pt idx="3418">
                  <c:v>56.98105500000252</c:v>
                </c:pt>
                <c:pt idx="3419">
                  <c:v>56.997721000002521</c:v>
                </c:pt>
                <c:pt idx="3420">
                  <c:v>57.014387000002522</c:v>
                </c:pt>
                <c:pt idx="3421">
                  <c:v>57.031053000002522</c:v>
                </c:pt>
                <c:pt idx="3422">
                  <c:v>57.047719000002523</c:v>
                </c:pt>
                <c:pt idx="3423">
                  <c:v>57.064385000002524</c:v>
                </c:pt>
                <c:pt idx="3424">
                  <c:v>57.081051000002525</c:v>
                </c:pt>
                <c:pt idx="3425">
                  <c:v>57.097717000002525</c:v>
                </c:pt>
                <c:pt idx="3426">
                  <c:v>57.114383000002526</c:v>
                </c:pt>
                <c:pt idx="3427">
                  <c:v>57.131049000002527</c:v>
                </c:pt>
                <c:pt idx="3428">
                  <c:v>57.147715000002528</c:v>
                </c:pt>
                <c:pt idx="3429">
                  <c:v>57.164381000002528</c:v>
                </c:pt>
                <c:pt idx="3430">
                  <c:v>57.181047000002529</c:v>
                </c:pt>
                <c:pt idx="3431">
                  <c:v>57.19771300000253</c:v>
                </c:pt>
                <c:pt idx="3432">
                  <c:v>57.214379000002531</c:v>
                </c:pt>
                <c:pt idx="3433">
                  <c:v>57.231045000002531</c:v>
                </c:pt>
                <c:pt idx="3434">
                  <c:v>57.247711000002532</c:v>
                </c:pt>
                <c:pt idx="3435">
                  <c:v>57.264377000002533</c:v>
                </c:pt>
                <c:pt idx="3436">
                  <c:v>57.281043000002533</c:v>
                </c:pt>
                <c:pt idx="3437">
                  <c:v>57.297709000002534</c:v>
                </c:pt>
                <c:pt idx="3438">
                  <c:v>57.314375000002535</c:v>
                </c:pt>
                <c:pt idx="3439">
                  <c:v>57.331041000002536</c:v>
                </c:pt>
                <c:pt idx="3440">
                  <c:v>57.347707000002536</c:v>
                </c:pt>
                <c:pt idx="3441">
                  <c:v>57.364373000002537</c:v>
                </c:pt>
                <c:pt idx="3442">
                  <c:v>57.381039000002538</c:v>
                </c:pt>
                <c:pt idx="3443">
                  <c:v>57.397705000002539</c:v>
                </c:pt>
                <c:pt idx="3444">
                  <c:v>57.414371000002539</c:v>
                </c:pt>
                <c:pt idx="3445">
                  <c:v>57.43103700000254</c:v>
                </c:pt>
                <c:pt idx="3446">
                  <c:v>57.447703000002541</c:v>
                </c:pt>
                <c:pt idx="3447">
                  <c:v>57.464369000002542</c:v>
                </c:pt>
                <c:pt idx="3448">
                  <c:v>57.481035000002542</c:v>
                </c:pt>
                <c:pt idx="3449">
                  <c:v>57.497701000002543</c:v>
                </c:pt>
                <c:pt idx="3450">
                  <c:v>57.514367000002544</c:v>
                </c:pt>
                <c:pt idx="3451">
                  <c:v>57.531033000002544</c:v>
                </c:pt>
                <c:pt idx="3452">
                  <c:v>57.547699000002545</c:v>
                </c:pt>
                <c:pt idx="3453">
                  <c:v>57.564365000002546</c:v>
                </c:pt>
                <c:pt idx="3454">
                  <c:v>57.581031000002547</c:v>
                </c:pt>
                <c:pt idx="3455">
                  <c:v>57.597697000002547</c:v>
                </c:pt>
                <c:pt idx="3456">
                  <c:v>57.614363000002548</c:v>
                </c:pt>
                <c:pt idx="3457">
                  <c:v>57.631029000002549</c:v>
                </c:pt>
                <c:pt idx="3458">
                  <c:v>57.64769500000255</c:v>
                </c:pt>
                <c:pt idx="3459">
                  <c:v>57.66436100000255</c:v>
                </c:pt>
                <c:pt idx="3460">
                  <c:v>57.681027000002551</c:v>
                </c:pt>
                <c:pt idx="3461">
                  <c:v>57.697693000002552</c:v>
                </c:pt>
                <c:pt idx="3462">
                  <c:v>57.714359000002553</c:v>
                </c:pt>
                <c:pt idx="3463">
                  <c:v>57.731025000002553</c:v>
                </c:pt>
                <c:pt idx="3464">
                  <c:v>57.747691000002554</c:v>
                </c:pt>
                <c:pt idx="3465">
                  <c:v>57.764357000002555</c:v>
                </c:pt>
                <c:pt idx="3466">
                  <c:v>57.781023000002556</c:v>
                </c:pt>
                <c:pt idx="3467">
                  <c:v>57.797689000002556</c:v>
                </c:pt>
                <c:pt idx="3468">
                  <c:v>57.814355000002557</c:v>
                </c:pt>
                <c:pt idx="3469">
                  <c:v>57.831021000002558</c:v>
                </c:pt>
                <c:pt idx="3470">
                  <c:v>57.847687000002558</c:v>
                </c:pt>
                <c:pt idx="3471">
                  <c:v>57.864353000002559</c:v>
                </c:pt>
                <c:pt idx="3472">
                  <c:v>57.88101900000256</c:v>
                </c:pt>
                <c:pt idx="3473">
                  <c:v>57.897685000002561</c:v>
                </c:pt>
                <c:pt idx="3474">
                  <c:v>57.914351000002561</c:v>
                </c:pt>
                <c:pt idx="3475">
                  <c:v>57.931017000002562</c:v>
                </c:pt>
                <c:pt idx="3476">
                  <c:v>57.947683000002563</c:v>
                </c:pt>
                <c:pt idx="3477">
                  <c:v>57.964349000002564</c:v>
                </c:pt>
                <c:pt idx="3478">
                  <c:v>57.981015000002564</c:v>
                </c:pt>
                <c:pt idx="3479">
                  <c:v>57.997681000002565</c:v>
                </c:pt>
                <c:pt idx="3480">
                  <c:v>58.014347000002566</c:v>
                </c:pt>
                <c:pt idx="3481">
                  <c:v>58.031013000002567</c:v>
                </c:pt>
                <c:pt idx="3482">
                  <c:v>58.047679000002567</c:v>
                </c:pt>
                <c:pt idx="3483">
                  <c:v>58.064345000002568</c:v>
                </c:pt>
                <c:pt idx="3484">
                  <c:v>58.081011000002569</c:v>
                </c:pt>
                <c:pt idx="3485">
                  <c:v>58.09767700000257</c:v>
                </c:pt>
                <c:pt idx="3486">
                  <c:v>58.11434300000257</c:v>
                </c:pt>
                <c:pt idx="3487">
                  <c:v>58.131009000002571</c:v>
                </c:pt>
                <c:pt idx="3488">
                  <c:v>58.147675000002572</c:v>
                </c:pt>
                <c:pt idx="3489">
                  <c:v>58.164341000002572</c:v>
                </c:pt>
                <c:pt idx="3490">
                  <c:v>58.181007000002573</c:v>
                </c:pt>
                <c:pt idx="3491">
                  <c:v>58.197673000002574</c:v>
                </c:pt>
                <c:pt idx="3492">
                  <c:v>58.214339000002575</c:v>
                </c:pt>
                <c:pt idx="3493">
                  <c:v>58.231005000002575</c:v>
                </c:pt>
                <c:pt idx="3494">
                  <c:v>58.247671000002576</c:v>
                </c:pt>
                <c:pt idx="3495">
                  <c:v>58.264337000002577</c:v>
                </c:pt>
                <c:pt idx="3496">
                  <c:v>58.281003000002578</c:v>
                </c:pt>
                <c:pt idx="3497">
                  <c:v>58.297669000002578</c:v>
                </c:pt>
                <c:pt idx="3498">
                  <c:v>58.314335000002579</c:v>
                </c:pt>
                <c:pt idx="3499">
                  <c:v>58.33100100000258</c:v>
                </c:pt>
                <c:pt idx="3500">
                  <c:v>58.347667000002581</c:v>
                </c:pt>
                <c:pt idx="3501">
                  <c:v>58.364333000002581</c:v>
                </c:pt>
                <c:pt idx="3502">
                  <c:v>58.380999000002582</c:v>
                </c:pt>
                <c:pt idx="3503">
                  <c:v>58.397665000002583</c:v>
                </c:pt>
                <c:pt idx="3504">
                  <c:v>58.414331000002583</c:v>
                </c:pt>
                <c:pt idx="3505">
                  <c:v>58.430997000002584</c:v>
                </c:pt>
                <c:pt idx="3506">
                  <c:v>58.447663000002585</c:v>
                </c:pt>
                <c:pt idx="3507">
                  <c:v>58.464329000002586</c:v>
                </c:pt>
                <c:pt idx="3508">
                  <c:v>58.480995000002586</c:v>
                </c:pt>
                <c:pt idx="3509">
                  <c:v>58.497661000002587</c:v>
                </c:pt>
                <c:pt idx="3510">
                  <c:v>58.514327000002588</c:v>
                </c:pt>
                <c:pt idx="3511">
                  <c:v>58.530993000002589</c:v>
                </c:pt>
                <c:pt idx="3512">
                  <c:v>58.547659000002589</c:v>
                </c:pt>
                <c:pt idx="3513">
                  <c:v>58.56432500000259</c:v>
                </c:pt>
                <c:pt idx="3514">
                  <c:v>58.580991000002591</c:v>
                </c:pt>
                <c:pt idx="3515">
                  <c:v>58.597657000002592</c:v>
                </c:pt>
                <c:pt idx="3516">
                  <c:v>58.614323000002592</c:v>
                </c:pt>
                <c:pt idx="3517">
                  <c:v>58.630989000002593</c:v>
                </c:pt>
                <c:pt idx="3518">
                  <c:v>58.647655000002594</c:v>
                </c:pt>
                <c:pt idx="3519">
                  <c:v>58.664321000002595</c:v>
                </c:pt>
                <c:pt idx="3520">
                  <c:v>58.680987000002595</c:v>
                </c:pt>
                <c:pt idx="3521">
                  <c:v>58.697653000002596</c:v>
                </c:pt>
                <c:pt idx="3522">
                  <c:v>58.714319000002597</c:v>
                </c:pt>
                <c:pt idx="3523">
                  <c:v>58.730985000002597</c:v>
                </c:pt>
                <c:pt idx="3524">
                  <c:v>58.747651000002598</c:v>
                </c:pt>
                <c:pt idx="3525">
                  <c:v>58.764317000002599</c:v>
                </c:pt>
                <c:pt idx="3526">
                  <c:v>58.7809830000026</c:v>
                </c:pt>
                <c:pt idx="3527">
                  <c:v>58.7976490000026</c:v>
                </c:pt>
                <c:pt idx="3528">
                  <c:v>58.814315000002601</c:v>
                </c:pt>
                <c:pt idx="3529">
                  <c:v>58.830981000002602</c:v>
                </c:pt>
                <c:pt idx="3530">
                  <c:v>58.847647000002603</c:v>
                </c:pt>
                <c:pt idx="3531">
                  <c:v>58.864313000002603</c:v>
                </c:pt>
                <c:pt idx="3532">
                  <c:v>58.880979000002604</c:v>
                </c:pt>
                <c:pt idx="3533">
                  <c:v>58.897645000002605</c:v>
                </c:pt>
                <c:pt idx="3534">
                  <c:v>58.914311000002606</c:v>
                </c:pt>
                <c:pt idx="3535">
                  <c:v>58.930977000002606</c:v>
                </c:pt>
                <c:pt idx="3536">
                  <c:v>58.947643000002607</c:v>
                </c:pt>
                <c:pt idx="3537">
                  <c:v>58.964309000002608</c:v>
                </c:pt>
                <c:pt idx="3538">
                  <c:v>58.980975000002609</c:v>
                </c:pt>
                <c:pt idx="3539">
                  <c:v>58.997641000002609</c:v>
                </c:pt>
                <c:pt idx="3540">
                  <c:v>59.01430700000261</c:v>
                </c:pt>
                <c:pt idx="3541">
                  <c:v>59.030973000002611</c:v>
                </c:pt>
                <c:pt idx="3542">
                  <c:v>59.047639000002611</c:v>
                </c:pt>
                <c:pt idx="3543">
                  <c:v>59.064305000002612</c:v>
                </c:pt>
                <c:pt idx="3544">
                  <c:v>59.080971000002613</c:v>
                </c:pt>
                <c:pt idx="3545">
                  <c:v>59.097637000002614</c:v>
                </c:pt>
                <c:pt idx="3546">
                  <c:v>59.114303000002614</c:v>
                </c:pt>
                <c:pt idx="3547">
                  <c:v>59.130969000002615</c:v>
                </c:pt>
                <c:pt idx="3548">
                  <c:v>59.147635000002616</c:v>
                </c:pt>
                <c:pt idx="3549">
                  <c:v>59.164301000002617</c:v>
                </c:pt>
                <c:pt idx="3550">
                  <c:v>59.180967000002617</c:v>
                </c:pt>
                <c:pt idx="3551">
                  <c:v>59.197633000002618</c:v>
                </c:pt>
                <c:pt idx="3552">
                  <c:v>59.214299000002619</c:v>
                </c:pt>
                <c:pt idx="3553">
                  <c:v>59.23096500000262</c:v>
                </c:pt>
                <c:pt idx="3554">
                  <c:v>59.24763100000262</c:v>
                </c:pt>
                <c:pt idx="3555">
                  <c:v>59.264297000002621</c:v>
                </c:pt>
                <c:pt idx="3556">
                  <c:v>59.280963000002622</c:v>
                </c:pt>
                <c:pt idx="3557">
                  <c:v>59.297629000002622</c:v>
                </c:pt>
                <c:pt idx="3558">
                  <c:v>59.314295000002623</c:v>
                </c:pt>
                <c:pt idx="3559">
                  <c:v>59.330961000002624</c:v>
                </c:pt>
                <c:pt idx="3560">
                  <c:v>59.347627000002625</c:v>
                </c:pt>
                <c:pt idx="3561">
                  <c:v>59.364293000002625</c:v>
                </c:pt>
                <c:pt idx="3562">
                  <c:v>59.380959000002626</c:v>
                </c:pt>
                <c:pt idx="3563">
                  <c:v>59.397625000002627</c:v>
                </c:pt>
                <c:pt idx="3564">
                  <c:v>59.414291000002628</c:v>
                </c:pt>
                <c:pt idx="3565">
                  <c:v>59.430957000002628</c:v>
                </c:pt>
                <c:pt idx="3566">
                  <c:v>59.447623000002629</c:v>
                </c:pt>
                <c:pt idx="3567">
                  <c:v>59.46428900000263</c:v>
                </c:pt>
                <c:pt idx="3568">
                  <c:v>59.480955000002631</c:v>
                </c:pt>
                <c:pt idx="3569">
                  <c:v>59.497621000002631</c:v>
                </c:pt>
                <c:pt idx="3570">
                  <c:v>59.514287000002632</c:v>
                </c:pt>
                <c:pt idx="3571">
                  <c:v>59.530953000002633</c:v>
                </c:pt>
                <c:pt idx="3572">
                  <c:v>59.547619000002634</c:v>
                </c:pt>
                <c:pt idx="3573">
                  <c:v>59.564285000002634</c:v>
                </c:pt>
                <c:pt idx="3574">
                  <c:v>59.580951000002635</c:v>
                </c:pt>
                <c:pt idx="3575">
                  <c:v>59.597617000002636</c:v>
                </c:pt>
                <c:pt idx="3576">
                  <c:v>59.614283000002636</c:v>
                </c:pt>
                <c:pt idx="3577">
                  <c:v>59.630949000002637</c:v>
                </c:pt>
                <c:pt idx="3578">
                  <c:v>59.647615000002638</c:v>
                </c:pt>
                <c:pt idx="3579">
                  <c:v>59.664281000002639</c:v>
                </c:pt>
                <c:pt idx="3580">
                  <c:v>59.680947000002639</c:v>
                </c:pt>
                <c:pt idx="3581">
                  <c:v>59.69761300000264</c:v>
                </c:pt>
                <c:pt idx="3582">
                  <c:v>59.714279000002641</c:v>
                </c:pt>
                <c:pt idx="3583">
                  <c:v>59.730945000002642</c:v>
                </c:pt>
                <c:pt idx="3584">
                  <c:v>59.747611000002642</c:v>
                </c:pt>
                <c:pt idx="3585">
                  <c:v>59.764277000002643</c:v>
                </c:pt>
                <c:pt idx="3586">
                  <c:v>59.780943000002644</c:v>
                </c:pt>
                <c:pt idx="3587">
                  <c:v>59.797609000002645</c:v>
                </c:pt>
                <c:pt idx="3588">
                  <c:v>59.814275000002645</c:v>
                </c:pt>
                <c:pt idx="3589">
                  <c:v>59.830941000002646</c:v>
                </c:pt>
                <c:pt idx="3590">
                  <c:v>59.847607000002647</c:v>
                </c:pt>
                <c:pt idx="3591">
                  <c:v>59.864273000002648</c:v>
                </c:pt>
                <c:pt idx="3592">
                  <c:v>59.880939000002648</c:v>
                </c:pt>
                <c:pt idx="3593">
                  <c:v>59.897605000002649</c:v>
                </c:pt>
                <c:pt idx="3594">
                  <c:v>59.91427100000265</c:v>
                </c:pt>
                <c:pt idx="3595">
                  <c:v>59.93093700000265</c:v>
                </c:pt>
                <c:pt idx="3596">
                  <c:v>59.947603000002651</c:v>
                </c:pt>
                <c:pt idx="3597">
                  <c:v>59.964269000002652</c:v>
                </c:pt>
                <c:pt idx="3598">
                  <c:v>59.980935000002653</c:v>
                </c:pt>
                <c:pt idx="3599">
                  <c:v>59.997601000002653</c:v>
                </c:pt>
                <c:pt idx="3600">
                  <c:v>60.014267000002654</c:v>
                </c:pt>
                <c:pt idx="3601">
                  <c:v>60.030933000002655</c:v>
                </c:pt>
                <c:pt idx="3602">
                  <c:v>60.047599000002656</c:v>
                </c:pt>
                <c:pt idx="3603">
                  <c:v>60.064265000002656</c:v>
                </c:pt>
                <c:pt idx="3604">
                  <c:v>60.080931000002657</c:v>
                </c:pt>
                <c:pt idx="3605">
                  <c:v>60.097597000002658</c:v>
                </c:pt>
                <c:pt idx="3606">
                  <c:v>60.114263000002659</c:v>
                </c:pt>
                <c:pt idx="3607">
                  <c:v>60.130929000002659</c:v>
                </c:pt>
                <c:pt idx="3608">
                  <c:v>60.14759500000266</c:v>
                </c:pt>
                <c:pt idx="3609">
                  <c:v>60.164261000002661</c:v>
                </c:pt>
                <c:pt idx="3610">
                  <c:v>60.180927000002661</c:v>
                </c:pt>
                <c:pt idx="3611">
                  <c:v>60.197593000002662</c:v>
                </c:pt>
                <c:pt idx="3612">
                  <c:v>60.214259000002663</c:v>
                </c:pt>
                <c:pt idx="3613">
                  <c:v>60.230925000002664</c:v>
                </c:pt>
                <c:pt idx="3614">
                  <c:v>60.247591000002664</c:v>
                </c:pt>
                <c:pt idx="3615">
                  <c:v>60.264257000002665</c:v>
                </c:pt>
                <c:pt idx="3616">
                  <c:v>60.280923000002666</c:v>
                </c:pt>
                <c:pt idx="3617">
                  <c:v>60.297589000002667</c:v>
                </c:pt>
                <c:pt idx="3618">
                  <c:v>60.314255000002667</c:v>
                </c:pt>
                <c:pt idx="3619">
                  <c:v>60.330921000002668</c:v>
                </c:pt>
                <c:pt idx="3620">
                  <c:v>60.347587000002669</c:v>
                </c:pt>
                <c:pt idx="3621">
                  <c:v>60.36425300000267</c:v>
                </c:pt>
                <c:pt idx="3622">
                  <c:v>60.38091900000267</c:v>
                </c:pt>
                <c:pt idx="3623">
                  <c:v>60.397585000002671</c:v>
                </c:pt>
                <c:pt idx="3624">
                  <c:v>60.414251000002672</c:v>
                </c:pt>
                <c:pt idx="3625">
                  <c:v>60.430917000002673</c:v>
                </c:pt>
                <c:pt idx="3626">
                  <c:v>60.447583000002673</c:v>
                </c:pt>
                <c:pt idx="3627">
                  <c:v>60.464249000002674</c:v>
                </c:pt>
                <c:pt idx="3628">
                  <c:v>60.480915000002675</c:v>
                </c:pt>
                <c:pt idx="3629">
                  <c:v>60.497581000002675</c:v>
                </c:pt>
                <c:pt idx="3630">
                  <c:v>60.514247000002676</c:v>
                </c:pt>
                <c:pt idx="3631">
                  <c:v>60.530913000002677</c:v>
                </c:pt>
                <c:pt idx="3632">
                  <c:v>60.547579000002678</c:v>
                </c:pt>
                <c:pt idx="3633">
                  <c:v>60.564245000002678</c:v>
                </c:pt>
                <c:pt idx="3634">
                  <c:v>60.580911000002679</c:v>
                </c:pt>
                <c:pt idx="3635">
                  <c:v>60.59757700000268</c:v>
                </c:pt>
                <c:pt idx="3636">
                  <c:v>60.614243000002681</c:v>
                </c:pt>
                <c:pt idx="3637">
                  <c:v>60.630909000002681</c:v>
                </c:pt>
                <c:pt idx="3638">
                  <c:v>60.647575000002682</c:v>
                </c:pt>
                <c:pt idx="3639">
                  <c:v>60.664241000002683</c:v>
                </c:pt>
                <c:pt idx="3640">
                  <c:v>60.680907000002684</c:v>
                </c:pt>
                <c:pt idx="3641">
                  <c:v>60.697573000002684</c:v>
                </c:pt>
                <c:pt idx="3642">
                  <c:v>60.714239000002685</c:v>
                </c:pt>
                <c:pt idx="3643">
                  <c:v>60.730905000002686</c:v>
                </c:pt>
                <c:pt idx="3644">
                  <c:v>60.747571000002687</c:v>
                </c:pt>
                <c:pt idx="3645">
                  <c:v>60.764237000002687</c:v>
                </c:pt>
                <c:pt idx="3646">
                  <c:v>60.780903000002688</c:v>
                </c:pt>
                <c:pt idx="3647">
                  <c:v>60.797569000002689</c:v>
                </c:pt>
                <c:pt idx="3648">
                  <c:v>60.814235000002689</c:v>
                </c:pt>
                <c:pt idx="3649">
                  <c:v>60.83090100000269</c:v>
                </c:pt>
                <c:pt idx="3650">
                  <c:v>60.847567000002691</c:v>
                </c:pt>
                <c:pt idx="3651">
                  <c:v>60.864233000002692</c:v>
                </c:pt>
                <c:pt idx="3652">
                  <c:v>60.880899000002692</c:v>
                </c:pt>
                <c:pt idx="3653">
                  <c:v>60.897565000002693</c:v>
                </c:pt>
                <c:pt idx="3654">
                  <c:v>60.914231000002694</c:v>
                </c:pt>
                <c:pt idx="3655">
                  <c:v>60.930897000002695</c:v>
                </c:pt>
                <c:pt idx="3656">
                  <c:v>60.947563000002695</c:v>
                </c:pt>
                <c:pt idx="3657">
                  <c:v>60.964229000002696</c:v>
                </c:pt>
                <c:pt idx="3658">
                  <c:v>60.980895000002697</c:v>
                </c:pt>
                <c:pt idx="3659">
                  <c:v>60.997561000002698</c:v>
                </c:pt>
                <c:pt idx="3660">
                  <c:v>61.014227000002698</c:v>
                </c:pt>
                <c:pt idx="3661">
                  <c:v>61.030893000002699</c:v>
                </c:pt>
                <c:pt idx="3662">
                  <c:v>61.0475590000027</c:v>
                </c:pt>
                <c:pt idx="3663">
                  <c:v>61.0642250000027</c:v>
                </c:pt>
                <c:pt idx="3664">
                  <c:v>61.080891000002701</c:v>
                </c:pt>
                <c:pt idx="3665">
                  <c:v>61.097557000002702</c:v>
                </c:pt>
                <c:pt idx="3666">
                  <c:v>61.114223000002703</c:v>
                </c:pt>
                <c:pt idx="3667">
                  <c:v>61.130889000002703</c:v>
                </c:pt>
                <c:pt idx="3668">
                  <c:v>61.147555000002704</c:v>
                </c:pt>
                <c:pt idx="3669">
                  <c:v>61.164221000002705</c:v>
                </c:pt>
                <c:pt idx="3670">
                  <c:v>61.180887000002706</c:v>
                </c:pt>
                <c:pt idx="3671">
                  <c:v>61.197553000002706</c:v>
                </c:pt>
                <c:pt idx="3672">
                  <c:v>61.214219000002707</c:v>
                </c:pt>
                <c:pt idx="3673">
                  <c:v>61.230885000002708</c:v>
                </c:pt>
                <c:pt idx="3674">
                  <c:v>61.247551000002709</c:v>
                </c:pt>
                <c:pt idx="3675">
                  <c:v>61.264217000002709</c:v>
                </c:pt>
                <c:pt idx="3676">
                  <c:v>61.28088300000271</c:v>
                </c:pt>
                <c:pt idx="3677">
                  <c:v>61.297549000002711</c:v>
                </c:pt>
                <c:pt idx="3678">
                  <c:v>61.314215000002712</c:v>
                </c:pt>
                <c:pt idx="3679">
                  <c:v>61.330881000002712</c:v>
                </c:pt>
                <c:pt idx="3680">
                  <c:v>61.347547000002713</c:v>
                </c:pt>
                <c:pt idx="3681">
                  <c:v>61.364213000002714</c:v>
                </c:pt>
                <c:pt idx="3682">
                  <c:v>61.380879000002714</c:v>
                </c:pt>
                <c:pt idx="3683">
                  <c:v>61.397545000002715</c:v>
                </c:pt>
                <c:pt idx="3684">
                  <c:v>61.414211000002716</c:v>
                </c:pt>
                <c:pt idx="3685">
                  <c:v>61.430877000002717</c:v>
                </c:pt>
                <c:pt idx="3686">
                  <c:v>61.447543000002717</c:v>
                </c:pt>
                <c:pt idx="3687">
                  <c:v>61.464209000002718</c:v>
                </c:pt>
                <c:pt idx="3688">
                  <c:v>61.480875000002719</c:v>
                </c:pt>
                <c:pt idx="3689">
                  <c:v>61.49754100000272</c:v>
                </c:pt>
                <c:pt idx="3690">
                  <c:v>61.51420700000272</c:v>
                </c:pt>
                <c:pt idx="3691">
                  <c:v>61.530873000002721</c:v>
                </c:pt>
                <c:pt idx="3692">
                  <c:v>61.547539000002722</c:v>
                </c:pt>
                <c:pt idx="3693">
                  <c:v>61.564205000002723</c:v>
                </c:pt>
                <c:pt idx="3694">
                  <c:v>61.580871000002723</c:v>
                </c:pt>
                <c:pt idx="3695">
                  <c:v>61.597537000002724</c:v>
                </c:pt>
                <c:pt idx="3696">
                  <c:v>61.614203000002725</c:v>
                </c:pt>
                <c:pt idx="3697">
                  <c:v>61.630869000002725</c:v>
                </c:pt>
                <c:pt idx="3698">
                  <c:v>61.647535000002726</c:v>
                </c:pt>
                <c:pt idx="3699">
                  <c:v>61.664201000002727</c:v>
                </c:pt>
                <c:pt idx="3700">
                  <c:v>61.680867000002728</c:v>
                </c:pt>
                <c:pt idx="3701">
                  <c:v>61.697533000002728</c:v>
                </c:pt>
                <c:pt idx="3702">
                  <c:v>61.714199000002729</c:v>
                </c:pt>
                <c:pt idx="3703">
                  <c:v>61.73086500000273</c:v>
                </c:pt>
                <c:pt idx="3704">
                  <c:v>61.747531000002731</c:v>
                </c:pt>
                <c:pt idx="3705">
                  <c:v>61.764197000002731</c:v>
                </c:pt>
                <c:pt idx="3706">
                  <c:v>61.780863000002732</c:v>
                </c:pt>
                <c:pt idx="3707">
                  <c:v>61.797529000002733</c:v>
                </c:pt>
                <c:pt idx="3708">
                  <c:v>61.814195000002734</c:v>
                </c:pt>
                <c:pt idx="3709">
                  <c:v>61.830861000002734</c:v>
                </c:pt>
                <c:pt idx="3710">
                  <c:v>61.847527000002735</c:v>
                </c:pt>
                <c:pt idx="3711">
                  <c:v>61.864193000002736</c:v>
                </c:pt>
                <c:pt idx="3712">
                  <c:v>61.880859000002737</c:v>
                </c:pt>
                <c:pt idx="3713">
                  <c:v>61.897525000002737</c:v>
                </c:pt>
                <c:pt idx="3714">
                  <c:v>61.914191000002738</c:v>
                </c:pt>
                <c:pt idx="3715">
                  <c:v>61.930857000002739</c:v>
                </c:pt>
                <c:pt idx="3716">
                  <c:v>61.947523000002739</c:v>
                </c:pt>
                <c:pt idx="3717">
                  <c:v>61.96418900000274</c:v>
                </c:pt>
                <c:pt idx="3718">
                  <c:v>61.980855000002741</c:v>
                </c:pt>
                <c:pt idx="3719">
                  <c:v>61.997521000002742</c:v>
                </c:pt>
                <c:pt idx="3720">
                  <c:v>62.014187000002742</c:v>
                </c:pt>
                <c:pt idx="3721">
                  <c:v>62.030853000002743</c:v>
                </c:pt>
                <c:pt idx="3722">
                  <c:v>62.047519000002744</c:v>
                </c:pt>
                <c:pt idx="3723">
                  <c:v>62.064185000002745</c:v>
                </c:pt>
                <c:pt idx="3724">
                  <c:v>62.080851000002745</c:v>
                </c:pt>
                <c:pt idx="3725">
                  <c:v>62.097517000002746</c:v>
                </c:pt>
                <c:pt idx="3726">
                  <c:v>62.114183000002747</c:v>
                </c:pt>
                <c:pt idx="3727">
                  <c:v>62.130849000002748</c:v>
                </c:pt>
                <c:pt idx="3728">
                  <c:v>62.147515000002748</c:v>
                </c:pt>
                <c:pt idx="3729">
                  <c:v>62.164181000002749</c:v>
                </c:pt>
                <c:pt idx="3730">
                  <c:v>62.18084700000275</c:v>
                </c:pt>
                <c:pt idx="3731">
                  <c:v>62.197513000002751</c:v>
                </c:pt>
                <c:pt idx="3732">
                  <c:v>62.214179000002751</c:v>
                </c:pt>
                <c:pt idx="3733">
                  <c:v>62.230845000002752</c:v>
                </c:pt>
                <c:pt idx="3734">
                  <c:v>62.247511000002753</c:v>
                </c:pt>
                <c:pt idx="3735">
                  <c:v>62.264177000002753</c:v>
                </c:pt>
                <c:pt idx="3736">
                  <c:v>62.280843000002754</c:v>
                </c:pt>
                <c:pt idx="3737">
                  <c:v>62.297509000002755</c:v>
                </c:pt>
                <c:pt idx="3738">
                  <c:v>62.314175000002756</c:v>
                </c:pt>
                <c:pt idx="3739">
                  <c:v>62.330841000002756</c:v>
                </c:pt>
                <c:pt idx="3740">
                  <c:v>62.347507000002757</c:v>
                </c:pt>
                <c:pt idx="3741">
                  <c:v>62.364173000002758</c:v>
                </c:pt>
                <c:pt idx="3742">
                  <c:v>62.380839000002759</c:v>
                </c:pt>
                <c:pt idx="3743">
                  <c:v>62.397505000002759</c:v>
                </c:pt>
                <c:pt idx="3744">
                  <c:v>62.41417100000276</c:v>
                </c:pt>
                <c:pt idx="3745">
                  <c:v>62.430837000002761</c:v>
                </c:pt>
                <c:pt idx="3746">
                  <c:v>62.447503000002762</c:v>
                </c:pt>
                <c:pt idx="3747">
                  <c:v>62.464169000002762</c:v>
                </c:pt>
                <c:pt idx="3748">
                  <c:v>62.480835000002763</c:v>
                </c:pt>
                <c:pt idx="3749">
                  <c:v>62.497501000002764</c:v>
                </c:pt>
                <c:pt idx="3750">
                  <c:v>62.514167000002764</c:v>
                </c:pt>
                <c:pt idx="3751">
                  <c:v>62.530833000002765</c:v>
                </c:pt>
                <c:pt idx="3752">
                  <c:v>62.547499000002766</c:v>
                </c:pt>
                <c:pt idx="3753">
                  <c:v>62.564165000002767</c:v>
                </c:pt>
                <c:pt idx="3754">
                  <c:v>62.580831000002767</c:v>
                </c:pt>
                <c:pt idx="3755">
                  <c:v>62.597497000002768</c:v>
                </c:pt>
                <c:pt idx="3756">
                  <c:v>62.614163000002769</c:v>
                </c:pt>
                <c:pt idx="3757">
                  <c:v>62.63082900000277</c:v>
                </c:pt>
                <c:pt idx="3758">
                  <c:v>62.64749500000277</c:v>
                </c:pt>
                <c:pt idx="3759">
                  <c:v>62.664161000002771</c:v>
                </c:pt>
                <c:pt idx="3760">
                  <c:v>62.680827000002772</c:v>
                </c:pt>
                <c:pt idx="3761">
                  <c:v>62.697493000002773</c:v>
                </c:pt>
                <c:pt idx="3762">
                  <c:v>62.714159000002773</c:v>
                </c:pt>
                <c:pt idx="3763">
                  <c:v>62.730825000002774</c:v>
                </c:pt>
                <c:pt idx="3764">
                  <c:v>62.747491000002775</c:v>
                </c:pt>
                <c:pt idx="3765">
                  <c:v>62.764157000002776</c:v>
                </c:pt>
                <c:pt idx="3766">
                  <c:v>62.780823000002776</c:v>
                </c:pt>
                <c:pt idx="3767">
                  <c:v>62.797489000002777</c:v>
                </c:pt>
                <c:pt idx="3768">
                  <c:v>62.814155000002778</c:v>
                </c:pt>
                <c:pt idx="3769">
                  <c:v>62.830821000002778</c:v>
                </c:pt>
                <c:pt idx="3770">
                  <c:v>62.847487000002779</c:v>
                </c:pt>
                <c:pt idx="3771">
                  <c:v>62.86415300000278</c:v>
                </c:pt>
                <c:pt idx="3772">
                  <c:v>62.880819000002781</c:v>
                </c:pt>
                <c:pt idx="3773">
                  <c:v>62.897485000002781</c:v>
                </c:pt>
                <c:pt idx="3774">
                  <c:v>62.914151000002782</c:v>
                </c:pt>
                <c:pt idx="3775">
                  <c:v>62.930817000002783</c:v>
                </c:pt>
                <c:pt idx="3776">
                  <c:v>62.947483000002784</c:v>
                </c:pt>
                <c:pt idx="3777">
                  <c:v>62.964149000002784</c:v>
                </c:pt>
                <c:pt idx="3778">
                  <c:v>62.980815000002785</c:v>
                </c:pt>
                <c:pt idx="3779">
                  <c:v>62.997481000002786</c:v>
                </c:pt>
                <c:pt idx="3780">
                  <c:v>63.014147000002787</c:v>
                </c:pt>
                <c:pt idx="3781">
                  <c:v>63.030813000002787</c:v>
                </c:pt>
                <c:pt idx="3782">
                  <c:v>63.047479000002788</c:v>
                </c:pt>
                <c:pt idx="3783">
                  <c:v>63.064145000002789</c:v>
                </c:pt>
                <c:pt idx="3784">
                  <c:v>63.08081100000279</c:v>
                </c:pt>
                <c:pt idx="3785">
                  <c:v>63.09747700000279</c:v>
                </c:pt>
                <c:pt idx="3786">
                  <c:v>63.114143000002791</c:v>
                </c:pt>
                <c:pt idx="3787">
                  <c:v>63.130809000002792</c:v>
                </c:pt>
                <c:pt idx="3788">
                  <c:v>63.147475000002792</c:v>
                </c:pt>
                <c:pt idx="3789">
                  <c:v>63.164141000002793</c:v>
                </c:pt>
                <c:pt idx="3790">
                  <c:v>63.180807000002794</c:v>
                </c:pt>
                <c:pt idx="3791">
                  <c:v>63.197473000002795</c:v>
                </c:pt>
                <c:pt idx="3792">
                  <c:v>63.214139000002795</c:v>
                </c:pt>
                <c:pt idx="3793">
                  <c:v>63.230805000002796</c:v>
                </c:pt>
                <c:pt idx="3794">
                  <c:v>63.247471000002797</c:v>
                </c:pt>
                <c:pt idx="3795">
                  <c:v>63.264137000002798</c:v>
                </c:pt>
                <c:pt idx="3796">
                  <c:v>63.280803000002798</c:v>
                </c:pt>
                <c:pt idx="3797">
                  <c:v>63.297469000002799</c:v>
                </c:pt>
                <c:pt idx="3798">
                  <c:v>63.3141350000028</c:v>
                </c:pt>
                <c:pt idx="3799">
                  <c:v>63.330801000002801</c:v>
                </c:pt>
                <c:pt idx="3800">
                  <c:v>63.347467000002801</c:v>
                </c:pt>
                <c:pt idx="3801">
                  <c:v>63.364133000002802</c:v>
                </c:pt>
                <c:pt idx="3802">
                  <c:v>63.380799000002803</c:v>
                </c:pt>
                <c:pt idx="3803">
                  <c:v>63.397465000002803</c:v>
                </c:pt>
                <c:pt idx="3804">
                  <c:v>63.414131000002804</c:v>
                </c:pt>
                <c:pt idx="3805">
                  <c:v>63.430797000002805</c:v>
                </c:pt>
                <c:pt idx="3806">
                  <c:v>63.447463000002806</c:v>
                </c:pt>
                <c:pt idx="3807">
                  <c:v>63.464129000002806</c:v>
                </c:pt>
                <c:pt idx="3808">
                  <c:v>63.480795000002807</c:v>
                </c:pt>
                <c:pt idx="3809">
                  <c:v>63.497461000002808</c:v>
                </c:pt>
                <c:pt idx="3810">
                  <c:v>63.514127000002809</c:v>
                </c:pt>
                <c:pt idx="3811">
                  <c:v>63.530793000002809</c:v>
                </c:pt>
                <c:pt idx="3812">
                  <c:v>63.54745900000281</c:v>
                </c:pt>
                <c:pt idx="3813">
                  <c:v>63.564125000002811</c:v>
                </c:pt>
                <c:pt idx="3814">
                  <c:v>63.580791000002812</c:v>
                </c:pt>
                <c:pt idx="3815">
                  <c:v>63.597457000002812</c:v>
                </c:pt>
                <c:pt idx="3816">
                  <c:v>63.614123000002813</c:v>
                </c:pt>
                <c:pt idx="3817">
                  <c:v>63.630789000002814</c:v>
                </c:pt>
                <c:pt idx="3818">
                  <c:v>63.647455000002815</c:v>
                </c:pt>
                <c:pt idx="3819">
                  <c:v>63.664121000002815</c:v>
                </c:pt>
                <c:pt idx="3820">
                  <c:v>63.680787000002816</c:v>
                </c:pt>
                <c:pt idx="3821">
                  <c:v>63.697453000002817</c:v>
                </c:pt>
                <c:pt idx="3822">
                  <c:v>63.714119000002817</c:v>
                </c:pt>
                <c:pt idx="3823">
                  <c:v>63.730785000002818</c:v>
                </c:pt>
                <c:pt idx="3824">
                  <c:v>63.747451000002819</c:v>
                </c:pt>
                <c:pt idx="3825">
                  <c:v>63.76411700000282</c:v>
                </c:pt>
                <c:pt idx="3826">
                  <c:v>63.78078300000282</c:v>
                </c:pt>
                <c:pt idx="3827">
                  <c:v>63.797449000002821</c:v>
                </c:pt>
                <c:pt idx="3828">
                  <c:v>63.814115000002822</c:v>
                </c:pt>
                <c:pt idx="3829">
                  <c:v>63.830781000002823</c:v>
                </c:pt>
                <c:pt idx="3830">
                  <c:v>63.847447000002823</c:v>
                </c:pt>
                <c:pt idx="3831">
                  <c:v>63.864113000002824</c:v>
                </c:pt>
                <c:pt idx="3832">
                  <c:v>63.880779000002825</c:v>
                </c:pt>
                <c:pt idx="3833">
                  <c:v>63.897445000002826</c:v>
                </c:pt>
                <c:pt idx="3834">
                  <c:v>63.914111000002826</c:v>
                </c:pt>
                <c:pt idx="3835">
                  <c:v>63.930777000002827</c:v>
                </c:pt>
                <c:pt idx="3836">
                  <c:v>63.947443000002828</c:v>
                </c:pt>
                <c:pt idx="3837">
                  <c:v>63.964109000002829</c:v>
                </c:pt>
                <c:pt idx="3838">
                  <c:v>63.980775000002829</c:v>
                </c:pt>
                <c:pt idx="3839">
                  <c:v>63.99744100000283</c:v>
                </c:pt>
                <c:pt idx="3840">
                  <c:v>64.014107000002824</c:v>
                </c:pt>
                <c:pt idx="3841">
                  <c:v>64.030773000002824</c:v>
                </c:pt>
                <c:pt idx="3842">
                  <c:v>64.047439000002825</c:v>
                </c:pt>
                <c:pt idx="3843">
                  <c:v>64.064105000002826</c:v>
                </c:pt>
                <c:pt idx="3844">
                  <c:v>64.080771000002827</c:v>
                </c:pt>
                <c:pt idx="3845">
                  <c:v>64.097437000002827</c:v>
                </c:pt>
                <c:pt idx="3846">
                  <c:v>64.114103000002828</c:v>
                </c:pt>
                <c:pt idx="3847">
                  <c:v>64.130769000002829</c:v>
                </c:pt>
                <c:pt idx="3848">
                  <c:v>64.147435000002829</c:v>
                </c:pt>
                <c:pt idx="3849">
                  <c:v>64.16410100000283</c:v>
                </c:pt>
                <c:pt idx="3850">
                  <c:v>64.180767000002831</c:v>
                </c:pt>
                <c:pt idx="3851">
                  <c:v>64.197433000002832</c:v>
                </c:pt>
                <c:pt idx="3852">
                  <c:v>64.214099000002832</c:v>
                </c:pt>
                <c:pt idx="3853">
                  <c:v>64.230765000002833</c:v>
                </c:pt>
                <c:pt idx="3854">
                  <c:v>64.247431000002834</c:v>
                </c:pt>
                <c:pt idx="3855">
                  <c:v>64.264097000002835</c:v>
                </c:pt>
                <c:pt idx="3856">
                  <c:v>64.280763000002835</c:v>
                </c:pt>
                <c:pt idx="3857">
                  <c:v>64.297429000002836</c:v>
                </c:pt>
                <c:pt idx="3858">
                  <c:v>64.314095000002837</c:v>
                </c:pt>
                <c:pt idx="3859">
                  <c:v>64.330761000002838</c:v>
                </c:pt>
                <c:pt idx="3860">
                  <c:v>64.347427000002838</c:v>
                </c:pt>
                <c:pt idx="3861">
                  <c:v>64.364093000002839</c:v>
                </c:pt>
                <c:pt idx="3862">
                  <c:v>64.38075900000284</c:v>
                </c:pt>
                <c:pt idx="3863">
                  <c:v>64.397425000002841</c:v>
                </c:pt>
                <c:pt idx="3864">
                  <c:v>64.414091000002841</c:v>
                </c:pt>
                <c:pt idx="3865">
                  <c:v>64.430757000002842</c:v>
                </c:pt>
                <c:pt idx="3866">
                  <c:v>64.447423000002843</c:v>
                </c:pt>
                <c:pt idx="3867">
                  <c:v>64.464089000002843</c:v>
                </c:pt>
                <c:pt idx="3868">
                  <c:v>64.480755000002844</c:v>
                </c:pt>
                <c:pt idx="3869">
                  <c:v>64.497421000002845</c:v>
                </c:pt>
                <c:pt idx="3870">
                  <c:v>64.514087000002846</c:v>
                </c:pt>
                <c:pt idx="3871">
                  <c:v>64.530753000002846</c:v>
                </c:pt>
                <c:pt idx="3872">
                  <c:v>64.547419000002847</c:v>
                </c:pt>
                <c:pt idx="3873">
                  <c:v>64.564085000002848</c:v>
                </c:pt>
                <c:pt idx="3874">
                  <c:v>64.580751000002849</c:v>
                </c:pt>
                <c:pt idx="3875">
                  <c:v>64.597417000002849</c:v>
                </c:pt>
                <c:pt idx="3876">
                  <c:v>64.61408300000285</c:v>
                </c:pt>
                <c:pt idx="3877">
                  <c:v>64.630749000002851</c:v>
                </c:pt>
                <c:pt idx="3878">
                  <c:v>64.647415000002852</c:v>
                </c:pt>
                <c:pt idx="3879">
                  <c:v>64.664081000002852</c:v>
                </c:pt>
                <c:pt idx="3880">
                  <c:v>64.680747000002853</c:v>
                </c:pt>
                <c:pt idx="3881">
                  <c:v>64.697413000002854</c:v>
                </c:pt>
                <c:pt idx="3882">
                  <c:v>64.714079000002855</c:v>
                </c:pt>
                <c:pt idx="3883">
                  <c:v>64.730745000002855</c:v>
                </c:pt>
                <c:pt idx="3884">
                  <c:v>64.747411000002856</c:v>
                </c:pt>
                <c:pt idx="3885">
                  <c:v>64.764077000002857</c:v>
                </c:pt>
                <c:pt idx="3886">
                  <c:v>64.780743000002857</c:v>
                </c:pt>
                <c:pt idx="3887">
                  <c:v>64.797409000002858</c:v>
                </c:pt>
                <c:pt idx="3888">
                  <c:v>64.814075000002859</c:v>
                </c:pt>
                <c:pt idx="3889">
                  <c:v>64.83074100000286</c:v>
                </c:pt>
                <c:pt idx="3890">
                  <c:v>64.84740700000286</c:v>
                </c:pt>
                <c:pt idx="3891">
                  <c:v>64.864073000002861</c:v>
                </c:pt>
                <c:pt idx="3892">
                  <c:v>64.880739000002862</c:v>
                </c:pt>
                <c:pt idx="3893">
                  <c:v>64.897405000002863</c:v>
                </c:pt>
                <c:pt idx="3894">
                  <c:v>64.914071000002863</c:v>
                </c:pt>
                <c:pt idx="3895">
                  <c:v>64.930737000002864</c:v>
                </c:pt>
                <c:pt idx="3896">
                  <c:v>64.947403000002865</c:v>
                </c:pt>
                <c:pt idx="3897">
                  <c:v>64.964069000002866</c:v>
                </c:pt>
                <c:pt idx="3898">
                  <c:v>64.980735000002866</c:v>
                </c:pt>
                <c:pt idx="3899">
                  <c:v>64.997401000002867</c:v>
                </c:pt>
                <c:pt idx="3900">
                  <c:v>65.014067000002868</c:v>
                </c:pt>
                <c:pt idx="3901">
                  <c:v>65.030733000002868</c:v>
                </c:pt>
                <c:pt idx="3902">
                  <c:v>65.047399000002869</c:v>
                </c:pt>
                <c:pt idx="3903">
                  <c:v>65.06406500000287</c:v>
                </c:pt>
                <c:pt idx="3904">
                  <c:v>65.080731000002871</c:v>
                </c:pt>
                <c:pt idx="3905">
                  <c:v>65.097397000002871</c:v>
                </c:pt>
                <c:pt idx="3906">
                  <c:v>65.114063000002872</c:v>
                </c:pt>
                <c:pt idx="3907">
                  <c:v>65.130729000002873</c:v>
                </c:pt>
                <c:pt idx="3908">
                  <c:v>65.147395000002874</c:v>
                </c:pt>
                <c:pt idx="3909">
                  <c:v>65.164061000002874</c:v>
                </c:pt>
                <c:pt idx="3910">
                  <c:v>65.180727000002875</c:v>
                </c:pt>
                <c:pt idx="3911">
                  <c:v>65.197393000002876</c:v>
                </c:pt>
                <c:pt idx="3912">
                  <c:v>65.214059000002877</c:v>
                </c:pt>
                <c:pt idx="3913">
                  <c:v>65.230725000002877</c:v>
                </c:pt>
                <c:pt idx="3914">
                  <c:v>65.247391000002878</c:v>
                </c:pt>
                <c:pt idx="3915">
                  <c:v>65.264057000002879</c:v>
                </c:pt>
                <c:pt idx="3916">
                  <c:v>65.28072300000288</c:v>
                </c:pt>
                <c:pt idx="3917">
                  <c:v>65.29738900000288</c:v>
                </c:pt>
                <c:pt idx="3918">
                  <c:v>65.314055000002881</c:v>
                </c:pt>
                <c:pt idx="3919">
                  <c:v>65.330721000002882</c:v>
                </c:pt>
                <c:pt idx="3920">
                  <c:v>65.347387000002882</c:v>
                </c:pt>
                <c:pt idx="3921">
                  <c:v>65.364053000002883</c:v>
                </c:pt>
                <c:pt idx="3922">
                  <c:v>65.380719000002884</c:v>
                </c:pt>
                <c:pt idx="3923">
                  <c:v>65.397385000002885</c:v>
                </c:pt>
                <c:pt idx="3924">
                  <c:v>65.414051000002885</c:v>
                </c:pt>
                <c:pt idx="3925">
                  <c:v>65.430717000002886</c:v>
                </c:pt>
                <c:pt idx="3926">
                  <c:v>65.447383000002887</c:v>
                </c:pt>
                <c:pt idx="3927">
                  <c:v>65.464049000002888</c:v>
                </c:pt>
                <c:pt idx="3928">
                  <c:v>65.480715000002888</c:v>
                </c:pt>
                <c:pt idx="3929">
                  <c:v>65.497381000002889</c:v>
                </c:pt>
                <c:pt idx="3930">
                  <c:v>65.51404700000289</c:v>
                </c:pt>
                <c:pt idx="3931">
                  <c:v>65.530713000002891</c:v>
                </c:pt>
                <c:pt idx="3932">
                  <c:v>65.547379000002891</c:v>
                </c:pt>
                <c:pt idx="3933">
                  <c:v>65.564045000002892</c:v>
                </c:pt>
                <c:pt idx="3934">
                  <c:v>65.580711000002893</c:v>
                </c:pt>
                <c:pt idx="3935">
                  <c:v>65.597377000002894</c:v>
                </c:pt>
                <c:pt idx="3936">
                  <c:v>65.614043000002894</c:v>
                </c:pt>
                <c:pt idx="3937">
                  <c:v>65.630709000002895</c:v>
                </c:pt>
                <c:pt idx="3938">
                  <c:v>65.647375000002896</c:v>
                </c:pt>
                <c:pt idx="3939">
                  <c:v>65.664041000002896</c:v>
                </c:pt>
                <c:pt idx="3940">
                  <c:v>65.680707000002897</c:v>
                </c:pt>
                <c:pt idx="3941">
                  <c:v>65.697373000002898</c:v>
                </c:pt>
                <c:pt idx="3942">
                  <c:v>65.714039000002899</c:v>
                </c:pt>
                <c:pt idx="3943">
                  <c:v>65.730705000002899</c:v>
                </c:pt>
                <c:pt idx="3944">
                  <c:v>65.7473710000029</c:v>
                </c:pt>
                <c:pt idx="3945">
                  <c:v>65.764037000002901</c:v>
                </c:pt>
                <c:pt idx="3946">
                  <c:v>65.780703000002902</c:v>
                </c:pt>
                <c:pt idx="3947">
                  <c:v>65.797369000002902</c:v>
                </c:pt>
                <c:pt idx="3948">
                  <c:v>65.814035000002903</c:v>
                </c:pt>
                <c:pt idx="3949">
                  <c:v>65.830701000002904</c:v>
                </c:pt>
                <c:pt idx="3950">
                  <c:v>65.847367000002905</c:v>
                </c:pt>
                <c:pt idx="3951">
                  <c:v>65.864033000002905</c:v>
                </c:pt>
                <c:pt idx="3952">
                  <c:v>65.880699000002906</c:v>
                </c:pt>
                <c:pt idx="3953">
                  <c:v>65.897365000002907</c:v>
                </c:pt>
                <c:pt idx="3954">
                  <c:v>65.914031000002907</c:v>
                </c:pt>
                <c:pt idx="3955">
                  <c:v>65.930697000002908</c:v>
                </c:pt>
                <c:pt idx="3956">
                  <c:v>65.947363000002909</c:v>
                </c:pt>
                <c:pt idx="3957">
                  <c:v>65.96402900000291</c:v>
                </c:pt>
                <c:pt idx="3958">
                  <c:v>65.98069500000291</c:v>
                </c:pt>
                <c:pt idx="3959">
                  <c:v>65.997361000002911</c:v>
                </c:pt>
                <c:pt idx="3960">
                  <c:v>66.014027000002912</c:v>
                </c:pt>
                <c:pt idx="3961">
                  <c:v>66.030693000002913</c:v>
                </c:pt>
                <c:pt idx="3962">
                  <c:v>66.047359000002913</c:v>
                </c:pt>
                <c:pt idx="3963">
                  <c:v>66.064025000002914</c:v>
                </c:pt>
                <c:pt idx="3964">
                  <c:v>66.080691000002915</c:v>
                </c:pt>
                <c:pt idx="3965">
                  <c:v>66.097357000002916</c:v>
                </c:pt>
                <c:pt idx="3966">
                  <c:v>66.114023000002916</c:v>
                </c:pt>
                <c:pt idx="3967">
                  <c:v>66.130689000002917</c:v>
                </c:pt>
                <c:pt idx="3968">
                  <c:v>66.147355000002918</c:v>
                </c:pt>
                <c:pt idx="3969">
                  <c:v>66.164021000002919</c:v>
                </c:pt>
                <c:pt idx="3970">
                  <c:v>66.180687000002919</c:v>
                </c:pt>
                <c:pt idx="3971">
                  <c:v>66.19735300000292</c:v>
                </c:pt>
                <c:pt idx="3972">
                  <c:v>66.214019000002921</c:v>
                </c:pt>
                <c:pt idx="3973">
                  <c:v>66.230685000002921</c:v>
                </c:pt>
                <c:pt idx="3974">
                  <c:v>66.247351000002922</c:v>
                </c:pt>
                <c:pt idx="3975">
                  <c:v>66.264017000002923</c:v>
                </c:pt>
                <c:pt idx="3976">
                  <c:v>66.280683000002924</c:v>
                </c:pt>
                <c:pt idx="3977">
                  <c:v>66.297349000002924</c:v>
                </c:pt>
                <c:pt idx="3978">
                  <c:v>66.314015000002925</c:v>
                </c:pt>
                <c:pt idx="3979">
                  <c:v>66.330681000002926</c:v>
                </c:pt>
                <c:pt idx="3980">
                  <c:v>66.347347000002927</c:v>
                </c:pt>
                <c:pt idx="3981">
                  <c:v>66.364013000002927</c:v>
                </c:pt>
                <c:pt idx="3982">
                  <c:v>66.380679000002928</c:v>
                </c:pt>
                <c:pt idx="3983">
                  <c:v>66.397345000002929</c:v>
                </c:pt>
                <c:pt idx="3984">
                  <c:v>66.41401100000293</c:v>
                </c:pt>
                <c:pt idx="3985">
                  <c:v>66.43067700000293</c:v>
                </c:pt>
                <c:pt idx="3986">
                  <c:v>66.447343000002931</c:v>
                </c:pt>
                <c:pt idx="3987">
                  <c:v>66.464009000002932</c:v>
                </c:pt>
                <c:pt idx="3988">
                  <c:v>66.480675000002933</c:v>
                </c:pt>
                <c:pt idx="3989">
                  <c:v>66.497341000002933</c:v>
                </c:pt>
                <c:pt idx="3990">
                  <c:v>66.514007000002934</c:v>
                </c:pt>
                <c:pt idx="3991">
                  <c:v>66.530673000002935</c:v>
                </c:pt>
                <c:pt idx="3992">
                  <c:v>66.547339000002935</c:v>
                </c:pt>
                <c:pt idx="3993">
                  <c:v>66.564005000002936</c:v>
                </c:pt>
                <c:pt idx="3994">
                  <c:v>66.580671000002937</c:v>
                </c:pt>
                <c:pt idx="3995">
                  <c:v>66.597337000002938</c:v>
                </c:pt>
                <c:pt idx="3996">
                  <c:v>66.614003000002938</c:v>
                </c:pt>
                <c:pt idx="3997">
                  <c:v>66.630669000002939</c:v>
                </c:pt>
                <c:pt idx="3998">
                  <c:v>66.64733500000294</c:v>
                </c:pt>
                <c:pt idx="3999">
                  <c:v>66.664001000002941</c:v>
                </c:pt>
                <c:pt idx="4000">
                  <c:v>66.680667000002941</c:v>
                </c:pt>
                <c:pt idx="4001">
                  <c:v>66.697333000002942</c:v>
                </c:pt>
                <c:pt idx="4002">
                  <c:v>66.713999000002943</c:v>
                </c:pt>
                <c:pt idx="4003">
                  <c:v>66.730665000002944</c:v>
                </c:pt>
                <c:pt idx="4004">
                  <c:v>66.747331000002944</c:v>
                </c:pt>
                <c:pt idx="4005">
                  <c:v>66.763997000002945</c:v>
                </c:pt>
                <c:pt idx="4006">
                  <c:v>66.780663000002946</c:v>
                </c:pt>
                <c:pt idx="4007">
                  <c:v>66.797329000002946</c:v>
                </c:pt>
                <c:pt idx="4008">
                  <c:v>66.813995000002947</c:v>
                </c:pt>
                <c:pt idx="4009">
                  <c:v>66.830661000002948</c:v>
                </c:pt>
                <c:pt idx="4010">
                  <c:v>66.847327000002949</c:v>
                </c:pt>
                <c:pt idx="4011">
                  <c:v>66.863993000002949</c:v>
                </c:pt>
                <c:pt idx="4012">
                  <c:v>66.88065900000295</c:v>
                </c:pt>
                <c:pt idx="4013">
                  <c:v>66.897325000002951</c:v>
                </c:pt>
                <c:pt idx="4014">
                  <c:v>66.913991000002952</c:v>
                </c:pt>
                <c:pt idx="4015">
                  <c:v>66.930657000002952</c:v>
                </c:pt>
                <c:pt idx="4016">
                  <c:v>66.947323000002953</c:v>
                </c:pt>
                <c:pt idx="4017">
                  <c:v>66.963989000002954</c:v>
                </c:pt>
                <c:pt idx="4018">
                  <c:v>66.980655000002955</c:v>
                </c:pt>
                <c:pt idx="4019">
                  <c:v>66.997321000002955</c:v>
                </c:pt>
                <c:pt idx="4020">
                  <c:v>67.013987000002956</c:v>
                </c:pt>
                <c:pt idx="4021">
                  <c:v>67.030653000002957</c:v>
                </c:pt>
                <c:pt idx="4022">
                  <c:v>67.047319000002958</c:v>
                </c:pt>
                <c:pt idx="4023">
                  <c:v>67.063985000002958</c:v>
                </c:pt>
                <c:pt idx="4024">
                  <c:v>67.080651000002959</c:v>
                </c:pt>
                <c:pt idx="4025">
                  <c:v>67.09731700000296</c:v>
                </c:pt>
                <c:pt idx="4026">
                  <c:v>67.11398300000296</c:v>
                </c:pt>
                <c:pt idx="4027">
                  <c:v>67.130649000002961</c:v>
                </c:pt>
                <c:pt idx="4028">
                  <c:v>67.147315000002962</c:v>
                </c:pt>
                <c:pt idx="4029">
                  <c:v>67.163981000002963</c:v>
                </c:pt>
                <c:pt idx="4030">
                  <c:v>67.180647000002963</c:v>
                </c:pt>
                <c:pt idx="4031">
                  <c:v>67.197313000002964</c:v>
                </c:pt>
                <c:pt idx="4032">
                  <c:v>67.213979000002965</c:v>
                </c:pt>
                <c:pt idx="4033">
                  <c:v>67.230645000002966</c:v>
                </c:pt>
                <c:pt idx="4034">
                  <c:v>67.247311000002966</c:v>
                </c:pt>
                <c:pt idx="4035">
                  <c:v>67.263977000002967</c:v>
                </c:pt>
                <c:pt idx="4036">
                  <c:v>67.280643000002968</c:v>
                </c:pt>
                <c:pt idx="4037">
                  <c:v>67.297309000002969</c:v>
                </c:pt>
                <c:pt idx="4038">
                  <c:v>67.313975000002969</c:v>
                </c:pt>
                <c:pt idx="4039">
                  <c:v>67.33064100000297</c:v>
                </c:pt>
                <c:pt idx="4040">
                  <c:v>67.347307000002971</c:v>
                </c:pt>
                <c:pt idx="4041">
                  <c:v>67.363973000002972</c:v>
                </c:pt>
                <c:pt idx="4042">
                  <c:v>67.380639000002972</c:v>
                </c:pt>
                <c:pt idx="4043">
                  <c:v>67.397305000002973</c:v>
                </c:pt>
                <c:pt idx="4044">
                  <c:v>67.413971000002974</c:v>
                </c:pt>
                <c:pt idx="4045">
                  <c:v>67.430637000002974</c:v>
                </c:pt>
                <c:pt idx="4046">
                  <c:v>67.447303000002975</c:v>
                </c:pt>
                <c:pt idx="4047">
                  <c:v>67.463969000002976</c:v>
                </c:pt>
                <c:pt idx="4048">
                  <c:v>67.480635000002977</c:v>
                </c:pt>
                <c:pt idx="4049">
                  <c:v>67.497301000002977</c:v>
                </c:pt>
                <c:pt idx="4050">
                  <c:v>67.513967000002978</c:v>
                </c:pt>
                <c:pt idx="4051">
                  <c:v>67.530633000002979</c:v>
                </c:pt>
                <c:pt idx="4052">
                  <c:v>67.54729900000298</c:v>
                </c:pt>
                <c:pt idx="4053">
                  <c:v>67.56396500000298</c:v>
                </c:pt>
                <c:pt idx="4054">
                  <c:v>67.580631000002981</c:v>
                </c:pt>
                <c:pt idx="4055">
                  <c:v>67.597297000002982</c:v>
                </c:pt>
                <c:pt idx="4056">
                  <c:v>67.613963000002983</c:v>
                </c:pt>
                <c:pt idx="4057">
                  <c:v>67.630629000002983</c:v>
                </c:pt>
                <c:pt idx="4058">
                  <c:v>67.647295000002984</c:v>
                </c:pt>
                <c:pt idx="4059">
                  <c:v>67.663961000002985</c:v>
                </c:pt>
                <c:pt idx="4060">
                  <c:v>67.680627000002985</c:v>
                </c:pt>
                <c:pt idx="4061">
                  <c:v>67.697293000002986</c:v>
                </c:pt>
                <c:pt idx="4062">
                  <c:v>67.713959000002987</c:v>
                </c:pt>
                <c:pt idx="4063">
                  <c:v>67.730625000002988</c:v>
                </c:pt>
                <c:pt idx="4064">
                  <c:v>67.747291000002988</c:v>
                </c:pt>
                <c:pt idx="4065">
                  <c:v>67.763957000002989</c:v>
                </c:pt>
                <c:pt idx="4066">
                  <c:v>67.78062300000299</c:v>
                </c:pt>
                <c:pt idx="4067">
                  <c:v>67.797289000002991</c:v>
                </c:pt>
                <c:pt idx="4068">
                  <c:v>67.813955000002991</c:v>
                </c:pt>
                <c:pt idx="4069">
                  <c:v>67.830621000002992</c:v>
                </c:pt>
                <c:pt idx="4070">
                  <c:v>67.847287000002993</c:v>
                </c:pt>
                <c:pt idx="4071">
                  <c:v>67.863953000002994</c:v>
                </c:pt>
                <c:pt idx="4072">
                  <c:v>67.880619000002994</c:v>
                </c:pt>
                <c:pt idx="4073">
                  <c:v>67.897285000002995</c:v>
                </c:pt>
                <c:pt idx="4074">
                  <c:v>67.913951000002996</c:v>
                </c:pt>
                <c:pt idx="4075">
                  <c:v>67.930617000002997</c:v>
                </c:pt>
                <c:pt idx="4076">
                  <c:v>67.947283000002997</c:v>
                </c:pt>
                <c:pt idx="4077">
                  <c:v>67.963949000002998</c:v>
                </c:pt>
                <c:pt idx="4078">
                  <c:v>67.980615000002999</c:v>
                </c:pt>
                <c:pt idx="4079">
                  <c:v>67.997281000002999</c:v>
                </c:pt>
                <c:pt idx="4080">
                  <c:v>68.013947000003</c:v>
                </c:pt>
                <c:pt idx="4081">
                  <c:v>68.030613000003001</c:v>
                </c:pt>
                <c:pt idx="4082">
                  <c:v>68.047279000003002</c:v>
                </c:pt>
                <c:pt idx="4083">
                  <c:v>68.063945000003002</c:v>
                </c:pt>
                <c:pt idx="4084">
                  <c:v>68.080611000003003</c:v>
                </c:pt>
                <c:pt idx="4085">
                  <c:v>68.097277000003004</c:v>
                </c:pt>
                <c:pt idx="4086">
                  <c:v>68.113943000003005</c:v>
                </c:pt>
                <c:pt idx="4087">
                  <c:v>68.130609000003005</c:v>
                </c:pt>
                <c:pt idx="4088">
                  <c:v>68.147275000003006</c:v>
                </c:pt>
                <c:pt idx="4089">
                  <c:v>68.163941000003007</c:v>
                </c:pt>
                <c:pt idx="4090">
                  <c:v>68.180607000003008</c:v>
                </c:pt>
                <c:pt idx="4091">
                  <c:v>68.197273000003008</c:v>
                </c:pt>
                <c:pt idx="4092">
                  <c:v>68.213939000003009</c:v>
                </c:pt>
                <c:pt idx="4093">
                  <c:v>68.23060500000301</c:v>
                </c:pt>
                <c:pt idx="4094">
                  <c:v>68.24727100000301</c:v>
                </c:pt>
                <c:pt idx="4095">
                  <c:v>68.263937000003011</c:v>
                </c:pt>
                <c:pt idx="4096">
                  <c:v>68.280603000003012</c:v>
                </c:pt>
                <c:pt idx="4097">
                  <c:v>68.297269000003013</c:v>
                </c:pt>
                <c:pt idx="4098">
                  <c:v>68.313935000003013</c:v>
                </c:pt>
                <c:pt idx="4099">
                  <c:v>68.330601000003014</c:v>
                </c:pt>
                <c:pt idx="4100">
                  <c:v>68.347267000003015</c:v>
                </c:pt>
                <c:pt idx="4101">
                  <c:v>68.363933000003016</c:v>
                </c:pt>
                <c:pt idx="4102">
                  <c:v>68.380599000003016</c:v>
                </c:pt>
                <c:pt idx="4103">
                  <c:v>68.397265000003017</c:v>
                </c:pt>
                <c:pt idx="4104">
                  <c:v>68.413931000003018</c:v>
                </c:pt>
                <c:pt idx="4105">
                  <c:v>68.430597000003019</c:v>
                </c:pt>
                <c:pt idx="4106">
                  <c:v>68.447263000003019</c:v>
                </c:pt>
                <c:pt idx="4107">
                  <c:v>68.46392900000302</c:v>
                </c:pt>
                <c:pt idx="4108">
                  <c:v>68.480595000003021</c:v>
                </c:pt>
                <c:pt idx="4109">
                  <c:v>68.497261000003022</c:v>
                </c:pt>
                <c:pt idx="4110">
                  <c:v>68.513927000003022</c:v>
                </c:pt>
                <c:pt idx="4111">
                  <c:v>68.530593000003023</c:v>
                </c:pt>
                <c:pt idx="4112">
                  <c:v>68.547259000003024</c:v>
                </c:pt>
                <c:pt idx="4113">
                  <c:v>68.563925000003024</c:v>
                </c:pt>
                <c:pt idx="4114">
                  <c:v>68.580591000003025</c:v>
                </c:pt>
                <c:pt idx="4115">
                  <c:v>68.597257000003026</c:v>
                </c:pt>
                <c:pt idx="4116">
                  <c:v>68.613923000003027</c:v>
                </c:pt>
                <c:pt idx="4117">
                  <c:v>68.630589000003027</c:v>
                </c:pt>
                <c:pt idx="4118">
                  <c:v>68.647255000003028</c:v>
                </c:pt>
                <c:pt idx="4119">
                  <c:v>68.663921000003029</c:v>
                </c:pt>
                <c:pt idx="4120">
                  <c:v>68.68058700000303</c:v>
                </c:pt>
                <c:pt idx="4121">
                  <c:v>68.69725300000303</c:v>
                </c:pt>
                <c:pt idx="4122">
                  <c:v>68.713919000003031</c:v>
                </c:pt>
                <c:pt idx="4123">
                  <c:v>68.730585000003032</c:v>
                </c:pt>
                <c:pt idx="4124">
                  <c:v>68.747251000003033</c:v>
                </c:pt>
                <c:pt idx="4125">
                  <c:v>68.763917000003033</c:v>
                </c:pt>
                <c:pt idx="4126">
                  <c:v>68.780583000003034</c:v>
                </c:pt>
                <c:pt idx="4127">
                  <c:v>68.797249000003035</c:v>
                </c:pt>
                <c:pt idx="4128">
                  <c:v>68.813915000003036</c:v>
                </c:pt>
                <c:pt idx="4129">
                  <c:v>68.830581000003036</c:v>
                </c:pt>
                <c:pt idx="4130">
                  <c:v>68.847247000003037</c:v>
                </c:pt>
                <c:pt idx="4131">
                  <c:v>68.863913000003038</c:v>
                </c:pt>
                <c:pt idx="4132">
                  <c:v>68.880579000003038</c:v>
                </c:pt>
                <c:pt idx="4133">
                  <c:v>68.897245000003039</c:v>
                </c:pt>
                <c:pt idx="4134">
                  <c:v>68.91391100000304</c:v>
                </c:pt>
                <c:pt idx="4135">
                  <c:v>68.930577000003041</c:v>
                </c:pt>
                <c:pt idx="4136">
                  <c:v>68.947243000003041</c:v>
                </c:pt>
                <c:pt idx="4137">
                  <c:v>68.963909000003042</c:v>
                </c:pt>
                <c:pt idx="4138">
                  <c:v>68.980575000003043</c:v>
                </c:pt>
                <c:pt idx="4139">
                  <c:v>68.997241000003044</c:v>
                </c:pt>
                <c:pt idx="4140">
                  <c:v>69.013907000003044</c:v>
                </c:pt>
                <c:pt idx="4141">
                  <c:v>69.030573000003045</c:v>
                </c:pt>
                <c:pt idx="4142">
                  <c:v>69.047239000003046</c:v>
                </c:pt>
                <c:pt idx="4143">
                  <c:v>69.063905000003047</c:v>
                </c:pt>
                <c:pt idx="4144">
                  <c:v>69.080571000003047</c:v>
                </c:pt>
                <c:pt idx="4145">
                  <c:v>69.097237000003048</c:v>
                </c:pt>
                <c:pt idx="4146">
                  <c:v>69.113903000003049</c:v>
                </c:pt>
                <c:pt idx="4147">
                  <c:v>69.130569000003049</c:v>
                </c:pt>
                <c:pt idx="4148">
                  <c:v>69.14723500000305</c:v>
                </c:pt>
                <c:pt idx="4149">
                  <c:v>69.163901000003051</c:v>
                </c:pt>
                <c:pt idx="4150">
                  <c:v>69.180567000003052</c:v>
                </c:pt>
                <c:pt idx="4151">
                  <c:v>69.197233000003052</c:v>
                </c:pt>
                <c:pt idx="4152">
                  <c:v>69.213899000003053</c:v>
                </c:pt>
                <c:pt idx="4153">
                  <c:v>69.230565000003054</c:v>
                </c:pt>
                <c:pt idx="4154">
                  <c:v>69.247231000003055</c:v>
                </c:pt>
                <c:pt idx="4155">
                  <c:v>69.263897000003055</c:v>
                </c:pt>
                <c:pt idx="4156">
                  <c:v>69.280563000003056</c:v>
                </c:pt>
                <c:pt idx="4157">
                  <c:v>69.297229000003057</c:v>
                </c:pt>
                <c:pt idx="4158">
                  <c:v>69.313895000003058</c:v>
                </c:pt>
                <c:pt idx="4159">
                  <c:v>69.330561000003058</c:v>
                </c:pt>
                <c:pt idx="4160">
                  <c:v>69.347227000003059</c:v>
                </c:pt>
                <c:pt idx="4161">
                  <c:v>69.36389300000306</c:v>
                </c:pt>
                <c:pt idx="4162">
                  <c:v>69.380559000003061</c:v>
                </c:pt>
                <c:pt idx="4163">
                  <c:v>69.397225000003061</c:v>
                </c:pt>
                <c:pt idx="4164">
                  <c:v>69.413891000003062</c:v>
                </c:pt>
                <c:pt idx="4165">
                  <c:v>69.430557000003063</c:v>
                </c:pt>
                <c:pt idx="4166">
                  <c:v>69.447223000003063</c:v>
                </c:pt>
                <c:pt idx="4167">
                  <c:v>69.463889000003064</c:v>
                </c:pt>
                <c:pt idx="4168">
                  <c:v>69.480555000003065</c:v>
                </c:pt>
                <c:pt idx="4169">
                  <c:v>69.497221000003066</c:v>
                </c:pt>
                <c:pt idx="4170">
                  <c:v>69.513887000003066</c:v>
                </c:pt>
                <c:pt idx="4171">
                  <c:v>69.530553000003067</c:v>
                </c:pt>
                <c:pt idx="4172">
                  <c:v>69.547219000003068</c:v>
                </c:pt>
                <c:pt idx="4173">
                  <c:v>69.563885000003069</c:v>
                </c:pt>
                <c:pt idx="4174">
                  <c:v>69.580551000003069</c:v>
                </c:pt>
                <c:pt idx="4175">
                  <c:v>69.59721700000307</c:v>
                </c:pt>
                <c:pt idx="4176">
                  <c:v>69.613883000003071</c:v>
                </c:pt>
                <c:pt idx="4177">
                  <c:v>69.630549000003072</c:v>
                </c:pt>
                <c:pt idx="4178">
                  <c:v>69.647215000003072</c:v>
                </c:pt>
                <c:pt idx="4179">
                  <c:v>69.663881000003073</c:v>
                </c:pt>
                <c:pt idx="4180">
                  <c:v>69.680547000003074</c:v>
                </c:pt>
                <c:pt idx="4181">
                  <c:v>69.697213000003075</c:v>
                </c:pt>
                <c:pt idx="4182">
                  <c:v>69.713879000003075</c:v>
                </c:pt>
                <c:pt idx="4183">
                  <c:v>69.730545000003076</c:v>
                </c:pt>
                <c:pt idx="4184">
                  <c:v>69.747211000003077</c:v>
                </c:pt>
                <c:pt idx="4185">
                  <c:v>69.763877000003077</c:v>
                </c:pt>
                <c:pt idx="4186">
                  <c:v>69.780543000003078</c:v>
                </c:pt>
                <c:pt idx="4187">
                  <c:v>69.797209000003079</c:v>
                </c:pt>
                <c:pt idx="4188">
                  <c:v>69.81387500000308</c:v>
                </c:pt>
                <c:pt idx="4189">
                  <c:v>69.83054100000308</c:v>
                </c:pt>
                <c:pt idx="4190">
                  <c:v>69.847207000003081</c:v>
                </c:pt>
                <c:pt idx="4191">
                  <c:v>69.863873000003082</c:v>
                </c:pt>
                <c:pt idx="4192">
                  <c:v>69.880539000003083</c:v>
                </c:pt>
                <c:pt idx="4193">
                  <c:v>69.897205000003083</c:v>
                </c:pt>
                <c:pt idx="4194">
                  <c:v>69.913871000003084</c:v>
                </c:pt>
                <c:pt idx="4195">
                  <c:v>69.930537000003085</c:v>
                </c:pt>
                <c:pt idx="4196">
                  <c:v>69.947203000003086</c:v>
                </c:pt>
                <c:pt idx="4197">
                  <c:v>69.963869000003086</c:v>
                </c:pt>
                <c:pt idx="4198">
                  <c:v>69.980535000003087</c:v>
                </c:pt>
                <c:pt idx="4199">
                  <c:v>69.997201000003088</c:v>
                </c:pt>
                <c:pt idx="4200">
                  <c:v>70.013867000003088</c:v>
                </c:pt>
                <c:pt idx="4201">
                  <c:v>70.030533000003089</c:v>
                </c:pt>
                <c:pt idx="4202">
                  <c:v>70.04719900000309</c:v>
                </c:pt>
                <c:pt idx="4203">
                  <c:v>70.063865000003091</c:v>
                </c:pt>
                <c:pt idx="4204">
                  <c:v>70.080531000003091</c:v>
                </c:pt>
                <c:pt idx="4205">
                  <c:v>70.097197000003092</c:v>
                </c:pt>
                <c:pt idx="4206">
                  <c:v>70.113863000003093</c:v>
                </c:pt>
                <c:pt idx="4207">
                  <c:v>70.130529000003094</c:v>
                </c:pt>
                <c:pt idx="4208">
                  <c:v>70.147195000003094</c:v>
                </c:pt>
                <c:pt idx="4209">
                  <c:v>70.163861000003095</c:v>
                </c:pt>
                <c:pt idx="4210">
                  <c:v>70.180527000003096</c:v>
                </c:pt>
                <c:pt idx="4211">
                  <c:v>70.197193000003097</c:v>
                </c:pt>
                <c:pt idx="4212">
                  <c:v>70.213859000003097</c:v>
                </c:pt>
                <c:pt idx="4213">
                  <c:v>70.230525000003098</c:v>
                </c:pt>
                <c:pt idx="4214">
                  <c:v>70.247191000003099</c:v>
                </c:pt>
                <c:pt idx="4215">
                  <c:v>70.2638570000031</c:v>
                </c:pt>
                <c:pt idx="4216">
                  <c:v>70.2805230000031</c:v>
                </c:pt>
                <c:pt idx="4217">
                  <c:v>70.297189000003101</c:v>
                </c:pt>
                <c:pt idx="4218">
                  <c:v>70.313855000003102</c:v>
                </c:pt>
                <c:pt idx="4219">
                  <c:v>70.330521000003102</c:v>
                </c:pt>
                <c:pt idx="4220">
                  <c:v>70.347187000003103</c:v>
                </c:pt>
                <c:pt idx="4221">
                  <c:v>70.363853000003104</c:v>
                </c:pt>
                <c:pt idx="4222">
                  <c:v>70.380519000003105</c:v>
                </c:pt>
                <c:pt idx="4223">
                  <c:v>70.397185000003105</c:v>
                </c:pt>
                <c:pt idx="4224">
                  <c:v>70.413851000003106</c:v>
                </c:pt>
                <c:pt idx="4225">
                  <c:v>70.430517000003107</c:v>
                </c:pt>
                <c:pt idx="4226">
                  <c:v>70.447183000003108</c:v>
                </c:pt>
                <c:pt idx="4227">
                  <c:v>70.463849000003108</c:v>
                </c:pt>
                <c:pt idx="4228">
                  <c:v>70.480515000003109</c:v>
                </c:pt>
                <c:pt idx="4229">
                  <c:v>70.49718100000311</c:v>
                </c:pt>
                <c:pt idx="4230">
                  <c:v>70.513847000003111</c:v>
                </c:pt>
                <c:pt idx="4231">
                  <c:v>70.530513000003111</c:v>
                </c:pt>
                <c:pt idx="4232">
                  <c:v>70.547179000003112</c:v>
                </c:pt>
                <c:pt idx="4233">
                  <c:v>70.563845000003113</c:v>
                </c:pt>
                <c:pt idx="4234">
                  <c:v>70.580511000003114</c:v>
                </c:pt>
                <c:pt idx="4235">
                  <c:v>70.597177000003114</c:v>
                </c:pt>
                <c:pt idx="4236">
                  <c:v>70.613843000003115</c:v>
                </c:pt>
                <c:pt idx="4237">
                  <c:v>70.630509000003116</c:v>
                </c:pt>
                <c:pt idx="4238">
                  <c:v>70.647175000003116</c:v>
                </c:pt>
                <c:pt idx="4239">
                  <c:v>70.663841000003117</c:v>
                </c:pt>
                <c:pt idx="4240">
                  <c:v>70.680507000003118</c:v>
                </c:pt>
                <c:pt idx="4241">
                  <c:v>70.697173000003119</c:v>
                </c:pt>
                <c:pt idx="4242">
                  <c:v>70.713839000003119</c:v>
                </c:pt>
                <c:pt idx="4243">
                  <c:v>70.73050500000312</c:v>
                </c:pt>
                <c:pt idx="4244">
                  <c:v>70.747171000003121</c:v>
                </c:pt>
                <c:pt idx="4245">
                  <c:v>70.763837000003122</c:v>
                </c:pt>
                <c:pt idx="4246">
                  <c:v>70.780503000003122</c:v>
                </c:pt>
                <c:pt idx="4247">
                  <c:v>70.797169000003123</c:v>
                </c:pt>
                <c:pt idx="4248">
                  <c:v>70.813835000003124</c:v>
                </c:pt>
                <c:pt idx="4249">
                  <c:v>70.830501000003125</c:v>
                </c:pt>
                <c:pt idx="4250">
                  <c:v>70.847167000003125</c:v>
                </c:pt>
                <c:pt idx="4251">
                  <c:v>70.863833000003126</c:v>
                </c:pt>
                <c:pt idx="4252">
                  <c:v>70.880499000003127</c:v>
                </c:pt>
                <c:pt idx="4253">
                  <c:v>70.897165000003127</c:v>
                </c:pt>
                <c:pt idx="4254">
                  <c:v>70.913831000003128</c:v>
                </c:pt>
                <c:pt idx="4255">
                  <c:v>70.930497000003129</c:v>
                </c:pt>
                <c:pt idx="4256">
                  <c:v>70.94716300000313</c:v>
                </c:pt>
                <c:pt idx="4257">
                  <c:v>70.96382900000313</c:v>
                </c:pt>
                <c:pt idx="4258">
                  <c:v>70.980495000003131</c:v>
                </c:pt>
                <c:pt idx="4259">
                  <c:v>70.997161000003132</c:v>
                </c:pt>
                <c:pt idx="4260">
                  <c:v>71.013827000003133</c:v>
                </c:pt>
                <c:pt idx="4261">
                  <c:v>71.030493000003133</c:v>
                </c:pt>
                <c:pt idx="4262">
                  <c:v>71.047159000003134</c:v>
                </c:pt>
                <c:pt idx="4263">
                  <c:v>71.063825000003135</c:v>
                </c:pt>
                <c:pt idx="4264">
                  <c:v>71.080491000003136</c:v>
                </c:pt>
                <c:pt idx="4265">
                  <c:v>71.097157000003136</c:v>
                </c:pt>
                <c:pt idx="4266">
                  <c:v>71.113823000003137</c:v>
                </c:pt>
                <c:pt idx="4267">
                  <c:v>71.130489000003138</c:v>
                </c:pt>
                <c:pt idx="4268">
                  <c:v>71.147155000003139</c:v>
                </c:pt>
                <c:pt idx="4269">
                  <c:v>71.163821000003139</c:v>
                </c:pt>
                <c:pt idx="4270">
                  <c:v>71.18048700000314</c:v>
                </c:pt>
                <c:pt idx="4271">
                  <c:v>71.197153000003141</c:v>
                </c:pt>
                <c:pt idx="4272">
                  <c:v>71.213819000003141</c:v>
                </c:pt>
                <c:pt idx="4273">
                  <c:v>71.230485000003142</c:v>
                </c:pt>
                <c:pt idx="4274">
                  <c:v>71.247151000003143</c:v>
                </c:pt>
                <c:pt idx="4275">
                  <c:v>71.263817000003144</c:v>
                </c:pt>
                <c:pt idx="4276">
                  <c:v>71.280483000003144</c:v>
                </c:pt>
                <c:pt idx="4277">
                  <c:v>71.297149000003145</c:v>
                </c:pt>
                <c:pt idx="4278">
                  <c:v>71.313815000003146</c:v>
                </c:pt>
                <c:pt idx="4279">
                  <c:v>71.330481000003147</c:v>
                </c:pt>
                <c:pt idx="4280">
                  <c:v>71.347147000003147</c:v>
                </c:pt>
                <c:pt idx="4281">
                  <c:v>71.363813000003148</c:v>
                </c:pt>
                <c:pt idx="4282">
                  <c:v>71.380479000003149</c:v>
                </c:pt>
                <c:pt idx="4283">
                  <c:v>71.39714500000315</c:v>
                </c:pt>
                <c:pt idx="4284">
                  <c:v>71.41381100000315</c:v>
                </c:pt>
                <c:pt idx="4285">
                  <c:v>71.430477000003151</c:v>
                </c:pt>
                <c:pt idx="4286">
                  <c:v>71.447143000003152</c:v>
                </c:pt>
                <c:pt idx="4287">
                  <c:v>71.463809000003153</c:v>
                </c:pt>
                <c:pt idx="4288">
                  <c:v>71.480475000003153</c:v>
                </c:pt>
                <c:pt idx="4289">
                  <c:v>71.497141000003154</c:v>
                </c:pt>
                <c:pt idx="4290">
                  <c:v>71.513807000003155</c:v>
                </c:pt>
                <c:pt idx="4291">
                  <c:v>71.530473000003155</c:v>
                </c:pt>
                <c:pt idx="4292">
                  <c:v>71.547139000003156</c:v>
                </c:pt>
                <c:pt idx="4293">
                  <c:v>71.563805000003157</c:v>
                </c:pt>
                <c:pt idx="4294">
                  <c:v>71.580471000003158</c:v>
                </c:pt>
                <c:pt idx="4295">
                  <c:v>71.597137000003158</c:v>
                </c:pt>
                <c:pt idx="4296">
                  <c:v>71.613803000003159</c:v>
                </c:pt>
                <c:pt idx="4297">
                  <c:v>71.63046900000316</c:v>
                </c:pt>
                <c:pt idx="4298">
                  <c:v>71.647135000003161</c:v>
                </c:pt>
                <c:pt idx="4299">
                  <c:v>71.663801000003161</c:v>
                </c:pt>
                <c:pt idx="4300">
                  <c:v>71.680467000003162</c:v>
                </c:pt>
                <c:pt idx="4301">
                  <c:v>71.697133000003163</c:v>
                </c:pt>
                <c:pt idx="4302">
                  <c:v>71.713799000003164</c:v>
                </c:pt>
                <c:pt idx="4303">
                  <c:v>71.730465000003164</c:v>
                </c:pt>
                <c:pt idx="4304">
                  <c:v>71.747131000003165</c:v>
                </c:pt>
                <c:pt idx="4305">
                  <c:v>71.763797000003166</c:v>
                </c:pt>
                <c:pt idx="4306">
                  <c:v>71.780463000003166</c:v>
                </c:pt>
                <c:pt idx="4307">
                  <c:v>71.797129000003167</c:v>
                </c:pt>
                <c:pt idx="4308">
                  <c:v>71.813795000003168</c:v>
                </c:pt>
                <c:pt idx="4309">
                  <c:v>71.830461000003169</c:v>
                </c:pt>
                <c:pt idx="4310">
                  <c:v>71.847127000003169</c:v>
                </c:pt>
                <c:pt idx="4311">
                  <c:v>71.86379300000317</c:v>
                </c:pt>
                <c:pt idx="4312">
                  <c:v>71.880459000003171</c:v>
                </c:pt>
                <c:pt idx="4313">
                  <c:v>71.897125000003172</c:v>
                </c:pt>
                <c:pt idx="4314">
                  <c:v>71.913791000003172</c:v>
                </c:pt>
                <c:pt idx="4315">
                  <c:v>71.930457000003173</c:v>
                </c:pt>
                <c:pt idx="4316">
                  <c:v>71.947123000003174</c:v>
                </c:pt>
                <c:pt idx="4317">
                  <c:v>71.963789000003175</c:v>
                </c:pt>
                <c:pt idx="4318">
                  <c:v>71.980455000003175</c:v>
                </c:pt>
                <c:pt idx="4319">
                  <c:v>71.997121000003176</c:v>
                </c:pt>
                <c:pt idx="4320">
                  <c:v>72.013787000003177</c:v>
                </c:pt>
                <c:pt idx="4321">
                  <c:v>72.030453000003178</c:v>
                </c:pt>
                <c:pt idx="4322">
                  <c:v>72.047119000003178</c:v>
                </c:pt>
                <c:pt idx="4323">
                  <c:v>72.063785000003179</c:v>
                </c:pt>
                <c:pt idx="4324">
                  <c:v>72.08045100000318</c:v>
                </c:pt>
                <c:pt idx="4325">
                  <c:v>72.09711700000318</c:v>
                </c:pt>
                <c:pt idx="4326">
                  <c:v>72.113783000003181</c:v>
                </c:pt>
                <c:pt idx="4327">
                  <c:v>72.130449000003182</c:v>
                </c:pt>
                <c:pt idx="4328">
                  <c:v>72.147115000003183</c:v>
                </c:pt>
                <c:pt idx="4329">
                  <c:v>72.163781000003183</c:v>
                </c:pt>
                <c:pt idx="4330">
                  <c:v>72.180447000003184</c:v>
                </c:pt>
                <c:pt idx="4331">
                  <c:v>72.197113000003185</c:v>
                </c:pt>
                <c:pt idx="4332">
                  <c:v>72.213779000003186</c:v>
                </c:pt>
                <c:pt idx="4333">
                  <c:v>72.230445000003186</c:v>
                </c:pt>
                <c:pt idx="4334">
                  <c:v>72.247111000003187</c:v>
                </c:pt>
                <c:pt idx="4335">
                  <c:v>72.263777000003188</c:v>
                </c:pt>
                <c:pt idx="4336">
                  <c:v>72.280443000003189</c:v>
                </c:pt>
                <c:pt idx="4337">
                  <c:v>72.297109000003189</c:v>
                </c:pt>
                <c:pt idx="4338">
                  <c:v>72.31377500000319</c:v>
                </c:pt>
                <c:pt idx="4339">
                  <c:v>72.330441000003191</c:v>
                </c:pt>
                <c:pt idx="4340">
                  <c:v>72.347107000003192</c:v>
                </c:pt>
                <c:pt idx="4341">
                  <c:v>72.363773000003192</c:v>
                </c:pt>
                <c:pt idx="4342">
                  <c:v>72.380439000003193</c:v>
                </c:pt>
                <c:pt idx="4343">
                  <c:v>72.397105000003194</c:v>
                </c:pt>
                <c:pt idx="4344">
                  <c:v>72.413771000003194</c:v>
                </c:pt>
                <c:pt idx="4345">
                  <c:v>72.430437000003195</c:v>
                </c:pt>
                <c:pt idx="4346">
                  <c:v>72.447103000003196</c:v>
                </c:pt>
                <c:pt idx="4347">
                  <c:v>72.463769000003197</c:v>
                </c:pt>
                <c:pt idx="4348">
                  <c:v>72.480435000003197</c:v>
                </c:pt>
                <c:pt idx="4349">
                  <c:v>72.497101000003198</c:v>
                </c:pt>
                <c:pt idx="4350">
                  <c:v>72.513767000003199</c:v>
                </c:pt>
                <c:pt idx="4351">
                  <c:v>72.5304330000032</c:v>
                </c:pt>
                <c:pt idx="4352">
                  <c:v>72.5470990000032</c:v>
                </c:pt>
                <c:pt idx="4353">
                  <c:v>72.563765000003201</c:v>
                </c:pt>
                <c:pt idx="4354">
                  <c:v>72.580431000003202</c:v>
                </c:pt>
                <c:pt idx="4355">
                  <c:v>72.597097000003203</c:v>
                </c:pt>
                <c:pt idx="4356">
                  <c:v>72.613763000003203</c:v>
                </c:pt>
                <c:pt idx="4357">
                  <c:v>72.630429000003204</c:v>
                </c:pt>
                <c:pt idx="4358">
                  <c:v>72.647095000003205</c:v>
                </c:pt>
                <c:pt idx="4359">
                  <c:v>72.663761000003205</c:v>
                </c:pt>
                <c:pt idx="4360">
                  <c:v>72.680427000003206</c:v>
                </c:pt>
                <c:pt idx="4361">
                  <c:v>72.697093000003207</c:v>
                </c:pt>
                <c:pt idx="4362">
                  <c:v>72.713759000003208</c:v>
                </c:pt>
                <c:pt idx="4363">
                  <c:v>72.730425000003208</c:v>
                </c:pt>
                <c:pt idx="4364">
                  <c:v>72.747091000003209</c:v>
                </c:pt>
                <c:pt idx="4365">
                  <c:v>72.76375700000321</c:v>
                </c:pt>
                <c:pt idx="4366">
                  <c:v>72.780423000003211</c:v>
                </c:pt>
                <c:pt idx="4367">
                  <c:v>72.797089000003211</c:v>
                </c:pt>
                <c:pt idx="4368">
                  <c:v>72.813755000003212</c:v>
                </c:pt>
                <c:pt idx="4369">
                  <c:v>72.830421000003213</c:v>
                </c:pt>
                <c:pt idx="4370">
                  <c:v>72.847087000003214</c:v>
                </c:pt>
                <c:pt idx="4371">
                  <c:v>72.863753000003214</c:v>
                </c:pt>
                <c:pt idx="4372">
                  <c:v>72.880419000003215</c:v>
                </c:pt>
                <c:pt idx="4373">
                  <c:v>72.897085000003216</c:v>
                </c:pt>
                <c:pt idx="4374">
                  <c:v>72.913751000003217</c:v>
                </c:pt>
                <c:pt idx="4375">
                  <c:v>72.930417000003217</c:v>
                </c:pt>
                <c:pt idx="4376">
                  <c:v>72.947083000003218</c:v>
                </c:pt>
                <c:pt idx="4377">
                  <c:v>72.963749000003219</c:v>
                </c:pt>
                <c:pt idx="4378">
                  <c:v>72.980415000003219</c:v>
                </c:pt>
                <c:pt idx="4379">
                  <c:v>72.99708100000322</c:v>
                </c:pt>
                <c:pt idx="4380">
                  <c:v>73.013747000003221</c:v>
                </c:pt>
                <c:pt idx="4381">
                  <c:v>73.030413000003222</c:v>
                </c:pt>
                <c:pt idx="4382">
                  <c:v>73.047079000003222</c:v>
                </c:pt>
                <c:pt idx="4383">
                  <c:v>73.063745000003223</c:v>
                </c:pt>
                <c:pt idx="4384">
                  <c:v>73.080411000003224</c:v>
                </c:pt>
                <c:pt idx="4385">
                  <c:v>73.097077000003225</c:v>
                </c:pt>
                <c:pt idx="4386">
                  <c:v>73.113743000003225</c:v>
                </c:pt>
                <c:pt idx="4387">
                  <c:v>73.130409000003226</c:v>
                </c:pt>
                <c:pt idx="4388">
                  <c:v>73.147075000003227</c:v>
                </c:pt>
                <c:pt idx="4389">
                  <c:v>73.163741000003228</c:v>
                </c:pt>
                <c:pt idx="4390">
                  <c:v>73.180407000003228</c:v>
                </c:pt>
                <c:pt idx="4391">
                  <c:v>73.197073000003229</c:v>
                </c:pt>
                <c:pt idx="4392">
                  <c:v>73.21373900000323</c:v>
                </c:pt>
                <c:pt idx="4393">
                  <c:v>73.23040500000323</c:v>
                </c:pt>
                <c:pt idx="4394">
                  <c:v>73.247071000003231</c:v>
                </c:pt>
                <c:pt idx="4395">
                  <c:v>73.263737000003232</c:v>
                </c:pt>
                <c:pt idx="4396">
                  <c:v>73.280403000003233</c:v>
                </c:pt>
                <c:pt idx="4397">
                  <c:v>73.297069000003233</c:v>
                </c:pt>
                <c:pt idx="4398">
                  <c:v>73.313735000003234</c:v>
                </c:pt>
                <c:pt idx="4399">
                  <c:v>73.330401000003235</c:v>
                </c:pt>
                <c:pt idx="4400">
                  <c:v>73.347067000003236</c:v>
                </c:pt>
                <c:pt idx="4401">
                  <c:v>73.363733000003236</c:v>
                </c:pt>
                <c:pt idx="4402">
                  <c:v>73.380399000003237</c:v>
                </c:pt>
                <c:pt idx="4403">
                  <c:v>73.397065000003238</c:v>
                </c:pt>
                <c:pt idx="4404">
                  <c:v>73.413731000003239</c:v>
                </c:pt>
                <c:pt idx="4405">
                  <c:v>73.430397000003239</c:v>
                </c:pt>
                <c:pt idx="4406">
                  <c:v>73.44706300000324</c:v>
                </c:pt>
                <c:pt idx="4407">
                  <c:v>73.463729000003241</c:v>
                </c:pt>
                <c:pt idx="4408">
                  <c:v>73.480395000003242</c:v>
                </c:pt>
                <c:pt idx="4409">
                  <c:v>73.497061000003242</c:v>
                </c:pt>
                <c:pt idx="4410">
                  <c:v>73.513727000003243</c:v>
                </c:pt>
                <c:pt idx="4411">
                  <c:v>73.530393000003244</c:v>
                </c:pt>
                <c:pt idx="4412">
                  <c:v>73.547059000003244</c:v>
                </c:pt>
                <c:pt idx="4413">
                  <c:v>73.563725000003245</c:v>
                </c:pt>
                <c:pt idx="4414">
                  <c:v>73.580391000003246</c:v>
                </c:pt>
                <c:pt idx="4415">
                  <c:v>73.597057000003247</c:v>
                </c:pt>
                <c:pt idx="4416">
                  <c:v>73.613723000003247</c:v>
                </c:pt>
                <c:pt idx="4417">
                  <c:v>73.630389000003248</c:v>
                </c:pt>
                <c:pt idx="4418">
                  <c:v>73.647055000003249</c:v>
                </c:pt>
                <c:pt idx="4419">
                  <c:v>73.66372100000325</c:v>
                </c:pt>
                <c:pt idx="4420">
                  <c:v>73.68038700000325</c:v>
                </c:pt>
                <c:pt idx="4421">
                  <c:v>73.697053000003251</c:v>
                </c:pt>
                <c:pt idx="4422">
                  <c:v>73.713719000003252</c:v>
                </c:pt>
                <c:pt idx="4423">
                  <c:v>73.730385000003253</c:v>
                </c:pt>
                <c:pt idx="4424">
                  <c:v>73.747051000003253</c:v>
                </c:pt>
                <c:pt idx="4425">
                  <c:v>73.763717000003254</c:v>
                </c:pt>
                <c:pt idx="4426">
                  <c:v>73.780383000003255</c:v>
                </c:pt>
                <c:pt idx="4427">
                  <c:v>73.797049000003256</c:v>
                </c:pt>
                <c:pt idx="4428">
                  <c:v>73.813715000003256</c:v>
                </c:pt>
                <c:pt idx="4429">
                  <c:v>73.830381000003257</c:v>
                </c:pt>
                <c:pt idx="4430">
                  <c:v>73.847047000003258</c:v>
                </c:pt>
                <c:pt idx="4431">
                  <c:v>73.863713000003258</c:v>
                </c:pt>
                <c:pt idx="4432">
                  <c:v>73.880379000003259</c:v>
                </c:pt>
                <c:pt idx="4433">
                  <c:v>73.89704500000326</c:v>
                </c:pt>
                <c:pt idx="4434">
                  <c:v>73.913711000003261</c:v>
                </c:pt>
                <c:pt idx="4435">
                  <c:v>73.930377000003261</c:v>
                </c:pt>
                <c:pt idx="4436">
                  <c:v>73.947043000003262</c:v>
                </c:pt>
                <c:pt idx="4437">
                  <c:v>73.963709000003263</c:v>
                </c:pt>
                <c:pt idx="4438">
                  <c:v>73.980375000003264</c:v>
                </c:pt>
                <c:pt idx="4439">
                  <c:v>73.997041000003264</c:v>
                </c:pt>
                <c:pt idx="4440">
                  <c:v>74.013707000003265</c:v>
                </c:pt>
                <c:pt idx="4441">
                  <c:v>74.030373000003266</c:v>
                </c:pt>
                <c:pt idx="4442">
                  <c:v>74.047039000003267</c:v>
                </c:pt>
                <c:pt idx="4443">
                  <c:v>74.063705000003267</c:v>
                </c:pt>
                <c:pt idx="4444">
                  <c:v>74.080371000003268</c:v>
                </c:pt>
                <c:pt idx="4445">
                  <c:v>74.097037000003269</c:v>
                </c:pt>
                <c:pt idx="4446">
                  <c:v>74.113703000003269</c:v>
                </c:pt>
                <c:pt idx="4447">
                  <c:v>74.13036900000327</c:v>
                </c:pt>
                <c:pt idx="4448">
                  <c:v>74.147035000003271</c:v>
                </c:pt>
                <c:pt idx="4449">
                  <c:v>74.163701000003272</c:v>
                </c:pt>
                <c:pt idx="4450">
                  <c:v>74.180367000003272</c:v>
                </c:pt>
                <c:pt idx="4451">
                  <c:v>74.197033000003273</c:v>
                </c:pt>
                <c:pt idx="4452">
                  <c:v>74.213699000003274</c:v>
                </c:pt>
                <c:pt idx="4453">
                  <c:v>74.230365000003275</c:v>
                </c:pt>
                <c:pt idx="4454">
                  <c:v>74.247031000003275</c:v>
                </c:pt>
                <c:pt idx="4455">
                  <c:v>74.263697000003276</c:v>
                </c:pt>
                <c:pt idx="4456">
                  <c:v>74.280363000003277</c:v>
                </c:pt>
                <c:pt idx="4457">
                  <c:v>74.297029000003278</c:v>
                </c:pt>
                <c:pt idx="4458">
                  <c:v>74.313695000003278</c:v>
                </c:pt>
                <c:pt idx="4459">
                  <c:v>74.330361000003279</c:v>
                </c:pt>
                <c:pt idx="4460">
                  <c:v>74.34702700000328</c:v>
                </c:pt>
                <c:pt idx="4461">
                  <c:v>74.363693000003281</c:v>
                </c:pt>
                <c:pt idx="4462">
                  <c:v>74.380359000003281</c:v>
                </c:pt>
                <c:pt idx="4463">
                  <c:v>74.397025000003282</c:v>
                </c:pt>
                <c:pt idx="4464">
                  <c:v>74.413691000003283</c:v>
                </c:pt>
                <c:pt idx="4465">
                  <c:v>74.430357000003283</c:v>
                </c:pt>
                <c:pt idx="4466">
                  <c:v>74.447023000003284</c:v>
                </c:pt>
                <c:pt idx="4467">
                  <c:v>74.463689000003285</c:v>
                </c:pt>
                <c:pt idx="4468">
                  <c:v>74.480355000003286</c:v>
                </c:pt>
                <c:pt idx="4469">
                  <c:v>74.497021000003286</c:v>
                </c:pt>
                <c:pt idx="4470">
                  <c:v>74.513687000003287</c:v>
                </c:pt>
                <c:pt idx="4471">
                  <c:v>74.530353000003288</c:v>
                </c:pt>
                <c:pt idx="4472">
                  <c:v>74.547019000003289</c:v>
                </c:pt>
                <c:pt idx="4473">
                  <c:v>74.563685000003289</c:v>
                </c:pt>
                <c:pt idx="4474">
                  <c:v>74.58035100000329</c:v>
                </c:pt>
                <c:pt idx="4475">
                  <c:v>74.597017000003291</c:v>
                </c:pt>
                <c:pt idx="4476">
                  <c:v>74.613683000003292</c:v>
                </c:pt>
                <c:pt idx="4477">
                  <c:v>74.630349000003292</c:v>
                </c:pt>
                <c:pt idx="4478">
                  <c:v>74.647015000003293</c:v>
                </c:pt>
                <c:pt idx="4479">
                  <c:v>74.663681000003294</c:v>
                </c:pt>
                <c:pt idx="4480">
                  <c:v>74.680347000003295</c:v>
                </c:pt>
                <c:pt idx="4481">
                  <c:v>74.697013000003295</c:v>
                </c:pt>
                <c:pt idx="4482">
                  <c:v>74.713679000003296</c:v>
                </c:pt>
                <c:pt idx="4483">
                  <c:v>74.730345000003297</c:v>
                </c:pt>
                <c:pt idx="4484">
                  <c:v>74.747011000003297</c:v>
                </c:pt>
                <c:pt idx="4485">
                  <c:v>74.763677000003298</c:v>
                </c:pt>
                <c:pt idx="4486">
                  <c:v>74.780343000003299</c:v>
                </c:pt>
                <c:pt idx="4487">
                  <c:v>74.7970090000033</c:v>
                </c:pt>
                <c:pt idx="4488">
                  <c:v>74.8136750000033</c:v>
                </c:pt>
                <c:pt idx="4489">
                  <c:v>74.830341000003301</c:v>
                </c:pt>
                <c:pt idx="4490">
                  <c:v>74.847007000003302</c:v>
                </c:pt>
                <c:pt idx="4491">
                  <c:v>74.863673000003303</c:v>
                </c:pt>
                <c:pt idx="4492">
                  <c:v>74.880339000003303</c:v>
                </c:pt>
                <c:pt idx="4493">
                  <c:v>74.897005000003304</c:v>
                </c:pt>
                <c:pt idx="4494">
                  <c:v>74.913671000003305</c:v>
                </c:pt>
                <c:pt idx="4495">
                  <c:v>74.930337000003306</c:v>
                </c:pt>
                <c:pt idx="4496">
                  <c:v>74.947003000003306</c:v>
                </c:pt>
                <c:pt idx="4497">
                  <c:v>74.963669000003307</c:v>
                </c:pt>
                <c:pt idx="4498">
                  <c:v>74.980335000003308</c:v>
                </c:pt>
                <c:pt idx="4499">
                  <c:v>74.997001000003308</c:v>
                </c:pt>
                <c:pt idx="4500">
                  <c:v>75.013667000003309</c:v>
                </c:pt>
                <c:pt idx="4501">
                  <c:v>75.03033300000331</c:v>
                </c:pt>
                <c:pt idx="4502">
                  <c:v>75.046999000003311</c:v>
                </c:pt>
                <c:pt idx="4503">
                  <c:v>75.063665000003311</c:v>
                </c:pt>
                <c:pt idx="4504">
                  <c:v>75.080331000003312</c:v>
                </c:pt>
                <c:pt idx="4505">
                  <c:v>75.096997000003313</c:v>
                </c:pt>
                <c:pt idx="4506">
                  <c:v>75.113663000003314</c:v>
                </c:pt>
                <c:pt idx="4507">
                  <c:v>75.130329000003314</c:v>
                </c:pt>
                <c:pt idx="4508">
                  <c:v>75.146995000003315</c:v>
                </c:pt>
                <c:pt idx="4509">
                  <c:v>75.163661000003316</c:v>
                </c:pt>
                <c:pt idx="4510">
                  <c:v>75.180327000003317</c:v>
                </c:pt>
                <c:pt idx="4511">
                  <c:v>75.196993000003317</c:v>
                </c:pt>
                <c:pt idx="4512">
                  <c:v>75.213659000003318</c:v>
                </c:pt>
                <c:pt idx="4513">
                  <c:v>75.230325000003319</c:v>
                </c:pt>
                <c:pt idx="4514">
                  <c:v>75.24699100000332</c:v>
                </c:pt>
                <c:pt idx="4515">
                  <c:v>75.26365700000332</c:v>
                </c:pt>
                <c:pt idx="4516">
                  <c:v>75.280323000003321</c:v>
                </c:pt>
                <c:pt idx="4517">
                  <c:v>75.296989000003322</c:v>
                </c:pt>
                <c:pt idx="4518">
                  <c:v>75.313655000003322</c:v>
                </c:pt>
                <c:pt idx="4519">
                  <c:v>75.330321000003323</c:v>
                </c:pt>
                <c:pt idx="4520">
                  <c:v>75.346987000003324</c:v>
                </c:pt>
                <c:pt idx="4521">
                  <c:v>75.363653000003325</c:v>
                </c:pt>
                <c:pt idx="4522">
                  <c:v>75.380319000003325</c:v>
                </c:pt>
                <c:pt idx="4523">
                  <c:v>75.396985000003326</c:v>
                </c:pt>
                <c:pt idx="4524">
                  <c:v>75.413651000003327</c:v>
                </c:pt>
                <c:pt idx="4525">
                  <c:v>75.430317000003328</c:v>
                </c:pt>
                <c:pt idx="4526">
                  <c:v>75.446983000003328</c:v>
                </c:pt>
                <c:pt idx="4527">
                  <c:v>75.463649000003329</c:v>
                </c:pt>
                <c:pt idx="4528">
                  <c:v>75.48031500000333</c:v>
                </c:pt>
                <c:pt idx="4529">
                  <c:v>75.496981000003331</c:v>
                </c:pt>
                <c:pt idx="4530">
                  <c:v>75.513647000003331</c:v>
                </c:pt>
                <c:pt idx="4531">
                  <c:v>75.530313000003332</c:v>
                </c:pt>
                <c:pt idx="4532">
                  <c:v>75.546979000003333</c:v>
                </c:pt>
                <c:pt idx="4533">
                  <c:v>75.563645000003334</c:v>
                </c:pt>
                <c:pt idx="4534">
                  <c:v>75.580311000003334</c:v>
                </c:pt>
                <c:pt idx="4535">
                  <c:v>75.596977000003335</c:v>
                </c:pt>
                <c:pt idx="4536">
                  <c:v>75.613643000003336</c:v>
                </c:pt>
                <c:pt idx="4537">
                  <c:v>75.630309000003336</c:v>
                </c:pt>
                <c:pt idx="4538">
                  <c:v>75.646975000003337</c:v>
                </c:pt>
                <c:pt idx="4539">
                  <c:v>75.663641000003338</c:v>
                </c:pt>
                <c:pt idx="4540">
                  <c:v>75.680307000003339</c:v>
                </c:pt>
                <c:pt idx="4541">
                  <c:v>75.696973000003339</c:v>
                </c:pt>
                <c:pt idx="4542">
                  <c:v>75.71363900000334</c:v>
                </c:pt>
                <c:pt idx="4543">
                  <c:v>75.730305000003341</c:v>
                </c:pt>
                <c:pt idx="4544">
                  <c:v>75.746971000003342</c:v>
                </c:pt>
                <c:pt idx="4545">
                  <c:v>75.763637000003342</c:v>
                </c:pt>
                <c:pt idx="4546">
                  <c:v>75.780303000003343</c:v>
                </c:pt>
                <c:pt idx="4547">
                  <c:v>75.796969000003344</c:v>
                </c:pt>
                <c:pt idx="4548">
                  <c:v>75.813635000003345</c:v>
                </c:pt>
                <c:pt idx="4549">
                  <c:v>75.830301000003345</c:v>
                </c:pt>
                <c:pt idx="4550">
                  <c:v>75.846967000003346</c:v>
                </c:pt>
                <c:pt idx="4551">
                  <c:v>75.863633000003347</c:v>
                </c:pt>
                <c:pt idx="4552">
                  <c:v>75.880299000003347</c:v>
                </c:pt>
                <c:pt idx="4553">
                  <c:v>75.896965000003348</c:v>
                </c:pt>
                <c:pt idx="4554">
                  <c:v>75.913631000003349</c:v>
                </c:pt>
                <c:pt idx="4555">
                  <c:v>75.93029700000335</c:v>
                </c:pt>
                <c:pt idx="4556">
                  <c:v>75.94696300000335</c:v>
                </c:pt>
                <c:pt idx="4557">
                  <c:v>75.963629000003351</c:v>
                </c:pt>
                <c:pt idx="4558">
                  <c:v>75.980295000003352</c:v>
                </c:pt>
                <c:pt idx="4559">
                  <c:v>75.996961000003353</c:v>
                </c:pt>
                <c:pt idx="4560">
                  <c:v>76.013627000003353</c:v>
                </c:pt>
                <c:pt idx="4561">
                  <c:v>76.030293000003354</c:v>
                </c:pt>
                <c:pt idx="4562">
                  <c:v>76.046959000003355</c:v>
                </c:pt>
                <c:pt idx="4563">
                  <c:v>76.063625000003356</c:v>
                </c:pt>
                <c:pt idx="4564">
                  <c:v>76.080291000003356</c:v>
                </c:pt>
                <c:pt idx="4565">
                  <c:v>76.096957000003357</c:v>
                </c:pt>
                <c:pt idx="4566">
                  <c:v>76.113623000003358</c:v>
                </c:pt>
                <c:pt idx="4567">
                  <c:v>76.130289000003359</c:v>
                </c:pt>
                <c:pt idx="4568">
                  <c:v>76.146955000003359</c:v>
                </c:pt>
                <c:pt idx="4569">
                  <c:v>76.16362100000336</c:v>
                </c:pt>
                <c:pt idx="4570">
                  <c:v>76.180287000003361</c:v>
                </c:pt>
                <c:pt idx="4571">
                  <c:v>76.196953000003361</c:v>
                </c:pt>
                <c:pt idx="4572">
                  <c:v>76.213619000003362</c:v>
                </c:pt>
                <c:pt idx="4573">
                  <c:v>76.230285000003363</c:v>
                </c:pt>
                <c:pt idx="4574">
                  <c:v>76.246951000003364</c:v>
                </c:pt>
                <c:pt idx="4575">
                  <c:v>76.263617000003364</c:v>
                </c:pt>
                <c:pt idx="4576">
                  <c:v>76.280283000003365</c:v>
                </c:pt>
                <c:pt idx="4577">
                  <c:v>76.296949000003366</c:v>
                </c:pt>
                <c:pt idx="4578">
                  <c:v>76.313615000003367</c:v>
                </c:pt>
                <c:pt idx="4579">
                  <c:v>76.330281000003367</c:v>
                </c:pt>
                <c:pt idx="4580">
                  <c:v>76.346947000003368</c:v>
                </c:pt>
                <c:pt idx="4581">
                  <c:v>76.363613000003369</c:v>
                </c:pt>
                <c:pt idx="4582">
                  <c:v>76.38027900000337</c:v>
                </c:pt>
                <c:pt idx="4583">
                  <c:v>76.39694500000337</c:v>
                </c:pt>
                <c:pt idx="4584">
                  <c:v>76.413611000003371</c:v>
                </c:pt>
                <c:pt idx="4585">
                  <c:v>76.430277000003372</c:v>
                </c:pt>
                <c:pt idx="4586">
                  <c:v>76.446943000003373</c:v>
                </c:pt>
                <c:pt idx="4587">
                  <c:v>76.463609000003373</c:v>
                </c:pt>
                <c:pt idx="4588">
                  <c:v>76.480275000003374</c:v>
                </c:pt>
                <c:pt idx="4589">
                  <c:v>76.496941000003375</c:v>
                </c:pt>
                <c:pt idx="4590">
                  <c:v>76.513607000003375</c:v>
                </c:pt>
                <c:pt idx="4591">
                  <c:v>76.530273000003376</c:v>
                </c:pt>
                <c:pt idx="4592">
                  <c:v>76.546939000003377</c:v>
                </c:pt>
                <c:pt idx="4593">
                  <c:v>76.563605000003378</c:v>
                </c:pt>
                <c:pt idx="4594">
                  <c:v>76.580271000003378</c:v>
                </c:pt>
                <c:pt idx="4595">
                  <c:v>76.596937000003379</c:v>
                </c:pt>
                <c:pt idx="4596">
                  <c:v>76.61360300000338</c:v>
                </c:pt>
                <c:pt idx="4597">
                  <c:v>76.630269000003381</c:v>
                </c:pt>
                <c:pt idx="4598">
                  <c:v>76.646935000003381</c:v>
                </c:pt>
                <c:pt idx="4599">
                  <c:v>76.663601000003382</c:v>
                </c:pt>
                <c:pt idx="4600">
                  <c:v>76.680267000003383</c:v>
                </c:pt>
                <c:pt idx="4601">
                  <c:v>76.696933000003384</c:v>
                </c:pt>
                <c:pt idx="4602">
                  <c:v>76.713599000003384</c:v>
                </c:pt>
                <c:pt idx="4603">
                  <c:v>76.730265000003385</c:v>
                </c:pt>
                <c:pt idx="4604">
                  <c:v>76.746931000003386</c:v>
                </c:pt>
                <c:pt idx="4605">
                  <c:v>76.763597000003386</c:v>
                </c:pt>
                <c:pt idx="4606">
                  <c:v>76.780263000003387</c:v>
                </c:pt>
                <c:pt idx="4607">
                  <c:v>76.796929000003388</c:v>
                </c:pt>
                <c:pt idx="4608">
                  <c:v>76.813595000003389</c:v>
                </c:pt>
                <c:pt idx="4609">
                  <c:v>76.830261000003389</c:v>
                </c:pt>
                <c:pt idx="4610">
                  <c:v>76.84692700000339</c:v>
                </c:pt>
                <c:pt idx="4611">
                  <c:v>76.863593000003391</c:v>
                </c:pt>
                <c:pt idx="4612">
                  <c:v>76.880259000003392</c:v>
                </c:pt>
                <c:pt idx="4613">
                  <c:v>76.896925000003392</c:v>
                </c:pt>
                <c:pt idx="4614">
                  <c:v>76.913591000003393</c:v>
                </c:pt>
                <c:pt idx="4615">
                  <c:v>76.930257000003394</c:v>
                </c:pt>
                <c:pt idx="4616">
                  <c:v>76.946923000003395</c:v>
                </c:pt>
                <c:pt idx="4617">
                  <c:v>76.963589000003395</c:v>
                </c:pt>
                <c:pt idx="4618">
                  <c:v>76.980255000003396</c:v>
                </c:pt>
                <c:pt idx="4619">
                  <c:v>76.996921000003397</c:v>
                </c:pt>
                <c:pt idx="4620">
                  <c:v>77.013587000003398</c:v>
                </c:pt>
                <c:pt idx="4621">
                  <c:v>77.030253000003398</c:v>
                </c:pt>
                <c:pt idx="4622">
                  <c:v>77.046919000003399</c:v>
                </c:pt>
                <c:pt idx="4623">
                  <c:v>77.0635850000034</c:v>
                </c:pt>
                <c:pt idx="4624">
                  <c:v>77.0802510000034</c:v>
                </c:pt>
                <c:pt idx="4625">
                  <c:v>77.096917000003401</c:v>
                </c:pt>
                <c:pt idx="4626">
                  <c:v>77.113583000003402</c:v>
                </c:pt>
                <c:pt idx="4627">
                  <c:v>77.130249000003403</c:v>
                </c:pt>
                <c:pt idx="4628">
                  <c:v>77.146915000003403</c:v>
                </c:pt>
                <c:pt idx="4629">
                  <c:v>77.163581000003404</c:v>
                </c:pt>
                <c:pt idx="4630">
                  <c:v>77.180247000003405</c:v>
                </c:pt>
                <c:pt idx="4631">
                  <c:v>77.196913000003406</c:v>
                </c:pt>
                <c:pt idx="4632">
                  <c:v>77.213579000003406</c:v>
                </c:pt>
                <c:pt idx="4633">
                  <c:v>77.230245000003407</c:v>
                </c:pt>
                <c:pt idx="4634">
                  <c:v>77.246911000003408</c:v>
                </c:pt>
                <c:pt idx="4635">
                  <c:v>77.263577000003409</c:v>
                </c:pt>
                <c:pt idx="4636">
                  <c:v>77.280243000003409</c:v>
                </c:pt>
                <c:pt idx="4637">
                  <c:v>77.29690900000341</c:v>
                </c:pt>
                <c:pt idx="4638">
                  <c:v>77.313575000003411</c:v>
                </c:pt>
                <c:pt idx="4639">
                  <c:v>77.330241000003412</c:v>
                </c:pt>
                <c:pt idx="4640">
                  <c:v>77.346907000003412</c:v>
                </c:pt>
                <c:pt idx="4641">
                  <c:v>77.363573000003413</c:v>
                </c:pt>
                <c:pt idx="4642">
                  <c:v>77.380239000003414</c:v>
                </c:pt>
                <c:pt idx="4643">
                  <c:v>77.396905000003414</c:v>
                </c:pt>
                <c:pt idx="4644">
                  <c:v>77.413571000003415</c:v>
                </c:pt>
                <c:pt idx="4645">
                  <c:v>77.430237000003416</c:v>
                </c:pt>
                <c:pt idx="4646">
                  <c:v>77.446903000003417</c:v>
                </c:pt>
                <c:pt idx="4647">
                  <c:v>77.463569000003417</c:v>
                </c:pt>
                <c:pt idx="4648">
                  <c:v>77.480235000003418</c:v>
                </c:pt>
                <c:pt idx="4649">
                  <c:v>77.496901000003419</c:v>
                </c:pt>
                <c:pt idx="4650">
                  <c:v>77.51356700000342</c:v>
                </c:pt>
                <c:pt idx="4651">
                  <c:v>77.53023300000342</c:v>
                </c:pt>
                <c:pt idx="4652">
                  <c:v>77.546899000003421</c:v>
                </c:pt>
                <c:pt idx="4653">
                  <c:v>77.563565000003422</c:v>
                </c:pt>
                <c:pt idx="4654">
                  <c:v>77.580231000003423</c:v>
                </c:pt>
                <c:pt idx="4655">
                  <c:v>77.596897000003423</c:v>
                </c:pt>
                <c:pt idx="4656">
                  <c:v>77.613563000003424</c:v>
                </c:pt>
                <c:pt idx="4657">
                  <c:v>77.630229000003425</c:v>
                </c:pt>
                <c:pt idx="4658">
                  <c:v>77.646895000003425</c:v>
                </c:pt>
                <c:pt idx="4659">
                  <c:v>77.663561000003426</c:v>
                </c:pt>
                <c:pt idx="4660">
                  <c:v>77.680227000003427</c:v>
                </c:pt>
                <c:pt idx="4661">
                  <c:v>77.696893000003428</c:v>
                </c:pt>
                <c:pt idx="4662">
                  <c:v>77.713559000003428</c:v>
                </c:pt>
                <c:pt idx="4663">
                  <c:v>77.730225000003429</c:v>
                </c:pt>
                <c:pt idx="4664">
                  <c:v>77.74689100000343</c:v>
                </c:pt>
                <c:pt idx="4665">
                  <c:v>77.763557000003431</c:v>
                </c:pt>
                <c:pt idx="4666">
                  <c:v>77.780223000003431</c:v>
                </c:pt>
                <c:pt idx="4667">
                  <c:v>77.796889000003432</c:v>
                </c:pt>
                <c:pt idx="4668">
                  <c:v>77.813555000003433</c:v>
                </c:pt>
                <c:pt idx="4669">
                  <c:v>77.830221000003434</c:v>
                </c:pt>
                <c:pt idx="4670">
                  <c:v>77.846887000003434</c:v>
                </c:pt>
                <c:pt idx="4671">
                  <c:v>77.863553000003435</c:v>
                </c:pt>
                <c:pt idx="4672">
                  <c:v>77.880219000003436</c:v>
                </c:pt>
                <c:pt idx="4673">
                  <c:v>77.896885000003437</c:v>
                </c:pt>
                <c:pt idx="4674">
                  <c:v>77.913551000003437</c:v>
                </c:pt>
                <c:pt idx="4675">
                  <c:v>77.930217000003438</c:v>
                </c:pt>
                <c:pt idx="4676">
                  <c:v>77.946883000003439</c:v>
                </c:pt>
                <c:pt idx="4677">
                  <c:v>77.963549000003439</c:v>
                </c:pt>
                <c:pt idx="4678">
                  <c:v>77.98021500000344</c:v>
                </c:pt>
                <c:pt idx="4679">
                  <c:v>77.996881000003441</c:v>
                </c:pt>
                <c:pt idx="4680">
                  <c:v>78.013547000003442</c:v>
                </c:pt>
                <c:pt idx="4681">
                  <c:v>78.030213000003442</c:v>
                </c:pt>
                <c:pt idx="4682">
                  <c:v>78.046879000003443</c:v>
                </c:pt>
                <c:pt idx="4683">
                  <c:v>78.063545000003444</c:v>
                </c:pt>
                <c:pt idx="4684">
                  <c:v>78.080211000003445</c:v>
                </c:pt>
                <c:pt idx="4685">
                  <c:v>78.096877000003445</c:v>
                </c:pt>
                <c:pt idx="4686">
                  <c:v>78.113543000003446</c:v>
                </c:pt>
                <c:pt idx="4687">
                  <c:v>78.130209000003447</c:v>
                </c:pt>
                <c:pt idx="4688">
                  <c:v>78.146875000003448</c:v>
                </c:pt>
                <c:pt idx="4689">
                  <c:v>78.163541000003448</c:v>
                </c:pt>
                <c:pt idx="4690">
                  <c:v>78.180207000003449</c:v>
                </c:pt>
                <c:pt idx="4691">
                  <c:v>78.19687300000345</c:v>
                </c:pt>
                <c:pt idx="4692">
                  <c:v>78.21353900000345</c:v>
                </c:pt>
                <c:pt idx="4693">
                  <c:v>78.230205000003451</c:v>
                </c:pt>
                <c:pt idx="4694">
                  <c:v>78.246871000003452</c:v>
                </c:pt>
                <c:pt idx="4695">
                  <c:v>78.263537000003453</c:v>
                </c:pt>
                <c:pt idx="4696">
                  <c:v>78.280203000003453</c:v>
                </c:pt>
                <c:pt idx="4697">
                  <c:v>78.296869000003454</c:v>
                </c:pt>
                <c:pt idx="4698">
                  <c:v>78.313535000003455</c:v>
                </c:pt>
                <c:pt idx="4699">
                  <c:v>78.330201000003456</c:v>
                </c:pt>
                <c:pt idx="4700">
                  <c:v>78.346867000003456</c:v>
                </c:pt>
                <c:pt idx="4701">
                  <c:v>78.363533000003457</c:v>
                </c:pt>
                <c:pt idx="4702">
                  <c:v>78.380199000003458</c:v>
                </c:pt>
                <c:pt idx="4703">
                  <c:v>78.396865000003459</c:v>
                </c:pt>
                <c:pt idx="4704">
                  <c:v>78.413531000003459</c:v>
                </c:pt>
                <c:pt idx="4705">
                  <c:v>78.43019700000346</c:v>
                </c:pt>
                <c:pt idx="4706">
                  <c:v>78.446863000003461</c:v>
                </c:pt>
                <c:pt idx="4707">
                  <c:v>78.463529000003462</c:v>
                </c:pt>
                <c:pt idx="4708">
                  <c:v>78.480195000003462</c:v>
                </c:pt>
                <c:pt idx="4709">
                  <c:v>78.496861000003463</c:v>
                </c:pt>
                <c:pt idx="4710">
                  <c:v>78.513527000003464</c:v>
                </c:pt>
                <c:pt idx="4711">
                  <c:v>78.530193000003464</c:v>
                </c:pt>
                <c:pt idx="4712">
                  <c:v>78.546859000003465</c:v>
                </c:pt>
                <c:pt idx="4713">
                  <c:v>78.563525000003466</c:v>
                </c:pt>
                <c:pt idx="4714">
                  <c:v>78.580191000003467</c:v>
                </c:pt>
                <c:pt idx="4715">
                  <c:v>78.596857000003467</c:v>
                </c:pt>
                <c:pt idx="4716">
                  <c:v>78.613523000003468</c:v>
                </c:pt>
                <c:pt idx="4717">
                  <c:v>78.630189000003469</c:v>
                </c:pt>
                <c:pt idx="4718">
                  <c:v>78.64685500000347</c:v>
                </c:pt>
                <c:pt idx="4719">
                  <c:v>78.66352100000347</c:v>
                </c:pt>
                <c:pt idx="4720">
                  <c:v>78.680187000003471</c:v>
                </c:pt>
                <c:pt idx="4721">
                  <c:v>78.696853000003472</c:v>
                </c:pt>
                <c:pt idx="4722">
                  <c:v>78.713519000003473</c:v>
                </c:pt>
                <c:pt idx="4723">
                  <c:v>78.730185000003473</c:v>
                </c:pt>
                <c:pt idx="4724">
                  <c:v>78.746851000003474</c:v>
                </c:pt>
                <c:pt idx="4725">
                  <c:v>78.763517000003475</c:v>
                </c:pt>
                <c:pt idx="4726">
                  <c:v>78.780183000003476</c:v>
                </c:pt>
                <c:pt idx="4727">
                  <c:v>78.796849000003476</c:v>
                </c:pt>
                <c:pt idx="4728">
                  <c:v>78.813515000003477</c:v>
                </c:pt>
                <c:pt idx="4729">
                  <c:v>78.830181000003478</c:v>
                </c:pt>
                <c:pt idx="4730">
                  <c:v>78.846847000003478</c:v>
                </c:pt>
                <c:pt idx="4731">
                  <c:v>78.863513000003479</c:v>
                </c:pt>
                <c:pt idx="4732">
                  <c:v>78.88017900000348</c:v>
                </c:pt>
                <c:pt idx="4733">
                  <c:v>78.896845000003481</c:v>
                </c:pt>
                <c:pt idx="4734">
                  <c:v>78.913511000003481</c:v>
                </c:pt>
                <c:pt idx="4735">
                  <c:v>78.930177000003482</c:v>
                </c:pt>
                <c:pt idx="4736">
                  <c:v>78.946843000003483</c:v>
                </c:pt>
                <c:pt idx="4737">
                  <c:v>78.963509000003484</c:v>
                </c:pt>
                <c:pt idx="4738">
                  <c:v>78.980175000003484</c:v>
                </c:pt>
                <c:pt idx="4739">
                  <c:v>78.996841000003485</c:v>
                </c:pt>
                <c:pt idx="4740">
                  <c:v>79.013507000003486</c:v>
                </c:pt>
                <c:pt idx="4741">
                  <c:v>79.030173000003487</c:v>
                </c:pt>
                <c:pt idx="4742">
                  <c:v>79.046839000003487</c:v>
                </c:pt>
                <c:pt idx="4743">
                  <c:v>79.063505000003488</c:v>
                </c:pt>
                <c:pt idx="4744">
                  <c:v>79.080171000003489</c:v>
                </c:pt>
                <c:pt idx="4745">
                  <c:v>79.096837000003489</c:v>
                </c:pt>
                <c:pt idx="4746">
                  <c:v>79.11350300000349</c:v>
                </c:pt>
                <c:pt idx="4747">
                  <c:v>79.130169000003491</c:v>
                </c:pt>
                <c:pt idx="4748">
                  <c:v>79.146835000003492</c:v>
                </c:pt>
                <c:pt idx="4749">
                  <c:v>79.163501000003492</c:v>
                </c:pt>
                <c:pt idx="4750">
                  <c:v>79.180167000003493</c:v>
                </c:pt>
                <c:pt idx="4751">
                  <c:v>79.196833000003494</c:v>
                </c:pt>
                <c:pt idx="4752">
                  <c:v>79.213499000003495</c:v>
                </c:pt>
                <c:pt idx="4753">
                  <c:v>79.230165000003495</c:v>
                </c:pt>
                <c:pt idx="4754">
                  <c:v>79.246831000003496</c:v>
                </c:pt>
                <c:pt idx="4755">
                  <c:v>79.263497000003497</c:v>
                </c:pt>
                <c:pt idx="4756">
                  <c:v>79.280163000003498</c:v>
                </c:pt>
                <c:pt idx="4757">
                  <c:v>79.296829000003498</c:v>
                </c:pt>
                <c:pt idx="4758">
                  <c:v>79.313495000003499</c:v>
                </c:pt>
                <c:pt idx="4759">
                  <c:v>79.3301610000035</c:v>
                </c:pt>
                <c:pt idx="4760">
                  <c:v>79.346827000003501</c:v>
                </c:pt>
                <c:pt idx="4761">
                  <c:v>79.363493000003501</c:v>
                </c:pt>
                <c:pt idx="4762">
                  <c:v>79.380159000003502</c:v>
                </c:pt>
                <c:pt idx="4763">
                  <c:v>79.396825000003503</c:v>
                </c:pt>
                <c:pt idx="4764">
                  <c:v>79.413491000003503</c:v>
                </c:pt>
                <c:pt idx="4765">
                  <c:v>79.430157000003504</c:v>
                </c:pt>
                <c:pt idx="4766">
                  <c:v>79.446823000003505</c:v>
                </c:pt>
                <c:pt idx="4767">
                  <c:v>79.463489000003506</c:v>
                </c:pt>
                <c:pt idx="4768">
                  <c:v>79.480155000003506</c:v>
                </c:pt>
                <c:pt idx="4769">
                  <c:v>79.496821000003507</c:v>
                </c:pt>
                <c:pt idx="4770">
                  <c:v>79.513487000003508</c:v>
                </c:pt>
                <c:pt idx="4771">
                  <c:v>79.530153000003509</c:v>
                </c:pt>
                <c:pt idx="4772">
                  <c:v>79.546819000003509</c:v>
                </c:pt>
                <c:pt idx="4773">
                  <c:v>79.56348500000351</c:v>
                </c:pt>
                <c:pt idx="4774">
                  <c:v>79.580151000003511</c:v>
                </c:pt>
                <c:pt idx="4775">
                  <c:v>79.596817000003512</c:v>
                </c:pt>
                <c:pt idx="4776">
                  <c:v>79.613483000003512</c:v>
                </c:pt>
                <c:pt idx="4777">
                  <c:v>79.630149000003513</c:v>
                </c:pt>
                <c:pt idx="4778">
                  <c:v>79.646815000003514</c:v>
                </c:pt>
                <c:pt idx="4779">
                  <c:v>79.663481000003515</c:v>
                </c:pt>
                <c:pt idx="4780">
                  <c:v>79.680147000003515</c:v>
                </c:pt>
                <c:pt idx="4781">
                  <c:v>79.696813000003516</c:v>
                </c:pt>
                <c:pt idx="4782">
                  <c:v>79.713479000003517</c:v>
                </c:pt>
                <c:pt idx="4783">
                  <c:v>79.730145000003517</c:v>
                </c:pt>
                <c:pt idx="4784">
                  <c:v>79.746811000003518</c:v>
                </c:pt>
                <c:pt idx="4785">
                  <c:v>79.763477000003519</c:v>
                </c:pt>
                <c:pt idx="4786">
                  <c:v>79.78014300000352</c:v>
                </c:pt>
                <c:pt idx="4787">
                  <c:v>79.79680900000352</c:v>
                </c:pt>
                <c:pt idx="4788">
                  <c:v>79.813475000003521</c:v>
                </c:pt>
                <c:pt idx="4789">
                  <c:v>79.830141000003522</c:v>
                </c:pt>
                <c:pt idx="4790">
                  <c:v>79.846807000003523</c:v>
                </c:pt>
                <c:pt idx="4791">
                  <c:v>79.863473000003523</c:v>
                </c:pt>
                <c:pt idx="4792">
                  <c:v>79.880139000003524</c:v>
                </c:pt>
                <c:pt idx="4793">
                  <c:v>79.896805000003525</c:v>
                </c:pt>
                <c:pt idx="4794">
                  <c:v>79.913471000003526</c:v>
                </c:pt>
                <c:pt idx="4795">
                  <c:v>79.930137000003526</c:v>
                </c:pt>
                <c:pt idx="4796">
                  <c:v>79.946803000003527</c:v>
                </c:pt>
                <c:pt idx="4797">
                  <c:v>79.963469000003528</c:v>
                </c:pt>
                <c:pt idx="4798">
                  <c:v>79.980135000003528</c:v>
                </c:pt>
                <c:pt idx="4799">
                  <c:v>79.996801000003529</c:v>
                </c:pt>
                <c:pt idx="4800">
                  <c:v>80.01346700000353</c:v>
                </c:pt>
                <c:pt idx="4801">
                  <c:v>80.030133000003531</c:v>
                </c:pt>
                <c:pt idx="4802">
                  <c:v>80.046799000003531</c:v>
                </c:pt>
                <c:pt idx="4803">
                  <c:v>80.063465000003532</c:v>
                </c:pt>
                <c:pt idx="4804">
                  <c:v>80.080131000003533</c:v>
                </c:pt>
                <c:pt idx="4805">
                  <c:v>80.096797000003534</c:v>
                </c:pt>
                <c:pt idx="4806">
                  <c:v>80.113463000003534</c:v>
                </c:pt>
                <c:pt idx="4807">
                  <c:v>80.130129000003535</c:v>
                </c:pt>
                <c:pt idx="4808">
                  <c:v>80.146795000003536</c:v>
                </c:pt>
                <c:pt idx="4809">
                  <c:v>80.163461000003537</c:v>
                </c:pt>
                <c:pt idx="4810">
                  <c:v>80.180127000003537</c:v>
                </c:pt>
                <c:pt idx="4811">
                  <c:v>80.196793000003538</c:v>
                </c:pt>
                <c:pt idx="4812">
                  <c:v>80.213459000003539</c:v>
                </c:pt>
                <c:pt idx="4813">
                  <c:v>80.23012500000354</c:v>
                </c:pt>
                <c:pt idx="4814">
                  <c:v>80.24679100000354</c:v>
                </c:pt>
                <c:pt idx="4815">
                  <c:v>80.263457000003541</c:v>
                </c:pt>
                <c:pt idx="4816">
                  <c:v>80.280123000003542</c:v>
                </c:pt>
                <c:pt idx="4817">
                  <c:v>80.296789000003542</c:v>
                </c:pt>
                <c:pt idx="4818">
                  <c:v>80.313455000003543</c:v>
                </c:pt>
                <c:pt idx="4819">
                  <c:v>80.330121000003544</c:v>
                </c:pt>
                <c:pt idx="4820">
                  <c:v>80.346787000003545</c:v>
                </c:pt>
                <c:pt idx="4821">
                  <c:v>80.363453000003545</c:v>
                </c:pt>
                <c:pt idx="4822">
                  <c:v>80.380119000003546</c:v>
                </c:pt>
                <c:pt idx="4823">
                  <c:v>80.396785000003547</c:v>
                </c:pt>
                <c:pt idx="4824">
                  <c:v>80.413451000003548</c:v>
                </c:pt>
                <c:pt idx="4825">
                  <c:v>80.430117000003548</c:v>
                </c:pt>
                <c:pt idx="4826">
                  <c:v>80.446783000003549</c:v>
                </c:pt>
                <c:pt idx="4827">
                  <c:v>80.46344900000355</c:v>
                </c:pt>
                <c:pt idx="4828">
                  <c:v>80.480115000003551</c:v>
                </c:pt>
                <c:pt idx="4829">
                  <c:v>80.496781000003551</c:v>
                </c:pt>
                <c:pt idx="4830">
                  <c:v>80.513447000003552</c:v>
                </c:pt>
                <c:pt idx="4831">
                  <c:v>80.530113000003553</c:v>
                </c:pt>
                <c:pt idx="4832">
                  <c:v>80.546779000003554</c:v>
                </c:pt>
                <c:pt idx="4833">
                  <c:v>80.563445000003554</c:v>
                </c:pt>
                <c:pt idx="4834">
                  <c:v>80.580111000003555</c:v>
                </c:pt>
                <c:pt idx="4835">
                  <c:v>80.596777000003556</c:v>
                </c:pt>
                <c:pt idx="4836">
                  <c:v>80.613443000003556</c:v>
                </c:pt>
                <c:pt idx="4837">
                  <c:v>80.630109000003557</c:v>
                </c:pt>
                <c:pt idx="4838">
                  <c:v>80.646775000003558</c:v>
                </c:pt>
                <c:pt idx="4839">
                  <c:v>80.663441000003559</c:v>
                </c:pt>
                <c:pt idx="4840">
                  <c:v>80.680107000003559</c:v>
                </c:pt>
                <c:pt idx="4841">
                  <c:v>80.69677300000356</c:v>
                </c:pt>
                <c:pt idx="4842">
                  <c:v>80.713439000003561</c:v>
                </c:pt>
                <c:pt idx="4843">
                  <c:v>80.730105000003562</c:v>
                </c:pt>
                <c:pt idx="4844">
                  <c:v>80.746771000003562</c:v>
                </c:pt>
                <c:pt idx="4845">
                  <c:v>80.763437000003563</c:v>
                </c:pt>
                <c:pt idx="4846">
                  <c:v>80.780103000003564</c:v>
                </c:pt>
                <c:pt idx="4847">
                  <c:v>80.796769000003565</c:v>
                </c:pt>
                <c:pt idx="4848">
                  <c:v>80.813435000003565</c:v>
                </c:pt>
                <c:pt idx="4849">
                  <c:v>80.830101000003566</c:v>
                </c:pt>
                <c:pt idx="4850">
                  <c:v>80.846767000003567</c:v>
                </c:pt>
                <c:pt idx="4851">
                  <c:v>80.863433000003567</c:v>
                </c:pt>
                <c:pt idx="4852">
                  <c:v>80.880099000003568</c:v>
                </c:pt>
                <c:pt idx="4853">
                  <c:v>80.896765000003569</c:v>
                </c:pt>
                <c:pt idx="4854">
                  <c:v>80.91343100000357</c:v>
                </c:pt>
                <c:pt idx="4855">
                  <c:v>80.93009700000357</c:v>
                </c:pt>
                <c:pt idx="4856">
                  <c:v>80.946763000003571</c:v>
                </c:pt>
                <c:pt idx="4857">
                  <c:v>80.963429000003572</c:v>
                </c:pt>
                <c:pt idx="4858">
                  <c:v>80.980095000003573</c:v>
                </c:pt>
                <c:pt idx="4859">
                  <c:v>80.996761000003573</c:v>
                </c:pt>
                <c:pt idx="4860">
                  <c:v>81.013427000003574</c:v>
                </c:pt>
                <c:pt idx="4861">
                  <c:v>81.030093000003575</c:v>
                </c:pt>
                <c:pt idx="4862">
                  <c:v>81.046759000003576</c:v>
                </c:pt>
                <c:pt idx="4863">
                  <c:v>81.063425000003576</c:v>
                </c:pt>
                <c:pt idx="4864">
                  <c:v>81.080091000003577</c:v>
                </c:pt>
                <c:pt idx="4865">
                  <c:v>81.096757000003578</c:v>
                </c:pt>
                <c:pt idx="4866">
                  <c:v>81.113423000003579</c:v>
                </c:pt>
                <c:pt idx="4867">
                  <c:v>81.130089000003579</c:v>
                </c:pt>
                <c:pt idx="4868">
                  <c:v>81.14675500000358</c:v>
                </c:pt>
                <c:pt idx="4869">
                  <c:v>81.163421000003581</c:v>
                </c:pt>
                <c:pt idx="4870">
                  <c:v>81.180087000003581</c:v>
                </c:pt>
                <c:pt idx="4871">
                  <c:v>81.196753000003582</c:v>
                </c:pt>
                <c:pt idx="4872">
                  <c:v>81.213419000003583</c:v>
                </c:pt>
                <c:pt idx="4873">
                  <c:v>81.230085000003584</c:v>
                </c:pt>
                <c:pt idx="4874">
                  <c:v>81.246751000003584</c:v>
                </c:pt>
                <c:pt idx="4875">
                  <c:v>81.263417000003585</c:v>
                </c:pt>
                <c:pt idx="4876">
                  <c:v>81.280083000003586</c:v>
                </c:pt>
                <c:pt idx="4877">
                  <c:v>81.296749000003587</c:v>
                </c:pt>
                <c:pt idx="4878">
                  <c:v>81.313415000003587</c:v>
                </c:pt>
                <c:pt idx="4879">
                  <c:v>81.330081000003588</c:v>
                </c:pt>
                <c:pt idx="4880">
                  <c:v>81.346747000003589</c:v>
                </c:pt>
                <c:pt idx="4881">
                  <c:v>81.36341300000359</c:v>
                </c:pt>
                <c:pt idx="4882">
                  <c:v>81.38007900000359</c:v>
                </c:pt>
                <c:pt idx="4883">
                  <c:v>81.396745000003591</c:v>
                </c:pt>
                <c:pt idx="4884">
                  <c:v>81.413411000003592</c:v>
                </c:pt>
                <c:pt idx="4885">
                  <c:v>81.430077000003593</c:v>
                </c:pt>
                <c:pt idx="4886">
                  <c:v>81.446743000003593</c:v>
                </c:pt>
                <c:pt idx="4887">
                  <c:v>81.463409000003594</c:v>
                </c:pt>
                <c:pt idx="4888">
                  <c:v>81.480075000003595</c:v>
                </c:pt>
                <c:pt idx="4889">
                  <c:v>81.496741000003595</c:v>
                </c:pt>
                <c:pt idx="4890">
                  <c:v>81.513407000003596</c:v>
                </c:pt>
                <c:pt idx="4891">
                  <c:v>81.530073000003597</c:v>
                </c:pt>
                <c:pt idx="4892">
                  <c:v>81.546739000003598</c:v>
                </c:pt>
                <c:pt idx="4893">
                  <c:v>81.563405000003598</c:v>
                </c:pt>
                <c:pt idx="4894">
                  <c:v>81.580071000003599</c:v>
                </c:pt>
                <c:pt idx="4895">
                  <c:v>81.5967370000036</c:v>
                </c:pt>
                <c:pt idx="4896">
                  <c:v>81.613403000003601</c:v>
                </c:pt>
                <c:pt idx="4897">
                  <c:v>81.630069000003601</c:v>
                </c:pt>
                <c:pt idx="4898">
                  <c:v>81.646735000003602</c:v>
                </c:pt>
                <c:pt idx="4899">
                  <c:v>81.663401000003603</c:v>
                </c:pt>
                <c:pt idx="4900">
                  <c:v>81.680067000003604</c:v>
                </c:pt>
                <c:pt idx="4901">
                  <c:v>81.696733000003604</c:v>
                </c:pt>
                <c:pt idx="4902">
                  <c:v>81.713399000003605</c:v>
                </c:pt>
                <c:pt idx="4903">
                  <c:v>81.730065000003606</c:v>
                </c:pt>
                <c:pt idx="4904">
                  <c:v>81.746731000003606</c:v>
                </c:pt>
                <c:pt idx="4905">
                  <c:v>81.763397000003607</c:v>
                </c:pt>
                <c:pt idx="4906">
                  <c:v>81.780063000003608</c:v>
                </c:pt>
                <c:pt idx="4907">
                  <c:v>81.796729000003609</c:v>
                </c:pt>
                <c:pt idx="4908">
                  <c:v>81.813395000003609</c:v>
                </c:pt>
                <c:pt idx="4909">
                  <c:v>81.83006100000361</c:v>
                </c:pt>
                <c:pt idx="4910">
                  <c:v>81.846727000003611</c:v>
                </c:pt>
                <c:pt idx="4911">
                  <c:v>81.863393000003612</c:v>
                </c:pt>
                <c:pt idx="4912">
                  <c:v>81.880059000003612</c:v>
                </c:pt>
                <c:pt idx="4913">
                  <c:v>81.896725000003613</c:v>
                </c:pt>
                <c:pt idx="4914">
                  <c:v>81.913391000003614</c:v>
                </c:pt>
                <c:pt idx="4915">
                  <c:v>81.930057000003615</c:v>
                </c:pt>
                <c:pt idx="4916">
                  <c:v>81.946723000003615</c:v>
                </c:pt>
                <c:pt idx="4917">
                  <c:v>81.963389000003616</c:v>
                </c:pt>
                <c:pt idx="4918">
                  <c:v>81.980055000003617</c:v>
                </c:pt>
                <c:pt idx="4919">
                  <c:v>81.996721000003618</c:v>
                </c:pt>
                <c:pt idx="4920">
                  <c:v>82.013387000003618</c:v>
                </c:pt>
                <c:pt idx="4921">
                  <c:v>82.030053000003619</c:v>
                </c:pt>
                <c:pt idx="4922">
                  <c:v>82.04671900000362</c:v>
                </c:pt>
                <c:pt idx="4923">
                  <c:v>82.06338500000362</c:v>
                </c:pt>
                <c:pt idx="4924">
                  <c:v>82.080051000003621</c:v>
                </c:pt>
                <c:pt idx="4925">
                  <c:v>82.096717000003622</c:v>
                </c:pt>
                <c:pt idx="4926">
                  <c:v>82.113383000003623</c:v>
                </c:pt>
                <c:pt idx="4927">
                  <c:v>82.130049000003623</c:v>
                </c:pt>
                <c:pt idx="4928">
                  <c:v>82.146715000003624</c:v>
                </c:pt>
                <c:pt idx="4929">
                  <c:v>82.163381000003625</c:v>
                </c:pt>
                <c:pt idx="4930">
                  <c:v>82.180047000003626</c:v>
                </c:pt>
                <c:pt idx="4931">
                  <c:v>82.196713000003626</c:v>
                </c:pt>
                <c:pt idx="4932">
                  <c:v>82.213379000003627</c:v>
                </c:pt>
                <c:pt idx="4933">
                  <c:v>82.230045000003628</c:v>
                </c:pt>
                <c:pt idx="4934">
                  <c:v>82.246711000003629</c:v>
                </c:pt>
                <c:pt idx="4935">
                  <c:v>82.263377000003629</c:v>
                </c:pt>
                <c:pt idx="4936">
                  <c:v>82.28004300000363</c:v>
                </c:pt>
                <c:pt idx="4937">
                  <c:v>82.296709000003631</c:v>
                </c:pt>
                <c:pt idx="4938">
                  <c:v>82.313375000003631</c:v>
                </c:pt>
                <c:pt idx="4939">
                  <c:v>82.330041000003632</c:v>
                </c:pt>
                <c:pt idx="4940">
                  <c:v>82.346707000003633</c:v>
                </c:pt>
                <c:pt idx="4941">
                  <c:v>82.363373000003634</c:v>
                </c:pt>
                <c:pt idx="4942">
                  <c:v>82.380039000003634</c:v>
                </c:pt>
                <c:pt idx="4943">
                  <c:v>82.396705000003635</c:v>
                </c:pt>
                <c:pt idx="4944">
                  <c:v>82.413371000003636</c:v>
                </c:pt>
                <c:pt idx="4945">
                  <c:v>82.430037000003637</c:v>
                </c:pt>
                <c:pt idx="4946">
                  <c:v>82.446703000003637</c:v>
                </c:pt>
                <c:pt idx="4947">
                  <c:v>82.463369000003638</c:v>
                </c:pt>
                <c:pt idx="4948">
                  <c:v>82.480035000003639</c:v>
                </c:pt>
                <c:pt idx="4949">
                  <c:v>82.49670100000364</c:v>
                </c:pt>
                <c:pt idx="4950">
                  <c:v>82.51336700000364</c:v>
                </c:pt>
                <c:pt idx="4951">
                  <c:v>82.530033000003641</c:v>
                </c:pt>
                <c:pt idx="4952">
                  <c:v>82.546699000003642</c:v>
                </c:pt>
                <c:pt idx="4953">
                  <c:v>82.563365000003643</c:v>
                </c:pt>
                <c:pt idx="4954">
                  <c:v>82.580031000003643</c:v>
                </c:pt>
                <c:pt idx="4955">
                  <c:v>82.596697000003644</c:v>
                </c:pt>
                <c:pt idx="4956">
                  <c:v>82.613363000003645</c:v>
                </c:pt>
                <c:pt idx="4957">
                  <c:v>82.630029000003645</c:v>
                </c:pt>
                <c:pt idx="4958">
                  <c:v>82.646695000003646</c:v>
                </c:pt>
                <c:pt idx="4959">
                  <c:v>82.663361000003647</c:v>
                </c:pt>
                <c:pt idx="4960">
                  <c:v>82.680027000003648</c:v>
                </c:pt>
                <c:pt idx="4961">
                  <c:v>82.696693000003648</c:v>
                </c:pt>
                <c:pt idx="4962">
                  <c:v>82.713359000003649</c:v>
                </c:pt>
                <c:pt idx="4963">
                  <c:v>82.73002500000365</c:v>
                </c:pt>
                <c:pt idx="4964">
                  <c:v>82.746691000003651</c:v>
                </c:pt>
                <c:pt idx="4965">
                  <c:v>82.763357000003651</c:v>
                </c:pt>
                <c:pt idx="4966">
                  <c:v>82.780023000003652</c:v>
                </c:pt>
                <c:pt idx="4967">
                  <c:v>82.796689000003653</c:v>
                </c:pt>
                <c:pt idx="4968">
                  <c:v>82.813355000003654</c:v>
                </c:pt>
                <c:pt idx="4969">
                  <c:v>82.830021000003654</c:v>
                </c:pt>
                <c:pt idx="4970">
                  <c:v>82.846687000003655</c:v>
                </c:pt>
                <c:pt idx="4971">
                  <c:v>82.863353000003656</c:v>
                </c:pt>
                <c:pt idx="4972">
                  <c:v>82.880019000003657</c:v>
                </c:pt>
                <c:pt idx="4973">
                  <c:v>82.896685000003657</c:v>
                </c:pt>
                <c:pt idx="4974">
                  <c:v>82.913351000003658</c:v>
                </c:pt>
                <c:pt idx="4975">
                  <c:v>82.930017000003659</c:v>
                </c:pt>
                <c:pt idx="4976">
                  <c:v>82.946683000003659</c:v>
                </c:pt>
                <c:pt idx="4977">
                  <c:v>82.96334900000366</c:v>
                </c:pt>
                <c:pt idx="4978">
                  <c:v>82.980015000003661</c:v>
                </c:pt>
                <c:pt idx="4979">
                  <c:v>82.996681000003662</c:v>
                </c:pt>
                <c:pt idx="4980">
                  <c:v>83.013347000003662</c:v>
                </c:pt>
                <c:pt idx="4981">
                  <c:v>83.030013000003663</c:v>
                </c:pt>
                <c:pt idx="4982">
                  <c:v>83.046679000003664</c:v>
                </c:pt>
                <c:pt idx="4983">
                  <c:v>83.063345000003665</c:v>
                </c:pt>
                <c:pt idx="4984">
                  <c:v>83.080011000003665</c:v>
                </c:pt>
                <c:pt idx="4985">
                  <c:v>83.096677000003666</c:v>
                </c:pt>
                <c:pt idx="4986">
                  <c:v>83.113343000003667</c:v>
                </c:pt>
                <c:pt idx="4987">
                  <c:v>83.130009000003668</c:v>
                </c:pt>
                <c:pt idx="4988">
                  <c:v>83.146675000003668</c:v>
                </c:pt>
                <c:pt idx="4989">
                  <c:v>83.163341000003669</c:v>
                </c:pt>
                <c:pt idx="4990">
                  <c:v>83.18000700000367</c:v>
                </c:pt>
                <c:pt idx="4991">
                  <c:v>83.19667300000367</c:v>
                </c:pt>
                <c:pt idx="4992">
                  <c:v>83.213339000003671</c:v>
                </c:pt>
                <c:pt idx="4993">
                  <c:v>83.230005000003672</c:v>
                </c:pt>
                <c:pt idx="4994">
                  <c:v>83.246671000003673</c:v>
                </c:pt>
                <c:pt idx="4995">
                  <c:v>83.263337000003673</c:v>
                </c:pt>
                <c:pt idx="4996">
                  <c:v>83.280003000003674</c:v>
                </c:pt>
                <c:pt idx="4997">
                  <c:v>83.296669000003675</c:v>
                </c:pt>
                <c:pt idx="4998">
                  <c:v>83.313335000003676</c:v>
                </c:pt>
                <c:pt idx="4999">
                  <c:v>83.330001000003676</c:v>
                </c:pt>
                <c:pt idx="5000">
                  <c:v>83.346667000003677</c:v>
                </c:pt>
                <c:pt idx="5001">
                  <c:v>83.363333000003678</c:v>
                </c:pt>
                <c:pt idx="5002">
                  <c:v>83.379999000003679</c:v>
                </c:pt>
                <c:pt idx="5003">
                  <c:v>83.396665000003679</c:v>
                </c:pt>
                <c:pt idx="5004">
                  <c:v>83.41333100000368</c:v>
                </c:pt>
                <c:pt idx="5005">
                  <c:v>83.429997000003681</c:v>
                </c:pt>
                <c:pt idx="5006">
                  <c:v>83.446663000003682</c:v>
                </c:pt>
                <c:pt idx="5007">
                  <c:v>83.463329000003682</c:v>
                </c:pt>
                <c:pt idx="5008">
                  <c:v>83.479995000003683</c:v>
                </c:pt>
                <c:pt idx="5009">
                  <c:v>83.496661000003684</c:v>
                </c:pt>
                <c:pt idx="5010">
                  <c:v>83.513327000003684</c:v>
                </c:pt>
                <c:pt idx="5011">
                  <c:v>83.529993000003685</c:v>
                </c:pt>
                <c:pt idx="5012">
                  <c:v>83.546659000003686</c:v>
                </c:pt>
                <c:pt idx="5013">
                  <c:v>83.563325000003687</c:v>
                </c:pt>
                <c:pt idx="5014">
                  <c:v>83.579991000003687</c:v>
                </c:pt>
                <c:pt idx="5015">
                  <c:v>83.596657000003688</c:v>
                </c:pt>
                <c:pt idx="5016">
                  <c:v>83.613323000003689</c:v>
                </c:pt>
                <c:pt idx="5017">
                  <c:v>83.62998900000369</c:v>
                </c:pt>
                <c:pt idx="5018">
                  <c:v>83.64665500000369</c:v>
                </c:pt>
                <c:pt idx="5019">
                  <c:v>83.663321000003691</c:v>
                </c:pt>
                <c:pt idx="5020">
                  <c:v>83.679987000003692</c:v>
                </c:pt>
                <c:pt idx="5021">
                  <c:v>83.696653000003693</c:v>
                </c:pt>
                <c:pt idx="5022">
                  <c:v>83.713319000003693</c:v>
                </c:pt>
                <c:pt idx="5023">
                  <c:v>83.729985000003694</c:v>
                </c:pt>
                <c:pt idx="5024">
                  <c:v>83.746651000003695</c:v>
                </c:pt>
                <c:pt idx="5025">
                  <c:v>83.763317000003696</c:v>
                </c:pt>
                <c:pt idx="5026">
                  <c:v>83.779983000003696</c:v>
                </c:pt>
                <c:pt idx="5027">
                  <c:v>83.796649000003697</c:v>
                </c:pt>
                <c:pt idx="5028">
                  <c:v>83.813315000003698</c:v>
                </c:pt>
                <c:pt idx="5029">
                  <c:v>83.829981000003698</c:v>
                </c:pt>
                <c:pt idx="5030">
                  <c:v>83.846647000003699</c:v>
                </c:pt>
                <c:pt idx="5031">
                  <c:v>83.8633130000037</c:v>
                </c:pt>
                <c:pt idx="5032">
                  <c:v>83.879979000003701</c:v>
                </c:pt>
                <c:pt idx="5033">
                  <c:v>83.896645000003701</c:v>
                </c:pt>
                <c:pt idx="5034">
                  <c:v>83.913311000003702</c:v>
                </c:pt>
                <c:pt idx="5035">
                  <c:v>83.929977000003703</c:v>
                </c:pt>
                <c:pt idx="5036">
                  <c:v>83.946643000003704</c:v>
                </c:pt>
                <c:pt idx="5037">
                  <c:v>83.963309000003704</c:v>
                </c:pt>
                <c:pt idx="5038">
                  <c:v>83.979975000003705</c:v>
                </c:pt>
                <c:pt idx="5039">
                  <c:v>83.996641000003706</c:v>
                </c:pt>
                <c:pt idx="5040">
                  <c:v>84.013307000003707</c:v>
                </c:pt>
                <c:pt idx="5041">
                  <c:v>84.029973000003707</c:v>
                </c:pt>
                <c:pt idx="5042">
                  <c:v>84.046639000003708</c:v>
                </c:pt>
                <c:pt idx="5043">
                  <c:v>84.063305000003709</c:v>
                </c:pt>
                <c:pt idx="5044">
                  <c:v>84.079971000003709</c:v>
                </c:pt>
                <c:pt idx="5045">
                  <c:v>84.09663700000371</c:v>
                </c:pt>
                <c:pt idx="5046">
                  <c:v>84.113303000003711</c:v>
                </c:pt>
                <c:pt idx="5047">
                  <c:v>84.129969000003712</c:v>
                </c:pt>
                <c:pt idx="5048">
                  <c:v>84.146635000003712</c:v>
                </c:pt>
                <c:pt idx="5049">
                  <c:v>84.163301000003713</c:v>
                </c:pt>
                <c:pt idx="5050">
                  <c:v>84.179967000003714</c:v>
                </c:pt>
                <c:pt idx="5051">
                  <c:v>84.196633000003715</c:v>
                </c:pt>
                <c:pt idx="5052">
                  <c:v>84.213299000003715</c:v>
                </c:pt>
                <c:pt idx="5053">
                  <c:v>84.229965000003716</c:v>
                </c:pt>
                <c:pt idx="5054">
                  <c:v>84.246631000003717</c:v>
                </c:pt>
                <c:pt idx="5055">
                  <c:v>84.263297000003718</c:v>
                </c:pt>
                <c:pt idx="5056">
                  <c:v>84.279963000003718</c:v>
                </c:pt>
                <c:pt idx="5057">
                  <c:v>84.296629000003719</c:v>
                </c:pt>
                <c:pt idx="5058">
                  <c:v>84.31329500000372</c:v>
                </c:pt>
                <c:pt idx="5059">
                  <c:v>84.329961000003721</c:v>
                </c:pt>
                <c:pt idx="5060">
                  <c:v>84.346627000003721</c:v>
                </c:pt>
                <c:pt idx="5061">
                  <c:v>84.363293000003722</c:v>
                </c:pt>
                <c:pt idx="5062">
                  <c:v>84.379959000003723</c:v>
                </c:pt>
                <c:pt idx="5063">
                  <c:v>84.396625000003723</c:v>
                </c:pt>
                <c:pt idx="5064">
                  <c:v>84.413291000003724</c:v>
                </c:pt>
                <c:pt idx="5065">
                  <c:v>84.429957000003725</c:v>
                </c:pt>
                <c:pt idx="5066">
                  <c:v>84.446623000003726</c:v>
                </c:pt>
                <c:pt idx="5067">
                  <c:v>84.463289000003726</c:v>
                </c:pt>
                <c:pt idx="5068">
                  <c:v>84.479955000003727</c:v>
                </c:pt>
                <c:pt idx="5069">
                  <c:v>84.496621000003728</c:v>
                </c:pt>
                <c:pt idx="5070">
                  <c:v>84.513287000003729</c:v>
                </c:pt>
                <c:pt idx="5071">
                  <c:v>84.529953000003729</c:v>
                </c:pt>
                <c:pt idx="5072">
                  <c:v>84.54661900000373</c:v>
                </c:pt>
                <c:pt idx="5073">
                  <c:v>84.563285000003731</c:v>
                </c:pt>
                <c:pt idx="5074">
                  <c:v>84.579951000003732</c:v>
                </c:pt>
                <c:pt idx="5075">
                  <c:v>84.596617000003732</c:v>
                </c:pt>
                <c:pt idx="5076">
                  <c:v>84.613283000003733</c:v>
                </c:pt>
                <c:pt idx="5077">
                  <c:v>84.629949000003734</c:v>
                </c:pt>
                <c:pt idx="5078">
                  <c:v>84.646615000003735</c:v>
                </c:pt>
                <c:pt idx="5079">
                  <c:v>84.663281000003735</c:v>
                </c:pt>
                <c:pt idx="5080">
                  <c:v>84.679947000003736</c:v>
                </c:pt>
                <c:pt idx="5081">
                  <c:v>84.696613000003737</c:v>
                </c:pt>
                <c:pt idx="5082">
                  <c:v>84.713279000003737</c:v>
                </c:pt>
                <c:pt idx="5083">
                  <c:v>84.729945000003738</c:v>
                </c:pt>
                <c:pt idx="5084">
                  <c:v>84.746611000003739</c:v>
                </c:pt>
                <c:pt idx="5085">
                  <c:v>84.76327700000374</c:v>
                </c:pt>
                <c:pt idx="5086">
                  <c:v>84.77994300000374</c:v>
                </c:pt>
                <c:pt idx="5087">
                  <c:v>84.796609000003741</c:v>
                </c:pt>
                <c:pt idx="5088">
                  <c:v>84.813275000003742</c:v>
                </c:pt>
                <c:pt idx="5089">
                  <c:v>84.829941000003743</c:v>
                </c:pt>
                <c:pt idx="5090">
                  <c:v>84.846607000003743</c:v>
                </c:pt>
                <c:pt idx="5091">
                  <c:v>84.863273000003744</c:v>
                </c:pt>
                <c:pt idx="5092">
                  <c:v>84.879939000003745</c:v>
                </c:pt>
                <c:pt idx="5093">
                  <c:v>84.896605000003746</c:v>
                </c:pt>
                <c:pt idx="5094">
                  <c:v>84.913271000003746</c:v>
                </c:pt>
                <c:pt idx="5095">
                  <c:v>84.929937000003747</c:v>
                </c:pt>
                <c:pt idx="5096">
                  <c:v>84.946603000003748</c:v>
                </c:pt>
                <c:pt idx="5097">
                  <c:v>84.963269000003748</c:v>
                </c:pt>
                <c:pt idx="5098">
                  <c:v>84.979935000003749</c:v>
                </c:pt>
                <c:pt idx="5099">
                  <c:v>84.99660100000375</c:v>
                </c:pt>
                <c:pt idx="5100">
                  <c:v>85.013267000003751</c:v>
                </c:pt>
                <c:pt idx="5101">
                  <c:v>85.029933000003751</c:v>
                </c:pt>
                <c:pt idx="5102">
                  <c:v>85.046599000003752</c:v>
                </c:pt>
                <c:pt idx="5103">
                  <c:v>85.063265000003753</c:v>
                </c:pt>
                <c:pt idx="5104">
                  <c:v>85.079931000003754</c:v>
                </c:pt>
                <c:pt idx="5105">
                  <c:v>85.096597000003754</c:v>
                </c:pt>
                <c:pt idx="5106">
                  <c:v>85.113263000003755</c:v>
                </c:pt>
                <c:pt idx="5107">
                  <c:v>85.129929000003756</c:v>
                </c:pt>
                <c:pt idx="5108">
                  <c:v>85.146595000003757</c:v>
                </c:pt>
                <c:pt idx="5109">
                  <c:v>85.163261000003757</c:v>
                </c:pt>
                <c:pt idx="5110">
                  <c:v>85.179927000003758</c:v>
                </c:pt>
                <c:pt idx="5111">
                  <c:v>85.196593000003759</c:v>
                </c:pt>
                <c:pt idx="5112">
                  <c:v>85.21325900000376</c:v>
                </c:pt>
                <c:pt idx="5113">
                  <c:v>85.22992500000376</c:v>
                </c:pt>
                <c:pt idx="5114">
                  <c:v>85.246591000003761</c:v>
                </c:pt>
                <c:pt idx="5115">
                  <c:v>85.263257000003762</c:v>
                </c:pt>
                <c:pt idx="5116">
                  <c:v>85.279923000003762</c:v>
                </c:pt>
                <c:pt idx="5117">
                  <c:v>85.296589000003763</c:v>
                </c:pt>
                <c:pt idx="5118">
                  <c:v>85.313255000003764</c:v>
                </c:pt>
                <c:pt idx="5119">
                  <c:v>85.329921000003765</c:v>
                </c:pt>
                <c:pt idx="5120">
                  <c:v>85.346587000003765</c:v>
                </c:pt>
                <c:pt idx="5121">
                  <c:v>85.363253000003766</c:v>
                </c:pt>
                <c:pt idx="5122">
                  <c:v>85.379919000003767</c:v>
                </c:pt>
                <c:pt idx="5123">
                  <c:v>85.396585000003768</c:v>
                </c:pt>
                <c:pt idx="5124">
                  <c:v>85.413251000003768</c:v>
                </c:pt>
                <c:pt idx="5125">
                  <c:v>85.429917000003769</c:v>
                </c:pt>
                <c:pt idx="5126">
                  <c:v>85.44658300000377</c:v>
                </c:pt>
                <c:pt idx="5127">
                  <c:v>85.463249000003771</c:v>
                </c:pt>
                <c:pt idx="5128">
                  <c:v>85.479915000003771</c:v>
                </c:pt>
                <c:pt idx="5129">
                  <c:v>85.496581000003772</c:v>
                </c:pt>
                <c:pt idx="5130">
                  <c:v>85.513247000003773</c:v>
                </c:pt>
                <c:pt idx="5131">
                  <c:v>85.529913000003774</c:v>
                </c:pt>
                <c:pt idx="5132">
                  <c:v>85.546579000003774</c:v>
                </c:pt>
                <c:pt idx="5133">
                  <c:v>85.563245000003775</c:v>
                </c:pt>
                <c:pt idx="5134">
                  <c:v>85.579911000003776</c:v>
                </c:pt>
                <c:pt idx="5135">
                  <c:v>85.596577000003776</c:v>
                </c:pt>
                <c:pt idx="5136">
                  <c:v>85.613243000003777</c:v>
                </c:pt>
                <c:pt idx="5137">
                  <c:v>85.629909000003778</c:v>
                </c:pt>
                <c:pt idx="5138">
                  <c:v>85.646575000003779</c:v>
                </c:pt>
                <c:pt idx="5139">
                  <c:v>85.663241000003779</c:v>
                </c:pt>
                <c:pt idx="5140">
                  <c:v>85.67990700000378</c:v>
                </c:pt>
                <c:pt idx="5141">
                  <c:v>85.696573000003781</c:v>
                </c:pt>
                <c:pt idx="5142">
                  <c:v>85.713239000003782</c:v>
                </c:pt>
                <c:pt idx="5143">
                  <c:v>85.729905000003782</c:v>
                </c:pt>
                <c:pt idx="5144">
                  <c:v>85.746571000003783</c:v>
                </c:pt>
                <c:pt idx="5145">
                  <c:v>85.763237000003784</c:v>
                </c:pt>
                <c:pt idx="5146">
                  <c:v>85.779903000003785</c:v>
                </c:pt>
                <c:pt idx="5147">
                  <c:v>85.796569000003785</c:v>
                </c:pt>
                <c:pt idx="5148">
                  <c:v>85.813235000003786</c:v>
                </c:pt>
                <c:pt idx="5149">
                  <c:v>85.829901000003787</c:v>
                </c:pt>
                <c:pt idx="5150">
                  <c:v>85.846567000003787</c:v>
                </c:pt>
                <c:pt idx="5151">
                  <c:v>85.863233000003788</c:v>
                </c:pt>
                <c:pt idx="5152">
                  <c:v>85.879899000003789</c:v>
                </c:pt>
                <c:pt idx="5153">
                  <c:v>85.89656500000379</c:v>
                </c:pt>
                <c:pt idx="5154">
                  <c:v>85.91323100000379</c:v>
                </c:pt>
                <c:pt idx="5155">
                  <c:v>85.929897000003791</c:v>
                </c:pt>
                <c:pt idx="5156">
                  <c:v>85.946563000003792</c:v>
                </c:pt>
                <c:pt idx="5157">
                  <c:v>85.963229000003793</c:v>
                </c:pt>
                <c:pt idx="5158">
                  <c:v>85.979895000003793</c:v>
                </c:pt>
                <c:pt idx="5159">
                  <c:v>85.996561000003794</c:v>
                </c:pt>
                <c:pt idx="5160">
                  <c:v>86.013227000003795</c:v>
                </c:pt>
                <c:pt idx="5161">
                  <c:v>86.029893000003796</c:v>
                </c:pt>
                <c:pt idx="5162">
                  <c:v>86.046559000003796</c:v>
                </c:pt>
                <c:pt idx="5163">
                  <c:v>86.063225000003797</c:v>
                </c:pt>
                <c:pt idx="5164">
                  <c:v>86.079891000003798</c:v>
                </c:pt>
                <c:pt idx="5165">
                  <c:v>86.096557000003799</c:v>
                </c:pt>
                <c:pt idx="5166">
                  <c:v>86.113223000003799</c:v>
                </c:pt>
                <c:pt idx="5167">
                  <c:v>86.1298890000038</c:v>
                </c:pt>
                <c:pt idx="5168">
                  <c:v>86.146555000003801</c:v>
                </c:pt>
                <c:pt idx="5169">
                  <c:v>86.163221000003801</c:v>
                </c:pt>
                <c:pt idx="5170">
                  <c:v>86.179887000003802</c:v>
                </c:pt>
                <c:pt idx="5171">
                  <c:v>86.196553000003803</c:v>
                </c:pt>
                <c:pt idx="5172">
                  <c:v>86.213219000003804</c:v>
                </c:pt>
                <c:pt idx="5173">
                  <c:v>86.229885000003804</c:v>
                </c:pt>
                <c:pt idx="5174">
                  <c:v>86.246551000003805</c:v>
                </c:pt>
                <c:pt idx="5175">
                  <c:v>86.263217000003806</c:v>
                </c:pt>
                <c:pt idx="5176">
                  <c:v>86.279883000003807</c:v>
                </c:pt>
                <c:pt idx="5177">
                  <c:v>86.296549000003807</c:v>
                </c:pt>
                <c:pt idx="5178">
                  <c:v>86.313215000003808</c:v>
                </c:pt>
                <c:pt idx="5179">
                  <c:v>86.329881000003809</c:v>
                </c:pt>
                <c:pt idx="5180">
                  <c:v>86.34654700000381</c:v>
                </c:pt>
                <c:pt idx="5181">
                  <c:v>86.36321300000381</c:v>
                </c:pt>
                <c:pt idx="5182">
                  <c:v>86.379879000003811</c:v>
                </c:pt>
                <c:pt idx="5183">
                  <c:v>86.396545000003812</c:v>
                </c:pt>
                <c:pt idx="5184">
                  <c:v>86.413211000003813</c:v>
                </c:pt>
                <c:pt idx="5185">
                  <c:v>86.429877000003813</c:v>
                </c:pt>
                <c:pt idx="5186">
                  <c:v>86.446543000003814</c:v>
                </c:pt>
                <c:pt idx="5187">
                  <c:v>86.463209000003815</c:v>
                </c:pt>
                <c:pt idx="5188">
                  <c:v>86.479875000003815</c:v>
                </c:pt>
                <c:pt idx="5189">
                  <c:v>86.496541000003816</c:v>
                </c:pt>
                <c:pt idx="5190">
                  <c:v>86.513207000003817</c:v>
                </c:pt>
                <c:pt idx="5191">
                  <c:v>86.529873000003818</c:v>
                </c:pt>
                <c:pt idx="5192">
                  <c:v>86.546539000003818</c:v>
                </c:pt>
                <c:pt idx="5193">
                  <c:v>86.563205000003819</c:v>
                </c:pt>
                <c:pt idx="5194">
                  <c:v>86.57987100000382</c:v>
                </c:pt>
                <c:pt idx="5195">
                  <c:v>86.596537000003821</c:v>
                </c:pt>
                <c:pt idx="5196">
                  <c:v>86.613203000003821</c:v>
                </c:pt>
                <c:pt idx="5197">
                  <c:v>86.629869000003822</c:v>
                </c:pt>
                <c:pt idx="5198">
                  <c:v>86.646535000003823</c:v>
                </c:pt>
                <c:pt idx="5199">
                  <c:v>86.663201000003824</c:v>
                </c:pt>
                <c:pt idx="5200">
                  <c:v>86.679867000003824</c:v>
                </c:pt>
                <c:pt idx="5201">
                  <c:v>86.696533000003825</c:v>
                </c:pt>
                <c:pt idx="5202">
                  <c:v>86.713199000003826</c:v>
                </c:pt>
                <c:pt idx="5203">
                  <c:v>86.729865000003826</c:v>
                </c:pt>
                <c:pt idx="5204">
                  <c:v>86.746531000003827</c:v>
                </c:pt>
                <c:pt idx="5205">
                  <c:v>86.763197000003828</c:v>
                </c:pt>
                <c:pt idx="5206">
                  <c:v>86.779863000003829</c:v>
                </c:pt>
                <c:pt idx="5207">
                  <c:v>86.796529000003829</c:v>
                </c:pt>
                <c:pt idx="5208">
                  <c:v>86.81319500000383</c:v>
                </c:pt>
                <c:pt idx="5209">
                  <c:v>86.829861000003831</c:v>
                </c:pt>
                <c:pt idx="5210">
                  <c:v>86.846527000003832</c:v>
                </c:pt>
                <c:pt idx="5211">
                  <c:v>86.863193000003832</c:v>
                </c:pt>
                <c:pt idx="5212">
                  <c:v>86.879859000003833</c:v>
                </c:pt>
                <c:pt idx="5213">
                  <c:v>86.896525000003834</c:v>
                </c:pt>
                <c:pt idx="5214">
                  <c:v>86.913191000003835</c:v>
                </c:pt>
                <c:pt idx="5215">
                  <c:v>86.929857000003835</c:v>
                </c:pt>
                <c:pt idx="5216">
                  <c:v>86.946523000003836</c:v>
                </c:pt>
                <c:pt idx="5217">
                  <c:v>86.963189000003837</c:v>
                </c:pt>
                <c:pt idx="5218">
                  <c:v>86.979855000003838</c:v>
                </c:pt>
                <c:pt idx="5219">
                  <c:v>86.996521000003838</c:v>
                </c:pt>
                <c:pt idx="5220">
                  <c:v>87.013187000003839</c:v>
                </c:pt>
                <c:pt idx="5221">
                  <c:v>87.02985300000384</c:v>
                </c:pt>
                <c:pt idx="5222">
                  <c:v>87.04651900000384</c:v>
                </c:pt>
                <c:pt idx="5223">
                  <c:v>87.063185000003841</c:v>
                </c:pt>
                <c:pt idx="5224">
                  <c:v>87.079851000003842</c:v>
                </c:pt>
                <c:pt idx="5225">
                  <c:v>87.096517000003843</c:v>
                </c:pt>
                <c:pt idx="5226">
                  <c:v>87.113183000003843</c:v>
                </c:pt>
                <c:pt idx="5227">
                  <c:v>87.129849000003844</c:v>
                </c:pt>
                <c:pt idx="5228">
                  <c:v>87.146515000003845</c:v>
                </c:pt>
                <c:pt idx="5229">
                  <c:v>87.163181000003846</c:v>
                </c:pt>
                <c:pt idx="5230">
                  <c:v>87.179847000003846</c:v>
                </c:pt>
                <c:pt idx="5231">
                  <c:v>87.196513000003847</c:v>
                </c:pt>
                <c:pt idx="5232">
                  <c:v>87.213179000003848</c:v>
                </c:pt>
                <c:pt idx="5233">
                  <c:v>87.229845000003849</c:v>
                </c:pt>
                <c:pt idx="5234">
                  <c:v>87.246511000003849</c:v>
                </c:pt>
                <c:pt idx="5235">
                  <c:v>87.26317700000385</c:v>
                </c:pt>
                <c:pt idx="5236">
                  <c:v>87.279843000003851</c:v>
                </c:pt>
                <c:pt idx="5237">
                  <c:v>87.296509000003851</c:v>
                </c:pt>
                <c:pt idx="5238">
                  <c:v>87.313175000003852</c:v>
                </c:pt>
                <c:pt idx="5239">
                  <c:v>87.329841000003853</c:v>
                </c:pt>
                <c:pt idx="5240">
                  <c:v>87.346507000003854</c:v>
                </c:pt>
                <c:pt idx="5241">
                  <c:v>87.363173000003854</c:v>
                </c:pt>
                <c:pt idx="5242">
                  <c:v>87.379839000003855</c:v>
                </c:pt>
                <c:pt idx="5243">
                  <c:v>87.396505000003856</c:v>
                </c:pt>
                <c:pt idx="5244">
                  <c:v>87.413171000003857</c:v>
                </c:pt>
                <c:pt idx="5245">
                  <c:v>87.429837000003857</c:v>
                </c:pt>
                <c:pt idx="5246">
                  <c:v>87.446503000003858</c:v>
                </c:pt>
                <c:pt idx="5247">
                  <c:v>87.463169000003859</c:v>
                </c:pt>
                <c:pt idx="5248">
                  <c:v>87.47983500000386</c:v>
                </c:pt>
                <c:pt idx="5249">
                  <c:v>87.49650100000386</c:v>
                </c:pt>
                <c:pt idx="5250">
                  <c:v>87.513167000003861</c:v>
                </c:pt>
                <c:pt idx="5251">
                  <c:v>87.529833000003862</c:v>
                </c:pt>
                <c:pt idx="5252">
                  <c:v>87.546499000003863</c:v>
                </c:pt>
                <c:pt idx="5253">
                  <c:v>87.563165000003863</c:v>
                </c:pt>
                <c:pt idx="5254">
                  <c:v>87.579831000003864</c:v>
                </c:pt>
                <c:pt idx="5255">
                  <c:v>87.596497000003865</c:v>
                </c:pt>
                <c:pt idx="5256">
                  <c:v>87.613163000003865</c:v>
                </c:pt>
                <c:pt idx="5257">
                  <c:v>87.629829000003866</c:v>
                </c:pt>
                <c:pt idx="5258">
                  <c:v>87.646495000003867</c:v>
                </c:pt>
                <c:pt idx="5259">
                  <c:v>87.663161000003868</c:v>
                </c:pt>
                <c:pt idx="5260">
                  <c:v>87.679827000003868</c:v>
                </c:pt>
                <c:pt idx="5261">
                  <c:v>87.696493000003869</c:v>
                </c:pt>
                <c:pt idx="5262">
                  <c:v>87.71315900000387</c:v>
                </c:pt>
                <c:pt idx="5263">
                  <c:v>87.729825000003871</c:v>
                </c:pt>
                <c:pt idx="5264">
                  <c:v>87.746491000003871</c:v>
                </c:pt>
                <c:pt idx="5265">
                  <c:v>87.763157000003872</c:v>
                </c:pt>
                <c:pt idx="5266">
                  <c:v>87.779823000003873</c:v>
                </c:pt>
                <c:pt idx="5267">
                  <c:v>87.796489000003874</c:v>
                </c:pt>
                <c:pt idx="5268">
                  <c:v>87.813155000003874</c:v>
                </c:pt>
                <c:pt idx="5269">
                  <c:v>87.829821000003875</c:v>
                </c:pt>
                <c:pt idx="5270">
                  <c:v>87.846487000003876</c:v>
                </c:pt>
                <c:pt idx="5271">
                  <c:v>87.863153000003877</c:v>
                </c:pt>
                <c:pt idx="5272">
                  <c:v>87.879819000003877</c:v>
                </c:pt>
                <c:pt idx="5273">
                  <c:v>87.896485000003878</c:v>
                </c:pt>
                <c:pt idx="5274">
                  <c:v>87.913151000003879</c:v>
                </c:pt>
                <c:pt idx="5275">
                  <c:v>87.929817000003879</c:v>
                </c:pt>
                <c:pt idx="5276">
                  <c:v>87.94648300000388</c:v>
                </c:pt>
                <c:pt idx="5277">
                  <c:v>87.963149000003881</c:v>
                </c:pt>
                <c:pt idx="5278">
                  <c:v>87.979815000003882</c:v>
                </c:pt>
                <c:pt idx="5279">
                  <c:v>87.996481000003882</c:v>
                </c:pt>
                <c:pt idx="5280">
                  <c:v>88.013147000003883</c:v>
                </c:pt>
                <c:pt idx="5281">
                  <c:v>88.029813000003884</c:v>
                </c:pt>
                <c:pt idx="5282">
                  <c:v>88.046479000003885</c:v>
                </c:pt>
                <c:pt idx="5283">
                  <c:v>88.063145000003885</c:v>
                </c:pt>
                <c:pt idx="5284">
                  <c:v>88.079811000003886</c:v>
                </c:pt>
                <c:pt idx="5285">
                  <c:v>88.096477000003887</c:v>
                </c:pt>
                <c:pt idx="5286">
                  <c:v>88.113143000003888</c:v>
                </c:pt>
                <c:pt idx="5287">
                  <c:v>88.129809000003888</c:v>
                </c:pt>
                <c:pt idx="5288">
                  <c:v>88.146475000003889</c:v>
                </c:pt>
                <c:pt idx="5289">
                  <c:v>88.16314100000389</c:v>
                </c:pt>
                <c:pt idx="5290">
                  <c:v>88.17980700000389</c:v>
                </c:pt>
                <c:pt idx="5291">
                  <c:v>88.196473000003891</c:v>
                </c:pt>
                <c:pt idx="5292">
                  <c:v>88.213139000003892</c:v>
                </c:pt>
                <c:pt idx="5293">
                  <c:v>88.229805000003893</c:v>
                </c:pt>
                <c:pt idx="5294">
                  <c:v>88.246471000003893</c:v>
                </c:pt>
                <c:pt idx="5295">
                  <c:v>88.263137000003894</c:v>
                </c:pt>
                <c:pt idx="5296">
                  <c:v>88.279803000003895</c:v>
                </c:pt>
                <c:pt idx="5297">
                  <c:v>88.296469000003896</c:v>
                </c:pt>
                <c:pt idx="5298">
                  <c:v>88.313135000003896</c:v>
                </c:pt>
                <c:pt idx="5299">
                  <c:v>88.329801000003897</c:v>
                </c:pt>
                <c:pt idx="5300">
                  <c:v>88.346467000003898</c:v>
                </c:pt>
                <c:pt idx="5301">
                  <c:v>88.363133000003899</c:v>
                </c:pt>
                <c:pt idx="5302">
                  <c:v>88.379799000003899</c:v>
                </c:pt>
                <c:pt idx="5303">
                  <c:v>88.3964650000039</c:v>
                </c:pt>
                <c:pt idx="5304">
                  <c:v>88.413131000003901</c:v>
                </c:pt>
                <c:pt idx="5305">
                  <c:v>88.429797000003902</c:v>
                </c:pt>
                <c:pt idx="5306">
                  <c:v>88.446463000003902</c:v>
                </c:pt>
                <c:pt idx="5307">
                  <c:v>88.463129000003903</c:v>
                </c:pt>
                <c:pt idx="5308">
                  <c:v>88.479795000003904</c:v>
                </c:pt>
                <c:pt idx="5309">
                  <c:v>88.496461000003904</c:v>
                </c:pt>
                <c:pt idx="5310">
                  <c:v>88.513127000003905</c:v>
                </c:pt>
                <c:pt idx="5311">
                  <c:v>88.529793000003906</c:v>
                </c:pt>
                <c:pt idx="5312">
                  <c:v>88.546459000003907</c:v>
                </c:pt>
                <c:pt idx="5313">
                  <c:v>88.563125000003907</c:v>
                </c:pt>
                <c:pt idx="5314">
                  <c:v>88.579791000003908</c:v>
                </c:pt>
                <c:pt idx="5315">
                  <c:v>88.596457000003909</c:v>
                </c:pt>
                <c:pt idx="5316">
                  <c:v>88.61312300000391</c:v>
                </c:pt>
                <c:pt idx="5317">
                  <c:v>88.62978900000391</c:v>
                </c:pt>
                <c:pt idx="5318">
                  <c:v>88.646455000003911</c:v>
                </c:pt>
                <c:pt idx="5319">
                  <c:v>88.663121000003912</c:v>
                </c:pt>
                <c:pt idx="5320">
                  <c:v>88.679787000003913</c:v>
                </c:pt>
                <c:pt idx="5321">
                  <c:v>88.696453000003913</c:v>
                </c:pt>
                <c:pt idx="5322">
                  <c:v>88.713119000003914</c:v>
                </c:pt>
                <c:pt idx="5323">
                  <c:v>88.729785000003915</c:v>
                </c:pt>
                <c:pt idx="5324">
                  <c:v>88.746451000003916</c:v>
                </c:pt>
                <c:pt idx="5325">
                  <c:v>88.763117000003916</c:v>
                </c:pt>
                <c:pt idx="5326">
                  <c:v>88.779783000003917</c:v>
                </c:pt>
                <c:pt idx="5327">
                  <c:v>88.796449000003918</c:v>
                </c:pt>
                <c:pt idx="5328">
                  <c:v>88.813115000003918</c:v>
                </c:pt>
                <c:pt idx="5329">
                  <c:v>88.829781000003919</c:v>
                </c:pt>
                <c:pt idx="5330">
                  <c:v>88.84644700000392</c:v>
                </c:pt>
                <c:pt idx="5331">
                  <c:v>88.863113000003921</c:v>
                </c:pt>
                <c:pt idx="5332">
                  <c:v>88.879779000003921</c:v>
                </c:pt>
                <c:pt idx="5333">
                  <c:v>88.896445000003922</c:v>
                </c:pt>
                <c:pt idx="5334">
                  <c:v>88.913111000003923</c:v>
                </c:pt>
                <c:pt idx="5335">
                  <c:v>88.929777000003924</c:v>
                </c:pt>
                <c:pt idx="5336">
                  <c:v>88.946443000003924</c:v>
                </c:pt>
                <c:pt idx="5337">
                  <c:v>88.963109000003925</c:v>
                </c:pt>
                <c:pt idx="5338">
                  <c:v>88.979775000003926</c:v>
                </c:pt>
                <c:pt idx="5339">
                  <c:v>88.996441000003927</c:v>
                </c:pt>
                <c:pt idx="5340">
                  <c:v>89.013107000003927</c:v>
                </c:pt>
                <c:pt idx="5341">
                  <c:v>89.029773000003928</c:v>
                </c:pt>
                <c:pt idx="5342">
                  <c:v>89.046439000003929</c:v>
                </c:pt>
                <c:pt idx="5343">
                  <c:v>89.063105000003929</c:v>
                </c:pt>
                <c:pt idx="5344">
                  <c:v>89.07977100000393</c:v>
                </c:pt>
                <c:pt idx="5345">
                  <c:v>89.096437000003931</c:v>
                </c:pt>
                <c:pt idx="5346">
                  <c:v>89.113103000003932</c:v>
                </c:pt>
                <c:pt idx="5347">
                  <c:v>89.129769000003932</c:v>
                </c:pt>
                <c:pt idx="5348">
                  <c:v>89.146435000003933</c:v>
                </c:pt>
                <c:pt idx="5349">
                  <c:v>89.163101000003934</c:v>
                </c:pt>
                <c:pt idx="5350">
                  <c:v>89.179767000003935</c:v>
                </c:pt>
                <c:pt idx="5351">
                  <c:v>89.196433000003935</c:v>
                </c:pt>
                <c:pt idx="5352">
                  <c:v>89.213099000003936</c:v>
                </c:pt>
                <c:pt idx="5353">
                  <c:v>89.229765000003937</c:v>
                </c:pt>
                <c:pt idx="5354">
                  <c:v>89.246431000003938</c:v>
                </c:pt>
                <c:pt idx="5355">
                  <c:v>89.263097000003938</c:v>
                </c:pt>
                <c:pt idx="5356">
                  <c:v>89.279763000003939</c:v>
                </c:pt>
                <c:pt idx="5357">
                  <c:v>89.29642900000394</c:v>
                </c:pt>
                <c:pt idx="5358">
                  <c:v>89.313095000003941</c:v>
                </c:pt>
                <c:pt idx="5359">
                  <c:v>89.329761000003941</c:v>
                </c:pt>
                <c:pt idx="5360">
                  <c:v>89.346427000003942</c:v>
                </c:pt>
                <c:pt idx="5361">
                  <c:v>89.363093000003943</c:v>
                </c:pt>
                <c:pt idx="5362">
                  <c:v>89.379759000003943</c:v>
                </c:pt>
                <c:pt idx="5363">
                  <c:v>89.396425000003944</c:v>
                </c:pt>
                <c:pt idx="5364">
                  <c:v>89.413091000003945</c:v>
                </c:pt>
                <c:pt idx="5365">
                  <c:v>89.429757000003946</c:v>
                </c:pt>
                <c:pt idx="5366">
                  <c:v>89.446423000003946</c:v>
                </c:pt>
                <c:pt idx="5367">
                  <c:v>89.463089000003947</c:v>
                </c:pt>
                <c:pt idx="5368">
                  <c:v>89.479755000003948</c:v>
                </c:pt>
                <c:pt idx="5369">
                  <c:v>89.496421000003949</c:v>
                </c:pt>
                <c:pt idx="5370">
                  <c:v>89.513087000003949</c:v>
                </c:pt>
                <c:pt idx="5371">
                  <c:v>89.52975300000395</c:v>
                </c:pt>
                <c:pt idx="5372">
                  <c:v>89.546419000003951</c:v>
                </c:pt>
                <c:pt idx="5373">
                  <c:v>89.563085000003952</c:v>
                </c:pt>
                <c:pt idx="5374">
                  <c:v>89.579751000003952</c:v>
                </c:pt>
                <c:pt idx="5375">
                  <c:v>89.596417000003953</c:v>
                </c:pt>
                <c:pt idx="5376">
                  <c:v>89.613083000003954</c:v>
                </c:pt>
                <c:pt idx="5377">
                  <c:v>89.629749000003955</c:v>
                </c:pt>
                <c:pt idx="5378">
                  <c:v>89.646415000003955</c:v>
                </c:pt>
                <c:pt idx="5379">
                  <c:v>89.663081000003956</c:v>
                </c:pt>
                <c:pt idx="5380">
                  <c:v>89.679747000003957</c:v>
                </c:pt>
                <c:pt idx="5381">
                  <c:v>89.696413000003957</c:v>
                </c:pt>
                <c:pt idx="5382">
                  <c:v>89.713079000003958</c:v>
                </c:pt>
                <c:pt idx="5383">
                  <c:v>89.729745000003959</c:v>
                </c:pt>
                <c:pt idx="5384">
                  <c:v>89.74641100000396</c:v>
                </c:pt>
                <c:pt idx="5385">
                  <c:v>89.76307700000396</c:v>
                </c:pt>
                <c:pt idx="5386">
                  <c:v>89.779743000003961</c:v>
                </c:pt>
                <c:pt idx="5387">
                  <c:v>89.796409000003962</c:v>
                </c:pt>
                <c:pt idx="5388">
                  <c:v>89.813075000003963</c:v>
                </c:pt>
                <c:pt idx="5389">
                  <c:v>89.829741000003963</c:v>
                </c:pt>
                <c:pt idx="5390">
                  <c:v>89.846407000003964</c:v>
                </c:pt>
                <c:pt idx="5391">
                  <c:v>89.863073000003965</c:v>
                </c:pt>
                <c:pt idx="5392">
                  <c:v>89.879739000003966</c:v>
                </c:pt>
                <c:pt idx="5393">
                  <c:v>89.896405000003966</c:v>
                </c:pt>
                <c:pt idx="5394">
                  <c:v>89.913071000003967</c:v>
                </c:pt>
                <c:pt idx="5395">
                  <c:v>89.929737000003968</c:v>
                </c:pt>
                <c:pt idx="5396">
                  <c:v>89.946403000003968</c:v>
                </c:pt>
                <c:pt idx="5397">
                  <c:v>89.963069000003969</c:v>
                </c:pt>
                <c:pt idx="5398">
                  <c:v>89.97973500000397</c:v>
                </c:pt>
                <c:pt idx="5399">
                  <c:v>89.996401000003971</c:v>
                </c:pt>
                <c:pt idx="5400">
                  <c:v>90.013067000003971</c:v>
                </c:pt>
                <c:pt idx="5401">
                  <c:v>90.029733000003972</c:v>
                </c:pt>
                <c:pt idx="5402">
                  <c:v>90.046399000003973</c:v>
                </c:pt>
                <c:pt idx="5403">
                  <c:v>90.063065000003974</c:v>
                </c:pt>
                <c:pt idx="5404">
                  <c:v>90.079731000003974</c:v>
                </c:pt>
                <c:pt idx="5405">
                  <c:v>90.096397000003975</c:v>
                </c:pt>
                <c:pt idx="5406">
                  <c:v>90.113063000003976</c:v>
                </c:pt>
                <c:pt idx="5407">
                  <c:v>90.129729000003977</c:v>
                </c:pt>
                <c:pt idx="5408">
                  <c:v>90.146395000003977</c:v>
                </c:pt>
                <c:pt idx="5409">
                  <c:v>90.163061000003978</c:v>
                </c:pt>
                <c:pt idx="5410">
                  <c:v>90.179727000003979</c:v>
                </c:pt>
                <c:pt idx="5411">
                  <c:v>90.19639300000398</c:v>
                </c:pt>
                <c:pt idx="5412">
                  <c:v>90.21305900000398</c:v>
                </c:pt>
                <c:pt idx="5413">
                  <c:v>90.229725000003981</c:v>
                </c:pt>
                <c:pt idx="5414">
                  <c:v>90.246391000003982</c:v>
                </c:pt>
                <c:pt idx="5415">
                  <c:v>90.263057000003982</c:v>
                </c:pt>
                <c:pt idx="5416">
                  <c:v>90.279723000003983</c:v>
                </c:pt>
                <c:pt idx="5417">
                  <c:v>90.296389000003984</c:v>
                </c:pt>
                <c:pt idx="5418">
                  <c:v>90.313055000003985</c:v>
                </c:pt>
                <c:pt idx="5419">
                  <c:v>90.329721000003985</c:v>
                </c:pt>
                <c:pt idx="5420">
                  <c:v>90.346387000003986</c:v>
                </c:pt>
                <c:pt idx="5421">
                  <c:v>90.363053000003987</c:v>
                </c:pt>
                <c:pt idx="5422">
                  <c:v>90.379719000003988</c:v>
                </c:pt>
                <c:pt idx="5423">
                  <c:v>90.396385000003988</c:v>
                </c:pt>
                <c:pt idx="5424">
                  <c:v>90.413051000003989</c:v>
                </c:pt>
                <c:pt idx="5425">
                  <c:v>90.42971700000399</c:v>
                </c:pt>
                <c:pt idx="5426">
                  <c:v>90.446383000003991</c:v>
                </c:pt>
                <c:pt idx="5427">
                  <c:v>90.463049000003991</c:v>
                </c:pt>
                <c:pt idx="5428">
                  <c:v>90.479715000003992</c:v>
                </c:pt>
                <c:pt idx="5429">
                  <c:v>90.496381000003993</c:v>
                </c:pt>
                <c:pt idx="5430">
                  <c:v>90.513047000003994</c:v>
                </c:pt>
                <c:pt idx="5431">
                  <c:v>90.529713000003994</c:v>
                </c:pt>
                <c:pt idx="5432">
                  <c:v>90.546379000003995</c:v>
                </c:pt>
                <c:pt idx="5433">
                  <c:v>90.563045000003996</c:v>
                </c:pt>
                <c:pt idx="5434">
                  <c:v>90.579711000003996</c:v>
                </c:pt>
                <c:pt idx="5435">
                  <c:v>90.596377000003997</c:v>
                </c:pt>
                <c:pt idx="5436">
                  <c:v>90.613043000003998</c:v>
                </c:pt>
                <c:pt idx="5437">
                  <c:v>90.629709000003999</c:v>
                </c:pt>
                <c:pt idx="5438">
                  <c:v>90.646375000003999</c:v>
                </c:pt>
                <c:pt idx="5439">
                  <c:v>90.663041000004</c:v>
                </c:pt>
                <c:pt idx="5440">
                  <c:v>90.679707000004001</c:v>
                </c:pt>
                <c:pt idx="5441">
                  <c:v>90.696373000004002</c:v>
                </c:pt>
                <c:pt idx="5442">
                  <c:v>90.713039000004002</c:v>
                </c:pt>
                <c:pt idx="5443">
                  <c:v>90.729705000004003</c:v>
                </c:pt>
                <c:pt idx="5444">
                  <c:v>90.746371000004004</c:v>
                </c:pt>
                <c:pt idx="5445">
                  <c:v>90.763037000004005</c:v>
                </c:pt>
                <c:pt idx="5446">
                  <c:v>90.779703000004005</c:v>
                </c:pt>
                <c:pt idx="5447">
                  <c:v>90.796369000004006</c:v>
                </c:pt>
                <c:pt idx="5448">
                  <c:v>90.813035000004007</c:v>
                </c:pt>
                <c:pt idx="5449">
                  <c:v>90.829701000004007</c:v>
                </c:pt>
                <c:pt idx="5450">
                  <c:v>90.846367000004008</c:v>
                </c:pt>
                <c:pt idx="5451">
                  <c:v>90.863033000004009</c:v>
                </c:pt>
                <c:pt idx="5452">
                  <c:v>90.87969900000401</c:v>
                </c:pt>
                <c:pt idx="5453">
                  <c:v>90.89636500000401</c:v>
                </c:pt>
                <c:pt idx="5454">
                  <c:v>90.913031000004011</c:v>
                </c:pt>
                <c:pt idx="5455">
                  <c:v>90.929697000004012</c:v>
                </c:pt>
                <c:pt idx="5456">
                  <c:v>90.946363000004013</c:v>
                </c:pt>
                <c:pt idx="5457">
                  <c:v>90.963029000004013</c:v>
                </c:pt>
                <c:pt idx="5458">
                  <c:v>90.979695000004014</c:v>
                </c:pt>
                <c:pt idx="5459">
                  <c:v>90.996361000004015</c:v>
                </c:pt>
                <c:pt idx="5460">
                  <c:v>91.013027000004016</c:v>
                </c:pt>
                <c:pt idx="5461">
                  <c:v>91.029693000004016</c:v>
                </c:pt>
                <c:pt idx="5462">
                  <c:v>91.046359000004017</c:v>
                </c:pt>
                <c:pt idx="5463">
                  <c:v>91.063025000004018</c:v>
                </c:pt>
                <c:pt idx="5464">
                  <c:v>91.079691000004019</c:v>
                </c:pt>
                <c:pt idx="5465">
                  <c:v>91.096357000004019</c:v>
                </c:pt>
                <c:pt idx="5466">
                  <c:v>91.11302300000402</c:v>
                </c:pt>
                <c:pt idx="5467">
                  <c:v>91.129689000004021</c:v>
                </c:pt>
                <c:pt idx="5468">
                  <c:v>91.146355000004021</c:v>
                </c:pt>
                <c:pt idx="5469">
                  <c:v>91.163021000004022</c:v>
                </c:pt>
                <c:pt idx="5470">
                  <c:v>91.179687000004023</c:v>
                </c:pt>
                <c:pt idx="5471">
                  <c:v>91.196353000004024</c:v>
                </c:pt>
                <c:pt idx="5472">
                  <c:v>91.213019000004024</c:v>
                </c:pt>
                <c:pt idx="5473">
                  <c:v>91.229685000004025</c:v>
                </c:pt>
                <c:pt idx="5474">
                  <c:v>91.246351000004026</c:v>
                </c:pt>
                <c:pt idx="5475">
                  <c:v>91.263017000004027</c:v>
                </c:pt>
                <c:pt idx="5476">
                  <c:v>91.279683000004027</c:v>
                </c:pt>
                <c:pt idx="5477">
                  <c:v>91.296349000004028</c:v>
                </c:pt>
                <c:pt idx="5478">
                  <c:v>91.313015000004029</c:v>
                </c:pt>
                <c:pt idx="5479">
                  <c:v>91.32968100000403</c:v>
                </c:pt>
                <c:pt idx="5480">
                  <c:v>91.34634700000403</c:v>
                </c:pt>
                <c:pt idx="5481">
                  <c:v>91.363013000004031</c:v>
                </c:pt>
                <c:pt idx="5482">
                  <c:v>91.379679000004032</c:v>
                </c:pt>
                <c:pt idx="5483">
                  <c:v>91.396345000004032</c:v>
                </c:pt>
                <c:pt idx="5484">
                  <c:v>91.413011000004033</c:v>
                </c:pt>
                <c:pt idx="5485">
                  <c:v>91.429677000004034</c:v>
                </c:pt>
                <c:pt idx="5486">
                  <c:v>91.446343000004035</c:v>
                </c:pt>
                <c:pt idx="5487">
                  <c:v>91.463009000004035</c:v>
                </c:pt>
                <c:pt idx="5488">
                  <c:v>91.479675000004036</c:v>
                </c:pt>
                <c:pt idx="5489">
                  <c:v>91.496341000004037</c:v>
                </c:pt>
                <c:pt idx="5490">
                  <c:v>91.513007000004038</c:v>
                </c:pt>
                <c:pt idx="5491">
                  <c:v>91.529673000004038</c:v>
                </c:pt>
                <c:pt idx="5492">
                  <c:v>91.546339000004039</c:v>
                </c:pt>
                <c:pt idx="5493">
                  <c:v>91.56300500000404</c:v>
                </c:pt>
                <c:pt idx="5494">
                  <c:v>91.579671000004041</c:v>
                </c:pt>
                <c:pt idx="5495">
                  <c:v>91.596337000004041</c:v>
                </c:pt>
                <c:pt idx="5496">
                  <c:v>91.613003000004042</c:v>
                </c:pt>
                <c:pt idx="5497">
                  <c:v>91.629669000004043</c:v>
                </c:pt>
                <c:pt idx="5498">
                  <c:v>91.646335000004044</c:v>
                </c:pt>
                <c:pt idx="5499">
                  <c:v>91.663001000004044</c:v>
                </c:pt>
                <c:pt idx="5500">
                  <c:v>91.679667000004045</c:v>
                </c:pt>
                <c:pt idx="5501">
                  <c:v>91.696333000004046</c:v>
                </c:pt>
                <c:pt idx="5502">
                  <c:v>91.712999000004046</c:v>
                </c:pt>
                <c:pt idx="5503">
                  <c:v>91.729665000004047</c:v>
                </c:pt>
                <c:pt idx="5504">
                  <c:v>91.746331000004048</c:v>
                </c:pt>
                <c:pt idx="5505">
                  <c:v>91.762997000004049</c:v>
                </c:pt>
                <c:pt idx="5506">
                  <c:v>91.779663000004049</c:v>
                </c:pt>
                <c:pt idx="5507">
                  <c:v>91.79632900000405</c:v>
                </c:pt>
                <c:pt idx="5508">
                  <c:v>91.812995000004051</c:v>
                </c:pt>
                <c:pt idx="5509">
                  <c:v>91.829661000004052</c:v>
                </c:pt>
                <c:pt idx="5510">
                  <c:v>91.846327000004052</c:v>
                </c:pt>
                <c:pt idx="5511">
                  <c:v>91.862993000004053</c:v>
                </c:pt>
                <c:pt idx="5512">
                  <c:v>91.879659000004054</c:v>
                </c:pt>
                <c:pt idx="5513">
                  <c:v>91.896325000004055</c:v>
                </c:pt>
                <c:pt idx="5514">
                  <c:v>91.912991000004055</c:v>
                </c:pt>
                <c:pt idx="5515">
                  <c:v>91.929657000004056</c:v>
                </c:pt>
                <c:pt idx="5516">
                  <c:v>91.946323000004057</c:v>
                </c:pt>
                <c:pt idx="5517">
                  <c:v>91.962989000004058</c:v>
                </c:pt>
                <c:pt idx="5518">
                  <c:v>91.979655000004058</c:v>
                </c:pt>
                <c:pt idx="5519">
                  <c:v>91.996321000004059</c:v>
                </c:pt>
                <c:pt idx="5520">
                  <c:v>92.01298700000406</c:v>
                </c:pt>
                <c:pt idx="5521">
                  <c:v>92.02965300000406</c:v>
                </c:pt>
                <c:pt idx="5522">
                  <c:v>92.046319000004061</c:v>
                </c:pt>
                <c:pt idx="5523">
                  <c:v>92.062985000004062</c:v>
                </c:pt>
                <c:pt idx="5524">
                  <c:v>92.079651000004063</c:v>
                </c:pt>
                <c:pt idx="5525">
                  <c:v>92.096317000004063</c:v>
                </c:pt>
                <c:pt idx="5526">
                  <c:v>92.112983000004064</c:v>
                </c:pt>
                <c:pt idx="5527">
                  <c:v>92.129649000004065</c:v>
                </c:pt>
                <c:pt idx="5528">
                  <c:v>92.146315000004066</c:v>
                </c:pt>
                <c:pt idx="5529">
                  <c:v>92.162981000004066</c:v>
                </c:pt>
                <c:pt idx="5530">
                  <c:v>92.179647000004067</c:v>
                </c:pt>
                <c:pt idx="5531">
                  <c:v>92.196313000004068</c:v>
                </c:pt>
                <c:pt idx="5532">
                  <c:v>92.212979000004069</c:v>
                </c:pt>
                <c:pt idx="5533">
                  <c:v>92.229645000004069</c:v>
                </c:pt>
                <c:pt idx="5534">
                  <c:v>92.24631100000407</c:v>
                </c:pt>
                <c:pt idx="5535">
                  <c:v>92.262977000004071</c:v>
                </c:pt>
                <c:pt idx="5536">
                  <c:v>92.279643000004071</c:v>
                </c:pt>
                <c:pt idx="5537">
                  <c:v>92.296309000004072</c:v>
                </c:pt>
                <c:pt idx="5538">
                  <c:v>92.312975000004073</c:v>
                </c:pt>
                <c:pt idx="5539">
                  <c:v>92.329641000004074</c:v>
                </c:pt>
                <c:pt idx="5540">
                  <c:v>92.346307000004074</c:v>
                </c:pt>
                <c:pt idx="5541">
                  <c:v>92.362973000004075</c:v>
                </c:pt>
                <c:pt idx="5542">
                  <c:v>92.379639000004076</c:v>
                </c:pt>
                <c:pt idx="5543">
                  <c:v>92.396305000004077</c:v>
                </c:pt>
                <c:pt idx="5544">
                  <c:v>92.412971000004077</c:v>
                </c:pt>
                <c:pt idx="5545">
                  <c:v>92.429637000004078</c:v>
                </c:pt>
                <c:pt idx="5546">
                  <c:v>92.446303000004079</c:v>
                </c:pt>
                <c:pt idx="5547">
                  <c:v>92.46296900000408</c:v>
                </c:pt>
                <c:pt idx="5548">
                  <c:v>92.47963500000408</c:v>
                </c:pt>
                <c:pt idx="5549">
                  <c:v>92.496301000004081</c:v>
                </c:pt>
                <c:pt idx="5550">
                  <c:v>92.512967000004082</c:v>
                </c:pt>
                <c:pt idx="5551">
                  <c:v>92.529633000004083</c:v>
                </c:pt>
                <c:pt idx="5552">
                  <c:v>92.546299000004083</c:v>
                </c:pt>
                <c:pt idx="5553">
                  <c:v>92.562965000004084</c:v>
                </c:pt>
                <c:pt idx="5554">
                  <c:v>92.579631000004085</c:v>
                </c:pt>
                <c:pt idx="5555">
                  <c:v>92.596297000004085</c:v>
                </c:pt>
                <c:pt idx="5556">
                  <c:v>92.612963000004086</c:v>
                </c:pt>
                <c:pt idx="5557">
                  <c:v>92.629629000004087</c:v>
                </c:pt>
                <c:pt idx="5558">
                  <c:v>92.646295000004088</c:v>
                </c:pt>
                <c:pt idx="5559">
                  <c:v>92.662961000004088</c:v>
                </c:pt>
                <c:pt idx="5560">
                  <c:v>92.679627000004089</c:v>
                </c:pt>
                <c:pt idx="5561">
                  <c:v>92.69629300000409</c:v>
                </c:pt>
                <c:pt idx="5562">
                  <c:v>92.712959000004091</c:v>
                </c:pt>
                <c:pt idx="5563">
                  <c:v>92.729625000004091</c:v>
                </c:pt>
                <c:pt idx="5564">
                  <c:v>92.746291000004092</c:v>
                </c:pt>
                <c:pt idx="5565">
                  <c:v>92.762957000004093</c:v>
                </c:pt>
                <c:pt idx="5566">
                  <c:v>92.779623000004094</c:v>
                </c:pt>
                <c:pt idx="5567">
                  <c:v>92.796289000004094</c:v>
                </c:pt>
                <c:pt idx="5568">
                  <c:v>92.812955000004095</c:v>
                </c:pt>
                <c:pt idx="5569">
                  <c:v>92.829621000004096</c:v>
                </c:pt>
                <c:pt idx="5570">
                  <c:v>92.846287000004097</c:v>
                </c:pt>
                <c:pt idx="5571">
                  <c:v>92.862953000004097</c:v>
                </c:pt>
                <c:pt idx="5572">
                  <c:v>92.879619000004098</c:v>
                </c:pt>
                <c:pt idx="5573">
                  <c:v>92.896285000004099</c:v>
                </c:pt>
                <c:pt idx="5574">
                  <c:v>92.912951000004099</c:v>
                </c:pt>
                <c:pt idx="5575">
                  <c:v>92.9296170000041</c:v>
                </c:pt>
                <c:pt idx="5576">
                  <c:v>92.946283000004101</c:v>
                </c:pt>
                <c:pt idx="5577">
                  <c:v>92.962949000004102</c:v>
                </c:pt>
                <c:pt idx="5578">
                  <c:v>92.979615000004102</c:v>
                </c:pt>
                <c:pt idx="5579">
                  <c:v>92.996281000004103</c:v>
                </c:pt>
                <c:pt idx="5580">
                  <c:v>93.012947000004104</c:v>
                </c:pt>
                <c:pt idx="5581">
                  <c:v>93.029613000004105</c:v>
                </c:pt>
                <c:pt idx="5582">
                  <c:v>93.046279000004105</c:v>
                </c:pt>
                <c:pt idx="5583">
                  <c:v>93.062945000004106</c:v>
                </c:pt>
                <c:pt idx="5584">
                  <c:v>93.079611000004107</c:v>
                </c:pt>
                <c:pt idx="5585">
                  <c:v>93.096277000004108</c:v>
                </c:pt>
                <c:pt idx="5586">
                  <c:v>93.112943000004108</c:v>
                </c:pt>
                <c:pt idx="5587">
                  <c:v>93.129609000004109</c:v>
                </c:pt>
                <c:pt idx="5588">
                  <c:v>93.14627500000411</c:v>
                </c:pt>
                <c:pt idx="5589">
                  <c:v>93.16294100000411</c:v>
                </c:pt>
                <c:pt idx="5590">
                  <c:v>93.179607000004111</c:v>
                </c:pt>
                <c:pt idx="5591">
                  <c:v>93.196273000004112</c:v>
                </c:pt>
                <c:pt idx="5592">
                  <c:v>93.212939000004113</c:v>
                </c:pt>
                <c:pt idx="5593">
                  <c:v>93.229605000004113</c:v>
                </c:pt>
                <c:pt idx="5594">
                  <c:v>93.246271000004114</c:v>
                </c:pt>
                <c:pt idx="5595">
                  <c:v>93.262937000004115</c:v>
                </c:pt>
                <c:pt idx="5596">
                  <c:v>93.279603000004116</c:v>
                </c:pt>
                <c:pt idx="5597">
                  <c:v>93.296269000004116</c:v>
                </c:pt>
                <c:pt idx="5598">
                  <c:v>93.312935000004117</c:v>
                </c:pt>
                <c:pt idx="5599">
                  <c:v>93.329601000004118</c:v>
                </c:pt>
                <c:pt idx="5600">
                  <c:v>93.346267000004119</c:v>
                </c:pt>
                <c:pt idx="5601">
                  <c:v>93.362933000004119</c:v>
                </c:pt>
                <c:pt idx="5602">
                  <c:v>93.37959900000412</c:v>
                </c:pt>
                <c:pt idx="5603">
                  <c:v>93.396265000004121</c:v>
                </c:pt>
                <c:pt idx="5604">
                  <c:v>93.412931000004122</c:v>
                </c:pt>
                <c:pt idx="5605">
                  <c:v>93.429597000004122</c:v>
                </c:pt>
                <c:pt idx="5606">
                  <c:v>93.446263000004123</c:v>
                </c:pt>
                <c:pt idx="5607">
                  <c:v>93.462929000004124</c:v>
                </c:pt>
                <c:pt idx="5608">
                  <c:v>93.479595000004124</c:v>
                </c:pt>
                <c:pt idx="5609">
                  <c:v>93.496261000004125</c:v>
                </c:pt>
                <c:pt idx="5610">
                  <c:v>93.512927000004126</c:v>
                </c:pt>
                <c:pt idx="5611">
                  <c:v>93.529593000004127</c:v>
                </c:pt>
                <c:pt idx="5612">
                  <c:v>93.546259000004127</c:v>
                </c:pt>
                <c:pt idx="5613">
                  <c:v>93.562925000004128</c:v>
                </c:pt>
                <c:pt idx="5614">
                  <c:v>93.579591000004129</c:v>
                </c:pt>
                <c:pt idx="5615">
                  <c:v>93.59625700000413</c:v>
                </c:pt>
                <c:pt idx="5616">
                  <c:v>93.61292300000413</c:v>
                </c:pt>
                <c:pt idx="5617">
                  <c:v>93.629589000004131</c:v>
                </c:pt>
                <c:pt idx="5618">
                  <c:v>93.646255000004132</c:v>
                </c:pt>
                <c:pt idx="5619">
                  <c:v>93.662921000004133</c:v>
                </c:pt>
                <c:pt idx="5620">
                  <c:v>93.679587000004133</c:v>
                </c:pt>
                <c:pt idx="5621">
                  <c:v>93.696253000004134</c:v>
                </c:pt>
                <c:pt idx="5622">
                  <c:v>93.712919000004135</c:v>
                </c:pt>
                <c:pt idx="5623">
                  <c:v>93.729585000004136</c:v>
                </c:pt>
                <c:pt idx="5624">
                  <c:v>93.746251000004136</c:v>
                </c:pt>
                <c:pt idx="5625">
                  <c:v>93.762917000004137</c:v>
                </c:pt>
                <c:pt idx="5626">
                  <c:v>93.779583000004138</c:v>
                </c:pt>
                <c:pt idx="5627">
                  <c:v>93.796249000004138</c:v>
                </c:pt>
                <c:pt idx="5628">
                  <c:v>93.812915000004139</c:v>
                </c:pt>
                <c:pt idx="5629">
                  <c:v>93.82958100000414</c:v>
                </c:pt>
                <c:pt idx="5630">
                  <c:v>93.846247000004141</c:v>
                </c:pt>
                <c:pt idx="5631">
                  <c:v>93.862913000004141</c:v>
                </c:pt>
                <c:pt idx="5632">
                  <c:v>93.879579000004142</c:v>
                </c:pt>
                <c:pt idx="5633">
                  <c:v>93.896245000004143</c:v>
                </c:pt>
                <c:pt idx="5634">
                  <c:v>93.912911000004144</c:v>
                </c:pt>
                <c:pt idx="5635">
                  <c:v>93.929577000004144</c:v>
                </c:pt>
                <c:pt idx="5636">
                  <c:v>93.946243000004145</c:v>
                </c:pt>
                <c:pt idx="5637">
                  <c:v>93.962909000004146</c:v>
                </c:pt>
                <c:pt idx="5638">
                  <c:v>93.979575000004147</c:v>
                </c:pt>
                <c:pt idx="5639">
                  <c:v>93.996241000004147</c:v>
                </c:pt>
                <c:pt idx="5640">
                  <c:v>94.012907000004148</c:v>
                </c:pt>
                <c:pt idx="5641">
                  <c:v>94.029573000004149</c:v>
                </c:pt>
                <c:pt idx="5642">
                  <c:v>94.046239000004149</c:v>
                </c:pt>
                <c:pt idx="5643">
                  <c:v>94.06290500000415</c:v>
                </c:pt>
                <c:pt idx="5644">
                  <c:v>94.079571000004151</c:v>
                </c:pt>
                <c:pt idx="5645">
                  <c:v>94.096237000004152</c:v>
                </c:pt>
                <c:pt idx="5646">
                  <c:v>94.112903000004152</c:v>
                </c:pt>
                <c:pt idx="5647">
                  <c:v>94.129569000004153</c:v>
                </c:pt>
                <c:pt idx="5648">
                  <c:v>94.146235000004154</c:v>
                </c:pt>
                <c:pt idx="5649">
                  <c:v>94.162901000004155</c:v>
                </c:pt>
                <c:pt idx="5650">
                  <c:v>94.179567000004155</c:v>
                </c:pt>
                <c:pt idx="5651">
                  <c:v>94.196233000004156</c:v>
                </c:pt>
                <c:pt idx="5652">
                  <c:v>94.212899000004157</c:v>
                </c:pt>
                <c:pt idx="5653">
                  <c:v>94.229565000004158</c:v>
                </c:pt>
                <c:pt idx="5654">
                  <c:v>94.246231000004158</c:v>
                </c:pt>
                <c:pt idx="5655">
                  <c:v>94.262897000004159</c:v>
                </c:pt>
                <c:pt idx="5656">
                  <c:v>94.27956300000416</c:v>
                </c:pt>
                <c:pt idx="5657">
                  <c:v>94.296229000004161</c:v>
                </c:pt>
                <c:pt idx="5658">
                  <c:v>94.312895000004161</c:v>
                </c:pt>
                <c:pt idx="5659">
                  <c:v>94.329561000004162</c:v>
                </c:pt>
                <c:pt idx="5660">
                  <c:v>94.346227000004163</c:v>
                </c:pt>
                <c:pt idx="5661">
                  <c:v>94.362893000004163</c:v>
                </c:pt>
                <c:pt idx="5662">
                  <c:v>94.379559000004164</c:v>
                </c:pt>
                <c:pt idx="5663">
                  <c:v>94.396225000004165</c:v>
                </c:pt>
                <c:pt idx="5664">
                  <c:v>94.412891000004166</c:v>
                </c:pt>
                <c:pt idx="5665">
                  <c:v>94.429557000004166</c:v>
                </c:pt>
                <c:pt idx="5666">
                  <c:v>94.446223000004167</c:v>
                </c:pt>
                <c:pt idx="5667">
                  <c:v>94.462889000004168</c:v>
                </c:pt>
                <c:pt idx="5668">
                  <c:v>94.479555000004169</c:v>
                </c:pt>
                <c:pt idx="5669">
                  <c:v>94.496221000004169</c:v>
                </c:pt>
                <c:pt idx="5670">
                  <c:v>94.51288700000417</c:v>
                </c:pt>
                <c:pt idx="5671">
                  <c:v>94.529553000004171</c:v>
                </c:pt>
                <c:pt idx="5672">
                  <c:v>94.546219000004172</c:v>
                </c:pt>
                <c:pt idx="5673">
                  <c:v>94.562885000004172</c:v>
                </c:pt>
                <c:pt idx="5674">
                  <c:v>94.579551000004173</c:v>
                </c:pt>
                <c:pt idx="5675">
                  <c:v>94.596217000004174</c:v>
                </c:pt>
                <c:pt idx="5676">
                  <c:v>94.612883000004175</c:v>
                </c:pt>
                <c:pt idx="5677">
                  <c:v>94.629549000004175</c:v>
                </c:pt>
                <c:pt idx="5678">
                  <c:v>94.646215000004176</c:v>
                </c:pt>
                <c:pt idx="5679">
                  <c:v>94.662881000004177</c:v>
                </c:pt>
                <c:pt idx="5680">
                  <c:v>94.679547000004177</c:v>
                </c:pt>
                <c:pt idx="5681">
                  <c:v>94.696213000004178</c:v>
                </c:pt>
                <c:pt idx="5682">
                  <c:v>94.712879000004179</c:v>
                </c:pt>
                <c:pt idx="5683">
                  <c:v>94.72954500000418</c:v>
                </c:pt>
                <c:pt idx="5684">
                  <c:v>94.74621100000418</c:v>
                </c:pt>
                <c:pt idx="5685">
                  <c:v>94.762877000004181</c:v>
                </c:pt>
                <c:pt idx="5686">
                  <c:v>94.779543000004182</c:v>
                </c:pt>
                <c:pt idx="5687">
                  <c:v>94.796209000004183</c:v>
                </c:pt>
                <c:pt idx="5688">
                  <c:v>94.812875000004183</c:v>
                </c:pt>
                <c:pt idx="5689">
                  <c:v>94.829541000004184</c:v>
                </c:pt>
                <c:pt idx="5690">
                  <c:v>94.846207000004185</c:v>
                </c:pt>
                <c:pt idx="5691">
                  <c:v>94.862873000004186</c:v>
                </c:pt>
                <c:pt idx="5692">
                  <c:v>94.879539000004186</c:v>
                </c:pt>
                <c:pt idx="5693">
                  <c:v>94.896205000004187</c:v>
                </c:pt>
                <c:pt idx="5694">
                  <c:v>94.912871000004188</c:v>
                </c:pt>
                <c:pt idx="5695">
                  <c:v>94.929537000004188</c:v>
                </c:pt>
                <c:pt idx="5696">
                  <c:v>94.946203000004189</c:v>
                </c:pt>
                <c:pt idx="5697">
                  <c:v>94.96286900000419</c:v>
                </c:pt>
                <c:pt idx="5698">
                  <c:v>94.979535000004191</c:v>
                </c:pt>
                <c:pt idx="5699">
                  <c:v>94.996201000004191</c:v>
                </c:pt>
                <c:pt idx="5700">
                  <c:v>95.012867000004192</c:v>
                </c:pt>
                <c:pt idx="5701">
                  <c:v>95.029533000004193</c:v>
                </c:pt>
                <c:pt idx="5702">
                  <c:v>95.046199000004194</c:v>
                </c:pt>
                <c:pt idx="5703">
                  <c:v>95.062865000004194</c:v>
                </c:pt>
                <c:pt idx="5704">
                  <c:v>95.079531000004195</c:v>
                </c:pt>
                <c:pt idx="5705">
                  <c:v>95.096197000004196</c:v>
                </c:pt>
                <c:pt idx="5706">
                  <c:v>95.112863000004197</c:v>
                </c:pt>
                <c:pt idx="5707">
                  <c:v>95.129529000004197</c:v>
                </c:pt>
                <c:pt idx="5708">
                  <c:v>95.146195000004198</c:v>
                </c:pt>
                <c:pt idx="5709">
                  <c:v>95.162861000004199</c:v>
                </c:pt>
                <c:pt idx="5710">
                  <c:v>95.1795270000042</c:v>
                </c:pt>
                <c:pt idx="5711">
                  <c:v>95.1961930000042</c:v>
                </c:pt>
                <c:pt idx="5712">
                  <c:v>95.212859000004201</c:v>
                </c:pt>
                <c:pt idx="5713">
                  <c:v>95.229525000004202</c:v>
                </c:pt>
                <c:pt idx="5714">
                  <c:v>95.246191000004202</c:v>
                </c:pt>
                <c:pt idx="5715">
                  <c:v>95.262857000004203</c:v>
                </c:pt>
                <c:pt idx="5716">
                  <c:v>95.279523000004204</c:v>
                </c:pt>
                <c:pt idx="5717">
                  <c:v>95.296189000004205</c:v>
                </c:pt>
                <c:pt idx="5718">
                  <c:v>95.312855000004205</c:v>
                </c:pt>
                <c:pt idx="5719">
                  <c:v>95.329521000004206</c:v>
                </c:pt>
                <c:pt idx="5720">
                  <c:v>95.346187000004207</c:v>
                </c:pt>
                <c:pt idx="5721">
                  <c:v>95.362853000004208</c:v>
                </c:pt>
                <c:pt idx="5722">
                  <c:v>95.379519000004208</c:v>
                </c:pt>
                <c:pt idx="5723">
                  <c:v>95.396185000004209</c:v>
                </c:pt>
                <c:pt idx="5724">
                  <c:v>95.41285100000421</c:v>
                </c:pt>
                <c:pt idx="5725">
                  <c:v>95.429517000004211</c:v>
                </c:pt>
                <c:pt idx="5726">
                  <c:v>95.446183000004211</c:v>
                </c:pt>
                <c:pt idx="5727">
                  <c:v>95.462849000004212</c:v>
                </c:pt>
                <c:pt idx="5728">
                  <c:v>95.479515000004213</c:v>
                </c:pt>
                <c:pt idx="5729">
                  <c:v>95.496181000004214</c:v>
                </c:pt>
                <c:pt idx="5730">
                  <c:v>95.512847000004214</c:v>
                </c:pt>
                <c:pt idx="5731">
                  <c:v>95.529513000004215</c:v>
                </c:pt>
                <c:pt idx="5732">
                  <c:v>95.546179000004216</c:v>
                </c:pt>
                <c:pt idx="5733">
                  <c:v>95.562845000004216</c:v>
                </c:pt>
                <c:pt idx="5734">
                  <c:v>95.579511000004217</c:v>
                </c:pt>
                <c:pt idx="5735">
                  <c:v>95.596177000004218</c:v>
                </c:pt>
                <c:pt idx="5736">
                  <c:v>95.612843000004219</c:v>
                </c:pt>
                <c:pt idx="5737">
                  <c:v>95.629509000004219</c:v>
                </c:pt>
                <c:pt idx="5738">
                  <c:v>95.64617500000422</c:v>
                </c:pt>
                <c:pt idx="5739">
                  <c:v>95.662841000004221</c:v>
                </c:pt>
                <c:pt idx="5740">
                  <c:v>95.679507000004222</c:v>
                </c:pt>
                <c:pt idx="5741">
                  <c:v>95.696173000004222</c:v>
                </c:pt>
                <c:pt idx="5742">
                  <c:v>95.712839000004223</c:v>
                </c:pt>
                <c:pt idx="5743">
                  <c:v>95.729505000004224</c:v>
                </c:pt>
                <c:pt idx="5744">
                  <c:v>95.746171000004225</c:v>
                </c:pt>
                <c:pt idx="5745">
                  <c:v>95.762837000004225</c:v>
                </c:pt>
                <c:pt idx="5746">
                  <c:v>95.779503000004226</c:v>
                </c:pt>
                <c:pt idx="5747">
                  <c:v>95.796169000004227</c:v>
                </c:pt>
                <c:pt idx="5748">
                  <c:v>95.812835000004227</c:v>
                </c:pt>
                <c:pt idx="5749">
                  <c:v>95.829501000004228</c:v>
                </c:pt>
                <c:pt idx="5750">
                  <c:v>95.846167000004229</c:v>
                </c:pt>
                <c:pt idx="5751">
                  <c:v>95.86283300000423</c:v>
                </c:pt>
                <c:pt idx="5752">
                  <c:v>95.87949900000423</c:v>
                </c:pt>
                <c:pt idx="5753">
                  <c:v>95.896165000004231</c:v>
                </c:pt>
                <c:pt idx="5754">
                  <c:v>95.912831000004232</c:v>
                </c:pt>
                <c:pt idx="5755">
                  <c:v>95.929497000004233</c:v>
                </c:pt>
                <c:pt idx="5756">
                  <c:v>95.946163000004233</c:v>
                </c:pt>
                <c:pt idx="5757">
                  <c:v>95.962829000004234</c:v>
                </c:pt>
                <c:pt idx="5758">
                  <c:v>95.979495000004235</c:v>
                </c:pt>
                <c:pt idx="5759">
                  <c:v>95.996161000004236</c:v>
                </c:pt>
                <c:pt idx="5760">
                  <c:v>96.012827000004236</c:v>
                </c:pt>
                <c:pt idx="5761">
                  <c:v>96.029493000004237</c:v>
                </c:pt>
                <c:pt idx="5762">
                  <c:v>96.046159000004238</c:v>
                </c:pt>
                <c:pt idx="5763">
                  <c:v>96.062825000004239</c:v>
                </c:pt>
                <c:pt idx="5764">
                  <c:v>96.079491000004239</c:v>
                </c:pt>
                <c:pt idx="5765">
                  <c:v>96.09615700000424</c:v>
                </c:pt>
                <c:pt idx="5766">
                  <c:v>96.112823000004241</c:v>
                </c:pt>
                <c:pt idx="5767">
                  <c:v>96.129489000004241</c:v>
                </c:pt>
                <c:pt idx="5768">
                  <c:v>96.146155000004242</c:v>
                </c:pt>
                <c:pt idx="5769">
                  <c:v>96.162821000004243</c:v>
                </c:pt>
                <c:pt idx="5770">
                  <c:v>96.179487000004244</c:v>
                </c:pt>
                <c:pt idx="5771">
                  <c:v>96.196153000004244</c:v>
                </c:pt>
                <c:pt idx="5772">
                  <c:v>96.212819000004245</c:v>
                </c:pt>
                <c:pt idx="5773">
                  <c:v>96.229485000004246</c:v>
                </c:pt>
                <c:pt idx="5774">
                  <c:v>96.246151000004247</c:v>
                </c:pt>
                <c:pt idx="5775">
                  <c:v>96.262817000004247</c:v>
                </c:pt>
                <c:pt idx="5776">
                  <c:v>96.279483000004248</c:v>
                </c:pt>
                <c:pt idx="5777">
                  <c:v>96.296149000004249</c:v>
                </c:pt>
                <c:pt idx="5778">
                  <c:v>96.31281500000425</c:v>
                </c:pt>
                <c:pt idx="5779">
                  <c:v>96.32948100000425</c:v>
                </c:pt>
                <c:pt idx="5780">
                  <c:v>96.346147000004251</c:v>
                </c:pt>
                <c:pt idx="5781">
                  <c:v>96.362813000004252</c:v>
                </c:pt>
                <c:pt idx="5782">
                  <c:v>96.379479000004252</c:v>
                </c:pt>
                <c:pt idx="5783">
                  <c:v>96.396145000004253</c:v>
                </c:pt>
                <c:pt idx="5784">
                  <c:v>96.412811000004254</c:v>
                </c:pt>
                <c:pt idx="5785">
                  <c:v>96.429477000004255</c:v>
                </c:pt>
                <c:pt idx="5786">
                  <c:v>96.446143000004255</c:v>
                </c:pt>
                <c:pt idx="5787">
                  <c:v>96.462809000004256</c:v>
                </c:pt>
                <c:pt idx="5788">
                  <c:v>96.479475000004257</c:v>
                </c:pt>
                <c:pt idx="5789">
                  <c:v>96.496141000004258</c:v>
                </c:pt>
                <c:pt idx="5790">
                  <c:v>96.512807000004258</c:v>
                </c:pt>
                <c:pt idx="5791">
                  <c:v>96.529473000004259</c:v>
                </c:pt>
                <c:pt idx="5792">
                  <c:v>96.54613900000426</c:v>
                </c:pt>
                <c:pt idx="5793">
                  <c:v>96.562805000004261</c:v>
                </c:pt>
                <c:pt idx="5794">
                  <c:v>96.579471000004261</c:v>
                </c:pt>
                <c:pt idx="5795">
                  <c:v>96.596137000004262</c:v>
                </c:pt>
                <c:pt idx="5796">
                  <c:v>96.612803000004263</c:v>
                </c:pt>
                <c:pt idx="5797">
                  <c:v>96.629469000004264</c:v>
                </c:pt>
                <c:pt idx="5798">
                  <c:v>96.646135000004264</c:v>
                </c:pt>
                <c:pt idx="5799">
                  <c:v>96.662801000004265</c:v>
                </c:pt>
                <c:pt idx="5800">
                  <c:v>96.679467000004266</c:v>
                </c:pt>
                <c:pt idx="5801">
                  <c:v>96.696133000004266</c:v>
                </c:pt>
                <c:pt idx="5802">
                  <c:v>96.712799000004267</c:v>
                </c:pt>
                <c:pt idx="5803">
                  <c:v>96.729465000004268</c:v>
                </c:pt>
                <c:pt idx="5804">
                  <c:v>96.746131000004269</c:v>
                </c:pt>
                <c:pt idx="5805">
                  <c:v>96.762797000004269</c:v>
                </c:pt>
                <c:pt idx="5806">
                  <c:v>96.77946300000427</c:v>
                </c:pt>
                <c:pt idx="5807">
                  <c:v>96.796129000004271</c:v>
                </c:pt>
                <c:pt idx="5808">
                  <c:v>96.812795000004272</c:v>
                </c:pt>
                <c:pt idx="5809">
                  <c:v>96.829461000004272</c:v>
                </c:pt>
                <c:pt idx="5810">
                  <c:v>96.846127000004273</c:v>
                </c:pt>
                <c:pt idx="5811">
                  <c:v>96.862793000004274</c:v>
                </c:pt>
                <c:pt idx="5812">
                  <c:v>96.879459000004275</c:v>
                </c:pt>
                <c:pt idx="5813">
                  <c:v>96.896125000004275</c:v>
                </c:pt>
                <c:pt idx="5814">
                  <c:v>96.912791000004276</c:v>
                </c:pt>
                <c:pt idx="5815">
                  <c:v>96.929457000004277</c:v>
                </c:pt>
                <c:pt idx="5816">
                  <c:v>96.946123000004278</c:v>
                </c:pt>
                <c:pt idx="5817">
                  <c:v>96.962789000004278</c:v>
                </c:pt>
                <c:pt idx="5818">
                  <c:v>96.979455000004279</c:v>
                </c:pt>
                <c:pt idx="5819">
                  <c:v>96.99612100000428</c:v>
                </c:pt>
                <c:pt idx="5820">
                  <c:v>97.01278700000428</c:v>
                </c:pt>
                <c:pt idx="5821">
                  <c:v>97.029453000004281</c:v>
                </c:pt>
                <c:pt idx="5822">
                  <c:v>97.046119000004282</c:v>
                </c:pt>
                <c:pt idx="5823">
                  <c:v>97.062785000004283</c:v>
                </c:pt>
                <c:pt idx="5824">
                  <c:v>97.079451000004283</c:v>
                </c:pt>
                <c:pt idx="5825">
                  <c:v>97.096117000004284</c:v>
                </c:pt>
                <c:pt idx="5826">
                  <c:v>97.112783000004285</c:v>
                </c:pt>
                <c:pt idx="5827">
                  <c:v>97.129449000004286</c:v>
                </c:pt>
                <c:pt idx="5828">
                  <c:v>97.146115000004286</c:v>
                </c:pt>
                <c:pt idx="5829">
                  <c:v>97.162781000004287</c:v>
                </c:pt>
                <c:pt idx="5830">
                  <c:v>97.179447000004288</c:v>
                </c:pt>
                <c:pt idx="5831">
                  <c:v>97.196113000004289</c:v>
                </c:pt>
                <c:pt idx="5832">
                  <c:v>97.212779000004289</c:v>
                </c:pt>
                <c:pt idx="5833">
                  <c:v>97.22944500000429</c:v>
                </c:pt>
                <c:pt idx="5834">
                  <c:v>97.246111000004291</c:v>
                </c:pt>
                <c:pt idx="5835">
                  <c:v>97.262777000004291</c:v>
                </c:pt>
                <c:pt idx="5836">
                  <c:v>97.279443000004292</c:v>
                </c:pt>
                <c:pt idx="5837">
                  <c:v>97.296109000004293</c:v>
                </c:pt>
                <c:pt idx="5838">
                  <c:v>97.312775000004294</c:v>
                </c:pt>
                <c:pt idx="5839">
                  <c:v>97.329441000004294</c:v>
                </c:pt>
                <c:pt idx="5840">
                  <c:v>97.346107000004295</c:v>
                </c:pt>
                <c:pt idx="5841">
                  <c:v>97.362773000004296</c:v>
                </c:pt>
                <c:pt idx="5842">
                  <c:v>97.379439000004297</c:v>
                </c:pt>
                <c:pt idx="5843">
                  <c:v>97.396105000004297</c:v>
                </c:pt>
                <c:pt idx="5844">
                  <c:v>97.412771000004298</c:v>
                </c:pt>
                <c:pt idx="5845">
                  <c:v>97.429437000004299</c:v>
                </c:pt>
                <c:pt idx="5846">
                  <c:v>97.4461030000043</c:v>
                </c:pt>
                <c:pt idx="5847">
                  <c:v>97.4627690000043</c:v>
                </c:pt>
                <c:pt idx="5848">
                  <c:v>97.479435000004301</c:v>
                </c:pt>
                <c:pt idx="5849">
                  <c:v>97.496101000004302</c:v>
                </c:pt>
                <c:pt idx="5850">
                  <c:v>97.512767000004303</c:v>
                </c:pt>
                <c:pt idx="5851">
                  <c:v>97.529433000004303</c:v>
                </c:pt>
                <c:pt idx="5852">
                  <c:v>97.546099000004304</c:v>
                </c:pt>
                <c:pt idx="5853">
                  <c:v>97.562765000004305</c:v>
                </c:pt>
                <c:pt idx="5854">
                  <c:v>97.579431000004305</c:v>
                </c:pt>
                <c:pt idx="5855">
                  <c:v>97.596097000004306</c:v>
                </c:pt>
                <c:pt idx="5856">
                  <c:v>97.612763000004307</c:v>
                </c:pt>
                <c:pt idx="5857">
                  <c:v>97.629429000004308</c:v>
                </c:pt>
                <c:pt idx="5858">
                  <c:v>97.646095000004308</c:v>
                </c:pt>
                <c:pt idx="5859">
                  <c:v>97.662761000004309</c:v>
                </c:pt>
                <c:pt idx="5860">
                  <c:v>97.67942700000431</c:v>
                </c:pt>
                <c:pt idx="5861">
                  <c:v>97.696093000004311</c:v>
                </c:pt>
                <c:pt idx="5862">
                  <c:v>97.712759000004311</c:v>
                </c:pt>
                <c:pt idx="5863">
                  <c:v>97.729425000004312</c:v>
                </c:pt>
                <c:pt idx="5864">
                  <c:v>97.746091000004313</c:v>
                </c:pt>
                <c:pt idx="5865">
                  <c:v>97.762757000004314</c:v>
                </c:pt>
                <c:pt idx="5866">
                  <c:v>97.779423000004314</c:v>
                </c:pt>
                <c:pt idx="5867">
                  <c:v>97.796089000004315</c:v>
                </c:pt>
                <c:pt idx="5868">
                  <c:v>97.812755000004316</c:v>
                </c:pt>
                <c:pt idx="5869">
                  <c:v>97.829421000004317</c:v>
                </c:pt>
                <c:pt idx="5870">
                  <c:v>97.846087000004317</c:v>
                </c:pt>
                <c:pt idx="5871">
                  <c:v>97.862753000004318</c:v>
                </c:pt>
                <c:pt idx="5872">
                  <c:v>97.879419000004319</c:v>
                </c:pt>
                <c:pt idx="5873">
                  <c:v>97.896085000004319</c:v>
                </c:pt>
                <c:pt idx="5874">
                  <c:v>97.91275100000432</c:v>
                </c:pt>
                <c:pt idx="5875">
                  <c:v>97.929417000004321</c:v>
                </c:pt>
                <c:pt idx="5876">
                  <c:v>97.946083000004322</c:v>
                </c:pt>
                <c:pt idx="5877">
                  <c:v>97.962749000004322</c:v>
                </c:pt>
                <c:pt idx="5878">
                  <c:v>97.979415000004323</c:v>
                </c:pt>
                <c:pt idx="5879">
                  <c:v>97.996081000004324</c:v>
                </c:pt>
                <c:pt idx="5880">
                  <c:v>98.012747000004325</c:v>
                </c:pt>
                <c:pt idx="5881">
                  <c:v>98.029413000004325</c:v>
                </c:pt>
                <c:pt idx="5882">
                  <c:v>98.046079000004326</c:v>
                </c:pt>
                <c:pt idx="5883">
                  <c:v>98.062745000004327</c:v>
                </c:pt>
                <c:pt idx="5884">
                  <c:v>98.079411000004328</c:v>
                </c:pt>
                <c:pt idx="5885">
                  <c:v>98.096077000004328</c:v>
                </c:pt>
                <c:pt idx="5886">
                  <c:v>98.112743000004329</c:v>
                </c:pt>
                <c:pt idx="5887">
                  <c:v>98.12940900000433</c:v>
                </c:pt>
                <c:pt idx="5888">
                  <c:v>98.14607500000433</c:v>
                </c:pt>
                <c:pt idx="5889">
                  <c:v>98.162741000004331</c:v>
                </c:pt>
                <c:pt idx="5890">
                  <c:v>98.179407000004332</c:v>
                </c:pt>
                <c:pt idx="5891">
                  <c:v>98.196073000004333</c:v>
                </c:pt>
                <c:pt idx="5892">
                  <c:v>98.212739000004333</c:v>
                </c:pt>
                <c:pt idx="5893">
                  <c:v>98.229405000004334</c:v>
                </c:pt>
                <c:pt idx="5894">
                  <c:v>98.246071000004335</c:v>
                </c:pt>
                <c:pt idx="5895">
                  <c:v>98.262737000004336</c:v>
                </c:pt>
                <c:pt idx="5896">
                  <c:v>98.279403000004336</c:v>
                </c:pt>
                <c:pt idx="5897">
                  <c:v>98.296069000004337</c:v>
                </c:pt>
                <c:pt idx="5898">
                  <c:v>98.312735000004338</c:v>
                </c:pt>
                <c:pt idx="5899">
                  <c:v>98.329401000004339</c:v>
                </c:pt>
                <c:pt idx="5900">
                  <c:v>98.346067000004339</c:v>
                </c:pt>
                <c:pt idx="5901">
                  <c:v>98.36273300000434</c:v>
                </c:pt>
                <c:pt idx="5902">
                  <c:v>98.379399000004341</c:v>
                </c:pt>
                <c:pt idx="5903">
                  <c:v>98.396065000004342</c:v>
                </c:pt>
                <c:pt idx="5904">
                  <c:v>98.412731000004342</c:v>
                </c:pt>
                <c:pt idx="5905">
                  <c:v>98.429397000004343</c:v>
                </c:pt>
                <c:pt idx="5906">
                  <c:v>98.446063000004344</c:v>
                </c:pt>
                <c:pt idx="5907">
                  <c:v>98.462729000004344</c:v>
                </c:pt>
                <c:pt idx="5908">
                  <c:v>98.479395000004345</c:v>
                </c:pt>
                <c:pt idx="5909">
                  <c:v>98.496061000004346</c:v>
                </c:pt>
                <c:pt idx="5910">
                  <c:v>98.512727000004347</c:v>
                </c:pt>
                <c:pt idx="5911">
                  <c:v>98.529393000004347</c:v>
                </c:pt>
                <c:pt idx="5912">
                  <c:v>98.546059000004348</c:v>
                </c:pt>
                <c:pt idx="5913">
                  <c:v>98.562725000004349</c:v>
                </c:pt>
                <c:pt idx="5914">
                  <c:v>98.57939100000435</c:v>
                </c:pt>
                <c:pt idx="5915">
                  <c:v>98.59605700000435</c:v>
                </c:pt>
                <c:pt idx="5916">
                  <c:v>98.612723000004351</c:v>
                </c:pt>
                <c:pt idx="5917">
                  <c:v>98.629389000004352</c:v>
                </c:pt>
                <c:pt idx="5918">
                  <c:v>98.646055000004353</c:v>
                </c:pt>
                <c:pt idx="5919">
                  <c:v>98.662721000004353</c:v>
                </c:pt>
                <c:pt idx="5920">
                  <c:v>98.679387000004354</c:v>
                </c:pt>
                <c:pt idx="5921">
                  <c:v>98.696053000004355</c:v>
                </c:pt>
                <c:pt idx="5922">
                  <c:v>98.712719000004356</c:v>
                </c:pt>
                <c:pt idx="5923">
                  <c:v>98.729385000004356</c:v>
                </c:pt>
                <c:pt idx="5924">
                  <c:v>98.746051000004357</c:v>
                </c:pt>
                <c:pt idx="5925">
                  <c:v>98.762717000004358</c:v>
                </c:pt>
                <c:pt idx="5926">
                  <c:v>98.779383000004358</c:v>
                </c:pt>
                <c:pt idx="5927">
                  <c:v>98.796049000004359</c:v>
                </c:pt>
                <c:pt idx="5928">
                  <c:v>98.81271500000436</c:v>
                </c:pt>
                <c:pt idx="5929">
                  <c:v>98.829381000004361</c:v>
                </c:pt>
                <c:pt idx="5930">
                  <c:v>98.846047000004361</c:v>
                </c:pt>
                <c:pt idx="5931">
                  <c:v>98.862713000004362</c:v>
                </c:pt>
                <c:pt idx="5932">
                  <c:v>98.879379000004363</c:v>
                </c:pt>
                <c:pt idx="5933">
                  <c:v>98.896045000004364</c:v>
                </c:pt>
                <c:pt idx="5934">
                  <c:v>98.912711000004364</c:v>
                </c:pt>
                <c:pt idx="5935">
                  <c:v>98.929377000004365</c:v>
                </c:pt>
                <c:pt idx="5936">
                  <c:v>98.946043000004366</c:v>
                </c:pt>
                <c:pt idx="5937">
                  <c:v>98.962709000004367</c:v>
                </c:pt>
                <c:pt idx="5938">
                  <c:v>98.979375000004367</c:v>
                </c:pt>
                <c:pt idx="5939">
                  <c:v>98.996041000004368</c:v>
                </c:pt>
                <c:pt idx="5940">
                  <c:v>99.012707000004369</c:v>
                </c:pt>
                <c:pt idx="5941">
                  <c:v>99.029373000004369</c:v>
                </c:pt>
                <c:pt idx="5942">
                  <c:v>99.04603900000437</c:v>
                </c:pt>
                <c:pt idx="5943">
                  <c:v>99.062705000004371</c:v>
                </c:pt>
                <c:pt idx="5944">
                  <c:v>99.079371000004372</c:v>
                </c:pt>
                <c:pt idx="5945">
                  <c:v>99.096037000004372</c:v>
                </c:pt>
                <c:pt idx="5946">
                  <c:v>99.112703000004373</c:v>
                </c:pt>
                <c:pt idx="5947">
                  <c:v>99.129369000004374</c:v>
                </c:pt>
                <c:pt idx="5948">
                  <c:v>99.146035000004375</c:v>
                </c:pt>
                <c:pt idx="5949">
                  <c:v>99.162701000004375</c:v>
                </c:pt>
                <c:pt idx="5950">
                  <c:v>99.179367000004376</c:v>
                </c:pt>
                <c:pt idx="5951">
                  <c:v>99.196033000004377</c:v>
                </c:pt>
                <c:pt idx="5952">
                  <c:v>99.212699000004378</c:v>
                </c:pt>
                <c:pt idx="5953">
                  <c:v>99.229365000004378</c:v>
                </c:pt>
                <c:pt idx="5954">
                  <c:v>99.246031000004379</c:v>
                </c:pt>
                <c:pt idx="5955">
                  <c:v>99.26269700000438</c:v>
                </c:pt>
                <c:pt idx="5956">
                  <c:v>99.279363000004381</c:v>
                </c:pt>
                <c:pt idx="5957">
                  <c:v>99.296029000004381</c:v>
                </c:pt>
                <c:pt idx="5958">
                  <c:v>99.312695000004382</c:v>
                </c:pt>
                <c:pt idx="5959">
                  <c:v>99.329361000004383</c:v>
                </c:pt>
                <c:pt idx="5960">
                  <c:v>99.346027000004383</c:v>
                </c:pt>
                <c:pt idx="5961">
                  <c:v>99.362693000004384</c:v>
                </c:pt>
                <c:pt idx="5962">
                  <c:v>99.379359000004385</c:v>
                </c:pt>
                <c:pt idx="5963">
                  <c:v>99.396025000004386</c:v>
                </c:pt>
                <c:pt idx="5964">
                  <c:v>99.412691000004386</c:v>
                </c:pt>
                <c:pt idx="5965">
                  <c:v>99.429357000004387</c:v>
                </c:pt>
                <c:pt idx="5966">
                  <c:v>99.446023000004388</c:v>
                </c:pt>
                <c:pt idx="5967">
                  <c:v>99.462689000004389</c:v>
                </c:pt>
                <c:pt idx="5968">
                  <c:v>99.479355000004389</c:v>
                </c:pt>
                <c:pt idx="5969">
                  <c:v>99.49602100000439</c:v>
                </c:pt>
                <c:pt idx="5970">
                  <c:v>99.512687000004391</c:v>
                </c:pt>
                <c:pt idx="5971">
                  <c:v>99.529353000004392</c:v>
                </c:pt>
                <c:pt idx="5972">
                  <c:v>99.546019000004392</c:v>
                </c:pt>
                <c:pt idx="5973">
                  <c:v>99.562685000004393</c:v>
                </c:pt>
                <c:pt idx="5974">
                  <c:v>99.579351000004394</c:v>
                </c:pt>
                <c:pt idx="5975">
                  <c:v>99.596017000004395</c:v>
                </c:pt>
                <c:pt idx="5976">
                  <c:v>99.612683000004395</c:v>
                </c:pt>
                <c:pt idx="5977">
                  <c:v>99.629349000004396</c:v>
                </c:pt>
                <c:pt idx="5978">
                  <c:v>99.646015000004397</c:v>
                </c:pt>
                <c:pt idx="5979">
                  <c:v>99.662681000004397</c:v>
                </c:pt>
                <c:pt idx="5980">
                  <c:v>99.679347000004398</c:v>
                </c:pt>
                <c:pt idx="5981">
                  <c:v>99.696013000004399</c:v>
                </c:pt>
                <c:pt idx="5982">
                  <c:v>99.7126790000044</c:v>
                </c:pt>
                <c:pt idx="5983">
                  <c:v>99.7293450000044</c:v>
                </c:pt>
                <c:pt idx="5984">
                  <c:v>99.746011000004401</c:v>
                </c:pt>
                <c:pt idx="5985">
                  <c:v>99.762677000004402</c:v>
                </c:pt>
                <c:pt idx="5986">
                  <c:v>99.779343000004403</c:v>
                </c:pt>
                <c:pt idx="5987">
                  <c:v>99.796009000004403</c:v>
                </c:pt>
                <c:pt idx="5988">
                  <c:v>99.812675000004404</c:v>
                </c:pt>
                <c:pt idx="5989">
                  <c:v>99.829341000004405</c:v>
                </c:pt>
                <c:pt idx="5990">
                  <c:v>99.846007000004406</c:v>
                </c:pt>
                <c:pt idx="5991">
                  <c:v>99.862673000004406</c:v>
                </c:pt>
                <c:pt idx="5992">
                  <c:v>99.879339000004407</c:v>
                </c:pt>
                <c:pt idx="5993">
                  <c:v>99.896005000004408</c:v>
                </c:pt>
                <c:pt idx="5994">
                  <c:v>99.912671000004408</c:v>
                </c:pt>
                <c:pt idx="5995">
                  <c:v>99.929337000004409</c:v>
                </c:pt>
                <c:pt idx="5996">
                  <c:v>99.94600300000441</c:v>
                </c:pt>
                <c:pt idx="5997">
                  <c:v>99.962669000004411</c:v>
                </c:pt>
                <c:pt idx="5998">
                  <c:v>99.979335000004411</c:v>
                </c:pt>
                <c:pt idx="5999">
                  <c:v>99.996001000004412</c:v>
                </c:pt>
                <c:pt idx="6000">
                  <c:v>100.01266700000441</c:v>
                </c:pt>
                <c:pt idx="6001">
                  <c:v>100.02933300000441</c:v>
                </c:pt>
                <c:pt idx="6002">
                  <c:v>100.04599900000441</c:v>
                </c:pt>
                <c:pt idx="6003">
                  <c:v>100.06266500000442</c:v>
                </c:pt>
                <c:pt idx="6004">
                  <c:v>100.07933100000442</c:v>
                </c:pt>
                <c:pt idx="6005">
                  <c:v>100.09599700000442</c:v>
                </c:pt>
                <c:pt idx="6006">
                  <c:v>100.11266300000442</c:v>
                </c:pt>
                <c:pt idx="6007">
                  <c:v>100.12932900000442</c:v>
                </c:pt>
                <c:pt idx="6008">
                  <c:v>100.14599500000442</c:v>
                </c:pt>
                <c:pt idx="6009">
                  <c:v>100.16266100000442</c:v>
                </c:pt>
                <c:pt idx="6010">
                  <c:v>100.17932700000442</c:v>
                </c:pt>
                <c:pt idx="6011">
                  <c:v>100.19599300000442</c:v>
                </c:pt>
                <c:pt idx="6012">
                  <c:v>100.21265900000442</c:v>
                </c:pt>
                <c:pt idx="6013">
                  <c:v>100.22932500000442</c:v>
                </c:pt>
                <c:pt idx="6014">
                  <c:v>100.24599100000442</c:v>
                </c:pt>
                <c:pt idx="6015">
                  <c:v>100.26265700000442</c:v>
                </c:pt>
                <c:pt idx="6016">
                  <c:v>100.27932300000442</c:v>
                </c:pt>
                <c:pt idx="6017">
                  <c:v>100.29598900000443</c:v>
                </c:pt>
                <c:pt idx="6018">
                  <c:v>100.31265500000443</c:v>
                </c:pt>
                <c:pt idx="6019">
                  <c:v>100.32932100000443</c:v>
                </c:pt>
                <c:pt idx="6020">
                  <c:v>100.34598700000443</c:v>
                </c:pt>
                <c:pt idx="6021">
                  <c:v>100.36265300000443</c:v>
                </c:pt>
                <c:pt idx="6022">
                  <c:v>100.37931900000443</c:v>
                </c:pt>
                <c:pt idx="6023">
                  <c:v>100.39598500000443</c:v>
                </c:pt>
                <c:pt idx="6024">
                  <c:v>100.41265100000443</c:v>
                </c:pt>
                <c:pt idx="6025">
                  <c:v>100.42931700000443</c:v>
                </c:pt>
                <c:pt idx="6026">
                  <c:v>100.44598300000443</c:v>
                </c:pt>
                <c:pt idx="6027">
                  <c:v>100.46264900000443</c:v>
                </c:pt>
                <c:pt idx="6028">
                  <c:v>100.47931500000443</c:v>
                </c:pt>
                <c:pt idx="6029">
                  <c:v>100.49598100000443</c:v>
                </c:pt>
                <c:pt idx="6030">
                  <c:v>100.51264700000443</c:v>
                </c:pt>
                <c:pt idx="6031">
                  <c:v>100.52931300000444</c:v>
                </c:pt>
                <c:pt idx="6032">
                  <c:v>100.54597900000444</c:v>
                </c:pt>
                <c:pt idx="6033">
                  <c:v>100.56264500000444</c:v>
                </c:pt>
                <c:pt idx="6034">
                  <c:v>100.57931100000444</c:v>
                </c:pt>
                <c:pt idx="6035">
                  <c:v>100.59597700000444</c:v>
                </c:pt>
                <c:pt idx="6036">
                  <c:v>100.61264300000444</c:v>
                </c:pt>
                <c:pt idx="6037">
                  <c:v>100.62930900000444</c:v>
                </c:pt>
                <c:pt idx="6038">
                  <c:v>100.64597500000444</c:v>
                </c:pt>
                <c:pt idx="6039">
                  <c:v>100.66264100000444</c:v>
                </c:pt>
                <c:pt idx="6040">
                  <c:v>100.67930700000444</c:v>
                </c:pt>
                <c:pt idx="6041">
                  <c:v>100.69597300000444</c:v>
                </c:pt>
                <c:pt idx="6042">
                  <c:v>100.71263900000444</c:v>
                </c:pt>
                <c:pt idx="6043">
                  <c:v>100.72930500000444</c:v>
                </c:pt>
                <c:pt idx="6044">
                  <c:v>100.74597100000445</c:v>
                </c:pt>
                <c:pt idx="6045">
                  <c:v>100.76263700000445</c:v>
                </c:pt>
                <c:pt idx="6046">
                  <c:v>100.77930300000445</c:v>
                </c:pt>
                <c:pt idx="6047">
                  <c:v>100.79596900000445</c:v>
                </c:pt>
                <c:pt idx="6048">
                  <c:v>100.81263500000445</c:v>
                </c:pt>
                <c:pt idx="6049">
                  <c:v>100.82930100000445</c:v>
                </c:pt>
                <c:pt idx="6050">
                  <c:v>100.84596700000445</c:v>
                </c:pt>
                <c:pt idx="6051">
                  <c:v>100.86263300000445</c:v>
                </c:pt>
                <c:pt idx="6052">
                  <c:v>100.87929900000445</c:v>
                </c:pt>
                <c:pt idx="6053">
                  <c:v>100.89596500000445</c:v>
                </c:pt>
                <c:pt idx="6054">
                  <c:v>100.91263100000445</c:v>
                </c:pt>
                <c:pt idx="6055">
                  <c:v>100.92929700000445</c:v>
                </c:pt>
                <c:pt idx="6056">
                  <c:v>100.94596300000445</c:v>
                </c:pt>
                <c:pt idx="6057">
                  <c:v>100.96262900000445</c:v>
                </c:pt>
                <c:pt idx="6058">
                  <c:v>100.97929500000446</c:v>
                </c:pt>
                <c:pt idx="6059">
                  <c:v>100.99596100000446</c:v>
                </c:pt>
                <c:pt idx="6060">
                  <c:v>101.01262700000446</c:v>
                </c:pt>
                <c:pt idx="6061">
                  <c:v>101.02929300000446</c:v>
                </c:pt>
                <c:pt idx="6062">
                  <c:v>101.04595900000446</c:v>
                </c:pt>
                <c:pt idx="6063">
                  <c:v>101.06262500000446</c:v>
                </c:pt>
                <c:pt idx="6064">
                  <c:v>101.07929100000446</c:v>
                </c:pt>
                <c:pt idx="6065">
                  <c:v>101.09595700000446</c:v>
                </c:pt>
                <c:pt idx="6066">
                  <c:v>101.11262300000446</c:v>
                </c:pt>
                <c:pt idx="6067">
                  <c:v>101.12928900000446</c:v>
                </c:pt>
                <c:pt idx="6068">
                  <c:v>101.14595500000446</c:v>
                </c:pt>
                <c:pt idx="6069">
                  <c:v>101.16262100000446</c:v>
                </c:pt>
                <c:pt idx="6070">
                  <c:v>101.17928700000446</c:v>
                </c:pt>
                <c:pt idx="6071">
                  <c:v>101.19595300000447</c:v>
                </c:pt>
                <c:pt idx="6072">
                  <c:v>101.21261900000447</c:v>
                </c:pt>
                <c:pt idx="6073">
                  <c:v>101.22928500000447</c:v>
                </c:pt>
                <c:pt idx="6074">
                  <c:v>101.24595100000447</c:v>
                </c:pt>
                <c:pt idx="6075">
                  <c:v>101.26261700000447</c:v>
                </c:pt>
                <c:pt idx="6076">
                  <c:v>101.27928300000447</c:v>
                </c:pt>
                <c:pt idx="6077">
                  <c:v>101.29594900000447</c:v>
                </c:pt>
                <c:pt idx="6078">
                  <c:v>101.31261500000447</c:v>
                </c:pt>
                <c:pt idx="6079">
                  <c:v>101.32928100000447</c:v>
                </c:pt>
                <c:pt idx="6080">
                  <c:v>101.34594700000447</c:v>
                </c:pt>
                <c:pt idx="6081">
                  <c:v>101.36261300000447</c:v>
                </c:pt>
                <c:pt idx="6082">
                  <c:v>101.37927900000447</c:v>
                </c:pt>
                <c:pt idx="6083">
                  <c:v>101.39594500000447</c:v>
                </c:pt>
                <c:pt idx="6084">
                  <c:v>101.41261100000447</c:v>
                </c:pt>
                <c:pt idx="6085">
                  <c:v>101.42927700000448</c:v>
                </c:pt>
                <c:pt idx="6086">
                  <c:v>101.44594300000448</c:v>
                </c:pt>
                <c:pt idx="6087">
                  <c:v>101.46260900000448</c:v>
                </c:pt>
                <c:pt idx="6088">
                  <c:v>101.47927500000448</c:v>
                </c:pt>
                <c:pt idx="6089">
                  <c:v>101.49594100000448</c:v>
                </c:pt>
                <c:pt idx="6090">
                  <c:v>101.51260700000448</c:v>
                </c:pt>
                <c:pt idx="6091">
                  <c:v>101.52927300000448</c:v>
                </c:pt>
                <c:pt idx="6092">
                  <c:v>101.54593900000448</c:v>
                </c:pt>
                <c:pt idx="6093">
                  <c:v>101.56260500000448</c:v>
                </c:pt>
                <c:pt idx="6094">
                  <c:v>101.57927100000448</c:v>
                </c:pt>
                <c:pt idx="6095">
                  <c:v>101.59593700000448</c:v>
                </c:pt>
                <c:pt idx="6096">
                  <c:v>101.61260300000448</c:v>
                </c:pt>
                <c:pt idx="6097">
                  <c:v>101.62926900000448</c:v>
                </c:pt>
                <c:pt idx="6098">
                  <c:v>101.64593500000449</c:v>
                </c:pt>
                <c:pt idx="6099">
                  <c:v>101.66260100000449</c:v>
                </c:pt>
                <c:pt idx="6100">
                  <c:v>101.67926700000449</c:v>
                </c:pt>
                <c:pt idx="6101">
                  <c:v>101.69593300000449</c:v>
                </c:pt>
                <c:pt idx="6102">
                  <c:v>101.71259900000449</c:v>
                </c:pt>
                <c:pt idx="6103">
                  <c:v>101.72926500000449</c:v>
                </c:pt>
                <c:pt idx="6104">
                  <c:v>101.74593100000449</c:v>
                </c:pt>
                <c:pt idx="6105">
                  <c:v>101.76259700000449</c:v>
                </c:pt>
                <c:pt idx="6106">
                  <c:v>101.77926300000449</c:v>
                </c:pt>
                <c:pt idx="6107">
                  <c:v>101.79592900000449</c:v>
                </c:pt>
                <c:pt idx="6108">
                  <c:v>101.81259500000449</c:v>
                </c:pt>
                <c:pt idx="6109">
                  <c:v>101.82926100000449</c:v>
                </c:pt>
                <c:pt idx="6110">
                  <c:v>101.84592700000449</c:v>
                </c:pt>
                <c:pt idx="6111">
                  <c:v>101.86259300000449</c:v>
                </c:pt>
                <c:pt idx="6112">
                  <c:v>101.8792590000045</c:v>
                </c:pt>
                <c:pt idx="6113">
                  <c:v>101.8959250000045</c:v>
                </c:pt>
                <c:pt idx="6114">
                  <c:v>101.9125910000045</c:v>
                </c:pt>
                <c:pt idx="6115">
                  <c:v>101.9292570000045</c:v>
                </c:pt>
                <c:pt idx="6116">
                  <c:v>101.9459230000045</c:v>
                </c:pt>
                <c:pt idx="6117">
                  <c:v>101.9625890000045</c:v>
                </c:pt>
                <c:pt idx="6118">
                  <c:v>101.9792550000045</c:v>
                </c:pt>
                <c:pt idx="6119">
                  <c:v>101.9959210000045</c:v>
                </c:pt>
                <c:pt idx="6120">
                  <c:v>102.0125870000045</c:v>
                </c:pt>
                <c:pt idx="6121">
                  <c:v>102.0292530000045</c:v>
                </c:pt>
                <c:pt idx="6122">
                  <c:v>102.0459190000045</c:v>
                </c:pt>
                <c:pt idx="6123">
                  <c:v>102.0625850000045</c:v>
                </c:pt>
                <c:pt idx="6124">
                  <c:v>102.0792510000045</c:v>
                </c:pt>
                <c:pt idx="6125">
                  <c:v>102.0959170000045</c:v>
                </c:pt>
                <c:pt idx="6126">
                  <c:v>102.11258300000451</c:v>
                </c:pt>
                <c:pt idx="6127">
                  <c:v>102.12924900000451</c:v>
                </c:pt>
                <c:pt idx="6128">
                  <c:v>102.14591500000451</c:v>
                </c:pt>
                <c:pt idx="6129">
                  <c:v>102.16258100000451</c:v>
                </c:pt>
                <c:pt idx="6130">
                  <c:v>102.17924700000451</c:v>
                </c:pt>
                <c:pt idx="6131">
                  <c:v>102.19591300000451</c:v>
                </c:pt>
                <c:pt idx="6132">
                  <c:v>102.21257900000451</c:v>
                </c:pt>
                <c:pt idx="6133">
                  <c:v>102.22924500000451</c:v>
                </c:pt>
                <c:pt idx="6134">
                  <c:v>102.24591100000451</c:v>
                </c:pt>
                <c:pt idx="6135">
                  <c:v>102.26257700000451</c:v>
                </c:pt>
                <c:pt idx="6136">
                  <c:v>102.27924300000451</c:v>
                </c:pt>
                <c:pt idx="6137">
                  <c:v>102.29590900000451</c:v>
                </c:pt>
                <c:pt idx="6138">
                  <c:v>102.31257500000451</c:v>
                </c:pt>
                <c:pt idx="6139">
                  <c:v>102.32924100000452</c:v>
                </c:pt>
                <c:pt idx="6140">
                  <c:v>102.34590700000452</c:v>
                </c:pt>
                <c:pt idx="6141">
                  <c:v>102.36257300000452</c:v>
                </c:pt>
                <c:pt idx="6142">
                  <c:v>102.37923900000452</c:v>
                </c:pt>
                <c:pt idx="6143">
                  <c:v>102.39590500000452</c:v>
                </c:pt>
                <c:pt idx="6144">
                  <c:v>102.41257100000452</c:v>
                </c:pt>
                <c:pt idx="6145">
                  <c:v>102.42923700000452</c:v>
                </c:pt>
                <c:pt idx="6146">
                  <c:v>102.44590300000452</c:v>
                </c:pt>
                <c:pt idx="6147">
                  <c:v>102.46256900000452</c:v>
                </c:pt>
                <c:pt idx="6148">
                  <c:v>102.47923500000452</c:v>
                </c:pt>
                <c:pt idx="6149">
                  <c:v>102.49590100000452</c:v>
                </c:pt>
                <c:pt idx="6150">
                  <c:v>102.51256700000452</c:v>
                </c:pt>
                <c:pt idx="6151">
                  <c:v>102.52923300000452</c:v>
                </c:pt>
                <c:pt idx="6152">
                  <c:v>102.54589900000452</c:v>
                </c:pt>
                <c:pt idx="6153">
                  <c:v>102.56256500000453</c:v>
                </c:pt>
                <c:pt idx="6154">
                  <c:v>102.57923100000453</c:v>
                </c:pt>
                <c:pt idx="6155">
                  <c:v>102.59589700000453</c:v>
                </c:pt>
                <c:pt idx="6156">
                  <c:v>102.61256300000453</c:v>
                </c:pt>
                <c:pt idx="6157">
                  <c:v>102.62922900000453</c:v>
                </c:pt>
                <c:pt idx="6158">
                  <c:v>102.64589500000453</c:v>
                </c:pt>
                <c:pt idx="6159">
                  <c:v>102.66256100000453</c:v>
                </c:pt>
                <c:pt idx="6160">
                  <c:v>102.67922700000453</c:v>
                </c:pt>
                <c:pt idx="6161">
                  <c:v>102.69589300000453</c:v>
                </c:pt>
                <c:pt idx="6162">
                  <c:v>102.71255900000453</c:v>
                </c:pt>
                <c:pt idx="6163">
                  <c:v>102.72922500000453</c:v>
                </c:pt>
                <c:pt idx="6164">
                  <c:v>102.74589100000453</c:v>
                </c:pt>
                <c:pt idx="6165">
                  <c:v>102.76255700000453</c:v>
                </c:pt>
                <c:pt idx="6166">
                  <c:v>102.77922300000454</c:v>
                </c:pt>
                <c:pt idx="6167">
                  <c:v>102.79588900000454</c:v>
                </c:pt>
                <c:pt idx="6168">
                  <c:v>102.81255500000454</c:v>
                </c:pt>
                <c:pt idx="6169">
                  <c:v>102.82922100000454</c:v>
                </c:pt>
                <c:pt idx="6170">
                  <c:v>102.84588700000454</c:v>
                </c:pt>
                <c:pt idx="6171">
                  <c:v>102.86255300000454</c:v>
                </c:pt>
                <c:pt idx="6172">
                  <c:v>102.87921900000454</c:v>
                </c:pt>
                <c:pt idx="6173">
                  <c:v>102.89588500000454</c:v>
                </c:pt>
                <c:pt idx="6174">
                  <c:v>102.91255100000454</c:v>
                </c:pt>
                <c:pt idx="6175">
                  <c:v>102.92921700000454</c:v>
                </c:pt>
                <c:pt idx="6176">
                  <c:v>102.94588300000454</c:v>
                </c:pt>
                <c:pt idx="6177">
                  <c:v>102.96254900000454</c:v>
                </c:pt>
                <c:pt idx="6178">
                  <c:v>102.97921500000454</c:v>
                </c:pt>
                <c:pt idx="6179">
                  <c:v>102.99588100000454</c:v>
                </c:pt>
                <c:pt idx="6180">
                  <c:v>103.01254700000455</c:v>
                </c:pt>
                <c:pt idx="6181">
                  <c:v>103.02921300000455</c:v>
                </c:pt>
                <c:pt idx="6182">
                  <c:v>103.04587900000455</c:v>
                </c:pt>
                <c:pt idx="6183">
                  <c:v>103.06254500000455</c:v>
                </c:pt>
                <c:pt idx="6184">
                  <c:v>103.07921100000455</c:v>
                </c:pt>
                <c:pt idx="6185">
                  <c:v>103.09587700000455</c:v>
                </c:pt>
                <c:pt idx="6186">
                  <c:v>103.11254300000455</c:v>
                </c:pt>
                <c:pt idx="6187">
                  <c:v>103.12920900000455</c:v>
                </c:pt>
                <c:pt idx="6188">
                  <c:v>103.14587500000455</c:v>
                </c:pt>
                <c:pt idx="6189">
                  <c:v>103.16254100000455</c:v>
                </c:pt>
                <c:pt idx="6190">
                  <c:v>103.17920700000455</c:v>
                </c:pt>
                <c:pt idx="6191">
                  <c:v>103.19587300000455</c:v>
                </c:pt>
                <c:pt idx="6192">
                  <c:v>103.21253900000455</c:v>
                </c:pt>
                <c:pt idx="6193">
                  <c:v>103.22920500000455</c:v>
                </c:pt>
                <c:pt idx="6194">
                  <c:v>103.24587100000456</c:v>
                </c:pt>
                <c:pt idx="6195">
                  <c:v>103.26253700000456</c:v>
                </c:pt>
                <c:pt idx="6196">
                  <c:v>103.27920300000456</c:v>
                </c:pt>
                <c:pt idx="6197">
                  <c:v>103.29586900000456</c:v>
                </c:pt>
                <c:pt idx="6198">
                  <c:v>103.31253500000456</c:v>
                </c:pt>
                <c:pt idx="6199">
                  <c:v>103.32920100000456</c:v>
                </c:pt>
                <c:pt idx="6200">
                  <c:v>103.34586700000456</c:v>
                </c:pt>
                <c:pt idx="6201">
                  <c:v>103.36253300000456</c:v>
                </c:pt>
                <c:pt idx="6202">
                  <c:v>103.37919900000456</c:v>
                </c:pt>
                <c:pt idx="6203">
                  <c:v>103.39586500000456</c:v>
                </c:pt>
                <c:pt idx="6204">
                  <c:v>103.41253100000456</c:v>
                </c:pt>
                <c:pt idx="6205">
                  <c:v>103.42919700000456</c:v>
                </c:pt>
                <c:pt idx="6206">
                  <c:v>103.44586300000456</c:v>
                </c:pt>
                <c:pt idx="6207">
                  <c:v>103.46252900000457</c:v>
                </c:pt>
                <c:pt idx="6208">
                  <c:v>103.47919500000457</c:v>
                </c:pt>
                <c:pt idx="6209">
                  <c:v>103.49586100000457</c:v>
                </c:pt>
                <c:pt idx="6210">
                  <c:v>103.51252700000457</c:v>
                </c:pt>
                <c:pt idx="6211">
                  <c:v>103.52919300000457</c:v>
                </c:pt>
                <c:pt idx="6212">
                  <c:v>103.54585900000457</c:v>
                </c:pt>
                <c:pt idx="6213">
                  <c:v>103.56252500000457</c:v>
                </c:pt>
                <c:pt idx="6214">
                  <c:v>103.57919100000457</c:v>
                </c:pt>
                <c:pt idx="6215">
                  <c:v>103.59585700000457</c:v>
                </c:pt>
                <c:pt idx="6216">
                  <c:v>103.61252300000457</c:v>
                </c:pt>
                <c:pt idx="6217">
                  <c:v>103.62918900000457</c:v>
                </c:pt>
                <c:pt idx="6218">
                  <c:v>103.64585500000457</c:v>
                </c:pt>
                <c:pt idx="6219">
                  <c:v>103.66252100000457</c:v>
                </c:pt>
                <c:pt idx="6220">
                  <c:v>103.67918700000457</c:v>
                </c:pt>
                <c:pt idx="6221">
                  <c:v>103.69585300000458</c:v>
                </c:pt>
                <c:pt idx="6222">
                  <c:v>103.71251900000458</c:v>
                </c:pt>
                <c:pt idx="6223">
                  <c:v>103.72918500000458</c:v>
                </c:pt>
                <c:pt idx="6224">
                  <c:v>103.74585100000458</c:v>
                </c:pt>
                <c:pt idx="6225">
                  <c:v>103.76251700000458</c:v>
                </c:pt>
                <c:pt idx="6226">
                  <c:v>103.77918300000458</c:v>
                </c:pt>
                <c:pt idx="6227">
                  <c:v>103.79584900000458</c:v>
                </c:pt>
                <c:pt idx="6228">
                  <c:v>103.81251500000458</c:v>
                </c:pt>
                <c:pt idx="6229">
                  <c:v>103.82918100000458</c:v>
                </c:pt>
                <c:pt idx="6230">
                  <c:v>103.84584700000458</c:v>
                </c:pt>
                <c:pt idx="6231">
                  <c:v>103.86251300000458</c:v>
                </c:pt>
                <c:pt idx="6232">
                  <c:v>103.87917900000458</c:v>
                </c:pt>
                <c:pt idx="6233">
                  <c:v>103.89584500000458</c:v>
                </c:pt>
                <c:pt idx="6234">
                  <c:v>103.91251100000459</c:v>
                </c:pt>
                <c:pt idx="6235">
                  <c:v>103.92917700000459</c:v>
                </c:pt>
                <c:pt idx="6236">
                  <c:v>103.94584300000459</c:v>
                </c:pt>
                <c:pt idx="6237">
                  <c:v>103.96250900000459</c:v>
                </c:pt>
                <c:pt idx="6238">
                  <c:v>103.97917500000459</c:v>
                </c:pt>
                <c:pt idx="6239">
                  <c:v>103.99584100000459</c:v>
                </c:pt>
                <c:pt idx="6240">
                  <c:v>104.01250700000459</c:v>
                </c:pt>
                <c:pt idx="6241">
                  <c:v>104.02917300000459</c:v>
                </c:pt>
                <c:pt idx="6242">
                  <c:v>104.04583900000459</c:v>
                </c:pt>
                <c:pt idx="6243">
                  <c:v>104.06250500000459</c:v>
                </c:pt>
                <c:pt idx="6244">
                  <c:v>104.07917100000459</c:v>
                </c:pt>
                <c:pt idx="6245">
                  <c:v>104.09583700000459</c:v>
                </c:pt>
                <c:pt idx="6246">
                  <c:v>104.11250300000459</c:v>
                </c:pt>
                <c:pt idx="6247">
                  <c:v>104.12916900000459</c:v>
                </c:pt>
                <c:pt idx="6248">
                  <c:v>104.1458350000046</c:v>
                </c:pt>
                <c:pt idx="6249">
                  <c:v>104.1625010000046</c:v>
                </c:pt>
                <c:pt idx="6250">
                  <c:v>104.1791670000046</c:v>
                </c:pt>
                <c:pt idx="6251">
                  <c:v>104.1958330000046</c:v>
                </c:pt>
                <c:pt idx="6252">
                  <c:v>104.2124990000046</c:v>
                </c:pt>
                <c:pt idx="6253">
                  <c:v>104.2291650000046</c:v>
                </c:pt>
                <c:pt idx="6254">
                  <c:v>104.2458310000046</c:v>
                </c:pt>
                <c:pt idx="6255">
                  <c:v>104.2624970000046</c:v>
                </c:pt>
                <c:pt idx="6256">
                  <c:v>104.2791630000046</c:v>
                </c:pt>
                <c:pt idx="6257">
                  <c:v>104.2958290000046</c:v>
                </c:pt>
                <c:pt idx="6258">
                  <c:v>104.3124950000046</c:v>
                </c:pt>
                <c:pt idx="6259">
                  <c:v>104.3291610000046</c:v>
                </c:pt>
                <c:pt idx="6260">
                  <c:v>104.3458270000046</c:v>
                </c:pt>
                <c:pt idx="6261">
                  <c:v>104.3624930000046</c:v>
                </c:pt>
                <c:pt idx="6262">
                  <c:v>104.37915900000461</c:v>
                </c:pt>
                <c:pt idx="6263">
                  <c:v>104.39582500000461</c:v>
                </c:pt>
                <c:pt idx="6264">
                  <c:v>104.41249100000461</c:v>
                </c:pt>
                <c:pt idx="6265">
                  <c:v>104.42915700000461</c:v>
                </c:pt>
                <c:pt idx="6266">
                  <c:v>104.44582300000461</c:v>
                </c:pt>
                <c:pt idx="6267">
                  <c:v>104.46248900000461</c:v>
                </c:pt>
                <c:pt idx="6268">
                  <c:v>104.47915500000461</c:v>
                </c:pt>
                <c:pt idx="6269">
                  <c:v>104.49582100000461</c:v>
                </c:pt>
                <c:pt idx="6270">
                  <c:v>104.51248700000461</c:v>
                </c:pt>
                <c:pt idx="6271">
                  <c:v>104.52915300000461</c:v>
                </c:pt>
                <c:pt idx="6272">
                  <c:v>104.54581900000461</c:v>
                </c:pt>
                <c:pt idx="6273">
                  <c:v>104.56248500000461</c:v>
                </c:pt>
                <c:pt idx="6274">
                  <c:v>104.57915100000461</c:v>
                </c:pt>
                <c:pt idx="6275">
                  <c:v>104.59581700000462</c:v>
                </c:pt>
                <c:pt idx="6276">
                  <c:v>104.61248300000462</c:v>
                </c:pt>
                <c:pt idx="6277">
                  <c:v>104.62914900000462</c:v>
                </c:pt>
                <c:pt idx="6278">
                  <c:v>104.64581500000462</c:v>
                </c:pt>
                <c:pt idx="6279">
                  <c:v>104.66248100000462</c:v>
                </c:pt>
                <c:pt idx="6280">
                  <c:v>104.67914700000462</c:v>
                </c:pt>
                <c:pt idx="6281">
                  <c:v>104.69581300000462</c:v>
                </c:pt>
                <c:pt idx="6282">
                  <c:v>104.71247900000462</c:v>
                </c:pt>
                <c:pt idx="6283">
                  <c:v>104.72914500000462</c:v>
                </c:pt>
                <c:pt idx="6284">
                  <c:v>104.74581100000462</c:v>
                </c:pt>
                <c:pt idx="6285">
                  <c:v>104.76247700000462</c:v>
                </c:pt>
                <c:pt idx="6286">
                  <c:v>104.77914300000462</c:v>
                </c:pt>
                <c:pt idx="6287">
                  <c:v>104.79580900000462</c:v>
                </c:pt>
                <c:pt idx="6288">
                  <c:v>104.81247500000462</c:v>
                </c:pt>
                <c:pt idx="6289">
                  <c:v>104.82914100000463</c:v>
                </c:pt>
                <c:pt idx="6290">
                  <c:v>104.84580700000463</c:v>
                </c:pt>
                <c:pt idx="6291">
                  <c:v>104.86247300000463</c:v>
                </c:pt>
                <c:pt idx="6292">
                  <c:v>104.87913900000463</c:v>
                </c:pt>
                <c:pt idx="6293">
                  <c:v>104.89580500000463</c:v>
                </c:pt>
                <c:pt idx="6294">
                  <c:v>104.91247100000463</c:v>
                </c:pt>
                <c:pt idx="6295">
                  <c:v>104.92913700000463</c:v>
                </c:pt>
                <c:pt idx="6296">
                  <c:v>104.94580300000463</c:v>
                </c:pt>
                <c:pt idx="6297">
                  <c:v>104.96246900000463</c:v>
                </c:pt>
                <c:pt idx="6298">
                  <c:v>104.97913500000463</c:v>
                </c:pt>
                <c:pt idx="6299">
                  <c:v>104.99580100000463</c:v>
                </c:pt>
                <c:pt idx="6300">
                  <c:v>105.01246700000463</c:v>
                </c:pt>
                <c:pt idx="6301">
                  <c:v>105.02913300000463</c:v>
                </c:pt>
                <c:pt idx="6302">
                  <c:v>105.04579900000464</c:v>
                </c:pt>
                <c:pt idx="6303">
                  <c:v>105.06246500000464</c:v>
                </c:pt>
                <c:pt idx="6304">
                  <c:v>105.07913100000464</c:v>
                </c:pt>
                <c:pt idx="6305">
                  <c:v>105.09579700000464</c:v>
                </c:pt>
                <c:pt idx="6306">
                  <c:v>105.11246300000464</c:v>
                </c:pt>
                <c:pt idx="6307">
                  <c:v>105.12912900000464</c:v>
                </c:pt>
                <c:pt idx="6308">
                  <c:v>105.14579500000464</c:v>
                </c:pt>
                <c:pt idx="6309">
                  <c:v>105.16246100000464</c:v>
                </c:pt>
                <c:pt idx="6310">
                  <c:v>105.17912700000464</c:v>
                </c:pt>
                <c:pt idx="6311">
                  <c:v>105.19579300000464</c:v>
                </c:pt>
                <c:pt idx="6312">
                  <c:v>105.21245900000464</c:v>
                </c:pt>
                <c:pt idx="6313">
                  <c:v>105.22912500000464</c:v>
                </c:pt>
                <c:pt idx="6314">
                  <c:v>105.24579100000464</c:v>
                </c:pt>
                <c:pt idx="6315">
                  <c:v>105.26245700000464</c:v>
                </c:pt>
                <c:pt idx="6316">
                  <c:v>105.27912300000465</c:v>
                </c:pt>
                <c:pt idx="6317">
                  <c:v>105.29578900000465</c:v>
                </c:pt>
                <c:pt idx="6318">
                  <c:v>105.31245500000465</c:v>
                </c:pt>
                <c:pt idx="6319">
                  <c:v>105.32912100000465</c:v>
                </c:pt>
                <c:pt idx="6320">
                  <c:v>105.34578700000465</c:v>
                </c:pt>
                <c:pt idx="6321">
                  <c:v>105.36245300000465</c:v>
                </c:pt>
                <c:pt idx="6322">
                  <c:v>105.37911900000465</c:v>
                </c:pt>
                <c:pt idx="6323">
                  <c:v>105.39578500000465</c:v>
                </c:pt>
                <c:pt idx="6324">
                  <c:v>105.41245100000465</c:v>
                </c:pt>
                <c:pt idx="6325">
                  <c:v>105.42911700000465</c:v>
                </c:pt>
                <c:pt idx="6326">
                  <c:v>105.44578300000465</c:v>
                </c:pt>
                <c:pt idx="6327">
                  <c:v>105.46244900000465</c:v>
                </c:pt>
                <c:pt idx="6328">
                  <c:v>105.47911500000465</c:v>
                </c:pt>
                <c:pt idx="6329">
                  <c:v>105.49578100000465</c:v>
                </c:pt>
                <c:pt idx="6330">
                  <c:v>105.51244700000466</c:v>
                </c:pt>
                <c:pt idx="6331">
                  <c:v>105.52911300000466</c:v>
                </c:pt>
                <c:pt idx="6332">
                  <c:v>105.54577900000466</c:v>
                </c:pt>
                <c:pt idx="6333">
                  <c:v>105.56244500000466</c:v>
                </c:pt>
                <c:pt idx="6334">
                  <c:v>105.57911100000466</c:v>
                </c:pt>
                <c:pt idx="6335">
                  <c:v>105.59577700000466</c:v>
                </c:pt>
                <c:pt idx="6336">
                  <c:v>105.61244300000466</c:v>
                </c:pt>
                <c:pt idx="6337">
                  <c:v>105.62910900000466</c:v>
                </c:pt>
                <c:pt idx="6338">
                  <c:v>105.64577500000466</c:v>
                </c:pt>
                <c:pt idx="6339">
                  <c:v>105.66244100000466</c:v>
                </c:pt>
                <c:pt idx="6340">
                  <c:v>105.67910700000466</c:v>
                </c:pt>
                <c:pt idx="6341">
                  <c:v>105.69577300000466</c:v>
                </c:pt>
                <c:pt idx="6342">
                  <c:v>105.71243900000466</c:v>
                </c:pt>
                <c:pt idx="6343">
                  <c:v>105.72910500000467</c:v>
                </c:pt>
                <c:pt idx="6344">
                  <c:v>105.74577100000467</c:v>
                </c:pt>
                <c:pt idx="6345">
                  <c:v>105.76243700000467</c:v>
                </c:pt>
                <c:pt idx="6346">
                  <c:v>105.77910300000467</c:v>
                </c:pt>
                <c:pt idx="6347">
                  <c:v>105.79576900000467</c:v>
                </c:pt>
                <c:pt idx="6348">
                  <c:v>105.81243500000467</c:v>
                </c:pt>
                <c:pt idx="6349">
                  <c:v>105.82910100000467</c:v>
                </c:pt>
                <c:pt idx="6350">
                  <c:v>105.84576700000467</c:v>
                </c:pt>
                <c:pt idx="6351">
                  <c:v>105.86243300000467</c:v>
                </c:pt>
                <c:pt idx="6352">
                  <c:v>105.87909900000467</c:v>
                </c:pt>
                <c:pt idx="6353">
                  <c:v>105.89576500000467</c:v>
                </c:pt>
                <c:pt idx="6354">
                  <c:v>105.91243100000467</c:v>
                </c:pt>
                <c:pt idx="6355">
                  <c:v>105.92909700000467</c:v>
                </c:pt>
                <c:pt idx="6356">
                  <c:v>105.94576300000467</c:v>
                </c:pt>
                <c:pt idx="6357">
                  <c:v>105.96242900000468</c:v>
                </c:pt>
                <c:pt idx="6358">
                  <c:v>105.97909500000468</c:v>
                </c:pt>
                <c:pt idx="6359">
                  <c:v>105.99576100000468</c:v>
                </c:pt>
                <c:pt idx="6360">
                  <c:v>106.01242700000468</c:v>
                </c:pt>
                <c:pt idx="6361">
                  <c:v>106.02909300000468</c:v>
                </c:pt>
                <c:pt idx="6362">
                  <c:v>106.04575900000468</c:v>
                </c:pt>
                <c:pt idx="6363">
                  <c:v>106.06242500000468</c:v>
                </c:pt>
                <c:pt idx="6364">
                  <c:v>106.07909100000468</c:v>
                </c:pt>
                <c:pt idx="6365">
                  <c:v>106.09575700000468</c:v>
                </c:pt>
                <c:pt idx="6366">
                  <c:v>106.11242300000468</c:v>
                </c:pt>
                <c:pt idx="6367">
                  <c:v>106.12908900000468</c:v>
                </c:pt>
                <c:pt idx="6368">
                  <c:v>106.14575500000468</c:v>
                </c:pt>
                <c:pt idx="6369">
                  <c:v>106.16242100000468</c:v>
                </c:pt>
                <c:pt idx="6370">
                  <c:v>106.17908700000469</c:v>
                </c:pt>
                <c:pt idx="6371">
                  <c:v>106.19575300000469</c:v>
                </c:pt>
                <c:pt idx="6372">
                  <c:v>106.21241900000469</c:v>
                </c:pt>
                <c:pt idx="6373">
                  <c:v>106.22908500000469</c:v>
                </c:pt>
                <c:pt idx="6374">
                  <c:v>106.24575100000469</c:v>
                </c:pt>
                <c:pt idx="6375">
                  <c:v>106.26241700000469</c:v>
                </c:pt>
                <c:pt idx="6376">
                  <c:v>106.27908300000469</c:v>
                </c:pt>
                <c:pt idx="6377">
                  <c:v>106.29574900000469</c:v>
                </c:pt>
                <c:pt idx="6378">
                  <c:v>106.31241500000469</c:v>
                </c:pt>
                <c:pt idx="6379">
                  <c:v>106.32908100000469</c:v>
                </c:pt>
                <c:pt idx="6380">
                  <c:v>106.34574700000469</c:v>
                </c:pt>
                <c:pt idx="6381">
                  <c:v>106.36241300000469</c:v>
                </c:pt>
                <c:pt idx="6382">
                  <c:v>106.37907900000469</c:v>
                </c:pt>
                <c:pt idx="6383">
                  <c:v>106.39574500000469</c:v>
                </c:pt>
                <c:pt idx="6384">
                  <c:v>106.4124110000047</c:v>
                </c:pt>
                <c:pt idx="6385">
                  <c:v>106.4290770000047</c:v>
                </c:pt>
                <c:pt idx="6386">
                  <c:v>106.4457430000047</c:v>
                </c:pt>
                <c:pt idx="6387">
                  <c:v>106.4624090000047</c:v>
                </c:pt>
                <c:pt idx="6388">
                  <c:v>106.4790750000047</c:v>
                </c:pt>
                <c:pt idx="6389">
                  <c:v>106.4957410000047</c:v>
                </c:pt>
                <c:pt idx="6390">
                  <c:v>106.5124070000047</c:v>
                </c:pt>
                <c:pt idx="6391">
                  <c:v>106.5290730000047</c:v>
                </c:pt>
                <c:pt idx="6392">
                  <c:v>106.5457390000047</c:v>
                </c:pt>
                <c:pt idx="6393">
                  <c:v>106.5624050000047</c:v>
                </c:pt>
                <c:pt idx="6394">
                  <c:v>106.5790710000047</c:v>
                </c:pt>
                <c:pt idx="6395">
                  <c:v>106.5957370000047</c:v>
                </c:pt>
                <c:pt idx="6396">
                  <c:v>106.6124030000047</c:v>
                </c:pt>
                <c:pt idx="6397">
                  <c:v>106.62906900000471</c:v>
                </c:pt>
                <c:pt idx="6398">
                  <c:v>106.64573500000471</c:v>
                </c:pt>
                <c:pt idx="6399">
                  <c:v>106.66240100000471</c:v>
                </c:pt>
                <c:pt idx="6400">
                  <c:v>106.67906700000471</c:v>
                </c:pt>
                <c:pt idx="6401">
                  <c:v>106.69573300000471</c:v>
                </c:pt>
                <c:pt idx="6402">
                  <c:v>106.71239900000471</c:v>
                </c:pt>
                <c:pt idx="6403">
                  <c:v>106.72906500000471</c:v>
                </c:pt>
                <c:pt idx="6404">
                  <c:v>106.74573100000471</c:v>
                </c:pt>
                <c:pt idx="6405">
                  <c:v>106.76239700000471</c:v>
                </c:pt>
                <c:pt idx="6406">
                  <c:v>106.77906300000471</c:v>
                </c:pt>
                <c:pt idx="6407">
                  <c:v>106.79572900000471</c:v>
                </c:pt>
                <c:pt idx="6408">
                  <c:v>106.81239500000471</c:v>
                </c:pt>
                <c:pt idx="6409">
                  <c:v>106.82906100000471</c:v>
                </c:pt>
                <c:pt idx="6410">
                  <c:v>106.84572700000471</c:v>
                </c:pt>
                <c:pt idx="6411">
                  <c:v>106.86239300000472</c:v>
                </c:pt>
                <c:pt idx="6412">
                  <c:v>106.87905900000472</c:v>
                </c:pt>
                <c:pt idx="6413">
                  <c:v>106.89572500000472</c:v>
                </c:pt>
                <c:pt idx="6414">
                  <c:v>106.91239100000472</c:v>
                </c:pt>
                <c:pt idx="6415">
                  <c:v>106.92905700000472</c:v>
                </c:pt>
                <c:pt idx="6416">
                  <c:v>106.94572300000472</c:v>
                </c:pt>
                <c:pt idx="6417">
                  <c:v>106.96238900000472</c:v>
                </c:pt>
                <c:pt idx="6418">
                  <c:v>106.97905500000472</c:v>
                </c:pt>
                <c:pt idx="6419">
                  <c:v>106.99572100000472</c:v>
                </c:pt>
                <c:pt idx="6420">
                  <c:v>107.01238700000472</c:v>
                </c:pt>
                <c:pt idx="6421">
                  <c:v>107.02905300000472</c:v>
                </c:pt>
                <c:pt idx="6422">
                  <c:v>107.04571900000472</c:v>
                </c:pt>
                <c:pt idx="6423">
                  <c:v>107.06238500000472</c:v>
                </c:pt>
                <c:pt idx="6424">
                  <c:v>107.07905100000472</c:v>
                </c:pt>
                <c:pt idx="6425">
                  <c:v>107.09571700000473</c:v>
                </c:pt>
                <c:pt idx="6426">
                  <c:v>107.11238300000473</c:v>
                </c:pt>
                <c:pt idx="6427">
                  <c:v>107.12904900000473</c:v>
                </c:pt>
                <c:pt idx="6428">
                  <c:v>107.14571500000473</c:v>
                </c:pt>
                <c:pt idx="6429">
                  <c:v>107.16238100000473</c:v>
                </c:pt>
                <c:pt idx="6430">
                  <c:v>107.17904700000473</c:v>
                </c:pt>
                <c:pt idx="6431">
                  <c:v>107.19571300000473</c:v>
                </c:pt>
                <c:pt idx="6432">
                  <c:v>107.21237900000473</c:v>
                </c:pt>
                <c:pt idx="6433">
                  <c:v>107.22904500000473</c:v>
                </c:pt>
                <c:pt idx="6434">
                  <c:v>107.24571100000473</c:v>
                </c:pt>
                <c:pt idx="6435">
                  <c:v>107.26237700000473</c:v>
                </c:pt>
                <c:pt idx="6436">
                  <c:v>107.27904300000473</c:v>
                </c:pt>
                <c:pt idx="6437">
                  <c:v>107.29570900000473</c:v>
                </c:pt>
                <c:pt idx="6438">
                  <c:v>107.31237500000474</c:v>
                </c:pt>
                <c:pt idx="6439">
                  <c:v>107.32904100000474</c:v>
                </c:pt>
                <c:pt idx="6440">
                  <c:v>107.34570700000474</c:v>
                </c:pt>
                <c:pt idx="6441">
                  <c:v>107.36237300000474</c:v>
                </c:pt>
                <c:pt idx="6442">
                  <c:v>107.37903900000474</c:v>
                </c:pt>
                <c:pt idx="6443">
                  <c:v>107.39570500000474</c:v>
                </c:pt>
                <c:pt idx="6444">
                  <c:v>107.41237100000474</c:v>
                </c:pt>
                <c:pt idx="6445">
                  <c:v>107.42903700000474</c:v>
                </c:pt>
                <c:pt idx="6446">
                  <c:v>107.44570300000474</c:v>
                </c:pt>
                <c:pt idx="6447">
                  <c:v>107.46236900000474</c:v>
                </c:pt>
                <c:pt idx="6448">
                  <c:v>107.47903500000474</c:v>
                </c:pt>
                <c:pt idx="6449">
                  <c:v>107.49570100000474</c:v>
                </c:pt>
                <c:pt idx="6450">
                  <c:v>107.51236700000474</c:v>
                </c:pt>
                <c:pt idx="6451">
                  <c:v>107.52903300000474</c:v>
                </c:pt>
                <c:pt idx="6452">
                  <c:v>107.54569900000475</c:v>
                </c:pt>
                <c:pt idx="6453">
                  <c:v>107.56236500000475</c:v>
                </c:pt>
                <c:pt idx="6454">
                  <c:v>107.57903100000475</c:v>
                </c:pt>
                <c:pt idx="6455">
                  <c:v>107.59569700000475</c:v>
                </c:pt>
                <c:pt idx="6456">
                  <c:v>107.61236300000475</c:v>
                </c:pt>
                <c:pt idx="6457">
                  <c:v>107.62902900000475</c:v>
                </c:pt>
                <c:pt idx="6458">
                  <c:v>107.64569500000475</c:v>
                </c:pt>
                <c:pt idx="6459">
                  <c:v>107.66236100000475</c:v>
                </c:pt>
                <c:pt idx="6460">
                  <c:v>107.67902700000475</c:v>
                </c:pt>
                <c:pt idx="6461">
                  <c:v>107.69569300000475</c:v>
                </c:pt>
                <c:pt idx="6462">
                  <c:v>107.71235900000475</c:v>
                </c:pt>
                <c:pt idx="6463">
                  <c:v>107.72902500000475</c:v>
                </c:pt>
                <c:pt idx="6464">
                  <c:v>107.74569100000475</c:v>
                </c:pt>
                <c:pt idx="6465">
                  <c:v>107.76235700000476</c:v>
                </c:pt>
                <c:pt idx="6466">
                  <c:v>107.77902300000476</c:v>
                </c:pt>
                <c:pt idx="6467">
                  <c:v>107.79568900000476</c:v>
                </c:pt>
                <c:pt idx="6468">
                  <c:v>107.81235500000476</c:v>
                </c:pt>
                <c:pt idx="6469">
                  <c:v>107.82902100000476</c:v>
                </c:pt>
                <c:pt idx="6470">
                  <c:v>107.84568700000476</c:v>
                </c:pt>
                <c:pt idx="6471">
                  <c:v>107.86235300000476</c:v>
                </c:pt>
                <c:pt idx="6472">
                  <c:v>107.87901900000476</c:v>
                </c:pt>
                <c:pt idx="6473">
                  <c:v>107.89568500000476</c:v>
                </c:pt>
                <c:pt idx="6474">
                  <c:v>107.91235100000476</c:v>
                </c:pt>
                <c:pt idx="6475">
                  <c:v>107.92901700000476</c:v>
                </c:pt>
                <c:pt idx="6476">
                  <c:v>107.94568300000476</c:v>
                </c:pt>
                <c:pt idx="6477">
                  <c:v>107.96234900000476</c:v>
                </c:pt>
                <c:pt idx="6478">
                  <c:v>107.97901500000476</c:v>
                </c:pt>
                <c:pt idx="6479">
                  <c:v>107.99568100000477</c:v>
                </c:pt>
                <c:pt idx="6480">
                  <c:v>108.01234700000477</c:v>
                </c:pt>
                <c:pt idx="6481">
                  <c:v>108.02901300000477</c:v>
                </c:pt>
                <c:pt idx="6482">
                  <c:v>108.04567900000477</c:v>
                </c:pt>
                <c:pt idx="6483">
                  <c:v>108.06234500000477</c:v>
                </c:pt>
                <c:pt idx="6484">
                  <c:v>108.07901100000477</c:v>
                </c:pt>
                <c:pt idx="6485">
                  <c:v>108.09567700000477</c:v>
                </c:pt>
                <c:pt idx="6486">
                  <c:v>108.11234300000477</c:v>
                </c:pt>
                <c:pt idx="6487">
                  <c:v>108.12900900000477</c:v>
                </c:pt>
                <c:pt idx="6488">
                  <c:v>108.14567500000477</c:v>
                </c:pt>
                <c:pt idx="6489">
                  <c:v>108.16234100000477</c:v>
                </c:pt>
                <c:pt idx="6490">
                  <c:v>108.17900700000477</c:v>
                </c:pt>
                <c:pt idx="6491">
                  <c:v>108.19567300000477</c:v>
                </c:pt>
                <c:pt idx="6492">
                  <c:v>108.21233900000477</c:v>
                </c:pt>
                <c:pt idx="6493">
                  <c:v>108.22900500000478</c:v>
                </c:pt>
                <c:pt idx="6494">
                  <c:v>108.24567100000478</c:v>
                </c:pt>
                <c:pt idx="6495">
                  <c:v>108.26233700000478</c:v>
                </c:pt>
                <c:pt idx="6496">
                  <c:v>108.27900300000478</c:v>
                </c:pt>
                <c:pt idx="6497">
                  <c:v>108.29566900000478</c:v>
                </c:pt>
                <c:pt idx="6498">
                  <c:v>108.31233500000478</c:v>
                </c:pt>
                <c:pt idx="6499">
                  <c:v>108.32900100000478</c:v>
                </c:pt>
                <c:pt idx="6500">
                  <c:v>108.34566700000478</c:v>
                </c:pt>
                <c:pt idx="6501">
                  <c:v>108.36233300000478</c:v>
                </c:pt>
                <c:pt idx="6502">
                  <c:v>108.37899900000478</c:v>
                </c:pt>
                <c:pt idx="6503">
                  <c:v>108.39566500000478</c:v>
                </c:pt>
                <c:pt idx="6504">
                  <c:v>108.41233100000478</c:v>
                </c:pt>
                <c:pt idx="6505">
                  <c:v>108.42899700000478</c:v>
                </c:pt>
                <c:pt idx="6506">
                  <c:v>108.44566300000479</c:v>
                </c:pt>
                <c:pt idx="6507">
                  <c:v>108.46232900000479</c:v>
                </c:pt>
                <c:pt idx="6508">
                  <c:v>108.47899500000479</c:v>
                </c:pt>
                <c:pt idx="6509">
                  <c:v>108.49566100000479</c:v>
                </c:pt>
                <c:pt idx="6510">
                  <c:v>108.51232700000479</c:v>
                </c:pt>
                <c:pt idx="6511">
                  <c:v>108.52899300000479</c:v>
                </c:pt>
                <c:pt idx="6512">
                  <c:v>108.54565900000479</c:v>
                </c:pt>
                <c:pt idx="6513">
                  <c:v>108.56232500000479</c:v>
                </c:pt>
                <c:pt idx="6514">
                  <c:v>108.57899100000479</c:v>
                </c:pt>
                <c:pt idx="6515">
                  <c:v>108.59565700000479</c:v>
                </c:pt>
                <c:pt idx="6516">
                  <c:v>108.61232300000479</c:v>
                </c:pt>
                <c:pt idx="6517">
                  <c:v>108.62898900000479</c:v>
                </c:pt>
                <c:pt idx="6518">
                  <c:v>108.64565500000479</c:v>
                </c:pt>
                <c:pt idx="6519">
                  <c:v>108.66232100000479</c:v>
                </c:pt>
                <c:pt idx="6520">
                  <c:v>108.6789870000048</c:v>
                </c:pt>
                <c:pt idx="6521">
                  <c:v>108.6956530000048</c:v>
                </c:pt>
                <c:pt idx="6522">
                  <c:v>108.7123190000048</c:v>
                </c:pt>
                <c:pt idx="6523">
                  <c:v>108.7289850000048</c:v>
                </c:pt>
                <c:pt idx="6524">
                  <c:v>108.7456510000048</c:v>
                </c:pt>
                <c:pt idx="6525">
                  <c:v>108.7623170000048</c:v>
                </c:pt>
                <c:pt idx="6526">
                  <c:v>108.7789830000048</c:v>
                </c:pt>
                <c:pt idx="6527">
                  <c:v>108.7956490000048</c:v>
                </c:pt>
                <c:pt idx="6528">
                  <c:v>108.8123150000048</c:v>
                </c:pt>
                <c:pt idx="6529">
                  <c:v>108.8289810000048</c:v>
                </c:pt>
                <c:pt idx="6530">
                  <c:v>108.8456470000048</c:v>
                </c:pt>
                <c:pt idx="6531">
                  <c:v>108.8623130000048</c:v>
                </c:pt>
                <c:pt idx="6532">
                  <c:v>108.8789790000048</c:v>
                </c:pt>
                <c:pt idx="6533">
                  <c:v>108.89564500000481</c:v>
                </c:pt>
                <c:pt idx="6534">
                  <c:v>108.91231100000481</c:v>
                </c:pt>
                <c:pt idx="6535">
                  <c:v>108.92897700000481</c:v>
                </c:pt>
                <c:pt idx="6536">
                  <c:v>108.94564300000481</c:v>
                </c:pt>
                <c:pt idx="6537">
                  <c:v>108.96230900000481</c:v>
                </c:pt>
                <c:pt idx="6538">
                  <c:v>108.97897500000481</c:v>
                </c:pt>
                <c:pt idx="6539">
                  <c:v>108.99564100000481</c:v>
                </c:pt>
                <c:pt idx="6540">
                  <c:v>109.01230700000481</c:v>
                </c:pt>
                <c:pt idx="6541">
                  <c:v>109.02897300000481</c:v>
                </c:pt>
                <c:pt idx="6542">
                  <c:v>109.04563900000481</c:v>
                </c:pt>
                <c:pt idx="6543">
                  <c:v>109.06230500000481</c:v>
                </c:pt>
                <c:pt idx="6544">
                  <c:v>109.07897100000481</c:v>
                </c:pt>
                <c:pt idx="6545">
                  <c:v>109.09563700000481</c:v>
                </c:pt>
                <c:pt idx="6546">
                  <c:v>109.11230300000481</c:v>
                </c:pt>
                <c:pt idx="6547">
                  <c:v>109.12896900000482</c:v>
                </c:pt>
                <c:pt idx="6548">
                  <c:v>109.14563500000482</c:v>
                </c:pt>
                <c:pt idx="6549">
                  <c:v>109.16230100000482</c:v>
                </c:pt>
                <c:pt idx="6550">
                  <c:v>109.17896700000482</c:v>
                </c:pt>
                <c:pt idx="6551">
                  <c:v>109.19563300000482</c:v>
                </c:pt>
                <c:pt idx="6552">
                  <c:v>109.21229900000482</c:v>
                </c:pt>
                <c:pt idx="6553">
                  <c:v>109.22896500000482</c:v>
                </c:pt>
                <c:pt idx="6554">
                  <c:v>109.24563100000482</c:v>
                </c:pt>
                <c:pt idx="6555">
                  <c:v>109.26229700000482</c:v>
                </c:pt>
                <c:pt idx="6556">
                  <c:v>109.27896300000482</c:v>
                </c:pt>
                <c:pt idx="6557">
                  <c:v>109.29562900000482</c:v>
                </c:pt>
                <c:pt idx="6558">
                  <c:v>109.31229500000482</c:v>
                </c:pt>
                <c:pt idx="6559">
                  <c:v>109.32896100000482</c:v>
                </c:pt>
                <c:pt idx="6560">
                  <c:v>109.34562700000482</c:v>
                </c:pt>
                <c:pt idx="6561">
                  <c:v>109.36229300000483</c:v>
                </c:pt>
                <c:pt idx="6562">
                  <c:v>109.37895900000483</c:v>
                </c:pt>
                <c:pt idx="6563">
                  <c:v>109.39562500000483</c:v>
                </c:pt>
                <c:pt idx="6564">
                  <c:v>109.41229100000483</c:v>
                </c:pt>
                <c:pt idx="6565">
                  <c:v>109.42895700000483</c:v>
                </c:pt>
                <c:pt idx="6566">
                  <c:v>109.44562300000483</c:v>
                </c:pt>
                <c:pt idx="6567">
                  <c:v>109.46228900000483</c:v>
                </c:pt>
                <c:pt idx="6568">
                  <c:v>109.47895500000483</c:v>
                </c:pt>
                <c:pt idx="6569">
                  <c:v>109.49562100000483</c:v>
                </c:pt>
                <c:pt idx="6570">
                  <c:v>109.51228700000483</c:v>
                </c:pt>
                <c:pt idx="6571">
                  <c:v>109.52895300000483</c:v>
                </c:pt>
                <c:pt idx="6572">
                  <c:v>109.54561900000483</c:v>
                </c:pt>
                <c:pt idx="6573">
                  <c:v>109.56228500000483</c:v>
                </c:pt>
                <c:pt idx="6574">
                  <c:v>109.57895100000484</c:v>
                </c:pt>
                <c:pt idx="6575">
                  <c:v>109.59561700000484</c:v>
                </c:pt>
                <c:pt idx="6576">
                  <c:v>109.61228300000484</c:v>
                </c:pt>
                <c:pt idx="6577">
                  <c:v>109.62894900000484</c:v>
                </c:pt>
                <c:pt idx="6578">
                  <c:v>109.64561500000484</c:v>
                </c:pt>
                <c:pt idx="6579">
                  <c:v>109.66228100000484</c:v>
                </c:pt>
                <c:pt idx="6580">
                  <c:v>109.67894700000484</c:v>
                </c:pt>
                <c:pt idx="6581">
                  <c:v>109.69561300000484</c:v>
                </c:pt>
                <c:pt idx="6582">
                  <c:v>109.71227900000484</c:v>
                </c:pt>
                <c:pt idx="6583">
                  <c:v>109.72894500000484</c:v>
                </c:pt>
                <c:pt idx="6584">
                  <c:v>109.74561100000484</c:v>
                </c:pt>
                <c:pt idx="6585">
                  <c:v>109.76227700000484</c:v>
                </c:pt>
                <c:pt idx="6586">
                  <c:v>109.77894300000484</c:v>
                </c:pt>
                <c:pt idx="6587">
                  <c:v>109.79560900000484</c:v>
                </c:pt>
                <c:pt idx="6588">
                  <c:v>109.81227500000485</c:v>
                </c:pt>
                <c:pt idx="6589">
                  <c:v>109.82894100000485</c:v>
                </c:pt>
                <c:pt idx="6590">
                  <c:v>109.84560700000485</c:v>
                </c:pt>
                <c:pt idx="6591">
                  <c:v>109.86227300000485</c:v>
                </c:pt>
                <c:pt idx="6592">
                  <c:v>109.87893900000485</c:v>
                </c:pt>
                <c:pt idx="6593">
                  <c:v>109.89560500000485</c:v>
                </c:pt>
                <c:pt idx="6594">
                  <c:v>109.91227100000485</c:v>
                </c:pt>
                <c:pt idx="6595">
                  <c:v>109.92893700000485</c:v>
                </c:pt>
                <c:pt idx="6596">
                  <c:v>109.94560300000485</c:v>
                </c:pt>
                <c:pt idx="6597">
                  <c:v>109.96226900000485</c:v>
                </c:pt>
                <c:pt idx="6598">
                  <c:v>109.97893500000485</c:v>
                </c:pt>
                <c:pt idx="6599">
                  <c:v>109.99560100000485</c:v>
                </c:pt>
                <c:pt idx="6600">
                  <c:v>110.01226700000485</c:v>
                </c:pt>
                <c:pt idx="6601">
                  <c:v>110.02893300000486</c:v>
                </c:pt>
                <c:pt idx="6602">
                  <c:v>110.04559900000486</c:v>
                </c:pt>
                <c:pt idx="6603">
                  <c:v>110.06226500000486</c:v>
                </c:pt>
                <c:pt idx="6604">
                  <c:v>110.07893100000486</c:v>
                </c:pt>
                <c:pt idx="6605">
                  <c:v>110.09559700000486</c:v>
                </c:pt>
                <c:pt idx="6606">
                  <c:v>110.11226300000486</c:v>
                </c:pt>
                <c:pt idx="6607">
                  <c:v>110.12892900000486</c:v>
                </c:pt>
                <c:pt idx="6608">
                  <c:v>110.14559500000486</c:v>
                </c:pt>
                <c:pt idx="6609">
                  <c:v>110.16226100000486</c:v>
                </c:pt>
                <c:pt idx="6610">
                  <c:v>110.17892700000486</c:v>
                </c:pt>
                <c:pt idx="6611">
                  <c:v>110.19559300000486</c:v>
                </c:pt>
                <c:pt idx="6612">
                  <c:v>110.21225900000486</c:v>
                </c:pt>
                <c:pt idx="6613">
                  <c:v>110.22892500000486</c:v>
                </c:pt>
                <c:pt idx="6614">
                  <c:v>110.24559100000486</c:v>
                </c:pt>
                <c:pt idx="6615">
                  <c:v>110.26225700000487</c:v>
                </c:pt>
                <c:pt idx="6616">
                  <c:v>110.27892300000487</c:v>
                </c:pt>
                <c:pt idx="6617">
                  <c:v>110.29558900000487</c:v>
                </c:pt>
                <c:pt idx="6618">
                  <c:v>110.31225500000487</c:v>
                </c:pt>
                <c:pt idx="6619">
                  <c:v>110.32892100000487</c:v>
                </c:pt>
                <c:pt idx="6620">
                  <c:v>110.34558700000487</c:v>
                </c:pt>
                <c:pt idx="6621">
                  <c:v>110.36225300000487</c:v>
                </c:pt>
                <c:pt idx="6622">
                  <c:v>110.37891900000487</c:v>
                </c:pt>
                <c:pt idx="6623">
                  <c:v>110.39558500000487</c:v>
                </c:pt>
                <c:pt idx="6624">
                  <c:v>110.41225100000487</c:v>
                </c:pt>
                <c:pt idx="6625">
                  <c:v>110.42891700000487</c:v>
                </c:pt>
                <c:pt idx="6626">
                  <c:v>110.44558300000487</c:v>
                </c:pt>
                <c:pt idx="6627">
                  <c:v>110.46224900000487</c:v>
                </c:pt>
                <c:pt idx="6628">
                  <c:v>110.47891500000487</c:v>
                </c:pt>
                <c:pt idx="6629">
                  <c:v>110.49558100000488</c:v>
                </c:pt>
                <c:pt idx="6630">
                  <c:v>110.51224700000488</c:v>
                </c:pt>
                <c:pt idx="6631">
                  <c:v>110.52891300000488</c:v>
                </c:pt>
                <c:pt idx="6632">
                  <c:v>110.54557900000488</c:v>
                </c:pt>
                <c:pt idx="6633">
                  <c:v>110.56224500000488</c:v>
                </c:pt>
                <c:pt idx="6634">
                  <c:v>110.57891100000488</c:v>
                </c:pt>
                <c:pt idx="6635">
                  <c:v>110.59557700000488</c:v>
                </c:pt>
                <c:pt idx="6636">
                  <c:v>110.61224300000488</c:v>
                </c:pt>
                <c:pt idx="6637">
                  <c:v>110.62890900000488</c:v>
                </c:pt>
                <c:pt idx="6638">
                  <c:v>110.64557500000488</c:v>
                </c:pt>
                <c:pt idx="6639">
                  <c:v>110.66224100000488</c:v>
                </c:pt>
                <c:pt idx="6640">
                  <c:v>110.67890700000488</c:v>
                </c:pt>
                <c:pt idx="6641">
                  <c:v>110.69557300000488</c:v>
                </c:pt>
                <c:pt idx="6642">
                  <c:v>110.71223900000489</c:v>
                </c:pt>
                <c:pt idx="6643">
                  <c:v>110.72890500000489</c:v>
                </c:pt>
                <c:pt idx="6644">
                  <c:v>110.74557100000489</c:v>
                </c:pt>
                <c:pt idx="6645">
                  <c:v>110.76223700000489</c:v>
                </c:pt>
                <c:pt idx="6646">
                  <c:v>110.77890300000489</c:v>
                </c:pt>
                <c:pt idx="6647">
                  <c:v>110.79556900000489</c:v>
                </c:pt>
                <c:pt idx="6648">
                  <c:v>110.81223500000489</c:v>
                </c:pt>
                <c:pt idx="6649">
                  <c:v>110.82890100000489</c:v>
                </c:pt>
                <c:pt idx="6650">
                  <c:v>110.84556700000489</c:v>
                </c:pt>
                <c:pt idx="6651">
                  <c:v>110.86223300000489</c:v>
                </c:pt>
                <c:pt idx="6652">
                  <c:v>110.87889900000489</c:v>
                </c:pt>
                <c:pt idx="6653">
                  <c:v>110.89556500000489</c:v>
                </c:pt>
                <c:pt idx="6654">
                  <c:v>110.91223100000489</c:v>
                </c:pt>
                <c:pt idx="6655">
                  <c:v>110.92889700000489</c:v>
                </c:pt>
                <c:pt idx="6656">
                  <c:v>110.9455630000049</c:v>
                </c:pt>
                <c:pt idx="6657">
                  <c:v>110.9622290000049</c:v>
                </c:pt>
                <c:pt idx="6658">
                  <c:v>110.9788950000049</c:v>
                </c:pt>
                <c:pt idx="6659">
                  <c:v>110.9955610000049</c:v>
                </c:pt>
                <c:pt idx="6660">
                  <c:v>111.0122270000049</c:v>
                </c:pt>
                <c:pt idx="6661">
                  <c:v>111.0288930000049</c:v>
                </c:pt>
                <c:pt idx="6662">
                  <c:v>111.0455590000049</c:v>
                </c:pt>
                <c:pt idx="6663">
                  <c:v>111.0622250000049</c:v>
                </c:pt>
                <c:pt idx="6664">
                  <c:v>111.0788910000049</c:v>
                </c:pt>
                <c:pt idx="6665">
                  <c:v>111.0955570000049</c:v>
                </c:pt>
                <c:pt idx="6666">
                  <c:v>111.1122230000049</c:v>
                </c:pt>
                <c:pt idx="6667">
                  <c:v>111.1288890000049</c:v>
                </c:pt>
                <c:pt idx="6668">
                  <c:v>111.1455550000049</c:v>
                </c:pt>
                <c:pt idx="6669">
                  <c:v>111.16222100000491</c:v>
                </c:pt>
                <c:pt idx="6670">
                  <c:v>111.17888700000491</c:v>
                </c:pt>
                <c:pt idx="6671">
                  <c:v>111.19555300000491</c:v>
                </c:pt>
                <c:pt idx="6672">
                  <c:v>111.21221900000491</c:v>
                </c:pt>
                <c:pt idx="6673">
                  <c:v>111.22888500000491</c:v>
                </c:pt>
                <c:pt idx="6674">
                  <c:v>111.24555100000491</c:v>
                </c:pt>
                <c:pt idx="6675">
                  <c:v>111.26221700000491</c:v>
                </c:pt>
                <c:pt idx="6676">
                  <c:v>111.27888300000491</c:v>
                </c:pt>
                <c:pt idx="6677">
                  <c:v>111.29554900000491</c:v>
                </c:pt>
                <c:pt idx="6678">
                  <c:v>111.31221500000491</c:v>
                </c:pt>
                <c:pt idx="6679">
                  <c:v>111.32888100000491</c:v>
                </c:pt>
                <c:pt idx="6680">
                  <c:v>111.34554700000491</c:v>
                </c:pt>
                <c:pt idx="6681">
                  <c:v>111.36221300000491</c:v>
                </c:pt>
                <c:pt idx="6682">
                  <c:v>111.37887900000491</c:v>
                </c:pt>
                <c:pt idx="6683">
                  <c:v>111.39554500000492</c:v>
                </c:pt>
                <c:pt idx="6684">
                  <c:v>111.41221100000492</c:v>
                </c:pt>
                <c:pt idx="6685">
                  <c:v>111.42887700000492</c:v>
                </c:pt>
                <c:pt idx="6686">
                  <c:v>111.44554300000492</c:v>
                </c:pt>
                <c:pt idx="6687">
                  <c:v>111.46220900000492</c:v>
                </c:pt>
                <c:pt idx="6688">
                  <c:v>111.47887500000492</c:v>
                </c:pt>
                <c:pt idx="6689">
                  <c:v>111.49554100000492</c:v>
                </c:pt>
                <c:pt idx="6690">
                  <c:v>111.51220700000492</c:v>
                </c:pt>
                <c:pt idx="6691">
                  <c:v>111.52887300000492</c:v>
                </c:pt>
                <c:pt idx="6692">
                  <c:v>111.54553900000492</c:v>
                </c:pt>
                <c:pt idx="6693">
                  <c:v>111.56220500000492</c:v>
                </c:pt>
                <c:pt idx="6694">
                  <c:v>111.57887100000492</c:v>
                </c:pt>
                <c:pt idx="6695">
                  <c:v>111.59553700000492</c:v>
                </c:pt>
                <c:pt idx="6696">
                  <c:v>111.61220300000493</c:v>
                </c:pt>
                <c:pt idx="6697">
                  <c:v>111.62886900000493</c:v>
                </c:pt>
                <c:pt idx="6698">
                  <c:v>111.64553500000493</c:v>
                </c:pt>
                <c:pt idx="6699">
                  <c:v>111.66220100000493</c:v>
                </c:pt>
                <c:pt idx="6700">
                  <c:v>111.67886700000493</c:v>
                </c:pt>
                <c:pt idx="6701">
                  <c:v>111.69553300000493</c:v>
                </c:pt>
                <c:pt idx="6702">
                  <c:v>111.71219900000493</c:v>
                </c:pt>
                <c:pt idx="6703">
                  <c:v>111.72886500000493</c:v>
                </c:pt>
                <c:pt idx="6704">
                  <c:v>111.74553100000493</c:v>
                </c:pt>
                <c:pt idx="6705">
                  <c:v>111.76219700000493</c:v>
                </c:pt>
                <c:pt idx="6706">
                  <c:v>111.77886300000493</c:v>
                </c:pt>
                <c:pt idx="6707">
                  <c:v>111.79552900000493</c:v>
                </c:pt>
                <c:pt idx="6708">
                  <c:v>111.81219500000493</c:v>
                </c:pt>
                <c:pt idx="6709">
                  <c:v>111.82886100000493</c:v>
                </c:pt>
                <c:pt idx="6710">
                  <c:v>111.84552700000494</c:v>
                </c:pt>
                <c:pt idx="6711">
                  <c:v>111.86219300000494</c:v>
                </c:pt>
                <c:pt idx="6712">
                  <c:v>111.87885900000494</c:v>
                </c:pt>
                <c:pt idx="6713">
                  <c:v>111.89552500000494</c:v>
                </c:pt>
                <c:pt idx="6714">
                  <c:v>111.91219100000494</c:v>
                </c:pt>
                <c:pt idx="6715">
                  <c:v>111.92885700000494</c:v>
                </c:pt>
                <c:pt idx="6716">
                  <c:v>111.94552300000494</c:v>
                </c:pt>
                <c:pt idx="6717">
                  <c:v>111.96218900000494</c:v>
                </c:pt>
                <c:pt idx="6718">
                  <c:v>111.97885500000494</c:v>
                </c:pt>
                <c:pt idx="6719">
                  <c:v>111.99552100000494</c:v>
                </c:pt>
                <c:pt idx="6720">
                  <c:v>112.01218700000494</c:v>
                </c:pt>
                <c:pt idx="6721">
                  <c:v>112.02885300000494</c:v>
                </c:pt>
                <c:pt idx="6722">
                  <c:v>112.04551900000494</c:v>
                </c:pt>
                <c:pt idx="6723">
                  <c:v>112.06218500000494</c:v>
                </c:pt>
                <c:pt idx="6724">
                  <c:v>112.07885100000495</c:v>
                </c:pt>
                <c:pt idx="6725">
                  <c:v>112.09551700000495</c:v>
                </c:pt>
                <c:pt idx="6726">
                  <c:v>112.11218300000495</c:v>
                </c:pt>
                <c:pt idx="6727">
                  <c:v>112.12884900000495</c:v>
                </c:pt>
                <c:pt idx="6728">
                  <c:v>112.14551500000495</c:v>
                </c:pt>
                <c:pt idx="6729">
                  <c:v>112.16218100000495</c:v>
                </c:pt>
                <c:pt idx="6730">
                  <c:v>112.17884700000495</c:v>
                </c:pt>
                <c:pt idx="6731">
                  <c:v>112.19551300000495</c:v>
                </c:pt>
                <c:pt idx="6732">
                  <c:v>112.21217900000495</c:v>
                </c:pt>
                <c:pt idx="6733">
                  <c:v>112.22884500000495</c:v>
                </c:pt>
                <c:pt idx="6734">
                  <c:v>112.24551100000495</c:v>
                </c:pt>
                <c:pt idx="6735">
                  <c:v>112.26217700000495</c:v>
                </c:pt>
                <c:pt idx="6736">
                  <c:v>112.27884300000495</c:v>
                </c:pt>
                <c:pt idx="6737">
                  <c:v>112.29550900000496</c:v>
                </c:pt>
                <c:pt idx="6738">
                  <c:v>112.31217500000496</c:v>
                </c:pt>
                <c:pt idx="6739">
                  <c:v>112.32884100000496</c:v>
                </c:pt>
                <c:pt idx="6740">
                  <c:v>112.34550700000496</c:v>
                </c:pt>
                <c:pt idx="6741">
                  <c:v>112.36217300000496</c:v>
                </c:pt>
                <c:pt idx="6742">
                  <c:v>112.37883900000496</c:v>
                </c:pt>
                <c:pt idx="6743">
                  <c:v>112.39550500000496</c:v>
                </c:pt>
                <c:pt idx="6744">
                  <c:v>112.41217100000496</c:v>
                </c:pt>
                <c:pt idx="6745">
                  <c:v>112.42883700000496</c:v>
                </c:pt>
                <c:pt idx="6746">
                  <c:v>112.44550300000496</c:v>
                </c:pt>
                <c:pt idx="6747">
                  <c:v>112.46216900000496</c:v>
                </c:pt>
                <c:pt idx="6748">
                  <c:v>112.47883500000496</c:v>
                </c:pt>
                <c:pt idx="6749">
                  <c:v>112.49550100000496</c:v>
                </c:pt>
                <c:pt idx="6750">
                  <c:v>112.51216700000496</c:v>
                </c:pt>
                <c:pt idx="6751">
                  <c:v>112.52883300000497</c:v>
                </c:pt>
                <c:pt idx="6752">
                  <c:v>112.54549900000497</c:v>
                </c:pt>
                <c:pt idx="6753">
                  <c:v>112.56216500000497</c:v>
                </c:pt>
                <c:pt idx="6754">
                  <c:v>112.57883100000497</c:v>
                </c:pt>
                <c:pt idx="6755">
                  <c:v>112.59549700000497</c:v>
                </c:pt>
                <c:pt idx="6756">
                  <c:v>112.61216300000497</c:v>
                </c:pt>
                <c:pt idx="6757">
                  <c:v>112.62882900000497</c:v>
                </c:pt>
                <c:pt idx="6758">
                  <c:v>112.64549500000497</c:v>
                </c:pt>
                <c:pt idx="6759">
                  <c:v>112.66216100000497</c:v>
                </c:pt>
                <c:pt idx="6760">
                  <c:v>112.67882700000497</c:v>
                </c:pt>
                <c:pt idx="6761">
                  <c:v>112.69549300000497</c:v>
                </c:pt>
                <c:pt idx="6762">
                  <c:v>112.71215900000497</c:v>
                </c:pt>
                <c:pt idx="6763">
                  <c:v>112.72882500000497</c:v>
                </c:pt>
                <c:pt idx="6764">
                  <c:v>112.74549100000498</c:v>
                </c:pt>
                <c:pt idx="6765">
                  <c:v>112.76215700000498</c:v>
                </c:pt>
                <c:pt idx="6766">
                  <c:v>112.77882300000498</c:v>
                </c:pt>
                <c:pt idx="6767">
                  <c:v>112.79548900000498</c:v>
                </c:pt>
                <c:pt idx="6768">
                  <c:v>112.81215500000498</c:v>
                </c:pt>
                <c:pt idx="6769">
                  <c:v>112.82882100000498</c:v>
                </c:pt>
                <c:pt idx="6770">
                  <c:v>112.84548700000498</c:v>
                </c:pt>
                <c:pt idx="6771">
                  <c:v>112.86215300000498</c:v>
                </c:pt>
                <c:pt idx="6772">
                  <c:v>112.87881900000498</c:v>
                </c:pt>
                <c:pt idx="6773">
                  <c:v>112.89548500000498</c:v>
                </c:pt>
                <c:pt idx="6774">
                  <c:v>112.91215100000498</c:v>
                </c:pt>
                <c:pt idx="6775">
                  <c:v>112.92881700000498</c:v>
                </c:pt>
                <c:pt idx="6776">
                  <c:v>112.94548300000498</c:v>
                </c:pt>
                <c:pt idx="6777">
                  <c:v>112.96214900000498</c:v>
                </c:pt>
                <c:pt idx="6778">
                  <c:v>112.97881500000499</c:v>
                </c:pt>
                <c:pt idx="6779">
                  <c:v>112.99548100000499</c:v>
                </c:pt>
                <c:pt idx="6780">
                  <c:v>113.01214700000499</c:v>
                </c:pt>
                <c:pt idx="6781">
                  <c:v>113.02881300000499</c:v>
                </c:pt>
                <c:pt idx="6782">
                  <c:v>113.04547900000499</c:v>
                </c:pt>
                <c:pt idx="6783">
                  <c:v>113.06214500000499</c:v>
                </c:pt>
                <c:pt idx="6784">
                  <c:v>113.07881100000499</c:v>
                </c:pt>
                <c:pt idx="6785">
                  <c:v>113.09547700000499</c:v>
                </c:pt>
                <c:pt idx="6786">
                  <c:v>113.11214300000499</c:v>
                </c:pt>
                <c:pt idx="6787">
                  <c:v>113.12880900000499</c:v>
                </c:pt>
                <c:pt idx="6788">
                  <c:v>113.14547500000499</c:v>
                </c:pt>
                <c:pt idx="6789">
                  <c:v>113.16214100000499</c:v>
                </c:pt>
                <c:pt idx="6790">
                  <c:v>113.17880700000499</c:v>
                </c:pt>
                <c:pt idx="6791">
                  <c:v>113.19547300000499</c:v>
                </c:pt>
                <c:pt idx="6792">
                  <c:v>113.212139000005</c:v>
                </c:pt>
                <c:pt idx="6793">
                  <c:v>113.228805000005</c:v>
                </c:pt>
                <c:pt idx="6794">
                  <c:v>113.245471000005</c:v>
                </c:pt>
                <c:pt idx="6795">
                  <c:v>113.262137000005</c:v>
                </c:pt>
                <c:pt idx="6796">
                  <c:v>113.278803000005</c:v>
                </c:pt>
                <c:pt idx="6797">
                  <c:v>113.295469000005</c:v>
                </c:pt>
                <c:pt idx="6798">
                  <c:v>113.312135000005</c:v>
                </c:pt>
                <c:pt idx="6799">
                  <c:v>113.328801000005</c:v>
                </c:pt>
                <c:pt idx="6800">
                  <c:v>113.345467000005</c:v>
                </c:pt>
                <c:pt idx="6801">
                  <c:v>113.362133000005</c:v>
                </c:pt>
                <c:pt idx="6802">
                  <c:v>113.378799000005</c:v>
                </c:pt>
                <c:pt idx="6803">
                  <c:v>113.395465000005</c:v>
                </c:pt>
                <c:pt idx="6804">
                  <c:v>113.412131000005</c:v>
                </c:pt>
                <c:pt idx="6805">
                  <c:v>113.42879700000501</c:v>
                </c:pt>
                <c:pt idx="6806">
                  <c:v>113.44546300000501</c:v>
                </c:pt>
                <c:pt idx="6807">
                  <c:v>113.46212900000501</c:v>
                </c:pt>
                <c:pt idx="6808">
                  <c:v>113.47879500000501</c:v>
                </c:pt>
                <c:pt idx="6809">
                  <c:v>113.49546100000501</c:v>
                </c:pt>
                <c:pt idx="6810">
                  <c:v>113.51212700000501</c:v>
                </c:pt>
                <c:pt idx="6811">
                  <c:v>113.52879300000501</c:v>
                </c:pt>
                <c:pt idx="6812">
                  <c:v>113.54545900000501</c:v>
                </c:pt>
                <c:pt idx="6813">
                  <c:v>113.56212500000501</c:v>
                </c:pt>
                <c:pt idx="6814">
                  <c:v>113.57879100000501</c:v>
                </c:pt>
                <c:pt idx="6815">
                  <c:v>113.59545700000501</c:v>
                </c:pt>
                <c:pt idx="6816">
                  <c:v>113.61212300000501</c:v>
                </c:pt>
                <c:pt idx="6817">
                  <c:v>113.62878900000501</c:v>
                </c:pt>
                <c:pt idx="6818">
                  <c:v>113.64545500000501</c:v>
                </c:pt>
                <c:pt idx="6819">
                  <c:v>113.66212100000502</c:v>
                </c:pt>
                <c:pt idx="6820">
                  <c:v>113.67878700000502</c:v>
                </c:pt>
                <c:pt idx="6821">
                  <c:v>113.69545300000502</c:v>
                </c:pt>
                <c:pt idx="6822">
                  <c:v>113.71211900000502</c:v>
                </c:pt>
                <c:pt idx="6823">
                  <c:v>113.72878500000502</c:v>
                </c:pt>
                <c:pt idx="6824">
                  <c:v>113.74545100000502</c:v>
                </c:pt>
                <c:pt idx="6825">
                  <c:v>113.76211700000502</c:v>
                </c:pt>
                <c:pt idx="6826">
                  <c:v>113.77878300000502</c:v>
                </c:pt>
                <c:pt idx="6827">
                  <c:v>113.79544900000502</c:v>
                </c:pt>
                <c:pt idx="6828">
                  <c:v>113.81211500000502</c:v>
                </c:pt>
                <c:pt idx="6829">
                  <c:v>113.82878100000502</c:v>
                </c:pt>
                <c:pt idx="6830">
                  <c:v>113.84544700000502</c:v>
                </c:pt>
                <c:pt idx="6831">
                  <c:v>113.86211300000502</c:v>
                </c:pt>
                <c:pt idx="6832">
                  <c:v>113.87877900000503</c:v>
                </c:pt>
                <c:pt idx="6833">
                  <c:v>113.89544500000503</c:v>
                </c:pt>
                <c:pt idx="6834">
                  <c:v>113.91211100000503</c:v>
                </c:pt>
                <c:pt idx="6835">
                  <c:v>113.92877700000503</c:v>
                </c:pt>
                <c:pt idx="6836">
                  <c:v>113.94544300000503</c:v>
                </c:pt>
                <c:pt idx="6837">
                  <c:v>113.96210900000503</c:v>
                </c:pt>
                <c:pt idx="6838">
                  <c:v>113.97877500000503</c:v>
                </c:pt>
                <c:pt idx="6839">
                  <c:v>113.99544100000503</c:v>
                </c:pt>
                <c:pt idx="6840">
                  <c:v>114.01210700000503</c:v>
                </c:pt>
                <c:pt idx="6841">
                  <c:v>114.02877300000503</c:v>
                </c:pt>
                <c:pt idx="6842">
                  <c:v>114.04543900000503</c:v>
                </c:pt>
                <c:pt idx="6843">
                  <c:v>114.06210500000503</c:v>
                </c:pt>
                <c:pt idx="6844">
                  <c:v>114.07877100000503</c:v>
                </c:pt>
                <c:pt idx="6845">
                  <c:v>114.09543700000503</c:v>
                </c:pt>
                <c:pt idx="6846">
                  <c:v>114.11210300000504</c:v>
                </c:pt>
                <c:pt idx="6847">
                  <c:v>114.12876900000504</c:v>
                </c:pt>
                <c:pt idx="6848">
                  <c:v>114.14543500000504</c:v>
                </c:pt>
                <c:pt idx="6849">
                  <c:v>114.16210100000504</c:v>
                </c:pt>
                <c:pt idx="6850">
                  <c:v>114.17876700000504</c:v>
                </c:pt>
                <c:pt idx="6851">
                  <c:v>114.19543300000504</c:v>
                </c:pt>
                <c:pt idx="6852">
                  <c:v>114.21209900000504</c:v>
                </c:pt>
                <c:pt idx="6853">
                  <c:v>114.22876500000504</c:v>
                </c:pt>
                <c:pt idx="6854">
                  <c:v>114.24543100000504</c:v>
                </c:pt>
                <c:pt idx="6855">
                  <c:v>114.26209700000504</c:v>
                </c:pt>
                <c:pt idx="6856">
                  <c:v>114.27876300000504</c:v>
                </c:pt>
                <c:pt idx="6857">
                  <c:v>114.29542900000504</c:v>
                </c:pt>
                <c:pt idx="6858">
                  <c:v>114.31209500000504</c:v>
                </c:pt>
                <c:pt idx="6859">
                  <c:v>114.32876100000504</c:v>
                </c:pt>
                <c:pt idx="6860">
                  <c:v>114.34542700000505</c:v>
                </c:pt>
                <c:pt idx="6861">
                  <c:v>114.36209300000505</c:v>
                </c:pt>
                <c:pt idx="6862">
                  <c:v>114.37875900000505</c:v>
                </c:pt>
                <c:pt idx="6863">
                  <c:v>114.39542500000505</c:v>
                </c:pt>
                <c:pt idx="6864">
                  <c:v>114.41209100000505</c:v>
                </c:pt>
                <c:pt idx="6865">
                  <c:v>114.42875700000505</c:v>
                </c:pt>
                <c:pt idx="6866">
                  <c:v>114.44542300000505</c:v>
                </c:pt>
                <c:pt idx="6867">
                  <c:v>114.46208900000505</c:v>
                </c:pt>
                <c:pt idx="6868">
                  <c:v>114.47875500000505</c:v>
                </c:pt>
                <c:pt idx="6869">
                  <c:v>114.49542100000505</c:v>
                </c:pt>
                <c:pt idx="6870">
                  <c:v>114.51208700000505</c:v>
                </c:pt>
                <c:pt idx="6871">
                  <c:v>114.52875300000505</c:v>
                </c:pt>
                <c:pt idx="6872">
                  <c:v>114.54541900000505</c:v>
                </c:pt>
                <c:pt idx="6873">
                  <c:v>114.56208500000506</c:v>
                </c:pt>
                <c:pt idx="6874">
                  <c:v>114.57875100000506</c:v>
                </c:pt>
                <c:pt idx="6875">
                  <c:v>114.59541700000506</c:v>
                </c:pt>
                <c:pt idx="6876">
                  <c:v>114.61208300000506</c:v>
                </c:pt>
                <c:pt idx="6877">
                  <c:v>114.62874900000506</c:v>
                </c:pt>
                <c:pt idx="6878">
                  <c:v>114.64541500000506</c:v>
                </c:pt>
                <c:pt idx="6879">
                  <c:v>114.66208100000506</c:v>
                </c:pt>
                <c:pt idx="6880">
                  <c:v>114.67874700000506</c:v>
                </c:pt>
                <c:pt idx="6881">
                  <c:v>114.69541300000506</c:v>
                </c:pt>
                <c:pt idx="6882">
                  <c:v>114.71207900000506</c:v>
                </c:pt>
                <c:pt idx="6883">
                  <c:v>114.72874500000506</c:v>
                </c:pt>
                <c:pt idx="6884">
                  <c:v>114.74541100000506</c:v>
                </c:pt>
                <c:pt idx="6885">
                  <c:v>114.76207700000506</c:v>
                </c:pt>
                <c:pt idx="6886">
                  <c:v>114.77874300000506</c:v>
                </c:pt>
                <c:pt idx="6887">
                  <c:v>114.79540900000507</c:v>
                </c:pt>
                <c:pt idx="6888">
                  <c:v>114.81207500000507</c:v>
                </c:pt>
                <c:pt idx="6889">
                  <c:v>114.82874100000507</c:v>
                </c:pt>
                <c:pt idx="6890">
                  <c:v>114.84540700000507</c:v>
                </c:pt>
                <c:pt idx="6891">
                  <c:v>114.86207300000507</c:v>
                </c:pt>
                <c:pt idx="6892">
                  <c:v>114.87873900000507</c:v>
                </c:pt>
                <c:pt idx="6893">
                  <c:v>114.89540500000507</c:v>
                </c:pt>
                <c:pt idx="6894">
                  <c:v>114.91207100000507</c:v>
                </c:pt>
                <c:pt idx="6895">
                  <c:v>114.92873700000507</c:v>
                </c:pt>
                <c:pt idx="6896">
                  <c:v>114.94540300000507</c:v>
                </c:pt>
                <c:pt idx="6897">
                  <c:v>114.96206900000507</c:v>
                </c:pt>
                <c:pt idx="6898">
                  <c:v>114.97873500000507</c:v>
                </c:pt>
                <c:pt idx="6899">
                  <c:v>114.99540100000507</c:v>
                </c:pt>
                <c:pt idx="6900">
                  <c:v>115.01206700000508</c:v>
                </c:pt>
                <c:pt idx="6901">
                  <c:v>115.02873300000508</c:v>
                </c:pt>
                <c:pt idx="6902">
                  <c:v>115.04539900000508</c:v>
                </c:pt>
                <c:pt idx="6903">
                  <c:v>115.06206500000508</c:v>
                </c:pt>
                <c:pt idx="6904">
                  <c:v>115.07873100000508</c:v>
                </c:pt>
                <c:pt idx="6905">
                  <c:v>115.09539700000508</c:v>
                </c:pt>
                <c:pt idx="6906">
                  <c:v>115.11206300000508</c:v>
                </c:pt>
                <c:pt idx="6907">
                  <c:v>115.12872900000508</c:v>
                </c:pt>
                <c:pt idx="6908">
                  <c:v>115.14539500000508</c:v>
                </c:pt>
                <c:pt idx="6909">
                  <c:v>115.16206100000508</c:v>
                </c:pt>
                <c:pt idx="6910">
                  <c:v>115.17872700000508</c:v>
                </c:pt>
                <c:pt idx="6911">
                  <c:v>115.19539300000508</c:v>
                </c:pt>
                <c:pt idx="6912">
                  <c:v>115.21205900000508</c:v>
                </c:pt>
                <c:pt idx="6913">
                  <c:v>115.22872500000508</c:v>
                </c:pt>
                <c:pt idx="6914">
                  <c:v>115.24539100000509</c:v>
                </c:pt>
                <c:pt idx="6915">
                  <c:v>115.26205700000509</c:v>
                </c:pt>
                <c:pt idx="6916">
                  <c:v>115.27872300000509</c:v>
                </c:pt>
                <c:pt idx="6917">
                  <c:v>115.29538900000509</c:v>
                </c:pt>
                <c:pt idx="6918">
                  <c:v>115.31205500000509</c:v>
                </c:pt>
                <c:pt idx="6919">
                  <c:v>115.32872100000509</c:v>
                </c:pt>
                <c:pt idx="6920">
                  <c:v>115.34538700000509</c:v>
                </c:pt>
                <c:pt idx="6921">
                  <c:v>115.36205300000509</c:v>
                </c:pt>
                <c:pt idx="6922">
                  <c:v>115.37871900000509</c:v>
                </c:pt>
                <c:pt idx="6923">
                  <c:v>115.39538500000509</c:v>
                </c:pt>
                <c:pt idx="6924">
                  <c:v>115.41205100000509</c:v>
                </c:pt>
                <c:pt idx="6925">
                  <c:v>115.42871700000509</c:v>
                </c:pt>
                <c:pt idx="6926">
                  <c:v>115.44538300000509</c:v>
                </c:pt>
                <c:pt idx="6927">
                  <c:v>115.46204900000509</c:v>
                </c:pt>
                <c:pt idx="6928">
                  <c:v>115.4787150000051</c:v>
                </c:pt>
                <c:pt idx="6929">
                  <c:v>115.4953810000051</c:v>
                </c:pt>
                <c:pt idx="6930">
                  <c:v>115.5120470000051</c:v>
                </c:pt>
                <c:pt idx="6931">
                  <c:v>115.5287130000051</c:v>
                </c:pt>
                <c:pt idx="6932">
                  <c:v>115.5453790000051</c:v>
                </c:pt>
                <c:pt idx="6933">
                  <c:v>115.5620450000051</c:v>
                </c:pt>
                <c:pt idx="6934">
                  <c:v>115.5787110000051</c:v>
                </c:pt>
                <c:pt idx="6935">
                  <c:v>115.5953770000051</c:v>
                </c:pt>
                <c:pt idx="6936">
                  <c:v>115.6120430000051</c:v>
                </c:pt>
                <c:pt idx="6937">
                  <c:v>115.6287090000051</c:v>
                </c:pt>
                <c:pt idx="6938">
                  <c:v>115.6453750000051</c:v>
                </c:pt>
                <c:pt idx="6939">
                  <c:v>115.6620410000051</c:v>
                </c:pt>
                <c:pt idx="6940">
                  <c:v>115.6787070000051</c:v>
                </c:pt>
                <c:pt idx="6941">
                  <c:v>115.69537300000511</c:v>
                </c:pt>
                <c:pt idx="6942">
                  <c:v>115.71203900000511</c:v>
                </c:pt>
                <c:pt idx="6943">
                  <c:v>115.72870500000511</c:v>
                </c:pt>
                <c:pt idx="6944">
                  <c:v>115.74537100000511</c:v>
                </c:pt>
                <c:pt idx="6945">
                  <c:v>115.76203700000511</c:v>
                </c:pt>
                <c:pt idx="6946">
                  <c:v>115.77870300000511</c:v>
                </c:pt>
                <c:pt idx="6947">
                  <c:v>115.79536900000511</c:v>
                </c:pt>
                <c:pt idx="6948">
                  <c:v>115.81203500000511</c:v>
                </c:pt>
                <c:pt idx="6949">
                  <c:v>115.82870100000511</c:v>
                </c:pt>
                <c:pt idx="6950">
                  <c:v>115.84536700000511</c:v>
                </c:pt>
                <c:pt idx="6951">
                  <c:v>115.86203300000511</c:v>
                </c:pt>
                <c:pt idx="6952">
                  <c:v>115.87869900000511</c:v>
                </c:pt>
                <c:pt idx="6953">
                  <c:v>115.89536500000511</c:v>
                </c:pt>
                <c:pt idx="6954">
                  <c:v>115.91203100000511</c:v>
                </c:pt>
                <c:pt idx="6955">
                  <c:v>115.92869700000512</c:v>
                </c:pt>
                <c:pt idx="6956">
                  <c:v>115.94536300000512</c:v>
                </c:pt>
                <c:pt idx="6957">
                  <c:v>115.96202900000512</c:v>
                </c:pt>
                <c:pt idx="6958">
                  <c:v>115.97869500000512</c:v>
                </c:pt>
                <c:pt idx="6959">
                  <c:v>115.99536100000512</c:v>
                </c:pt>
                <c:pt idx="6960">
                  <c:v>116.01202700000512</c:v>
                </c:pt>
                <c:pt idx="6961">
                  <c:v>116.02869300000512</c:v>
                </c:pt>
                <c:pt idx="6962">
                  <c:v>116.04535900000512</c:v>
                </c:pt>
                <c:pt idx="6963">
                  <c:v>116.06202500000512</c:v>
                </c:pt>
                <c:pt idx="6964">
                  <c:v>116.07869100000512</c:v>
                </c:pt>
                <c:pt idx="6965">
                  <c:v>116.09535700000512</c:v>
                </c:pt>
                <c:pt idx="6966">
                  <c:v>116.11202300000512</c:v>
                </c:pt>
                <c:pt idx="6967">
                  <c:v>116.12868900000512</c:v>
                </c:pt>
                <c:pt idx="6968">
                  <c:v>116.14535500000513</c:v>
                </c:pt>
                <c:pt idx="6969">
                  <c:v>116.16202100000513</c:v>
                </c:pt>
                <c:pt idx="6970">
                  <c:v>116.17868700000513</c:v>
                </c:pt>
                <c:pt idx="6971">
                  <c:v>116.19535300000513</c:v>
                </c:pt>
                <c:pt idx="6972">
                  <c:v>116.21201900000513</c:v>
                </c:pt>
                <c:pt idx="6973">
                  <c:v>116.22868500000513</c:v>
                </c:pt>
                <c:pt idx="6974">
                  <c:v>116.24535100000513</c:v>
                </c:pt>
                <c:pt idx="6975">
                  <c:v>116.26201700000513</c:v>
                </c:pt>
                <c:pt idx="6976">
                  <c:v>116.27868300000513</c:v>
                </c:pt>
                <c:pt idx="6977">
                  <c:v>116.29534900000513</c:v>
                </c:pt>
                <c:pt idx="6978">
                  <c:v>116.31201500000513</c:v>
                </c:pt>
                <c:pt idx="6979">
                  <c:v>116.32868100000513</c:v>
                </c:pt>
                <c:pt idx="6980">
                  <c:v>116.34534700000513</c:v>
                </c:pt>
                <c:pt idx="6981">
                  <c:v>116.36201300000513</c:v>
                </c:pt>
                <c:pt idx="6982">
                  <c:v>116.37867900000514</c:v>
                </c:pt>
                <c:pt idx="6983">
                  <c:v>116.39534500000514</c:v>
                </c:pt>
                <c:pt idx="6984">
                  <c:v>116.41201100000514</c:v>
                </c:pt>
                <c:pt idx="6985">
                  <c:v>116.42867700000514</c:v>
                </c:pt>
                <c:pt idx="6986">
                  <c:v>116.44534300000514</c:v>
                </c:pt>
                <c:pt idx="6987">
                  <c:v>116.46200900000514</c:v>
                </c:pt>
                <c:pt idx="6988">
                  <c:v>116.47867500000514</c:v>
                </c:pt>
                <c:pt idx="6989">
                  <c:v>116.49534100000514</c:v>
                </c:pt>
                <c:pt idx="6990">
                  <c:v>116.51200700000514</c:v>
                </c:pt>
                <c:pt idx="6991">
                  <c:v>116.52867300000514</c:v>
                </c:pt>
                <c:pt idx="6992">
                  <c:v>116.54533900000514</c:v>
                </c:pt>
                <c:pt idx="6993">
                  <c:v>116.56200500000514</c:v>
                </c:pt>
                <c:pt idx="6994">
                  <c:v>116.57867100000514</c:v>
                </c:pt>
                <c:pt idx="6995">
                  <c:v>116.59533700000515</c:v>
                </c:pt>
                <c:pt idx="6996">
                  <c:v>116.61200300000515</c:v>
                </c:pt>
                <c:pt idx="6997">
                  <c:v>116.62866900000515</c:v>
                </c:pt>
                <c:pt idx="6998">
                  <c:v>116.64533500000515</c:v>
                </c:pt>
                <c:pt idx="6999">
                  <c:v>116.66200100000515</c:v>
                </c:pt>
                <c:pt idx="7000">
                  <c:v>116.67866700000515</c:v>
                </c:pt>
                <c:pt idx="7001">
                  <c:v>116.69533300000515</c:v>
                </c:pt>
                <c:pt idx="7002">
                  <c:v>116.71199900000515</c:v>
                </c:pt>
                <c:pt idx="7003">
                  <c:v>116.72866500000515</c:v>
                </c:pt>
                <c:pt idx="7004">
                  <c:v>116.74533100000515</c:v>
                </c:pt>
                <c:pt idx="7005">
                  <c:v>116.76199700000515</c:v>
                </c:pt>
                <c:pt idx="7006">
                  <c:v>116.77866300000515</c:v>
                </c:pt>
                <c:pt idx="7007">
                  <c:v>116.79532900000515</c:v>
                </c:pt>
                <c:pt idx="7008">
                  <c:v>116.81199500000515</c:v>
                </c:pt>
                <c:pt idx="7009">
                  <c:v>116.82866100000516</c:v>
                </c:pt>
                <c:pt idx="7010">
                  <c:v>116.84532700000516</c:v>
                </c:pt>
                <c:pt idx="7011">
                  <c:v>116.86199300000516</c:v>
                </c:pt>
                <c:pt idx="7012">
                  <c:v>116.87865900000516</c:v>
                </c:pt>
                <c:pt idx="7013">
                  <c:v>116.89532500000516</c:v>
                </c:pt>
                <c:pt idx="7014">
                  <c:v>116.91199100000516</c:v>
                </c:pt>
                <c:pt idx="7015">
                  <c:v>116.92865700000516</c:v>
                </c:pt>
                <c:pt idx="7016">
                  <c:v>116.94532300000516</c:v>
                </c:pt>
                <c:pt idx="7017">
                  <c:v>116.96198900000516</c:v>
                </c:pt>
                <c:pt idx="7018">
                  <c:v>116.97865500000516</c:v>
                </c:pt>
                <c:pt idx="7019">
                  <c:v>116.99532100000516</c:v>
                </c:pt>
                <c:pt idx="7020">
                  <c:v>117.01198700000516</c:v>
                </c:pt>
                <c:pt idx="7021">
                  <c:v>117.02865300000516</c:v>
                </c:pt>
                <c:pt idx="7022">
                  <c:v>117.04531900000516</c:v>
                </c:pt>
                <c:pt idx="7023">
                  <c:v>117.06198500000517</c:v>
                </c:pt>
                <c:pt idx="7024">
                  <c:v>117.07865100000517</c:v>
                </c:pt>
                <c:pt idx="7025">
                  <c:v>117.09531700000517</c:v>
                </c:pt>
                <c:pt idx="7026">
                  <c:v>117.11198300000517</c:v>
                </c:pt>
                <c:pt idx="7027">
                  <c:v>117.12864900000517</c:v>
                </c:pt>
                <c:pt idx="7028">
                  <c:v>117.14531500000517</c:v>
                </c:pt>
                <c:pt idx="7029">
                  <c:v>117.16198100000517</c:v>
                </c:pt>
                <c:pt idx="7030">
                  <c:v>117.17864700000517</c:v>
                </c:pt>
                <c:pt idx="7031">
                  <c:v>117.19531300000517</c:v>
                </c:pt>
                <c:pt idx="7032">
                  <c:v>117.21197900000517</c:v>
                </c:pt>
                <c:pt idx="7033">
                  <c:v>117.22864500000517</c:v>
                </c:pt>
                <c:pt idx="7034">
                  <c:v>117.24531100000517</c:v>
                </c:pt>
                <c:pt idx="7035">
                  <c:v>117.26197700000517</c:v>
                </c:pt>
                <c:pt idx="7036">
                  <c:v>117.27864300000518</c:v>
                </c:pt>
                <c:pt idx="7037">
                  <c:v>117.29530900000518</c:v>
                </c:pt>
                <c:pt idx="7038">
                  <c:v>117.31197500000518</c:v>
                </c:pt>
                <c:pt idx="7039">
                  <c:v>117.32864100000518</c:v>
                </c:pt>
                <c:pt idx="7040">
                  <c:v>117.34530700000518</c:v>
                </c:pt>
                <c:pt idx="7041">
                  <c:v>117.36197300000518</c:v>
                </c:pt>
                <c:pt idx="7042">
                  <c:v>117.37863900000518</c:v>
                </c:pt>
                <c:pt idx="7043">
                  <c:v>117.39530500000518</c:v>
                </c:pt>
                <c:pt idx="7044">
                  <c:v>117.41197100000518</c:v>
                </c:pt>
                <c:pt idx="7045">
                  <c:v>117.42863700000518</c:v>
                </c:pt>
                <c:pt idx="7046">
                  <c:v>117.44530300000518</c:v>
                </c:pt>
                <c:pt idx="7047">
                  <c:v>117.46196900000518</c:v>
                </c:pt>
                <c:pt idx="7048">
                  <c:v>117.47863500000518</c:v>
                </c:pt>
                <c:pt idx="7049">
                  <c:v>117.49530100000518</c:v>
                </c:pt>
                <c:pt idx="7050">
                  <c:v>117.51196700000519</c:v>
                </c:pt>
                <c:pt idx="7051">
                  <c:v>117.52863300000519</c:v>
                </c:pt>
                <c:pt idx="7052">
                  <c:v>117.54529900000519</c:v>
                </c:pt>
                <c:pt idx="7053">
                  <c:v>117.56196500000519</c:v>
                </c:pt>
                <c:pt idx="7054">
                  <c:v>117.57863100000519</c:v>
                </c:pt>
                <c:pt idx="7055">
                  <c:v>117.59529700000519</c:v>
                </c:pt>
                <c:pt idx="7056">
                  <c:v>117.61196300000519</c:v>
                </c:pt>
                <c:pt idx="7057">
                  <c:v>117.62862900000519</c:v>
                </c:pt>
                <c:pt idx="7058">
                  <c:v>117.64529500000519</c:v>
                </c:pt>
                <c:pt idx="7059">
                  <c:v>117.66196100000519</c:v>
                </c:pt>
                <c:pt idx="7060">
                  <c:v>117.67862700000519</c:v>
                </c:pt>
                <c:pt idx="7061">
                  <c:v>117.69529300000519</c:v>
                </c:pt>
                <c:pt idx="7062">
                  <c:v>117.71195900000519</c:v>
                </c:pt>
                <c:pt idx="7063">
                  <c:v>117.7286250000052</c:v>
                </c:pt>
                <c:pt idx="7064">
                  <c:v>117.7452910000052</c:v>
                </c:pt>
                <c:pt idx="7065">
                  <c:v>117.7619570000052</c:v>
                </c:pt>
                <c:pt idx="7066">
                  <c:v>117.7786230000052</c:v>
                </c:pt>
                <c:pt idx="7067">
                  <c:v>117.7952890000052</c:v>
                </c:pt>
                <c:pt idx="7068">
                  <c:v>117.8119550000052</c:v>
                </c:pt>
                <c:pt idx="7069">
                  <c:v>117.8286210000052</c:v>
                </c:pt>
                <c:pt idx="7070">
                  <c:v>117.8452870000052</c:v>
                </c:pt>
                <c:pt idx="7071">
                  <c:v>117.8619530000052</c:v>
                </c:pt>
                <c:pt idx="7072">
                  <c:v>117.8786190000052</c:v>
                </c:pt>
                <c:pt idx="7073">
                  <c:v>117.8952850000052</c:v>
                </c:pt>
                <c:pt idx="7074">
                  <c:v>117.9119510000052</c:v>
                </c:pt>
                <c:pt idx="7075">
                  <c:v>117.9286170000052</c:v>
                </c:pt>
                <c:pt idx="7076">
                  <c:v>117.9452830000052</c:v>
                </c:pt>
                <c:pt idx="7077">
                  <c:v>117.96194900000521</c:v>
                </c:pt>
                <c:pt idx="7078">
                  <c:v>117.97861500000521</c:v>
                </c:pt>
                <c:pt idx="7079">
                  <c:v>117.99528100000521</c:v>
                </c:pt>
                <c:pt idx="7080">
                  <c:v>118.01194700000521</c:v>
                </c:pt>
                <c:pt idx="7081">
                  <c:v>118.02861300000521</c:v>
                </c:pt>
                <c:pt idx="7082">
                  <c:v>118.04527900000521</c:v>
                </c:pt>
                <c:pt idx="7083">
                  <c:v>118.06194500000521</c:v>
                </c:pt>
                <c:pt idx="7084">
                  <c:v>118.07861100000521</c:v>
                </c:pt>
                <c:pt idx="7085">
                  <c:v>118.09527700000521</c:v>
                </c:pt>
                <c:pt idx="7086">
                  <c:v>118.11194300000521</c:v>
                </c:pt>
                <c:pt idx="7087">
                  <c:v>118.12860900000521</c:v>
                </c:pt>
                <c:pt idx="7088">
                  <c:v>118.14527500000521</c:v>
                </c:pt>
                <c:pt idx="7089">
                  <c:v>118.16194100000521</c:v>
                </c:pt>
                <c:pt idx="7090">
                  <c:v>118.17860700000521</c:v>
                </c:pt>
                <c:pt idx="7091">
                  <c:v>118.19527300000522</c:v>
                </c:pt>
                <c:pt idx="7092">
                  <c:v>118.21193900000522</c:v>
                </c:pt>
                <c:pt idx="7093">
                  <c:v>118.22860500000522</c:v>
                </c:pt>
                <c:pt idx="7094">
                  <c:v>118.24527100000522</c:v>
                </c:pt>
                <c:pt idx="7095">
                  <c:v>118.26193700000522</c:v>
                </c:pt>
                <c:pt idx="7096">
                  <c:v>118.27860300000522</c:v>
                </c:pt>
                <c:pt idx="7097">
                  <c:v>118.29526900000522</c:v>
                </c:pt>
                <c:pt idx="7098">
                  <c:v>118.31193500000522</c:v>
                </c:pt>
                <c:pt idx="7099">
                  <c:v>118.32860100000522</c:v>
                </c:pt>
                <c:pt idx="7100">
                  <c:v>118.34526700000522</c:v>
                </c:pt>
                <c:pt idx="7101">
                  <c:v>118.36193300000522</c:v>
                </c:pt>
                <c:pt idx="7102">
                  <c:v>118.37859900000522</c:v>
                </c:pt>
                <c:pt idx="7103">
                  <c:v>118.39526500000522</c:v>
                </c:pt>
                <c:pt idx="7104">
                  <c:v>118.41193100000523</c:v>
                </c:pt>
                <c:pt idx="7105">
                  <c:v>118.42859700000523</c:v>
                </c:pt>
                <c:pt idx="7106">
                  <c:v>118.44526300000523</c:v>
                </c:pt>
                <c:pt idx="7107">
                  <c:v>118.46192900000523</c:v>
                </c:pt>
                <c:pt idx="7108">
                  <c:v>118.47859500000523</c:v>
                </c:pt>
                <c:pt idx="7109">
                  <c:v>118.49526100000523</c:v>
                </c:pt>
                <c:pt idx="7110">
                  <c:v>118.51192700000523</c:v>
                </c:pt>
                <c:pt idx="7111">
                  <c:v>118.52859300000523</c:v>
                </c:pt>
                <c:pt idx="7112">
                  <c:v>118.54525900000523</c:v>
                </c:pt>
                <c:pt idx="7113">
                  <c:v>118.56192500000523</c:v>
                </c:pt>
                <c:pt idx="7114">
                  <c:v>118.57859100000523</c:v>
                </c:pt>
                <c:pt idx="7115">
                  <c:v>118.59525700000523</c:v>
                </c:pt>
                <c:pt idx="7116">
                  <c:v>118.61192300000523</c:v>
                </c:pt>
                <c:pt idx="7117">
                  <c:v>118.62858900000523</c:v>
                </c:pt>
                <c:pt idx="7118">
                  <c:v>118.64525500000524</c:v>
                </c:pt>
                <c:pt idx="7119">
                  <c:v>118.66192100000524</c:v>
                </c:pt>
                <c:pt idx="7120">
                  <c:v>118.67858700000524</c:v>
                </c:pt>
                <c:pt idx="7121">
                  <c:v>118.69525300000524</c:v>
                </c:pt>
                <c:pt idx="7122">
                  <c:v>118.71191900000524</c:v>
                </c:pt>
                <c:pt idx="7123">
                  <c:v>118.72858500000524</c:v>
                </c:pt>
                <c:pt idx="7124">
                  <c:v>118.74525100000524</c:v>
                </c:pt>
                <c:pt idx="7125">
                  <c:v>118.76191700000524</c:v>
                </c:pt>
                <c:pt idx="7126">
                  <c:v>118.77858300000524</c:v>
                </c:pt>
                <c:pt idx="7127">
                  <c:v>118.79524900000524</c:v>
                </c:pt>
                <c:pt idx="7128">
                  <c:v>118.81191500000524</c:v>
                </c:pt>
                <c:pt idx="7129">
                  <c:v>118.82858100000524</c:v>
                </c:pt>
                <c:pt idx="7130">
                  <c:v>118.84524700000524</c:v>
                </c:pt>
                <c:pt idx="7131">
                  <c:v>118.86191300000525</c:v>
                </c:pt>
                <c:pt idx="7132">
                  <c:v>118.87857900000525</c:v>
                </c:pt>
                <c:pt idx="7133">
                  <c:v>118.89524500000525</c:v>
                </c:pt>
                <c:pt idx="7134">
                  <c:v>118.91191100000525</c:v>
                </c:pt>
                <c:pt idx="7135">
                  <c:v>118.92857700000525</c:v>
                </c:pt>
                <c:pt idx="7136">
                  <c:v>118.94524300000525</c:v>
                </c:pt>
                <c:pt idx="7137">
                  <c:v>118.96190900000525</c:v>
                </c:pt>
                <c:pt idx="7138">
                  <c:v>118.97857500000525</c:v>
                </c:pt>
                <c:pt idx="7139">
                  <c:v>118.99524100000525</c:v>
                </c:pt>
                <c:pt idx="7140">
                  <c:v>119.01190700000525</c:v>
                </c:pt>
                <c:pt idx="7141">
                  <c:v>119.02857300000525</c:v>
                </c:pt>
                <c:pt idx="7142">
                  <c:v>119.04523900000525</c:v>
                </c:pt>
                <c:pt idx="7143">
                  <c:v>119.06190500000525</c:v>
                </c:pt>
                <c:pt idx="7144">
                  <c:v>119.07857100000525</c:v>
                </c:pt>
                <c:pt idx="7145">
                  <c:v>119.09523700000526</c:v>
                </c:pt>
                <c:pt idx="7146">
                  <c:v>119.11190300000526</c:v>
                </c:pt>
                <c:pt idx="7147">
                  <c:v>119.12856900000526</c:v>
                </c:pt>
                <c:pt idx="7148">
                  <c:v>119.14523500000526</c:v>
                </c:pt>
                <c:pt idx="7149">
                  <c:v>119.16190100000526</c:v>
                </c:pt>
                <c:pt idx="7150">
                  <c:v>119.17856700000526</c:v>
                </c:pt>
                <c:pt idx="7151">
                  <c:v>119.19523300000526</c:v>
                </c:pt>
                <c:pt idx="7152">
                  <c:v>119.21189900000526</c:v>
                </c:pt>
                <c:pt idx="7153">
                  <c:v>119.22856500000526</c:v>
                </c:pt>
                <c:pt idx="7154">
                  <c:v>119.24523100000526</c:v>
                </c:pt>
                <c:pt idx="7155">
                  <c:v>119.26189700000526</c:v>
                </c:pt>
                <c:pt idx="7156">
                  <c:v>119.27856300000526</c:v>
                </c:pt>
                <c:pt idx="7157">
                  <c:v>119.29522900000526</c:v>
                </c:pt>
                <c:pt idx="7158">
                  <c:v>119.31189500000526</c:v>
                </c:pt>
                <c:pt idx="7159">
                  <c:v>119.32856100000527</c:v>
                </c:pt>
                <c:pt idx="7160">
                  <c:v>119.34522700000527</c:v>
                </c:pt>
                <c:pt idx="7161">
                  <c:v>119.36189300000527</c:v>
                </c:pt>
                <c:pt idx="7162">
                  <c:v>119.37855900000527</c:v>
                </c:pt>
                <c:pt idx="7163">
                  <c:v>119.39522500000527</c:v>
                </c:pt>
                <c:pt idx="7164">
                  <c:v>119.41189100000527</c:v>
                </c:pt>
                <c:pt idx="7165">
                  <c:v>119.42855700000527</c:v>
                </c:pt>
                <c:pt idx="7166">
                  <c:v>119.44522300000527</c:v>
                </c:pt>
                <c:pt idx="7167">
                  <c:v>119.46188900000527</c:v>
                </c:pt>
                <c:pt idx="7168">
                  <c:v>119.47855500000527</c:v>
                </c:pt>
                <c:pt idx="7169">
                  <c:v>119.49522100000527</c:v>
                </c:pt>
                <c:pt idx="7170">
                  <c:v>119.51188700000527</c:v>
                </c:pt>
                <c:pt idx="7171">
                  <c:v>119.52855300000527</c:v>
                </c:pt>
                <c:pt idx="7172">
                  <c:v>119.54521900000528</c:v>
                </c:pt>
                <c:pt idx="7173">
                  <c:v>119.56188500000528</c:v>
                </c:pt>
                <c:pt idx="7174">
                  <c:v>119.57855100000528</c:v>
                </c:pt>
                <c:pt idx="7175">
                  <c:v>119.59521700000528</c:v>
                </c:pt>
                <c:pt idx="7176">
                  <c:v>119.61188300000528</c:v>
                </c:pt>
                <c:pt idx="7177">
                  <c:v>119.62854900000528</c:v>
                </c:pt>
                <c:pt idx="7178">
                  <c:v>119.64521500000528</c:v>
                </c:pt>
                <c:pt idx="7179">
                  <c:v>119.66188100000528</c:v>
                </c:pt>
                <c:pt idx="7180">
                  <c:v>119.67854700000528</c:v>
                </c:pt>
                <c:pt idx="7181">
                  <c:v>119.69521300000528</c:v>
                </c:pt>
                <c:pt idx="7182">
                  <c:v>119.71187900000528</c:v>
                </c:pt>
                <c:pt idx="7183">
                  <c:v>119.72854500000528</c:v>
                </c:pt>
                <c:pt idx="7184">
                  <c:v>119.74521100000528</c:v>
                </c:pt>
                <c:pt idx="7185">
                  <c:v>119.76187700000528</c:v>
                </c:pt>
                <c:pt idx="7186">
                  <c:v>119.77854300000529</c:v>
                </c:pt>
                <c:pt idx="7187">
                  <c:v>119.79520900000529</c:v>
                </c:pt>
                <c:pt idx="7188">
                  <c:v>119.81187500000529</c:v>
                </c:pt>
                <c:pt idx="7189">
                  <c:v>119.82854100000529</c:v>
                </c:pt>
                <c:pt idx="7190">
                  <c:v>119.84520700000529</c:v>
                </c:pt>
                <c:pt idx="7191">
                  <c:v>119.86187300000529</c:v>
                </c:pt>
                <c:pt idx="7192">
                  <c:v>119.87853900000529</c:v>
                </c:pt>
                <c:pt idx="7193">
                  <c:v>119.89520500000529</c:v>
                </c:pt>
                <c:pt idx="7194">
                  <c:v>119.91187100000529</c:v>
                </c:pt>
                <c:pt idx="7195">
                  <c:v>119.92853700000529</c:v>
                </c:pt>
                <c:pt idx="7196">
                  <c:v>119.94520300000529</c:v>
                </c:pt>
                <c:pt idx="7197">
                  <c:v>119.96186900000529</c:v>
                </c:pt>
                <c:pt idx="7198">
                  <c:v>119.97853500000529</c:v>
                </c:pt>
                <c:pt idx="7199">
                  <c:v>119.9952010000053</c:v>
                </c:pt>
                <c:pt idx="7200">
                  <c:v>120.0118670000053</c:v>
                </c:pt>
                <c:pt idx="7201">
                  <c:v>120.0285330000053</c:v>
                </c:pt>
                <c:pt idx="7202">
                  <c:v>120.0451990000053</c:v>
                </c:pt>
                <c:pt idx="7203">
                  <c:v>120.0618650000053</c:v>
                </c:pt>
                <c:pt idx="7204">
                  <c:v>120.0785310000053</c:v>
                </c:pt>
                <c:pt idx="7205">
                  <c:v>120.0951970000053</c:v>
                </c:pt>
                <c:pt idx="7206">
                  <c:v>120.1118630000053</c:v>
                </c:pt>
                <c:pt idx="7207">
                  <c:v>120.1285290000053</c:v>
                </c:pt>
                <c:pt idx="7208">
                  <c:v>120.1451950000053</c:v>
                </c:pt>
                <c:pt idx="7209">
                  <c:v>120.1618610000053</c:v>
                </c:pt>
                <c:pt idx="7210">
                  <c:v>120.1785270000053</c:v>
                </c:pt>
                <c:pt idx="7211">
                  <c:v>120.1951930000053</c:v>
                </c:pt>
                <c:pt idx="7212">
                  <c:v>120.2118590000053</c:v>
                </c:pt>
                <c:pt idx="7213">
                  <c:v>120.22852500000531</c:v>
                </c:pt>
                <c:pt idx="7214">
                  <c:v>120.24519100000531</c:v>
                </c:pt>
                <c:pt idx="7215">
                  <c:v>120.26185700000531</c:v>
                </c:pt>
                <c:pt idx="7216">
                  <c:v>120.27852300000531</c:v>
                </c:pt>
                <c:pt idx="7217">
                  <c:v>120.29518900000531</c:v>
                </c:pt>
                <c:pt idx="7218">
                  <c:v>120.31185500000531</c:v>
                </c:pt>
                <c:pt idx="7219">
                  <c:v>120.32852100000531</c:v>
                </c:pt>
                <c:pt idx="7220">
                  <c:v>120.34518700000531</c:v>
                </c:pt>
                <c:pt idx="7221">
                  <c:v>120.36185300000531</c:v>
                </c:pt>
                <c:pt idx="7222">
                  <c:v>120.37851900000531</c:v>
                </c:pt>
                <c:pt idx="7223">
                  <c:v>120.39518500000531</c:v>
                </c:pt>
                <c:pt idx="7224">
                  <c:v>120.41185100000531</c:v>
                </c:pt>
                <c:pt idx="7225">
                  <c:v>120.42851700000531</c:v>
                </c:pt>
                <c:pt idx="7226">
                  <c:v>120.44518300000531</c:v>
                </c:pt>
                <c:pt idx="7227">
                  <c:v>120.46184900000532</c:v>
                </c:pt>
                <c:pt idx="7228">
                  <c:v>120.47851500000532</c:v>
                </c:pt>
                <c:pt idx="7229">
                  <c:v>120.49518100000532</c:v>
                </c:pt>
                <c:pt idx="7230">
                  <c:v>120.51184700000532</c:v>
                </c:pt>
                <c:pt idx="7231">
                  <c:v>120.52851300000532</c:v>
                </c:pt>
                <c:pt idx="7232">
                  <c:v>120.54517900000532</c:v>
                </c:pt>
                <c:pt idx="7233">
                  <c:v>120.56184500000532</c:v>
                </c:pt>
                <c:pt idx="7234">
                  <c:v>120.57851100000532</c:v>
                </c:pt>
                <c:pt idx="7235">
                  <c:v>120.59517700000532</c:v>
                </c:pt>
                <c:pt idx="7236">
                  <c:v>120.61184300000532</c:v>
                </c:pt>
                <c:pt idx="7237">
                  <c:v>120.62850900000532</c:v>
                </c:pt>
                <c:pt idx="7238">
                  <c:v>120.64517500000532</c:v>
                </c:pt>
                <c:pt idx="7239">
                  <c:v>120.66184100000532</c:v>
                </c:pt>
                <c:pt idx="7240">
                  <c:v>120.67850700000533</c:v>
                </c:pt>
                <c:pt idx="7241">
                  <c:v>120.69517300000533</c:v>
                </c:pt>
                <c:pt idx="7242">
                  <c:v>120.71183900000533</c:v>
                </c:pt>
                <c:pt idx="7243">
                  <c:v>120.72850500000533</c:v>
                </c:pt>
                <c:pt idx="7244">
                  <c:v>120.74517100000533</c:v>
                </c:pt>
                <c:pt idx="7245">
                  <c:v>120.76183700000533</c:v>
                </c:pt>
                <c:pt idx="7246">
                  <c:v>120.77850300000533</c:v>
                </c:pt>
                <c:pt idx="7247">
                  <c:v>120.79516900000533</c:v>
                </c:pt>
                <c:pt idx="7248">
                  <c:v>120.81183500000533</c:v>
                </c:pt>
                <c:pt idx="7249">
                  <c:v>120.82850100000533</c:v>
                </c:pt>
                <c:pt idx="7250">
                  <c:v>120.84516700000533</c:v>
                </c:pt>
                <c:pt idx="7251">
                  <c:v>120.86183300000533</c:v>
                </c:pt>
                <c:pt idx="7252">
                  <c:v>120.87849900000533</c:v>
                </c:pt>
                <c:pt idx="7253">
                  <c:v>120.89516500000533</c:v>
                </c:pt>
                <c:pt idx="7254">
                  <c:v>120.91183100000534</c:v>
                </c:pt>
                <c:pt idx="7255">
                  <c:v>120.92849700000534</c:v>
                </c:pt>
                <c:pt idx="7256">
                  <c:v>120.94516300000534</c:v>
                </c:pt>
                <c:pt idx="7257">
                  <c:v>120.96182900000534</c:v>
                </c:pt>
                <c:pt idx="7258">
                  <c:v>120.97849500000534</c:v>
                </c:pt>
                <c:pt idx="7259">
                  <c:v>120.99516100000534</c:v>
                </c:pt>
                <c:pt idx="7260">
                  <c:v>121.01182700000534</c:v>
                </c:pt>
                <c:pt idx="7261">
                  <c:v>121.02849300000534</c:v>
                </c:pt>
                <c:pt idx="7262">
                  <c:v>121.04515900000534</c:v>
                </c:pt>
                <c:pt idx="7263">
                  <c:v>121.06182500000534</c:v>
                </c:pt>
                <c:pt idx="7264">
                  <c:v>121.07849100000534</c:v>
                </c:pt>
                <c:pt idx="7265">
                  <c:v>121.09515700000534</c:v>
                </c:pt>
                <c:pt idx="7266">
                  <c:v>121.11182300000534</c:v>
                </c:pt>
                <c:pt idx="7267">
                  <c:v>121.12848900000535</c:v>
                </c:pt>
                <c:pt idx="7268">
                  <c:v>121.14515500000535</c:v>
                </c:pt>
                <c:pt idx="7269">
                  <c:v>121.16182100000535</c:v>
                </c:pt>
                <c:pt idx="7270">
                  <c:v>121.17848700000535</c:v>
                </c:pt>
                <c:pt idx="7271">
                  <c:v>121.19515300000535</c:v>
                </c:pt>
                <c:pt idx="7272">
                  <c:v>121.21181900000535</c:v>
                </c:pt>
                <c:pt idx="7273">
                  <c:v>121.22848500000535</c:v>
                </c:pt>
                <c:pt idx="7274">
                  <c:v>121.24515100000535</c:v>
                </c:pt>
                <c:pt idx="7275">
                  <c:v>121.26181700000535</c:v>
                </c:pt>
                <c:pt idx="7276">
                  <c:v>121.27848300000535</c:v>
                </c:pt>
                <c:pt idx="7277">
                  <c:v>121.29514900000535</c:v>
                </c:pt>
                <c:pt idx="7278">
                  <c:v>121.31181500000535</c:v>
                </c:pt>
                <c:pt idx="7279">
                  <c:v>121.32848100000535</c:v>
                </c:pt>
                <c:pt idx="7280">
                  <c:v>121.34514700000535</c:v>
                </c:pt>
                <c:pt idx="7281">
                  <c:v>121.36181300000536</c:v>
                </c:pt>
                <c:pt idx="7282">
                  <c:v>121.37847900000536</c:v>
                </c:pt>
                <c:pt idx="7283">
                  <c:v>121.39514500000536</c:v>
                </c:pt>
                <c:pt idx="7284">
                  <c:v>121.41181100000536</c:v>
                </c:pt>
                <c:pt idx="7285">
                  <c:v>121.42847700000536</c:v>
                </c:pt>
                <c:pt idx="7286">
                  <c:v>121.44514300000536</c:v>
                </c:pt>
                <c:pt idx="7287">
                  <c:v>121.46180900000536</c:v>
                </c:pt>
                <c:pt idx="7288">
                  <c:v>121.47847500000536</c:v>
                </c:pt>
                <c:pt idx="7289">
                  <c:v>121.49514100000536</c:v>
                </c:pt>
                <c:pt idx="7290">
                  <c:v>121.51180700000536</c:v>
                </c:pt>
                <c:pt idx="7291">
                  <c:v>121.52847300000536</c:v>
                </c:pt>
                <c:pt idx="7292">
                  <c:v>121.54513900000536</c:v>
                </c:pt>
                <c:pt idx="7293">
                  <c:v>121.56180500000536</c:v>
                </c:pt>
                <c:pt idx="7294">
                  <c:v>121.57847100000536</c:v>
                </c:pt>
                <c:pt idx="7295">
                  <c:v>121.59513700000537</c:v>
                </c:pt>
                <c:pt idx="7296">
                  <c:v>121.61180300000537</c:v>
                </c:pt>
                <c:pt idx="7297">
                  <c:v>121.62846900000537</c:v>
                </c:pt>
                <c:pt idx="7298">
                  <c:v>121.64513500000537</c:v>
                </c:pt>
                <c:pt idx="7299">
                  <c:v>121.66180100000537</c:v>
                </c:pt>
                <c:pt idx="7300">
                  <c:v>121.67846700000537</c:v>
                </c:pt>
                <c:pt idx="7301">
                  <c:v>121.69513300000537</c:v>
                </c:pt>
                <c:pt idx="7302">
                  <c:v>121.71179900000537</c:v>
                </c:pt>
                <c:pt idx="7303">
                  <c:v>121.72846500000537</c:v>
                </c:pt>
                <c:pt idx="7304">
                  <c:v>121.74513100000537</c:v>
                </c:pt>
                <c:pt idx="7305">
                  <c:v>121.76179700000537</c:v>
                </c:pt>
                <c:pt idx="7306">
                  <c:v>121.77846300000537</c:v>
                </c:pt>
                <c:pt idx="7307">
                  <c:v>121.79512900000537</c:v>
                </c:pt>
                <c:pt idx="7308">
                  <c:v>121.81179500000538</c:v>
                </c:pt>
                <c:pt idx="7309">
                  <c:v>121.82846100000538</c:v>
                </c:pt>
                <c:pt idx="7310">
                  <c:v>121.84512700000538</c:v>
                </c:pt>
                <c:pt idx="7311">
                  <c:v>121.86179300000538</c:v>
                </c:pt>
                <c:pt idx="7312">
                  <c:v>121.87845900000538</c:v>
                </c:pt>
                <c:pt idx="7313">
                  <c:v>121.89512500000538</c:v>
                </c:pt>
                <c:pt idx="7314">
                  <c:v>121.91179100000538</c:v>
                </c:pt>
                <c:pt idx="7315">
                  <c:v>121.92845700000538</c:v>
                </c:pt>
                <c:pt idx="7316">
                  <c:v>121.94512300000538</c:v>
                </c:pt>
                <c:pt idx="7317">
                  <c:v>121.96178900000538</c:v>
                </c:pt>
                <c:pt idx="7318">
                  <c:v>121.97845500000538</c:v>
                </c:pt>
                <c:pt idx="7319">
                  <c:v>121.99512100000538</c:v>
                </c:pt>
                <c:pt idx="7320">
                  <c:v>122.01178700000538</c:v>
                </c:pt>
                <c:pt idx="7321">
                  <c:v>122.02845300000538</c:v>
                </c:pt>
                <c:pt idx="7322">
                  <c:v>122.04511900000539</c:v>
                </c:pt>
                <c:pt idx="7323">
                  <c:v>122.06178500000539</c:v>
                </c:pt>
                <c:pt idx="7324">
                  <c:v>122.07845100000539</c:v>
                </c:pt>
                <c:pt idx="7325">
                  <c:v>122.09511700000539</c:v>
                </c:pt>
                <c:pt idx="7326">
                  <c:v>122.11178300000539</c:v>
                </c:pt>
                <c:pt idx="7327">
                  <c:v>122.12844900000539</c:v>
                </c:pt>
                <c:pt idx="7328">
                  <c:v>122.14511500000539</c:v>
                </c:pt>
                <c:pt idx="7329">
                  <c:v>122.16178100000539</c:v>
                </c:pt>
                <c:pt idx="7330">
                  <c:v>122.17844700000539</c:v>
                </c:pt>
                <c:pt idx="7331">
                  <c:v>122.19511300000539</c:v>
                </c:pt>
                <c:pt idx="7332">
                  <c:v>122.21177900000539</c:v>
                </c:pt>
                <c:pt idx="7333">
                  <c:v>122.22844500000539</c:v>
                </c:pt>
                <c:pt idx="7334">
                  <c:v>122.24511100000539</c:v>
                </c:pt>
                <c:pt idx="7335">
                  <c:v>122.2617770000054</c:v>
                </c:pt>
                <c:pt idx="7336">
                  <c:v>122.2784430000054</c:v>
                </c:pt>
                <c:pt idx="7337">
                  <c:v>122.2951090000054</c:v>
                </c:pt>
                <c:pt idx="7338">
                  <c:v>122.3117750000054</c:v>
                </c:pt>
                <c:pt idx="7339">
                  <c:v>122.3284410000054</c:v>
                </c:pt>
                <c:pt idx="7340">
                  <c:v>122.3451070000054</c:v>
                </c:pt>
                <c:pt idx="7341">
                  <c:v>122.3617730000054</c:v>
                </c:pt>
                <c:pt idx="7342">
                  <c:v>122.3784390000054</c:v>
                </c:pt>
                <c:pt idx="7343">
                  <c:v>122.3951050000054</c:v>
                </c:pt>
                <c:pt idx="7344">
                  <c:v>122.4117710000054</c:v>
                </c:pt>
                <c:pt idx="7345">
                  <c:v>122.4284370000054</c:v>
                </c:pt>
                <c:pt idx="7346">
                  <c:v>122.4451030000054</c:v>
                </c:pt>
                <c:pt idx="7347">
                  <c:v>122.4617690000054</c:v>
                </c:pt>
                <c:pt idx="7348">
                  <c:v>122.4784350000054</c:v>
                </c:pt>
                <c:pt idx="7349">
                  <c:v>122.49510100000541</c:v>
                </c:pt>
                <c:pt idx="7350">
                  <c:v>122.51176700000541</c:v>
                </c:pt>
                <c:pt idx="7351">
                  <c:v>122.52843300000541</c:v>
                </c:pt>
                <c:pt idx="7352">
                  <c:v>122.54509900000541</c:v>
                </c:pt>
                <c:pt idx="7353">
                  <c:v>122.56176500000541</c:v>
                </c:pt>
                <c:pt idx="7354">
                  <c:v>122.57843100000541</c:v>
                </c:pt>
                <c:pt idx="7355">
                  <c:v>122.59509700000541</c:v>
                </c:pt>
                <c:pt idx="7356">
                  <c:v>122.61176300000541</c:v>
                </c:pt>
                <c:pt idx="7357">
                  <c:v>122.62842900000541</c:v>
                </c:pt>
                <c:pt idx="7358">
                  <c:v>122.64509500000541</c:v>
                </c:pt>
                <c:pt idx="7359">
                  <c:v>122.66176100000541</c:v>
                </c:pt>
                <c:pt idx="7360">
                  <c:v>122.67842700000541</c:v>
                </c:pt>
                <c:pt idx="7361">
                  <c:v>122.69509300000541</c:v>
                </c:pt>
                <c:pt idx="7362">
                  <c:v>122.71175900000542</c:v>
                </c:pt>
                <c:pt idx="7363">
                  <c:v>122.72842500000542</c:v>
                </c:pt>
                <c:pt idx="7364">
                  <c:v>122.74509100000542</c:v>
                </c:pt>
                <c:pt idx="7365">
                  <c:v>122.76175700000542</c:v>
                </c:pt>
                <c:pt idx="7366">
                  <c:v>122.77842300000542</c:v>
                </c:pt>
                <c:pt idx="7367">
                  <c:v>122.79508900000542</c:v>
                </c:pt>
                <c:pt idx="7368">
                  <c:v>122.81175500000542</c:v>
                </c:pt>
                <c:pt idx="7369">
                  <c:v>122.82842100000542</c:v>
                </c:pt>
                <c:pt idx="7370">
                  <c:v>122.84508700000542</c:v>
                </c:pt>
                <c:pt idx="7371">
                  <c:v>122.86175300000542</c:v>
                </c:pt>
                <c:pt idx="7372">
                  <c:v>122.87841900000542</c:v>
                </c:pt>
                <c:pt idx="7373">
                  <c:v>122.89508500000542</c:v>
                </c:pt>
                <c:pt idx="7374">
                  <c:v>122.91175100000542</c:v>
                </c:pt>
                <c:pt idx="7375">
                  <c:v>122.92841700000542</c:v>
                </c:pt>
                <c:pt idx="7376">
                  <c:v>122.94508300000543</c:v>
                </c:pt>
                <c:pt idx="7377">
                  <c:v>122.96174900000543</c:v>
                </c:pt>
                <c:pt idx="7378">
                  <c:v>122.97841500000543</c:v>
                </c:pt>
                <c:pt idx="7379">
                  <c:v>122.99508100000543</c:v>
                </c:pt>
                <c:pt idx="7380">
                  <c:v>123.01174700000543</c:v>
                </c:pt>
                <c:pt idx="7381">
                  <c:v>123.02841300000543</c:v>
                </c:pt>
                <c:pt idx="7382">
                  <c:v>123.04507900000543</c:v>
                </c:pt>
                <c:pt idx="7383">
                  <c:v>123.06174500000543</c:v>
                </c:pt>
                <c:pt idx="7384">
                  <c:v>123.07841100000543</c:v>
                </c:pt>
                <c:pt idx="7385">
                  <c:v>123.09507700000543</c:v>
                </c:pt>
                <c:pt idx="7386">
                  <c:v>123.11174300000543</c:v>
                </c:pt>
                <c:pt idx="7387">
                  <c:v>123.12840900000543</c:v>
                </c:pt>
                <c:pt idx="7388">
                  <c:v>123.14507500000543</c:v>
                </c:pt>
                <c:pt idx="7389">
                  <c:v>123.16174100000543</c:v>
                </c:pt>
                <c:pt idx="7390">
                  <c:v>123.17840700000544</c:v>
                </c:pt>
                <c:pt idx="7391">
                  <c:v>123.19507300000544</c:v>
                </c:pt>
                <c:pt idx="7392">
                  <c:v>123.21173900000544</c:v>
                </c:pt>
                <c:pt idx="7393">
                  <c:v>123.22840500000544</c:v>
                </c:pt>
                <c:pt idx="7394">
                  <c:v>123.24507100000544</c:v>
                </c:pt>
                <c:pt idx="7395">
                  <c:v>123.26173700000544</c:v>
                </c:pt>
                <c:pt idx="7396">
                  <c:v>123.27840300000544</c:v>
                </c:pt>
                <c:pt idx="7397">
                  <c:v>123.29506900000544</c:v>
                </c:pt>
                <c:pt idx="7398">
                  <c:v>123.31173500000544</c:v>
                </c:pt>
                <c:pt idx="7399">
                  <c:v>123.32840100000544</c:v>
                </c:pt>
                <c:pt idx="7400">
                  <c:v>123.34506700000544</c:v>
                </c:pt>
                <c:pt idx="7401">
                  <c:v>123.36173300000544</c:v>
                </c:pt>
                <c:pt idx="7402">
                  <c:v>123.37839900000544</c:v>
                </c:pt>
                <c:pt idx="7403">
                  <c:v>123.39506500000545</c:v>
                </c:pt>
                <c:pt idx="7404">
                  <c:v>123.41173100000545</c:v>
                </c:pt>
                <c:pt idx="7405">
                  <c:v>123.42839700000545</c:v>
                </c:pt>
                <c:pt idx="7406">
                  <c:v>123.44506300000545</c:v>
                </c:pt>
                <c:pt idx="7407">
                  <c:v>123.46172900000545</c:v>
                </c:pt>
                <c:pt idx="7408">
                  <c:v>123.47839500000545</c:v>
                </c:pt>
                <c:pt idx="7409">
                  <c:v>123.49506100000545</c:v>
                </c:pt>
                <c:pt idx="7410">
                  <c:v>123.51172700000545</c:v>
                </c:pt>
                <c:pt idx="7411">
                  <c:v>123.52839300000545</c:v>
                </c:pt>
                <c:pt idx="7412">
                  <c:v>123.54505900000545</c:v>
                </c:pt>
                <c:pt idx="7413">
                  <c:v>123.56172500000545</c:v>
                </c:pt>
                <c:pt idx="7414">
                  <c:v>123.57839100000545</c:v>
                </c:pt>
                <c:pt idx="7415">
                  <c:v>123.59505700000545</c:v>
                </c:pt>
                <c:pt idx="7416">
                  <c:v>123.61172300000545</c:v>
                </c:pt>
                <c:pt idx="7417">
                  <c:v>123.62838900000546</c:v>
                </c:pt>
                <c:pt idx="7418">
                  <c:v>123.64505500000546</c:v>
                </c:pt>
                <c:pt idx="7419">
                  <c:v>123.66172100000546</c:v>
                </c:pt>
                <c:pt idx="7420">
                  <c:v>123.67838700000546</c:v>
                </c:pt>
                <c:pt idx="7421">
                  <c:v>123.69505300000546</c:v>
                </c:pt>
                <c:pt idx="7422">
                  <c:v>123.71171900000546</c:v>
                </c:pt>
                <c:pt idx="7423">
                  <c:v>123.72838500000546</c:v>
                </c:pt>
                <c:pt idx="7424">
                  <c:v>123.74505100000546</c:v>
                </c:pt>
                <c:pt idx="7425">
                  <c:v>123.76171700000546</c:v>
                </c:pt>
                <c:pt idx="7426">
                  <c:v>123.77838300000546</c:v>
                </c:pt>
                <c:pt idx="7427">
                  <c:v>123.79504900000546</c:v>
                </c:pt>
                <c:pt idx="7428">
                  <c:v>123.81171500000546</c:v>
                </c:pt>
                <c:pt idx="7429">
                  <c:v>123.82838100000546</c:v>
                </c:pt>
                <c:pt idx="7430">
                  <c:v>123.84504700000547</c:v>
                </c:pt>
                <c:pt idx="7431">
                  <c:v>123.86171300000547</c:v>
                </c:pt>
                <c:pt idx="7432">
                  <c:v>123.87837900000547</c:v>
                </c:pt>
                <c:pt idx="7433">
                  <c:v>123.89504500000547</c:v>
                </c:pt>
                <c:pt idx="7434">
                  <c:v>123.91171100000547</c:v>
                </c:pt>
                <c:pt idx="7435">
                  <c:v>123.92837700000547</c:v>
                </c:pt>
                <c:pt idx="7436">
                  <c:v>123.94504300000547</c:v>
                </c:pt>
                <c:pt idx="7437">
                  <c:v>123.96170900000547</c:v>
                </c:pt>
                <c:pt idx="7438">
                  <c:v>123.97837500000547</c:v>
                </c:pt>
                <c:pt idx="7439">
                  <c:v>123.99504100000547</c:v>
                </c:pt>
                <c:pt idx="7440">
                  <c:v>124.01170700000547</c:v>
                </c:pt>
                <c:pt idx="7441">
                  <c:v>124.02837300000547</c:v>
                </c:pt>
                <c:pt idx="7442">
                  <c:v>124.04503900000547</c:v>
                </c:pt>
                <c:pt idx="7443">
                  <c:v>124.06170500000547</c:v>
                </c:pt>
                <c:pt idx="7444">
                  <c:v>124.07837100000548</c:v>
                </c:pt>
                <c:pt idx="7445">
                  <c:v>124.09503700000548</c:v>
                </c:pt>
                <c:pt idx="7446">
                  <c:v>124.11170300000548</c:v>
                </c:pt>
                <c:pt idx="7447">
                  <c:v>124.12836900000548</c:v>
                </c:pt>
                <c:pt idx="7448">
                  <c:v>124.14503500000548</c:v>
                </c:pt>
                <c:pt idx="7449">
                  <c:v>124.16170100000548</c:v>
                </c:pt>
                <c:pt idx="7450">
                  <c:v>124.17836700000548</c:v>
                </c:pt>
                <c:pt idx="7451">
                  <c:v>124.19503300000548</c:v>
                </c:pt>
                <c:pt idx="7452">
                  <c:v>124.21169900000548</c:v>
                </c:pt>
                <c:pt idx="7453">
                  <c:v>124.22836500000548</c:v>
                </c:pt>
                <c:pt idx="7454">
                  <c:v>124.24503100000548</c:v>
                </c:pt>
                <c:pt idx="7455">
                  <c:v>124.26169700000548</c:v>
                </c:pt>
                <c:pt idx="7456">
                  <c:v>124.27836300000548</c:v>
                </c:pt>
                <c:pt idx="7457">
                  <c:v>124.29502900000548</c:v>
                </c:pt>
                <c:pt idx="7458">
                  <c:v>124.31169500000549</c:v>
                </c:pt>
                <c:pt idx="7459">
                  <c:v>124.32836100000549</c:v>
                </c:pt>
                <c:pt idx="7460">
                  <c:v>124.34502700000549</c:v>
                </c:pt>
                <c:pt idx="7461">
                  <c:v>124.36169300000549</c:v>
                </c:pt>
                <c:pt idx="7462">
                  <c:v>124.37835900000549</c:v>
                </c:pt>
                <c:pt idx="7463">
                  <c:v>124.39502500000549</c:v>
                </c:pt>
                <c:pt idx="7464">
                  <c:v>124.41169100000549</c:v>
                </c:pt>
                <c:pt idx="7465">
                  <c:v>124.42835700000549</c:v>
                </c:pt>
                <c:pt idx="7466">
                  <c:v>124.44502300000549</c:v>
                </c:pt>
                <c:pt idx="7467">
                  <c:v>124.46168900000549</c:v>
                </c:pt>
                <c:pt idx="7468">
                  <c:v>124.47835500000549</c:v>
                </c:pt>
                <c:pt idx="7469">
                  <c:v>124.49502100000549</c:v>
                </c:pt>
                <c:pt idx="7470">
                  <c:v>124.51168700000549</c:v>
                </c:pt>
                <c:pt idx="7471">
                  <c:v>124.5283530000055</c:v>
                </c:pt>
                <c:pt idx="7472">
                  <c:v>124.5450190000055</c:v>
                </c:pt>
                <c:pt idx="7473">
                  <c:v>124.5616850000055</c:v>
                </c:pt>
                <c:pt idx="7474">
                  <c:v>124.5783510000055</c:v>
                </c:pt>
                <c:pt idx="7475">
                  <c:v>124.5950170000055</c:v>
                </c:pt>
                <c:pt idx="7476">
                  <c:v>124.6116830000055</c:v>
                </c:pt>
                <c:pt idx="7477">
                  <c:v>124.6283490000055</c:v>
                </c:pt>
                <c:pt idx="7478">
                  <c:v>124.6450150000055</c:v>
                </c:pt>
                <c:pt idx="7479">
                  <c:v>124.6616810000055</c:v>
                </c:pt>
                <c:pt idx="7480">
                  <c:v>124.6783470000055</c:v>
                </c:pt>
                <c:pt idx="7481">
                  <c:v>124.6950130000055</c:v>
                </c:pt>
                <c:pt idx="7482">
                  <c:v>124.7116790000055</c:v>
                </c:pt>
                <c:pt idx="7483">
                  <c:v>124.7283450000055</c:v>
                </c:pt>
                <c:pt idx="7484">
                  <c:v>124.7450110000055</c:v>
                </c:pt>
                <c:pt idx="7485">
                  <c:v>124.76167700000551</c:v>
                </c:pt>
                <c:pt idx="7486">
                  <c:v>124.77834300000551</c:v>
                </c:pt>
                <c:pt idx="7487">
                  <c:v>124.79500900000551</c:v>
                </c:pt>
                <c:pt idx="7488">
                  <c:v>124.81167500000551</c:v>
                </c:pt>
                <c:pt idx="7489">
                  <c:v>124.82834100000551</c:v>
                </c:pt>
                <c:pt idx="7490">
                  <c:v>124.84500700000551</c:v>
                </c:pt>
                <c:pt idx="7491">
                  <c:v>124.86167300000551</c:v>
                </c:pt>
                <c:pt idx="7492">
                  <c:v>124.87833900000551</c:v>
                </c:pt>
                <c:pt idx="7493">
                  <c:v>124.89500500000551</c:v>
                </c:pt>
                <c:pt idx="7494">
                  <c:v>124.91167100000551</c:v>
                </c:pt>
                <c:pt idx="7495">
                  <c:v>124.92833700000551</c:v>
                </c:pt>
                <c:pt idx="7496">
                  <c:v>124.94500300000551</c:v>
                </c:pt>
                <c:pt idx="7497">
                  <c:v>124.96166900000551</c:v>
                </c:pt>
                <c:pt idx="7498">
                  <c:v>124.97833500000552</c:v>
                </c:pt>
                <c:pt idx="7499">
                  <c:v>124.99500100000552</c:v>
                </c:pt>
                <c:pt idx="7500">
                  <c:v>125.01166700000552</c:v>
                </c:pt>
                <c:pt idx="7501">
                  <c:v>125.02833300000552</c:v>
                </c:pt>
                <c:pt idx="7502">
                  <c:v>125.04499900000552</c:v>
                </c:pt>
                <c:pt idx="7503">
                  <c:v>125.06166500000552</c:v>
                </c:pt>
                <c:pt idx="7504">
                  <c:v>125.07833100000552</c:v>
                </c:pt>
                <c:pt idx="7505">
                  <c:v>125.09499700000552</c:v>
                </c:pt>
                <c:pt idx="7506">
                  <c:v>125.11166300000552</c:v>
                </c:pt>
                <c:pt idx="7507">
                  <c:v>125.12832900000552</c:v>
                </c:pt>
                <c:pt idx="7508">
                  <c:v>125.14499500000552</c:v>
                </c:pt>
                <c:pt idx="7509">
                  <c:v>125.16166100000552</c:v>
                </c:pt>
                <c:pt idx="7510">
                  <c:v>125.17832700000552</c:v>
                </c:pt>
                <c:pt idx="7511">
                  <c:v>125.19499300000552</c:v>
                </c:pt>
                <c:pt idx="7512">
                  <c:v>125.21165900000553</c:v>
                </c:pt>
                <c:pt idx="7513">
                  <c:v>125.22832500000553</c:v>
                </c:pt>
                <c:pt idx="7514">
                  <c:v>125.24499100000553</c:v>
                </c:pt>
                <c:pt idx="7515">
                  <c:v>125.26165700000553</c:v>
                </c:pt>
                <c:pt idx="7516">
                  <c:v>125.27832300000553</c:v>
                </c:pt>
                <c:pt idx="7517">
                  <c:v>125.29498900000553</c:v>
                </c:pt>
                <c:pt idx="7518">
                  <c:v>125.31165500000553</c:v>
                </c:pt>
                <c:pt idx="7519">
                  <c:v>125.32832100000553</c:v>
                </c:pt>
                <c:pt idx="7520">
                  <c:v>125.34498700000553</c:v>
                </c:pt>
                <c:pt idx="7521">
                  <c:v>125.36165300000553</c:v>
                </c:pt>
                <c:pt idx="7522">
                  <c:v>125.37831900000553</c:v>
                </c:pt>
                <c:pt idx="7523">
                  <c:v>125.39498500000553</c:v>
                </c:pt>
                <c:pt idx="7524">
                  <c:v>125.41165100000553</c:v>
                </c:pt>
                <c:pt idx="7525">
                  <c:v>125.42831700000553</c:v>
                </c:pt>
                <c:pt idx="7526">
                  <c:v>125.44498300000554</c:v>
                </c:pt>
                <c:pt idx="7527">
                  <c:v>125.46164900000554</c:v>
                </c:pt>
                <c:pt idx="7528">
                  <c:v>125.47831500000554</c:v>
                </c:pt>
                <c:pt idx="7529">
                  <c:v>125.49498100000554</c:v>
                </c:pt>
                <c:pt idx="7530">
                  <c:v>125.51164700000554</c:v>
                </c:pt>
                <c:pt idx="7531">
                  <c:v>125.52831300000554</c:v>
                </c:pt>
                <c:pt idx="7532">
                  <c:v>125.54497900000554</c:v>
                </c:pt>
                <c:pt idx="7533">
                  <c:v>125.56164500000554</c:v>
                </c:pt>
                <c:pt idx="7534">
                  <c:v>125.57831100000554</c:v>
                </c:pt>
                <c:pt idx="7535">
                  <c:v>125.59497700000554</c:v>
                </c:pt>
                <c:pt idx="7536">
                  <c:v>125.61164300000554</c:v>
                </c:pt>
                <c:pt idx="7537">
                  <c:v>125.62830900000554</c:v>
                </c:pt>
                <c:pt idx="7538">
                  <c:v>125.64497500000554</c:v>
                </c:pt>
                <c:pt idx="7539">
                  <c:v>125.66164100000555</c:v>
                </c:pt>
                <c:pt idx="7540">
                  <c:v>125.67830700000555</c:v>
                </c:pt>
                <c:pt idx="7541">
                  <c:v>125.69497300000555</c:v>
                </c:pt>
                <c:pt idx="7542">
                  <c:v>125.71163900000555</c:v>
                </c:pt>
                <c:pt idx="7543">
                  <c:v>125.72830500000555</c:v>
                </c:pt>
                <c:pt idx="7544">
                  <c:v>125.74497100000555</c:v>
                </c:pt>
                <c:pt idx="7545">
                  <c:v>125.76163700000555</c:v>
                </c:pt>
                <c:pt idx="7546">
                  <c:v>125.77830300000555</c:v>
                </c:pt>
                <c:pt idx="7547">
                  <c:v>125.79496900000555</c:v>
                </c:pt>
                <c:pt idx="7548">
                  <c:v>125.81163500000555</c:v>
                </c:pt>
                <c:pt idx="7549">
                  <c:v>125.82830100000555</c:v>
                </c:pt>
                <c:pt idx="7550">
                  <c:v>125.84496700000555</c:v>
                </c:pt>
                <c:pt idx="7551">
                  <c:v>125.86163300000555</c:v>
                </c:pt>
                <c:pt idx="7552">
                  <c:v>125.87829900000555</c:v>
                </c:pt>
                <c:pt idx="7553">
                  <c:v>125.89496500000556</c:v>
                </c:pt>
                <c:pt idx="7554">
                  <c:v>125.91163100000556</c:v>
                </c:pt>
                <c:pt idx="7555">
                  <c:v>125.92829700000556</c:v>
                </c:pt>
                <c:pt idx="7556">
                  <c:v>125.94496300000556</c:v>
                </c:pt>
                <c:pt idx="7557">
                  <c:v>125.96162900000556</c:v>
                </c:pt>
                <c:pt idx="7558">
                  <c:v>125.97829500000556</c:v>
                </c:pt>
                <c:pt idx="7559">
                  <c:v>125.99496100000556</c:v>
                </c:pt>
                <c:pt idx="7560">
                  <c:v>126.01162700000556</c:v>
                </c:pt>
                <c:pt idx="7561">
                  <c:v>126.02829300000556</c:v>
                </c:pt>
                <c:pt idx="7562">
                  <c:v>126.04495900000556</c:v>
                </c:pt>
                <c:pt idx="7563">
                  <c:v>126.06162500000556</c:v>
                </c:pt>
                <c:pt idx="7564">
                  <c:v>126.07829100000556</c:v>
                </c:pt>
                <c:pt idx="7565">
                  <c:v>126.09495700000556</c:v>
                </c:pt>
                <c:pt idx="7566">
                  <c:v>126.11162300000557</c:v>
                </c:pt>
                <c:pt idx="7567">
                  <c:v>126.12828900000557</c:v>
                </c:pt>
                <c:pt idx="7568">
                  <c:v>126.14495500000557</c:v>
                </c:pt>
                <c:pt idx="7569">
                  <c:v>126.16162100000557</c:v>
                </c:pt>
                <c:pt idx="7570">
                  <c:v>126.17828700000557</c:v>
                </c:pt>
                <c:pt idx="7571">
                  <c:v>126.19495300000557</c:v>
                </c:pt>
                <c:pt idx="7572">
                  <c:v>126.21161900000557</c:v>
                </c:pt>
                <c:pt idx="7573">
                  <c:v>126.22828500000557</c:v>
                </c:pt>
                <c:pt idx="7574">
                  <c:v>126.24495100000557</c:v>
                </c:pt>
                <c:pt idx="7575">
                  <c:v>126.26161700000557</c:v>
                </c:pt>
                <c:pt idx="7576">
                  <c:v>126.27828300000557</c:v>
                </c:pt>
                <c:pt idx="7577">
                  <c:v>126.29494900000557</c:v>
                </c:pt>
                <c:pt idx="7578">
                  <c:v>126.31161500000557</c:v>
                </c:pt>
                <c:pt idx="7579">
                  <c:v>126.32828100000557</c:v>
                </c:pt>
                <c:pt idx="7580">
                  <c:v>126.34494700000558</c:v>
                </c:pt>
                <c:pt idx="7581">
                  <c:v>126.36161300000558</c:v>
                </c:pt>
                <c:pt idx="7582">
                  <c:v>126.37827900000558</c:v>
                </c:pt>
                <c:pt idx="7583">
                  <c:v>126.39494500000558</c:v>
                </c:pt>
                <c:pt idx="7584">
                  <c:v>126.41161100000558</c:v>
                </c:pt>
                <c:pt idx="7585">
                  <c:v>126.42827700000558</c:v>
                </c:pt>
                <c:pt idx="7586">
                  <c:v>126.44494300000558</c:v>
                </c:pt>
                <c:pt idx="7587">
                  <c:v>126.46160900000558</c:v>
                </c:pt>
                <c:pt idx="7588">
                  <c:v>126.47827500000558</c:v>
                </c:pt>
                <c:pt idx="7589">
                  <c:v>126.49494100000558</c:v>
                </c:pt>
                <c:pt idx="7590">
                  <c:v>126.51160700000558</c:v>
                </c:pt>
                <c:pt idx="7591">
                  <c:v>126.52827300000558</c:v>
                </c:pt>
                <c:pt idx="7592">
                  <c:v>126.54493900000558</c:v>
                </c:pt>
                <c:pt idx="7593">
                  <c:v>126.56160500000558</c:v>
                </c:pt>
                <c:pt idx="7594">
                  <c:v>126.57827100000559</c:v>
                </c:pt>
                <c:pt idx="7595">
                  <c:v>126.59493700000559</c:v>
                </c:pt>
                <c:pt idx="7596">
                  <c:v>126.61160300000559</c:v>
                </c:pt>
                <c:pt idx="7597">
                  <c:v>126.62826900000559</c:v>
                </c:pt>
                <c:pt idx="7598">
                  <c:v>126.64493500000559</c:v>
                </c:pt>
                <c:pt idx="7599">
                  <c:v>126.66160100000559</c:v>
                </c:pt>
                <c:pt idx="7600">
                  <c:v>126.67826700000559</c:v>
                </c:pt>
                <c:pt idx="7601">
                  <c:v>126.69493300000559</c:v>
                </c:pt>
                <c:pt idx="7602">
                  <c:v>126.71159900000559</c:v>
                </c:pt>
                <c:pt idx="7603">
                  <c:v>126.72826500000559</c:v>
                </c:pt>
                <c:pt idx="7604">
                  <c:v>126.74493100000559</c:v>
                </c:pt>
                <c:pt idx="7605">
                  <c:v>126.76159700000559</c:v>
                </c:pt>
                <c:pt idx="7606">
                  <c:v>126.77826300000559</c:v>
                </c:pt>
                <c:pt idx="7607">
                  <c:v>126.7949290000056</c:v>
                </c:pt>
                <c:pt idx="7608">
                  <c:v>126.8115950000056</c:v>
                </c:pt>
                <c:pt idx="7609">
                  <c:v>126.8282610000056</c:v>
                </c:pt>
                <c:pt idx="7610">
                  <c:v>126.8449270000056</c:v>
                </c:pt>
                <c:pt idx="7611">
                  <c:v>126.8615930000056</c:v>
                </c:pt>
                <c:pt idx="7612">
                  <c:v>126.8782590000056</c:v>
                </c:pt>
                <c:pt idx="7613">
                  <c:v>126.8949250000056</c:v>
                </c:pt>
                <c:pt idx="7614">
                  <c:v>126.9115910000056</c:v>
                </c:pt>
                <c:pt idx="7615">
                  <c:v>126.9282570000056</c:v>
                </c:pt>
                <c:pt idx="7616">
                  <c:v>126.9449230000056</c:v>
                </c:pt>
                <c:pt idx="7617">
                  <c:v>126.9615890000056</c:v>
                </c:pt>
                <c:pt idx="7618">
                  <c:v>126.9782550000056</c:v>
                </c:pt>
                <c:pt idx="7619">
                  <c:v>126.9949210000056</c:v>
                </c:pt>
                <c:pt idx="7620">
                  <c:v>127.0115870000056</c:v>
                </c:pt>
                <c:pt idx="7621">
                  <c:v>127.02825300000561</c:v>
                </c:pt>
                <c:pt idx="7622">
                  <c:v>127.04491900000561</c:v>
                </c:pt>
                <c:pt idx="7623">
                  <c:v>127.06158500000561</c:v>
                </c:pt>
                <c:pt idx="7624">
                  <c:v>127.07825100000561</c:v>
                </c:pt>
                <c:pt idx="7625">
                  <c:v>127.09491700000561</c:v>
                </c:pt>
                <c:pt idx="7626">
                  <c:v>127.11158300000561</c:v>
                </c:pt>
                <c:pt idx="7627">
                  <c:v>127.12824900000561</c:v>
                </c:pt>
                <c:pt idx="7628">
                  <c:v>127.14491500000561</c:v>
                </c:pt>
                <c:pt idx="7629">
                  <c:v>127.16158100000561</c:v>
                </c:pt>
                <c:pt idx="7630">
                  <c:v>127.17824700000561</c:v>
                </c:pt>
                <c:pt idx="7631">
                  <c:v>127.19491300000561</c:v>
                </c:pt>
                <c:pt idx="7632">
                  <c:v>127.21157900000561</c:v>
                </c:pt>
                <c:pt idx="7633">
                  <c:v>127.22824500000561</c:v>
                </c:pt>
                <c:pt idx="7634">
                  <c:v>127.24491100000562</c:v>
                </c:pt>
                <c:pt idx="7635">
                  <c:v>127.26157700000562</c:v>
                </c:pt>
                <c:pt idx="7636">
                  <c:v>127.27824300000562</c:v>
                </c:pt>
                <c:pt idx="7637">
                  <c:v>127.29490900000562</c:v>
                </c:pt>
                <c:pt idx="7638">
                  <c:v>127.31157500000562</c:v>
                </c:pt>
                <c:pt idx="7639">
                  <c:v>127.32824100000562</c:v>
                </c:pt>
                <c:pt idx="7640">
                  <c:v>127.34490700000562</c:v>
                </c:pt>
                <c:pt idx="7641">
                  <c:v>127.36157300000562</c:v>
                </c:pt>
                <c:pt idx="7642">
                  <c:v>127.37823900000562</c:v>
                </c:pt>
                <c:pt idx="7643">
                  <c:v>127.39490500000562</c:v>
                </c:pt>
                <c:pt idx="7644">
                  <c:v>127.41157100000562</c:v>
                </c:pt>
                <c:pt idx="7645">
                  <c:v>127.42823700000562</c:v>
                </c:pt>
                <c:pt idx="7646">
                  <c:v>127.44490300000562</c:v>
                </c:pt>
                <c:pt idx="7647">
                  <c:v>127.46156900000562</c:v>
                </c:pt>
                <c:pt idx="7648">
                  <c:v>127.47823500000563</c:v>
                </c:pt>
                <c:pt idx="7649">
                  <c:v>127.49490100000563</c:v>
                </c:pt>
                <c:pt idx="7650">
                  <c:v>127.51156700000563</c:v>
                </c:pt>
                <c:pt idx="7651">
                  <c:v>127.52823300000563</c:v>
                </c:pt>
                <c:pt idx="7652">
                  <c:v>127.54489900000563</c:v>
                </c:pt>
                <c:pt idx="7653">
                  <c:v>127.56156500000563</c:v>
                </c:pt>
                <c:pt idx="7654">
                  <c:v>127.57823100000563</c:v>
                </c:pt>
                <c:pt idx="7655">
                  <c:v>127.59489700000563</c:v>
                </c:pt>
                <c:pt idx="7656">
                  <c:v>127.61156300000563</c:v>
                </c:pt>
                <c:pt idx="7657">
                  <c:v>127.62822900000563</c:v>
                </c:pt>
                <c:pt idx="7658">
                  <c:v>127.64489500000563</c:v>
                </c:pt>
                <c:pt idx="7659">
                  <c:v>127.66156100000563</c:v>
                </c:pt>
                <c:pt idx="7660">
                  <c:v>127.67822700000563</c:v>
                </c:pt>
                <c:pt idx="7661">
                  <c:v>127.69489300000564</c:v>
                </c:pt>
                <c:pt idx="7662">
                  <c:v>127.71155900000564</c:v>
                </c:pt>
                <c:pt idx="7663">
                  <c:v>127.72822500000564</c:v>
                </c:pt>
                <c:pt idx="7664">
                  <c:v>127.74489100000564</c:v>
                </c:pt>
                <c:pt idx="7665">
                  <c:v>127.76155700000564</c:v>
                </c:pt>
                <c:pt idx="7666">
                  <c:v>127.77822300000564</c:v>
                </c:pt>
                <c:pt idx="7667">
                  <c:v>127.79488900000564</c:v>
                </c:pt>
                <c:pt idx="7668">
                  <c:v>127.81155500000564</c:v>
                </c:pt>
                <c:pt idx="7669">
                  <c:v>127.82822100000564</c:v>
                </c:pt>
                <c:pt idx="7670">
                  <c:v>127.84488700000564</c:v>
                </c:pt>
                <c:pt idx="7671">
                  <c:v>127.86155300000564</c:v>
                </c:pt>
                <c:pt idx="7672">
                  <c:v>127.87821900000564</c:v>
                </c:pt>
                <c:pt idx="7673">
                  <c:v>127.89488500000564</c:v>
                </c:pt>
                <c:pt idx="7674">
                  <c:v>127.91155100000564</c:v>
                </c:pt>
                <c:pt idx="7675">
                  <c:v>127.92821700000565</c:v>
                </c:pt>
                <c:pt idx="7676">
                  <c:v>127.94488300000565</c:v>
                </c:pt>
                <c:pt idx="7677">
                  <c:v>127.96154900000565</c:v>
                </c:pt>
                <c:pt idx="7678">
                  <c:v>127.97821500000565</c:v>
                </c:pt>
                <c:pt idx="7679">
                  <c:v>127.99488100000565</c:v>
                </c:pt>
                <c:pt idx="7680">
                  <c:v>128.01154700000563</c:v>
                </c:pt>
                <c:pt idx="7681">
                  <c:v>128.02821300000562</c:v>
                </c:pt>
                <c:pt idx="7682">
                  <c:v>128.04487900000561</c:v>
                </c:pt>
                <c:pt idx="7683">
                  <c:v>128.06154500000559</c:v>
                </c:pt>
                <c:pt idx="7684">
                  <c:v>128.07821100000558</c:v>
                </c:pt>
                <c:pt idx="7685">
                  <c:v>128.09487700000557</c:v>
                </c:pt>
                <c:pt idx="7686">
                  <c:v>128.11154300000555</c:v>
                </c:pt>
                <c:pt idx="7687">
                  <c:v>128.12820900000554</c:v>
                </c:pt>
                <c:pt idx="7688">
                  <c:v>128.14487500000553</c:v>
                </c:pt>
                <c:pt idx="7689">
                  <c:v>128.16154100000551</c:v>
                </c:pt>
                <c:pt idx="7690">
                  <c:v>128.1782070000055</c:v>
                </c:pt>
                <c:pt idx="7691">
                  <c:v>128.19487300000549</c:v>
                </c:pt>
                <c:pt idx="7692">
                  <c:v>128.21153900000547</c:v>
                </c:pt>
                <c:pt idx="7693">
                  <c:v>128.22820500000546</c:v>
                </c:pt>
                <c:pt idx="7694">
                  <c:v>128.24487100000545</c:v>
                </c:pt>
                <c:pt idx="7695">
                  <c:v>128.26153700000543</c:v>
                </c:pt>
                <c:pt idx="7696">
                  <c:v>128.27820300000542</c:v>
                </c:pt>
                <c:pt idx="7697">
                  <c:v>128.29486900000541</c:v>
                </c:pt>
                <c:pt idx="7698">
                  <c:v>128.31153500000539</c:v>
                </c:pt>
                <c:pt idx="7699">
                  <c:v>128.32820100000538</c:v>
                </c:pt>
                <c:pt idx="7700">
                  <c:v>128.34486700000537</c:v>
                </c:pt>
                <c:pt idx="7701">
                  <c:v>128.36153300000535</c:v>
                </c:pt>
                <c:pt idx="7702">
                  <c:v>128.37819900000534</c:v>
                </c:pt>
                <c:pt idx="7703">
                  <c:v>128.39486500000532</c:v>
                </c:pt>
                <c:pt idx="7704">
                  <c:v>128.41153100000531</c:v>
                </c:pt>
                <c:pt idx="7705">
                  <c:v>128.4281970000053</c:v>
                </c:pt>
                <c:pt idx="7706">
                  <c:v>128.44486300000528</c:v>
                </c:pt>
                <c:pt idx="7707">
                  <c:v>128.46152900000527</c:v>
                </c:pt>
                <c:pt idx="7708">
                  <c:v>128.47819500000526</c:v>
                </c:pt>
                <c:pt idx="7709">
                  <c:v>128.49486100000524</c:v>
                </c:pt>
                <c:pt idx="7710">
                  <c:v>128.51152700000523</c:v>
                </c:pt>
                <c:pt idx="7711">
                  <c:v>128.52819300000522</c:v>
                </c:pt>
                <c:pt idx="7712">
                  <c:v>128.5448590000052</c:v>
                </c:pt>
                <c:pt idx="7713">
                  <c:v>128.56152500000519</c:v>
                </c:pt>
                <c:pt idx="7714">
                  <c:v>128.57819100000518</c:v>
                </c:pt>
                <c:pt idx="7715">
                  <c:v>128.59485700000516</c:v>
                </c:pt>
                <c:pt idx="7716">
                  <c:v>128.61152300000515</c:v>
                </c:pt>
                <c:pt idx="7717">
                  <c:v>128.62818900000514</c:v>
                </c:pt>
                <c:pt idx="7718">
                  <c:v>128.64485500000512</c:v>
                </c:pt>
                <c:pt idx="7719">
                  <c:v>128.66152100000511</c:v>
                </c:pt>
                <c:pt idx="7720">
                  <c:v>128.6781870000051</c:v>
                </c:pt>
                <c:pt idx="7721">
                  <c:v>128.69485300000508</c:v>
                </c:pt>
                <c:pt idx="7722">
                  <c:v>128.71151900000507</c:v>
                </c:pt>
                <c:pt idx="7723">
                  <c:v>128.72818500000506</c:v>
                </c:pt>
                <c:pt idx="7724">
                  <c:v>128.74485100000504</c:v>
                </c:pt>
                <c:pt idx="7725">
                  <c:v>128.76151700000503</c:v>
                </c:pt>
                <c:pt idx="7726">
                  <c:v>128.77818300000501</c:v>
                </c:pt>
                <c:pt idx="7727">
                  <c:v>128.794849000005</c:v>
                </c:pt>
                <c:pt idx="7728">
                  <c:v>128.81151500000499</c:v>
                </c:pt>
                <c:pt idx="7729">
                  <c:v>128.82818100000497</c:v>
                </c:pt>
                <c:pt idx="7730">
                  <c:v>128.84484700000496</c:v>
                </c:pt>
                <c:pt idx="7731">
                  <c:v>128.86151300000495</c:v>
                </c:pt>
                <c:pt idx="7732">
                  <c:v>128.87817900000493</c:v>
                </c:pt>
                <c:pt idx="7733">
                  <c:v>128.89484500000492</c:v>
                </c:pt>
                <c:pt idx="7734">
                  <c:v>128.91151100000491</c:v>
                </c:pt>
                <c:pt idx="7735">
                  <c:v>128.92817700000489</c:v>
                </c:pt>
                <c:pt idx="7736">
                  <c:v>128.94484300000488</c:v>
                </c:pt>
                <c:pt idx="7737">
                  <c:v>128.96150900000487</c:v>
                </c:pt>
                <c:pt idx="7738">
                  <c:v>128.97817500000485</c:v>
                </c:pt>
                <c:pt idx="7739">
                  <c:v>128.99484100000484</c:v>
                </c:pt>
                <c:pt idx="7740">
                  <c:v>129.01150700000483</c:v>
                </c:pt>
                <c:pt idx="7741">
                  <c:v>129.02817300000481</c:v>
                </c:pt>
                <c:pt idx="7742">
                  <c:v>129.0448390000048</c:v>
                </c:pt>
                <c:pt idx="7743">
                  <c:v>129.06150500000479</c:v>
                </c:pt>
                <c:pt idx="7744">
                  <c:v>129.07817100000477</c:v>
                </c:pt>
                <c:pt idx="7745">
                  <c:v>129.09483700000476</c:v>
                </c:pt>
                <c:pt idx="7746">
                  <c:v>129.11150300000475</c:v>
                </c:pt>
                <c:pt idx="7747">
                  <c:v>129.12816900000473</c:v>
                </c:pt>
                <c:pt idx="7748">
                  <c:v>129.14483500000472</c:v>
                </c:pt>
                <c:pt idx="7749">
                  <c:v>129.16150100000471</c:v>
                </c:pt>
                <c:pt idx="7750">
                  <c:v>129.17816700000469</c:v>
                </c:pt>
                <c:pt idx="7751">
                  <c:v>129.19483300000468</c:v>
                </c:pt>
                <c:pt idx="7752">
                  <c:v>129.21149900000466</c:v>
                </c:pt>
                <c:pt idx="7753">
                  <c:v>129.22816500000465</c:v>
                </c:pt>
                <c:pt idx="7754">
                  <c:v>129.24483100000464</c:v>
                </c:pt>
                <c:pt idx="7755">
                  <c:v>129.26149700000462</c:v>
                </c:pt>
                <c:pt idx="7756">
                  <c:v>129.27816300000461</c:v>
                </c:pt>
                <c:pt idx="7757">
                  <c:v>129.2948290000046</c:v>
                </c:pt>
                <c:pt idx="7758">
                  <c:v>129.31149500000458</c:v>
                </c:pt>
                <c:pt idx="7759">
                  <c:v>129.32816100000457</c:v>
                </c:pt>
                <c:pt idx="7760">
                  <c:v>129.34482700000456</c:v>
                </c:pt>
                <c:pt idx="7761">
                  <c:v>129.36149300000454</c:v>
                </c:pt>
                <c:pt idx="7762">
                  <c:v>129.37815900000453</c:v>
                </c:pt>
                <c:pt idx="7763">
                  <c:v>129.39482500000452</c:v>
                </c:pt>
                <c:pt idx="7764">
                  <c:v>129.4114910000045</c:v>
                </c:pt>
                <c:pt idx="7765">
                  <c:v>129.42815700000449</c:v>
                </c:pt>
                <c:pt idx="7766">
                  <c:v>129.44482300000448</c:v>
                </c:pt>
                <c:pt idx="7767">
                  <c:v>129.46148900000446</c:v>
                </c:pt>
                <c:pt idx="7768">
                  <c:v>129.47815500000445</c:v>
                </c:pt>
                <c:pt idx="7769">
                  <c:v>129.49482100000444</c:v>
                </c:pt>
                <c:pt idx="7770">
                  <c:v>129.51148700000442</c:v>
                </c:pt>
                <c:pt idx="7771">
                  <c:v>129.52815300000441</c:v>
                </c:pt>
                <c:pt idx="7772">
                  <c:v>129.5448190000044</c:v>
                </c:pt>
                <c:pt idx="7773">
                  <c:v>129.56148500000438</c:v>
                </c:pt>
                <c:pt idx="7774">
                  <c:v>129.57815100000437</c:v>
                </c:pt>
                <c:pt idx="7775">
                  <c:v>129.59481700000435</c:v>
                </c:pt>
                <c:pt idx="7776">
                  <c:v>129.61148300000434</c:v>
                </c:pt>
                <c:pt idx="7777">
                  <c:v>129.62814900000433</c:v>
                </c:pt>
                <c:pt idx="7778">
                  <c:v>129.64481500000431</c:v>
                </c:pt>
                <c:pt idx="7779">
                  <c:v>129.6614810000043</c:v>
                </c:pt>
                <c:pt idx="7780">
                  <c:v>129.67814700000429</c:v>
                </c:pt>
                <c:pt idx="7781">
                  <c:v>129.69481300000427</c:v>
                </c:pt>
                <c:pt idx="7782">
                  <c:v>129.71147900000426</c:v>
                </c:pt>
                <c:pt idx="7783">
                  <c:v>129.72814500000425</c:v>
                </c:pt>
                <c:pt idx="7784">
                  <c:v>129.74481100000423</c:v>
                </c:pt>
                <c:pt idx="7785">
                  <c:v>129.76147700000422</c:v>
                </c:pt>
                <c:pt idx="7786">
                  <c:v>129.77814300000421</c:v>
                </c:pt>
                <c:pt idx="7787">
                  <c:v>129.79480900000419</c:v>
                </c:pt>
                <c:pt idx="7788">
                  <c:v>129.81147500000418</c:v>
                </c:pt>
                <c:pt idx="7789">
                  <c:v>129.82814100000417</c:v>
                </c:pt>
                <c:pt idx="7790">
                  <c:v>129.84480700000415</c:v>
                </c:pt>
                <c:pt idx="7791">
                  <c:v>129.86147300000414</c:v>
                </c:pt>
                <c:pt idx="7792">
                  <c:v>129.87813900000413</c:v>
                </c:pt>
                <c:pt idx="7793">
                  <c:v>129.89480500000411</c:v>
                </c:pt>
                <c:pt idx="7794">
                  <c:v>129.9114710000041</c:v>
                </c:pt>
                <c:pt idx="7795">
                  <c:v>129.92813700000409</c:v>
                </c:pt>
                <c:pt idx="7796">
                  <c:v>129.94480300000407</c:v>
                </c:pt>
                <c:pt idx="7797">
                  <c:v>129.96146900000406</c:v>
                </c:pt>
                <c:pt idx="7798">
                  <c:v>129.97813500000404</c:v>
                </c:pt>
                <c:pt idx="7799">
                  <c:v>129.99480100000403</c:v>
                </c:pt>
                <c:pt idx="7800">
                  <c:v>130.01146700000402</c:v>
                </c:pt>
                <c:pt idx="7801">
                  <c:v>130.028133000004</c:v>
                </c:pt>
                <c:pt idx="7802">
                  <c:v>130.04479900000399</c:v>
                </c:pt>
                <c:pt idx="7803">
                  <c:v>130.06146500000398</c:v>
                </c:pt>
                <c:pt idx="7804">
                  <c:v>130.07813100000396</c:v>
                </c:pt>
                <c:pt idx="7805">
                  <c:v>130.09479700000395</c:v>
                </c:pt>
                <c:pt idx="7806">
                  <c:v>130.11146300000394</c:v>
                </c:pt>
                <c:pt idx="7807">
                  <c:v>130.12812900000392</c:v>
                </c:pt>
                <c:pt idx="7808">
                  <c:v>130.14479500000391</c:v>
                </c:pt>
                <c:pt idx="7809">
                  <c:v>130.1614610000039</c:v>
                </c:pt>
                <c:pt idx="7810">
                  <c:v>130.17812700000388</c:v>
                </c:pt>
                <c:pt idx="7811">
                  <c:v>130.19479300000387</c:v>
                </c:pt>
                <c:pt idx="7812">
                  <c:v>130.21145900000386</c:v>
                </c:pt>
                <c:pt idx="7813">
                  <c:v>130.22812500000384</c:v>
                </c:pt>
                <c:pt idx="7814">
                  <c:v>130.24479100000383</c:v>
                </c:pt>
                <c:pt idx="7815">
                  <c:v>130.26145700000382</c:v>
                </c:pt>
                <c:pt idx="7816">
                  <c:v>130.2781230000038</c:v>
                </c:pt>
                <c:pt idx="7817">
                  <c:v>130.29478900000379</c:v>
                </c:pt>
                <c:pt idx="7818">
                  <c:v>130.31145500000378</c:v>
                </c:pt>
                <c:pt idx="7819">
                  <c:v>130.32812100000376</c:v>
                </c:pt>
                <c:pt idx="7820">
                  <c:v>130.34478700000375</c:v>
                </c:pt>
                <c:pt idx="7821">
                  <c:v>130.36145300000373</c:v>
                </c:pt>
                <c:pt idx="7822">
                  <c:v>130.37811900000372</c:v>
                </c:pt>
                <c:pt idx="7823">
                  <c:v>130.39478500000371</c:v>
                </c:pt>
                <c:pt idx="7824">
                  <c:v>130.41145100000369</c:v>
                </c:pt>
                <c:pt idx="7825">
                  <c:v>130.42811700000368</c:v>
                </c:pt>
                <c:pt idx="7826">
                  <c:v>130.44478300000367</c:v>
                </c:pt>
                <c:pt idx="7827">
                  <c:v>130.46144900000365</c:v>
                </c:pt>
                <c:pt idx="7828">
                  <c:v>130.47811500000364</c:v>
                </c:pt>
                <c:pt idx="7829">
                  <c:v>130.49478100000363</c:v>
                </c:pt>
                <c:pt idx="7830">
                  <c:v>130.51144700000361</c:v>
                </c:pt>
                <c:pt idx="7831">
                  <c:v>130.5281130000036</c:v>
                </c:pt>
                <c:pt idx="7832">
                  <c:v>130.54477900000359</c:v>
                </c:pt>
                <c:pt idx="7833">
                  <c:v>130.56144500000357</c:v>
                </c:pt>
                <c:pt idx="7834">
                  <c:v>130.57811100000356</c:v>
                </c:pt>
                <c:pt idx="7835">
                  <c:v>130.59477700000355</c:v>
                </c:pt>
                <c:pt idx="7836">
                  <c:v>130.61144300000353</c:v>
                </c:pt>
                <c:pt idx="7837">
                  <c:v>130.62810900000352</c:v>
                </c:pt>
                <c:pt idx="7838">
                  <c:v>130.64477500000351</c:v>
                </c:pt>
                <c:pt idx="7839">
                  <c:v>130.66144100000349</c:v>
                </c:pt>
                <c:pt idx="7840">
                  <c:v>130.67810700000348</c:v>
                </c:pt>
                <c:pt idx="7841">
                  <c:v>130.69477300000347</c:v>
                </c:pt>
                <c:pt idx="7842">
                  <c:v>130.71143900000345</c:v>
                </c:pt>
                <c:pt idx="7843">
                  <c:v>130.72810500000344</c:v>
                </c:pt>
                <c:pt idx="7844">
                  <c:v>130.74477100000342</c:v>
                </c:pt>
                <c:pt idx="7845">
                  <c:v>130.76143700000341</c:v>
                </c:pt>
                <c:pt idx="7846">
                  <c:v>130.7781030000034</c:v>
                </c:pt>
                <c:pt idx="7847">
                  <c:v>130.79476900000338</c:v>
                </c:pt>
                <c:pt idx="7848">
                  <c:v>130.81143500000337</c:v>
                </c:pt>
                <c:pt idx="7849">
                  <c:v>130.82810100000336</c:v>
                </c:pt>
                <c:pt idx="7850">
                  <c:v>130.84476700000334</c:v>
                </c:pt>
                <c:pt idx="7851">
                  <c:v>130.86143300000333</c:v>
                </c:pt>
                <c:pt idx="7852">
                  <c:v>130.87809900000332</c:v>
                </c:pt>
                <c:pt idx="7853">
                  <c:v>130.8947650000033</c:v>
                </c:pt>
                <c:pt idx="7854">
                  <c:v>130.91143100000329</c:v>
                </c:pt>
                <c:pt idx="7855">
                  <c:v>130.92809700000328</c:v>
                </c:pt>
                <c:pt idx="7856">
                  <c:v>130.94476300000326</c:v>
                </c:pt>
                <c:pt idx="7857">
                  <c:v>130.96142900000325</c:v>
                </c:pt>
                <c:pt idx="7858">
                  <c:v>130.97809500000324</c:v>
                </c:pt>
                <c:pt idx="7859">
                  <c:v>130.99476100000322</c:v>
                </c:pt>
                <c:pt idx="7860">
                  <c:v>131.01142700000321</c:v>
                </c:pt>
                <c:pt idx="7861">
                  <c:v>131.0280930000032</c:v>
                </c:pt>
                <c:pt idx="7862">
                  <c:v>131.04475900000318</c:v>
                </c:pt>
                <c:pt idx="7863">
                  <c:v>131.06142500000317</c:v>
                </c:pt>
                <c:pt idx="7864">
                  <c:v>131.07809100000316</c:v>
                </c:pt>
                <c:pt idx="7865">
                  <c:v>131.09475700000314</c:v>
                </c:pt>
                <c:pt idx="7866">
                  <c:v>131.11142300000313</c:v>
                </c:pt>
                <c:pt idx="7867">
                  <c:v>131.12808900000311</c:v>
                </c:pt>
                <c:pt idx="7868">
                  <c:v>131.1447550000031</c:v>
                </c:pt>
                <c:pt idx="7869">
                  <c:v>131.16142100000309</c:v>
                </c:pt>
                <c:pt idx="7870">
                  <c:v>131.17808700000307</c:v>
                </c:pt>
                <c:pt idx="7871">
                  <c:v>131.19475300000306</c:v>
                </c:pt>
                <c:pt idx="7872">
                  <c:v>131.21141900000305</c:v>
                </c:pt>
                <c:pt idx="7873">
                  <c:v>131.22808500000303</c:v>
                </c:pt>
                <c:pt idx="7874">
                  <c:v>131.24475100000302</c:v>
                </c:pt>
                <c:pt idx="7875">
                  <c:v>131.26141700000301</c:v>
                </c:pt>
                <c:pt idx="7876">
                  <c:v>131.27808300000299</c:v>
                </c:pt>
                <c:pt idx="7877">
                  <c:v>131.29474900000298</c:v>
                </c:pt>
                <c:pt idx="7878">
                  <c:v>131.31141500000297</c:v>
                </c:pt>
                <c:pt idx="7879">
                  <c:v>131.32808100000295</c:v>
                </c:pt>
                <c:pt idx="7880">
                  <c:v>131.34474700000294</c:v>
                </c:pt>
                <c:pt idx="7881">
                  <c:v>131.36141300000293</c:v>
                </c:pt>
                <c:pt idx="7882">
                  <c:v>131.37807900000291</c:v>
                </c:pt>
                <c:pt idx="7883">
                  <c:v>131.3947450000029</c:v>
                </c:pt>
                <c:pt idx="7884">
                  <c:v>131.41141100000289</c:v>
                </c:pt>
                <c:pt idx="7885">
                  <c:v>131.42807700000287</c:v>
                </c:pt>
                <c:pt idx="7886">
                  <c:v>131.44474300000286</c:v>
                </c:pt>
                <c:pt idx="7887">
                  <c:v>131.46140900000285</c:v>
                </c:pt>
                <c:pt idx="7888">
                  <c:v>131.47807500000283</c:v>
                </c:pt>
                <c:pt idx="7889">
                  <c:v>131.49474100000282</c:v>
                </c:pt>
                <c:pt idx="7890">
                  <c:v>131.51140700000281</c:v>
                </c:pt>
                <c:pt idx="7891">
                  <c:v>131.52807300000279</c:v>
                </c:pt>
                <c:pt idx="7892">
                  <c:v>131.54473900000278</c:v>
                </c:pt>
                <c:pt idx="7893">
                  <c:v>131.56140500000276</c:v>
                </c:pt>
                <c:pt idx="7894">
                  <c:v>131.57807100000275</c:v>
                </c:pt>
                <c:pt idx="7895">
                  <c:v>131.59473700000274</c:v>
                </c:pt>
                <c:pt idx="7896">
                  <c:v>131.61140300000272</c:v>
                </c:pt>
                <c:pt idx="7897">
                  <c:v>131.62806900000271</c:v>
                </c:pt>
                <c:pt idx="7898">
                  <c:v>131.6447350000027</c:v>
                </c:pt>
                <c:pt idx="7899">
                  <c:v>131.66140100000268</c:v>
                </c:pt>
                <c:pt idx="7900">
                  <c:v>131.67806700000267</c:v>
                </c:pt>
                <c:pt idx="7901">
                  <c:v>131.69473300000266</c:v>
                </c:pt>
                <c:pt idx="7902">
                  <c:v>131.71139900000264</c:v>
                </c:pt>
                <c:pt idx="7903">
                  <c:v>131.72806500000263</c:v>
                </c:pt>
                <c:pt idx="7904">
                  <c:v>131.74473100000262</c:v>
                </c:pt>
                <c:pt idx="7905">
                  <c:v>131.7613970000026</c:v>
                </c:pt>
                <c:pt idx="7906">
                  <c:v>131.77806300000259</c:v>
                </c:pt>
                <c:pt idx="7907">
                  <c:v>131.79472900000258</c:v>
                </c:pt>
                <c:pt idx="7908">
                  <c:v>131.81139500000256</c:v>
                </c:pt>
                <c:pt idx="7909">
                  <c:v>131.82806100000255</c:v>
                </c:pt>
                <c:pt idx="7910">
                  <c:v>131.84472700000254</c:v>
                </c:pt>
                <c:pt idx="7911">
                  <c:v>131.86139300000252</c:v>
                </c:pt>
                <c:pt idx="7912">
                  <c:v>131.87805900000251</c:v>
                </c:pt>
                <c:pt idx="7913">
                  <c:v>131.8947250000025</c:v>
                </c:pt>
                <c:pt idx="7914">
                  <c:v>131.91139100000248</c:v>
                </c:pt>
                <c:pt idx="7915">
                  <c:v>131.92805700000247</c:v>
                </c:pt>
                <c:pt idx="7916">
                  <c:v>131.94472300000245</c:v>
                </c:pt>
                <c:pt idx="7917">
                  <c:v>131.96138900000244</c:v>
                </c:pt>
                <c:pt idx="7918">
                  <c:v>131.97805500000243</c:v>
                </c:pt>
                <c:pt idx="7919">
                  <c:v>131.99472100000241</c:v>
                </c:pt>
                <c:pt idx="7920">
                  <c:v>132.0113870000024</c:v>
                </c:pt>
                <c:pt idx="7921">
                  <c:v>132.02805300000239</c:v>
                </c:pt>
                <c:pt idx="7922">
                  <c:v>132.04471900000237</c:v>
                </c:pt>
                <c:pt idx="7923">
                  <c:v>132.06138500000236</c:v>
                </c:pt>
                <c:pt idx="7924">
                  <c:v>132.07805100000235</c:v>
                </c:pt>
                <c:pt idx="7925">
                  <c:v>132.09471700000233</c:v>
                </c:pt>
                <c:pt idx="7926">
                  <c:v>132.11138300000232</c:v>
                </c:pt>
                <c:pt idx="7927">
                  <c:v>132.12804900000231</c:v>
                </c:pt>
                <c:pt idx="7928">
                  <c:v>132.14471500000229</c:v>
                </c:pt>
                <c:pt idx="7929">
                  <c:v>132.16138100000228</c:v>
                </c:pt>
                <c:pt idx="7930">
                  <c:v>132.17804700000227</c:v>
                </c:pt>
                <c:pt idx="7931">
                  <c:v>132.19471300000225</c:v>
                </c:pt>
                <c:pt idx="7932">
                  <c:v>132.21137900000224</c:v>
                </c:pt>
                <c:pt idx="7933">
                  <c:v>132.22804500000223</c:v>
                </c:pt>
                <c:pt idx="7934">
                  <c:v>132.24471100000221</c:v>
                </c:pt>
                <c:pt idx="7935">
                  <c:v>132.2613770000022</c:v>
                </c:pt>
                <c:pt idx="7936">
                  <c:v>132.27804300000219</c:v>
                </c:pt>
                <c:pt idx="7937">
                  <c:v>132.29470900000217</c:v>
                </c:pt>
                <c:pt idx="7938">
                  <c:v>132.31137500000216</c:v>
                </c:pt>
                <c:pt idx="7939">
                  <c:v>132.32804100000214</c:v>
                </c:pt>
                <c:pt idx="7940">
                  <c:v>132.34470700000213</c:v>
                </c:pt>
                <c:pt idx="7941">
                  <c:v>132.36137300000212</c:v>
                </c:pt>
                <c:pt idx="7942">
                  <c:v>132.3780390000021</c:v>
                </c:pt>
                <c:pt idx="7943">
                  <c:v>132.39470500000209</c:v>
                </c:pt>
                <c:pt idx="7944">
                  <c:v>132.41137100000208</c:v>
                </c:pt>
                <c:pt idx="7945">
                  <c:v>132.42803700000206</c:v>
                </c:pt>
                <c:pt idx="7946">
                  <c:v>132.44470300000205</c:v>
                </c:pt>
                <c:pt idx="7947">
                  <c:v>132.46136900000204</c:v>
                </c:pt>
                <c:pt idx="7948">
                  <c:v>132.47803500000202</c:v>
                </c:pt>
                <c:pt idx="7949">
                  <c:v>132.49470100000201</c:v>
                </c:pt>
                <c:pt idx="7950">
                  <c:v>132.511367000002</c:v>
                </c:pt>
                <c:pt idx="7951">
                  <c:v>132.52803300000198</c:v>
                </c:pt>
                <c:pt idx="7952">
                  <c:v>132.54469900000197</c:v>
                </c:pt>
                <c:pt idx="7953">
                  <c:v>132.56136500000196</c:v>
                </c:pt>
                <c:pt idx="7954">
                  <c:v>132.57803100000194</c:v>
                </c:pt>
                <c:pt idx="7955">
                  <c:v>132.59469700000193</c:v>
                </c:pt>
                <c:pt idx="7956">
                  <c:v>132.61136300000192</c:v>
                </c:pt>
                <c:pt idx="7957">
                  <c:v>132.6280290000019</c:v>
                </c:pt>
                <c:pt idx="7958">
                  <c:v>132.64469500000189</c:v>
                </c:pt>
                <c:pt idx="7959">
                  <c:v>132.66136100000188</c:v>
                </c:pt>
                <c:pt idx="7960">
                  <c:v>132.67802700000186</c:v>
                </c:pt>
                <c:pt idx="7961">
                  <c:v>132.69469300000185</c:v>
                </c:pt>
                <c:pt idx="7962">
                  <c:v>132.71135900000183</c:v>
                </c:pt>
                <c:pt idx="7963">
                  <c:v>132.72802500000182</c:v>
                </c:pt>
                <c:pt idx="7964">
                  <c:v>132.74469100000181</c:v>
                </c:pt>
                <c:pt idx="7965">
                  <c:v>132.76135700000179</c:v>
                </c:pt>
                <c:pt idx="7966">
                  <c:v>132.77802300000178</c:v>
                </c:pt>
                <c:pt idx="7967">
                  <c:v>132.79468900000177</c:v>
                </c:pt>
                <c:pt idx="7968">
                  <c:v>132.81135500000175</c:v>
                </c:pt>
                <c:pt idx="7969">
                  <c:v>132.82802100000174</c:v>
                </c:pt>
                <c:pt idx="7970">
                  <c:v>132.84468700000173</c:v>
                </c:pt>
                <c:pt idx="7971">
                  <c:v>132.86135300000171</c:v>
                </c:pt>
                <c:pt idx="7972">
                  <c:v>132.8780190000017</c:v>
                </c:pt>
                <c:pt idx="7973">
                  <c:v>132.89468500000169</c:v>
                </c:pt>
                <c:pt idx="7974">
                  <c:v>132.91135100000167</c:v>
                </c:pt>
                <c:pt idx="7975">
                  <c:v>132.92801700000166</c:v>
                </c:pt>
                <c:pt idx="7976">
                  <c:v>132.94468300000165</c:v>
                </c:pt>
                <c:pt idx="7977">
                  <c:v>132.96134900000163</c:v>
                </c:pt>
                <c:pt idx="7978">
                  <c:v>132.97801500000162</c:v>
                </c:pt>
                <c:pt idx="7979">
                  <c:v>132.99468100000161</c:v>
                </c:pt>
                <c:pt idx="7980">
                  <c:v>133.01134700000159</c:v>
                </c:pt>
                <c:pt idx="7981">
                  <c:v>133.02801300000158</c:v>
                </c:pt>
                <c:pt idx="7982">
                  <c:v>133.04467900000157</c:v>
                </c:pt>
                <c:pt idx="7983">
                  <c:v>133.06134500000155</c:v>
                </c:pt>
                <c:pt idx="7984">
                  <c:v>133.07801100000154</c:v>
                </c:pt>
                <c:pt idx="7985">
                  <c:v>133.09467700000152</c:v>
                </c:pt>
                <c:pt idx="7986">
                  <c:v>133.11134300000151</c:v>
                </c:pt>
                <c:pt idx="7987">
                  <c:v>133.1280090000015</c:v>
                </c:pt>
                <c:pt idx="7988">
                  <c:v>133.14467500000148</c:v>
                </c:pt>
                <c:pt idx="7989">
                  <c:v>133.16134100000147</c:v>
                </c:pt>
                <c:pt idx="7990">
                  <c:v>133.17800700000146</c:v>
                </c:pt>
                <c:pt idx="7991">
                  <c:v>133.19467300000144</c:v>
                </c:pt>
                <c:pt idx="7992">
                  <c:v>133.21133900000143</c:v>
                </c:pt>
                <c:pt idx="7993">
                  <c:v>133.22800500000142</c:v>
                </c:pt>
                <c:pt idx="7994">
                  <c:v>133.2446710000014</c:v>
                </c:pt>
                <c:pt idx="7995">
                  <c:v>133.26133700000139</c:v>
                </c:pt>
                <c:pt idx="7996">
                  <c:v>133.27800300000138</c:v>
                </c:pt>
                <c:pt idx="7997">
                  <c:v>133.29466900000136</c:v>
                </c:pt>
                <c:pt idx="7998">
                  <c:v>133.31133500000135</c:v>
                </c:pt>
                <c:pt idx="7999">
                  <c:v>133.32800100000134</c:v>
                </c:pt>
                <c:pt idx="8000">
                  <c:v>133.34466700000132</c:v>
                </c:pt>
                <c:pt idx="8001">
                  <c:v>133.36133300000131</c:v>
                </c:pt>
                <c:pt idx="8002">
                  <c:v>133.3779990000013</c:v>
                </c:pt>
                <c:pt idx="8003">
                  <c:v>133.39466500000128</c:v>
                </c:pt>
                <c:pt idx="8004">
                  <c:v>133.41133100000127</c:v>
                </c:pt>
                <c:pt idx="8005">
                  <c:v>133.42799700000126</c:v>
                </c:pt>
                <c:pt idx="8006">
                  <c:v>133.44466300000124</c:v>
                </c:pt>
                <c:pt idx="8007">
                  <c:v>133.46132900000123</c:v>
                </c:pt>
                <c:pt idx="8008">
                  <c:v>133.47799500000121</c:v>
                </c:pt>
                <c:pt idx="8009">
                  <c:v>133.4946610000012</c:v>
                </c:pt>
                <c:pt idx="8010">
                  <c:v>133.51132700000119</c:v>
                </c:pt>
                <c:pt idx="8011">
                  <c:v>133.52799300000117</c:v>
                </c:pt>
                <c:pt idx="8012">
                  <c:v>133.54465900000116</c:v>
                </c:pt>
                <c:pt idx="8013">
                  <c:v>133.56132500000115</c:v>
                </c:pt>
                <c:pt idx="8014">
                  <c:v>133.57799100000113</c:v>
                </c:pt>
                <c:pt idx="8015">
                  <c:v>133.59465700000112</c:v>
                </c:pt>
                <c:pt idx="8016">
                  <c:v>133.61132300000111</c:v>
                </c:pt>
                <c:pt idx="8017">
                  <c:v>133.62798900000109</c:v>
                </c:pt>
                <c:pt idx="8018">
                  <c:v>133.64465500000108</c:v>
                </c:pt>
                <c:pt idx="8019">
                  <c:v>133.66132100000107</c:v>
                </c:pt>
                <c:pt idx="8020">
                  <c:v>133.67798700000105</c:v>
                </c:pt>
                <c:pt idx="8021">
                  <c:v>133.69465300000104</c:v>
                </c:pt>
                <c:pt idx="8022">
                  <c:v>133.71131900000103</c:v>
                </c:pt>
                <c:pt idx="8023">
                  <c:v>133.72798500000101</c:v>
                </c:pt>
                <c:pt idx="8024">
                  <c:v>133.744651000001</c:v>
                </c:pt>
                <c:pt idx="8025">
                  <c:v>133.76131700000099</c:v>
                </c:pt>
                <c:pt idx="8026">
                  <c:v>133.77798300000097</c:v>
                </c:pt>
                <c:pt idx="8027">
                  <c:v>133.79464900000096</c:v>
                </c:pt>
                <c:pt idx="8028">
                  <c:v>133.81131500000095</c:v>
                </c:pt>
                <c:pt idx="8029">
                  <c:v>133.82798100000093</c:v>
                </c:pt>
                <c:pt idx="8030">
                  <c:v>133.84464700000092</c:v>
                </c:pt>
                <c:pt idx="8031">
                  <c:v>133.86131300000091</c:v>
                </c:pt>
                <c:pt idx="8032">
                  <c:v>133.87797900000089</c:v>
                </c:pt>
                <c:pt idx="8033">
                  <c:v>133.89464500000088</c:v>
                </c:pt>
                <c:pt idx="8034">
                  <c:v>133.91131100000086</c:v>
                </c:pt>
                <c:pt idx="8035">
                  <c:v>133.92797700000085</c:v>
                </c:pt>
                <c:pt idx="8036">
                  <c:v>133.94464300000084</c:v>
                </c:pt>
                <c:pt idx="8037">
                  <c:v>133.96130900000082</c:v>
                </c:pt>
                <c:pt idx="8038">
                  <c:v>133.97797500000081</c:v>
                </c:pt>
                <c:pt idx="8039">
                  <c:v>133.9946410000008</c:v>
                </c:pt>
                <c:pt idx="8040">
                  <c:v>134.01130700000078</c:v>
                </c:pt>
                <c:pt idx="8041">
                  <c:v>134.02797300000077</c:v>
                </c:pt>
                <c:pt idx="8042">
                  <c:v>134.04463900000076</c:v>
                </c:pt>
                <c:pt idx="8043">
                  <c:v>134.06130500000074</c:v>
                </c:pt>
                <c:pt idx="8044">
                  <c:v>134.07797100000073</c:v>
                </c:pt>
                <c:pt idx="8045">
                  <c:v>134.09463700000072</c:v>
                </c:pt>
                <c:pt idx="8046">
                  <c:v>134.1113030000007</c:v>
                </c:pt>
                <c:pt idx="8047">
                  <c:v>134.12796900000069</c:v>
                </c:pt>
                <c:pt idx="8048">
                  <c:v>134.14463500000068</c:v>
                </c:pt>
                <c:pt idx="8049">
                  <c:v>134.16130100000066</c:v>
                </c:pt>
                <c:pt idx="8050">
                  <c:v>134.17796700000065</c:v>
                </c:pt>
                <c:pt idx="8051">
                  <c:v>134.19463300000064</c:v>
                </c:pt>
                <c:pt idx="8052">
                  <c:v>134.21129900000062</c:v>
                </c:pt>
                <c:pt idx="8053">
                  <c:v>134.22796500000061</c:v>
                </c:pt>
                <c:pt idx="8054">
                  <c:v>134.2446310000006</c:v>
                </c:pt>
                <c:pt idx="8055">
                  <c:v>134.26129700000058</c:v>
                </c:pt>
                <c:pt idx="8056">
                  <c:v>134.27796300000057</c:v>
                </c:pt>
                <c:pt idx="8057">
                  <c:v>134.29462900000055</c:v>
                </c:pt>
                <c:pt idx="8058">
                  <c:v>134.31129500000054</c:v>
                </c:pt>
                <c:pt idx="8059">
                  <c:v>134.32796100000053</c:v>
                </c:pt>
                <c:pt idx="8060">
                  <c:v>134.34462700000051</c:v>
                </c:pt>
                <c:pt idx="8061">
                  <c:v>134.3612930000005</c:v>
                </c:pt>
                <c:pt idx="8062">
                  <c:v>134.37795900000049</c:v>
                </c:pt>
                <c:pt idx="8063">
                  <c:v>134.39462500000047</c:v>
                </c:pt>
                <c:pt idx="8064">
                  <c:v>134.41129100000046</c:v>
                </c:pt>
                <c:pt idx="8065">
                  <c:v>134.42795700000045</c:v>
                </c:pt>
                <c:pt idx="8066">
                  <c:v>134.44462300000043</c:v>
                </c:pt>
                <c:pt idx="8067">
                  <c:v>134.46128900000042</c:v>
                </c:pt>
                <c:pt idx="8068">
                  <c:v>134.47795500000041</c:v>
                </c:pt>
                <c:pt idx="8069">
                  <c:v>134.49462100000039</c:v>
                </c:pt>
                <c:pt idx="8070">
                  <c:v>134.51128700000038</c:v>
                </c:pt>
                <c:pt idx="8071">
                  <c:v>134.52795300000037</c:v>
                </c:pt>
                <c:pt idx="8072">
                  <c:v>134.54461900000035</c:v>
                </c:pt>
                <c:pt idx="8073">
                  <c:v>134.56128500000034</c:v>
                </c:pt>
                <c:pt idx="8074">
                  <c:v>134.57795100000033</c:v>
                </c:pt>
                <c:pt idx="8075">
                  <c:v>134.59461700000031</c:v>
                </c:pt>
                <c:pt idx="8076">
                  <c:v>134.6112830000003</c:v>
                </c:pt>
                <c:pt idx="8077">
                  <c:v>134.62794900000029</c:v>
                </c:pt>
                <c:pt idx="8078">
                  <c:v>134.64461500000027</c:v>
                </c:pt>
                <c:pt idx="8079">
                  <c:v>134.66128100000026</c:v>
                </c:pt>
                <c:pt idx="8080">
                  <c:v>134.67794700000024</c:v>
                </c:pt>
                <c:pt idx="8081">
                  <c:v>134.69461300000023</c:v>
                </c:pt>
                <c:pt idx="8082">
                  <c:v>134.71127900000022</c:v>
                </c:pt>
                <c:pt idx="8083">
                  <c:v>134.7279450000002</c:v>
                </c:pt>
                <c:pt idx="8084">
                  <c:v>134.74461100000019</c:v>
                </c:pt>
                <c:pt idx="8085">
                  <c:v>134.76127700000018</c:v>
                </c:pt>
                <c:pt idx="8086">
                  <c:v>134.77794300000016</c:v>
                </c:pt>
                <c:pt idx="8087">
                  <c:v>134.79460900000015</c:v>
                </c:pt>
                <c:pt idx="8088">
                  <c:v>134.81127500000014</c:v>
                </c:pt>
                <c:pt idx="8089">
                  <c:v>134.82794100000012</c:v>
                </c:pt>
                <c:pt idx="8090">
                  <c:v>134.84460700000011</c:v>
                </c:pt>
                <c:pt idx="8091">
                  <c:v>134.8612730000001</c:v>
                </c:pt>
                <c:pt idx="8092">
                  <c:v>134.87793900000008</c:v>
                </c:pt>
                <c:pt idx="8093">
                  <c:v>134.89460500000007</c:v>
                </c:pt>
                <c:pt idx="8094">
                  <c:v>134.91127100000006</c:v>
                </c:pt>
                <c:pt idx="8095">
                  <c:v>134.92793700000004</c:v>
                </c:pt>
                <c:pt idx="8096">
                  <c:v>134.94460300000003</c:v>
                </c:pt>
                <c:pt idx="8097">
                  <c:v>134.96126900000002</c:v>
                </c:pt>
                <c:pt idx="8098">
                  <c:v>134.977935</c:v>
                </c:pt>
                <c:pt idx="8099">
                  <c:v>134.99460099999999</c:v>
                </c:pt>
                <c:pt idx="8100">
                  <c:v>135.01126699999998</c:v>
                </c:pt>
                <c:pt idx="8101">
                  <c:v>135.02793299999996</c:v>
                </c:pt>
                <c:pt idx="8102">
                  <c:v>135.04459899999995</c:v>
                </c:pt>
                <c:pt idx="8103">
                  <c:v>135.06126499999993</c:v>
                </c:pt>
                <c:pt idx="8104">
                  <c:v>135.07793099999992</c:v>
                </c:pt>
                <c:pt idx="8105">
                  <c:v>135.09459699999991</c:v>
                </c:pt>
                <c:pt idx="8106">
                  <c:v>135.11126299999989</c:v>
                </c:pt>
                <c:pt idx="8107">
                  <c:v>135.12792899999988</c:v>
                </c:pt>
                <c:pt idx="8108">
                  <c:v>135.14459499999987</c:v>
                </c:pt>
                <c:pt idx="8109">
                  <c:v>135.16126099999985</c:v>
                </c:pt>
                <c:pt idx="8110">
                  <c:v>135.17792699999984</c:v>
                </c:pt>
                <c:pt idx="8111">
                  <c:v>135.19459299999983</c:v>
                </c:pt>
                <c:pt idx="8112">
                  <c:v>135.21125899999981</c:v>
                </c:pt>
                <c:pt idx="8113">
                  <c:v>135.2279249999998</c:v>
                </c:pt>
                <c:pt idx="8114">
                  <c:v>135.24459099999979</c:v>
                </c:pt>
                <c:pt idx="8115">
                  <c:v>135.26125699999977</c:v>
                </c:pt>
                <c:pt idx="8116">
                  <c:v>135.27792299999976</c:v>
                </c:pt>
                <c:pt idx="8117">
                  <c:v>135.29458899999975</c:v>
                </c:pt>
                <c:pt idx="8118">
                  <c:v>135.31125499999973</c:v>
                </c:pt>
                <c:pt idx="8119">
                  <c:v>135.32792099999972</c:v>
                </c:pt>
                <c:pt idx="8120">
                  <c:v>135.34458699999971</c:v>
                </c:pt>
                <c:pt idx="8121">
                  <c:v>135.36125299999969</c:v>
                </c:pt>
                <c:pt idx="8122">
                  <c:v>135.37791899999968</c:v>
                </c:pt>
                <c:pt idx="8123">
                  <c:v>135.39458499999967</c:v>
                </c:pt>
                <c:pt idx="8124">
                  <c:v>135.41125099999965</c:v>
                </c:pt>
                <c:pt idx="8125">
                  <c:v>135.42791699999964</c:v>
                </c:pt>
                <c:pt idx="8126">
                  <c:v>135.44458299999962</c:v>
                </c:pt>
                <c:pt idx="8127">
                  <c:v>135.46124899999961</c:v>
                </c:pt>
                <c:pt idx="8128">
                  <c:v>135.4779149999996</c:v>
                </c:pt>
                <c:pt idx="8129">
                  <c:v>135.49458099999958</c:v>
                </c:pt>
                <c:pt idx="8130">
                  <c:v>135.51124699999957</c:v>
                </c:pt>
                <c:pt idx="8131">
                  <c:v>135.52791299999956</c:v>
                </c:pt>
                <c:pt idx="8132">
                  <c:v>135.54457899999954</c:v>
                </c:pt>
                <c:pt idx="8133">
                  <c:v>135.56124499999953</c:v>
                </c:pt>
                <c:pt idx="8134">
                  <c:v>135.57791099999952</c:v>
                </c:pt>
                <c:pt idx="8135">
                  <c:v>135.5945769999995</c:v>
                </c:pt>
                <c:pt idx="8136">
                  <c:v>135.61124299999949</c:v>
                </c:pt>
                <c:pt idx="8137">
                  <c:v>135.62790899999948</c:v>
                </c:pt>
                <c:pt idx="8138">
                  <c:v>135.64457499999946</c:v>
                </c:pt>
                <c:pt idx="8139">
                  <c:v>135.66124099999945</c:v>
                </c:pt>
                <c:pt idx="8140">
                  <c:v>135.67790699999944</c:v>
                </c:pt>
                <c:pt idx="8141">
                  <c:v>135.69457299999942</c:v>
                </c:pt>
                <c:pt idx="8142">
                  <c:v>135.71123899999941</c:v>
                </c:pt>
                <c:pt idx="8143">
                  <c:v>135.7279049999994</c:v>
                </c:pt>
                <c:pt idx="8144">
                  <c:v>135.74457099999938</c:v>
                </c:pt>
                <c:pt idx="8145">
                  <c:v>135.76123699999937</c:v>
                </c:pt>
                <c:pt idx="8146">
                  <c:v>135.77790299999936</c:v>
                </c:pt>
                <c:pt idx="8147">
                  <c:v>135.79456899999934</c:v>
                </c:pt>
                <c:pt idx="8148">
                  <c:v>135.81123499999933</c:v>
                </c:pt>
                <c:pt idx="8149">
                  <c:v>135.82790099999931</c:v>
                </c:pt>
                <c:pt idx="8150">
                  <c:v>135.8445669999993</c:v>
                </c:pt>
                <c:pt idx="8151">
                  <c:v>135.86123299999929</c:v>
                </c:pt>
                <c:pt idx="8152">
                  <c:v>135.87789899999927</c:v>
                </c:pt>
                <c:pt idx="8153">
                  <c:v>135.89456499999926</c:v>
                </c:pt>
                <c:pt idx="8154">
                  <c:v>135.91123099999925</c:v>
                </c:pt>
                <c:pt idx="8155">
                  <c:v>135.92789699999923</c:v>
                </c:pt>
                <c:pt idx="8156">
                  <c:v>135.94456299999922</c:v>
                </c:pt>
                <c:pt idx="8157">
                  <c:v>135.96122899999921</c:v>
                </c:pt>
                <c:pt idx="8158">
                  <c:v>135.97789499999919</c:v>
                </c:pt>
                <c:pt idx="8159">
                  <c:v>135.99456099999918</c:v>
                </c:pt>
                <c:pt idx="8160">
                  <c:v>136.01122699999917</c:v>
                </c:pt>
                <c:pt idx="8161">
                  <c:v>136.02789299999915</c:v>
                </c:pt>
                <c:pt idx="8162">
                  <c:v>136.04455899999914</c:v>
                </c:pt>
                <c:pt idx="8163">
                  <c:v>136.06122499999913</c:v>
                </c:pt>
                <c:pt idx="8164">
                  <c:v>136.07789099999911</c:v>
                </c:pt>
                <c:pt idx="8165">
                  <c:v>136.0945569999991</c:v>
                </c:pt>
                <c:pt idx="8166">
                  <c:v>136.11122299999909</c:v>
                </c:pt>
                <c:pt idx="8167">
                  <c:v>136.12788899999907</c:v>
                </c:pt>
                <c:pt idx="8168">
                  <c:v>136.14455499999906</c:v>
                </c:pt>
                <c:pt idx="8169">
                  <c:v>136.16122099999905</c:v>
                </c:pt>
                <c:pt idx="8170">
                  <c:v>136.17788699999903</c:v>
                </c:pt>
                <c:pt idx="8171">
                  <c:v>136.19455299999902</c:v>
                </c:pt>
                <c:pt idx="8172">
                  <c:v>136.21121899999901</c:v>
                </c:pt>
                <c:pt idx="8173">
                  <c:v>136.22788499999899</c:v>
                </c:pt>
                <c:pt idx="8174">
                  <c:v>136.24455099999898</c:v>
                </c:pt>
                <c:pt idx="8175">
                  <c:v>136.26121699999896</c:v>
                </c:pt>
                <c:pt idx="8176">
                  <c:v>136.27788299999895</c:v>
                </c:pt>
                <c:pt idx="8177">
                  <c:v>136.29454899999894</c:v>
                </c:pt>
                <c:pt idx="8178">
                  <c:v>136.31121499999892</c:v>
                </c:pt>
                <c:pt idx="8179">
                  <c:v>136.32788099999891</c:v>
                </c:pt>
                <c:pt idx="8180">
                  <c:v>136.3445469999989</c:v>
                </c:pt>
                <c:pt idx="8181">
                  <c:v>136.36121299999888</c:v>
                </c:pt>
                <c:pt idx="8182">
                  <c:v>136.37787899999887</c:v>
                </c:pt>
                <c:pt idx="8183">
                  <c:v>136.39454499999886</c:v>
                </c:pt>
                <c:pt idx="8184">
                  <c:v>136.41121099999884</c:v>
                </c:pt>
                <c:pt idx="8185">
                  <c:v>136.42787699999883</c:v>
                </c:pt>
                <c:pt idx="8186">
                  <c:v>136.44454299999882</c:v>
                </c:pt>
                <c:pt idx="8187">
                  <c:v>136.4612089999988</c:v>
                </c:pt>
                <c:pt idx="8188">
                  <c:v>136.47787499999879</c:v>
                </c:pt>
                <c:pt idx="8189">
                  <c:v>136.49454099999878</c:v>
                </c:pt>
                <c:pt idx="8190">
                  <c:v>136.51120699999876</c:v>
                </c:pt>
                <c:pt idx="8191">
                  <c:v>136.52787299999875</c:v>
                </c:pt>
                <c:pt idx="8192">
                  <c:v>136.54453899999874</c:v>
                </c:pt>
                <c:pt idx="8193">
                  <c:v>136.56120499999872</c:v>
                </c:pt>
                <c:pt idx="8194">
                  <c:v>136.57787099999871</c:v>
                </c:pt>
                <c:pt idx="8195">
                  <c:v>136.5945369999987</c:v>
                </c:pt>
                <c:pt idx="8196">
                  <c:v>136.61120299999868</c:v>
                </c:pt>
                <c:pt idx="8197">
                  <c:v>136.62786899999867</c:v>
                </c:pt>
                <c:pt idx="8198">
                  <c:v>136.64453499999865</c:v>
                </c:pt>
                <c:pt idx="8199">
                  <c:v>136.66120099999864</c:v>
                </c:pt>
                <c:pt idx="8200">
                  <c:v>136.67786699999863</c:v>
                </c:pt>
                <c:pt idx="8201">
                  <c:v>136.69453299999861</c:v>
                </c:pt>
                <c:pt idx="8202">
                  <c:v>136.7111989999986</c:v>
                </c:pt>
                <c:pt idx="8203">
                  <c:v>136.72786499999859</c:v>
                </c:pt>
                <c:pt idx="8204">
                  <c:v>136.74453099999857</c:v>
                </c:pt>
                <c:pt idx="8205">
                  <c:v>136.76119699999856</c:v>
                </c:pt>
                <c:pt idx="8206">
                  <c:v>136.77786299999855</c:v>
                </c:pt>
                <c:pt idx="8207">
                  <c:v>136.79452899999853</c:v>
                </c:pt>
                <c:pt idx="8208">
                  <c:v>136.81119499999852</c:v>
                </c:pt>
                <c:pt idx="8209">
                  <c:v>136.82786099999851</c:v>
                </c:pt>
                <c:pt idx="8210">
                  <c:v>136.84452699999849</c:v>
                </c:pt>
                <c:pt idx="8211">
                  <c:v>136.86119299999848</c:v>
                </c:pt>
                <c:pt idx="8212">
                  <c:v>136.87785899999847</c:v>
                </c:pt>
                <c:pt idx="8213">
                  <c:v>136.89452499999845</c:v>
                </c:pt>
                <c:pt idx="8214">
                  <c:v>136.91119099999844</c:v>
                </c:pt>
                <c:pt idx="8215">
                  <c:v>136.92785699999843</c:v>
                </c:pt>
                <c:pt idx="8216">
                  <c:v>136.94452299999841</c:v>
                </c:pt>
                <c:pt idx="8217">
                  <c:v>136.9611889999984</c:v>
                </c:pt>
                <c:pt idx="8218">
                  <c:v>136.97785499999839</c:v>
                </c:pt>
                <c:pt idx="8219">
                  <c:v>136.99452099999837</c:v>
                </c:pt>
                <c:pt idx="8220">
                  <c:v>137.01118699999836</c:v>
                </c:pt>
                <c:pt idx="8221">
                  <c:v>137.02785299999834</c:v>
                </c:pt>
                <c:pt idx="8222">
                  <c:v>137.04451899999833</c:v>
                </c:pt>
                <c:pt idx="8223">
                  <c:v>137.06118499999832</c:v>
                </c:pt>
                <c:pt idx="8224">
                  <c:v>137.0778509999983</c:v>
                </c:pt>
                <c:pt idx="8225">
                  <c:v>137.09451699999829</c:v>
                </c:pt>
                <c:pt idx="8226">
                  <c:v>137.11118299999828</c:v>
                </c:pt>
                <c:pt idx="8227">
                  <c:v>137.12784899999826</c:v>
                </c:pt>
                <c:pt idx="8228">
                  <c:v>137.14451499999825</c:v>
                </c:pt>
                <c:pt idx="8229">
                  <c:v>137.16118099999824</c:v>
                </c:pt>
                <c:pt idx="8230">
                  <c:v>137.17784699999822</c:v>
                </c:pt>
                <c:pt idx="8231">
                  <c:v>137.19451299999821</c:v>
                </c:pt>
                <c:pt idx="8232">
                  <c:v>137.2111789999982</c:v>
                </c:pt>
                <c:pt idx="8233">
                  <c:v>137.22784499999818</c:v>
                </c:pt>
                <c:pt idx="8234">
                  <c:v>137.24451099999817</c:v>
                </c:pt>
                <c:pt idx="8235">
                  <c:v>137.26117699999816</c:v>
                </c:pt>
                <c:pt idx="8236">
                  <c:v>137.27784299999814</c:v>
                </c:pt>
                <c:pt idx="8237">
                  <c:v>137.29450899999813</c:v>
                </c:pt>
                <c:pt idx="8238">
                  <c:v>137.31117499999812</c:v>
                </c:pt>
                <c:pt idx="8239">
                  <c:v>137.3278409999981</c:v>
                </c:pt>
                <c:pt idx="8240">
                  <c:v>137.34450699999809</c:v>
                </c:pt>
                <c:pt idx="8241">
                  <c:v>137.36117299999808</c:v>
                </c:pt>
                <c:pt idx="8242">
                  <c:v>137.37783899999806</c:v>
                </c:pt>
                <c:pt idx="8243">
                  <c:v>137.39450499999805</c:v>
                </c:pt>
                <c:pt idx="8244">
                  <c:v>137.41117099999803</c:v>
                </c:pt>
                <c:pt idx="8245">
                  <c:v>137.42783699999802</c:v>
                </c:pt>
                <c:pt idx="8246">
                  <c:v>137.44450299999801</c:v>
                </c:pt>
                <c:pt idx="8247">
                  <c:v>137.46116899999799</c:v>
                </c:pt>
                <c:pt idx="8248">
                  <c:v>137.47783499999798</c:v>
                </c:pt>
                <c:pt idx="8249">
                  <c:v>137.49450099999797</c:v>
                </c:pt>
                <c:pt idx="8250">
                  <c:v>137.51116699999795</c:v>
                </c:pt>
                <c:pt idx="8251">
                  <c:v>137.52783299999794</c:v>
                </c:pt>
                <c:pt idx="8252">
                  <c:v>137.54449899999793</c:v>
                </c:pt>
                <c:pt idx="8253">
                  <c:v>137.56116499999791</c:v>
                </c:pt>
                <c:pt idx="8254">
                  <c:v>137.5778309999979</c:v>
                </c:pt>
                <c:pt idx="8255">
                  <c:v>137.59449699999789</c:v>
                </c:pt>
                <c:pt idx="8256">
                  <c:v>137.61116299999787</c:v>
                </c:pt>
                <c:pt idx="8257">
                  <c:v>137.62782899999786</c:v>
                </c:pt>
                <c:pt idx="8258">
                  <c:v>137.64449499999785</c:v>
                </c:pt>
                <c:pt idx="8259">
                  <c:v>137.66116099999783</c:v>
                </c:pt>
                <c:pt idx="8260">
                  <c:v>137.67782699999782</c:v>
                </c:pt>
                <c:pt idx="8261">
                  <c:v>137.69449299999781</c:v>
                </c:pt>
                <c:pt idx="8262">
                  <c:v>137.71115899999779</c:v>
                </c:pt>
                <c:pt idx="8263">
                  <c:v>137.72782499999778</c:v>
                </c:pt>
                <c:pt idx="8264">
                  <c:v>137.74449099999777</c:v>
                </c:pt>
                <c:pt idx="8265">
                  <c:v>137.76115699999775</c:v>
                </c:pt>
                <c:pt idx="8266">
                  <c:v>137.77782299999774</c:v>
                </c:pt>
                <c:pt idx="8267">
                  <c:v>137.79448899999772</c:v>
                </c:pt>
                <c:pt idx="8268">
                  <c:v>137.81115499999771</c:v>
                </c:pt>
                <c:pt idx="8269">
                  <c:v>137.8278209999977</c:v>
                </c:pt>
                <c:pt idx="8270">
                  <c:v>137.84448699999768</c:v>
                </c:pt>
                <c:pt idx="8271">
                  <c:v>137.86115299999767</c:v>
                </c:pt>
                <c:pt idx="8272">
                  <c:v>137.87781899999766</c:v>
                </c:pt>
                <c:pt idx="8273">
                  <c:v>137.89448499999764</c:v>
                </c:pt>
                <c:pt idx="8274">
                  <c:v>137.91115099999763</c:v>
                </c:pt>
                <c:pt idx="8275">
                  <c:v>137.92781699999762</c:v>
                </c:pt>
                <c:pt idx="8276">
                  <c:v>137.9444829999976</c:v>
                </c:pt>
                <c:pt idx="8277">
                  <c:v>137.96114899999759</c:v>
                </c:pt>
                <c:pt idx="8278">
                  <c:v>137.97781499999758</c:v>
                </c:pt>
                <c:pt idx="8279">
                  <c:v>137.99448099999756</c:v>
                </c:pt>
                <c:pt idx="8280">
                  <c:v>138.01114699999755</c:v>
                </c:pt>
                <c:pt idx="8281">
                  <c:v>138.02781299999754</c:v>
                </c:pt>
                <c:pt idx="8282">
                  <c:v>138.04447899999752</c:v>
                </c:pt>
                <c:pt idx="8283">
                  <c:v>138.06114499999751</c:v>
                </c:pt>
                <c:pt idx="8284">
                  <c:v>138.0778109999975</c:v>
                </c:pt>
                <c:pt idx="8285">
                  <c:v>138.09447699999748</c:v>
                </c:pt>
                <c:pt idx="8286">
                  <c:v>138.11114299999747</c:v>
                </c:pt>
                <c:pt idx="8287">
                  <c:v>138.12780899999746</c:v>
                </c:pt>
                <c:pt idx="8288">
                  <c:v>138.14447499999744</c:v>
                </c:pt>
                <c:pt idx="8289">
                  <c:v>138.16114099999743</c:v>
                </c:pt>
                <c:pt idx="8290">
                  <c:v>138.17780699999742</c:v>
                </c:pt>
                <c:pt idx="8291">
                  <c:v>138.1944729999974</c:v>
                </c:pt>
                <c:pt idx="8292">
                  <c:v>138.21113899999739</c:v>
                </c:pt>
                <c:pt idx="8293">
                  <c:v>138.22780499999737</c:v>
                </c:pt>
                <c:pt idx="8294">
                  <c:v>138.24447099999736</c:v>
                </c:pt>
                <c:pt idx="8295">
                  <c:v>138.26113699999735</c:v>
                </c:pt>
                <c:pt idx="8296">
                  <c:v>138.27780299999733</c:v>
                </c:pt>
                <c:pt idx="8297">
                  <c:v>138.29446899999732</c:v>
                </c:pt>
                <c:pt idx="8298">
                  <c:v>138.31113499999731</c:v>
                </c:pt>
                <c:pt idx="8299">
                  <c:v>138.32780099999729</c:v>
                </c:pt>
                <c:pt idx="8300">
                  <c:v>138.34446699999728</c:v>
                </c:pt>
                <c:pt idx="8301">
                  <c:v>138.36113299999727</c:v>
                </c:pt>
                <c:pt idx="8302">
                  <c:v>138.37779899999725</c:v>
                </c:pt>
                <c:pt idx="8303">
                  <c:v>138.39446499999724</c:v>
                </c:pt>
                <c:pt idx="8304">
                  <c:v>138.41113099999723</c:v>
                </c:pt>
                <c:pt idx="8305">
                  <c:v>138.42779699999721</c:v>
                </c:pt>
                <c:pt idx="8306">
                  <c:v>138.4444629999972</c:v>
                </c:pt>
                <c:pt idx="8307">
                  <c:v>138.46112899999719</c:v>
                </c:pt>
                <c:pt idx="8308">
                  <c:v>138.47779499999717</c:v>
                </c:pt>
                <c:pt idx="8309">
                  <c:v>138.49446099999716</c:v>
                </c:pt>
                <c:pt idx="8310">
                  <c:v>138.51112699999715</c:v>
                </c:pt>
                <c:pt idx="8311">
                  <c:v>138.52779299999713</c:v>
                </c:pt>
                <c:pt idx="8312">
                  <c:v>138.54445899999712</c:v>
                </c:pt>
                <c:pt idx="8313">
                  <c:v>138.56112499999711</c:v>
                </c:pt>
                <c:pt idx="8314">
                  <c:v>138.57779099999709</c:v>
                </c:pt>
                <c:pt idx="8315">
                  <c:v>138.59445699999708</c:v>
                </c:pt>
                <c:pt idx="8316">
                  <c:v>138.61112299999706</c:v>
                </c:pt>
                <c:pt idx="8317">
                  <c:v>138.62778899999705</c:v>
                </c:pt>
                <c:pt idx="8318">
                  <c:v>138.64445499999704</c:v>
                </c:pt>
                <c:pt idx="8319">
                  <c:v>138.66112099999702</c:v>
                </c:pt>
                <c:pt idx="8320">
                  <c:v>138.67778699999701</c:v>
                </c:pt>
                <c:pt idx="8321">
                  <c:v>138.694452999997</c:v>
                </c:pt>
                <c:pt idx="8322">
                  <c:v>138.71111899999698</c:v>
                </c:pt>
                <c:pt idx="8323">
                  <c:v>138.72778499999697</c:v>
                </c:pt>
                <c:pt idx="8324">
                  <c:v>138.74445099999696</c:v>
                </c:pt>
                <c:pt idx="8325">
                  <c:v>138.76111699999694</c:v>
                </c:pt>
                <c:pt idx="8326">
                  <c:v>138.77778299999693</c:v>
                </c:pt>
                <c:pt idx="8327">
                  <c:v>138.79444899999692</c:v>
                </c:pt>
                <c:pt idx="8328">
                  <c:v>138.8111149999969</c:v>
                </c:pt>
                <c:pt idx="8329">
                  <c:v>138.82778099999689</c:v>
                </c:pt>
                <c:pt idx="8330">
                  <c:v>138.84444699999688</c:v>
                </c:pt>
                <c:pt idx="8331">
                  <c:v>138.86111299999686</c:v>
                </c:pt>
                <c:pt idx="8332">
                  <c:v>138.87777899999685</c:v>
                </c:pt>
                <c:pt idx="8333">
                  <c:v>138.89444499999684</c:v>
                </c:pt>
                <c:pt idx="8334">
                  <c:v>138.91111099999682</c:v>
                </c:pt>
                <c:pt idx="8335">
                  <c:v>138.92777699999681</c:v>
                </c:pt>
                <c:pt idx="8336">
                  <c:v>138.9444429999968</c:v>
                </c:pt>
                <c:pt idx="8337">
                  <c:v>138.96110899999678</c:v>
                </c:pt>
                <c:pt idx="8338">
                  <c:v>138.97777499999677</c:v>
                </c:pt>
                <c:pt idx="8339">
                  <c:v>138.99444099999675</c:v>
                </c:pt>
                <c:pt idx="8340">
                  <c:v>139.01110699999674</c:v>
                </c:pt>
                <c:pt idx="8341">
                  <c:v>139.02777299999673</c:v>
                </c:pt>
                <c:pt idx="8342">
                  <c:v>139.04443899999671</c:v>
                </c:pt>
                <c:pt idx="8343">
                  <c:v>139.0611049999967</c:v>
                </c:pt>
                <c:pt idx="8344">
                  <c:v>139.07777099999669</c:v>
                </c:pt>
                <c:pt idx="8345">
                  <c:v>139.09443699999667</c:v>
                </c:pt>
                <c:pt idx="8346">
                  <c:v>139.11110299999666</c:v>
                </c:pt>
                <c:pt idx="8347">
                  <c:v>139.12776899999665</c:v>
                </c:pt>
                <c:pt idx="8348">
                  <c:v>139.14443499999663</c:v>
                </c:pt>
                <c:pt idx="8349">
                  <c:v>139.16110099999662</c:v>
                </c:pt>
                <c:pt idx="8350">
                  <c:v>139.17776699999661</c:v>
                </c:pt>
                <c:pt idx="8351">
                  <c:v>139.19443299999659</c:v>
                </c:pt>
                <c:pt idx="8352">
                  <c:v>139.21109899999658</c:v>
                </c:pt>
                <c:pt idx="8353">
                  <c:v>139.22776499999657</c:v>
                </c:pt>
                <c:pt idx="8354">
                  <c:v>139.24443099999655</c:v>
                </c:pt>
                <c:pt idx="8355">
                  <c:v>139.26109699999654</c:v>
                </c:pt>
                <c:pt idx="8356">
                  <c:v>139.27776299999653</c:v>
                </c:pt>
                <c:pt idx="8357">
                  <c:v>139.29442899999651</c:v>
                </c:pt>
                <c:pt idx="8358">
                  <c:v>139.3110949999965</c:v>
                </c:pt>
                <c:pt idx="8359">
                  <c:v>139.32776099999649</c:v>
                </c:pt>
                <c:pt idx="8360">
                  <c:v>139.34442699999647</c:v>
                </c:pt>
                <c:pt idx="8361">
                  <c:v>139.36109299999646</c:v>
                </c:pt>
                <c:pt idx="8362">
                  <c:v>139.37775899999644</c:v>
                </c:pt>
                <c:pt idx="8363">
                  <c:v>139.39442499999643</c:v>
                </c:pt>
                <c:pt idx="8364">
                  <c:v>139.41109099999642</c:v>
                </c:pt>
                <c:pt idx="8365">
                  <c:v>139.4277569999964</c:v>
                </c:pt>
                <c:pt idx="8366">
                  <c:v>139.44442299999639</c:v>
                </c:pt>
                <c:pt idx="8367">
                  <c:v>139.46108899999638</c:v>
                </c:pt>
                <c:pt idx="8368">
                  <c:v>139.47775499999636</c:v>
                </c:pt>
                <c:pt idx="8369">
                  <c:v>139.49442099999635</c:v>
                </c:pt>
                <c:pt idx="8370">
                  <c:v>139.51108699999634</c:v>
                </c:pt>
                <c:pt idx="8371">
                  <c:v>139.52775299999632</c:v>
                </c:pt>
                <c:pt idx="8372">
                  <c:v>139.54441899999631</c:v>
                </c:pt>
                <c:pt idx="8373">
                  <c:v>139.5610849999963</c:v>
                </c:pt>
                <c:pt idx="8374">
                  <c:v>139.57775099999628</c:v>
                </c:pt>
                <c:pt idx="8375">
                  <c:v>139.59441699999627</c:v>
                </c:pt>
                <c:pt idx="8376">
                  <c:v>139.61108299999626</c:v>
                </c:pt>
                <c:pt idx="8377">
                  <c:v>139.62774899999624</c:v>
                </c:pt>
                <c:pt idx="8378">
                  <c:v>139.64441499999623</c:v>
                </c:pt>
                <c:pt idx="8379">
                  <c:v>139.66108099999622</c:v>
                </c:pt>
                <c:pt idx="8380">
                  <c:v>139.6777469999962</c:v>
                </c:pt>
                <c:pt idx="8381">
                  <c:v>139.69441299999619</c:v>
                </c:pt>
                <c:pt idx="8382">
                  <c:v>139.71107899999618</c:v>
                </c:pt>
                <c:pt idx="8383">
                  <c:v>139.72774499999616</c:v>
                </c:pt>
                <c:pt idx="8384">
                  <c:v>139.74441099999615</c:v>
                </c:pt>
                <c:pt idx="8385">
                  <c:v>139.76107699999613</c:v>
                </c:pt>
                <c:pt idx="8386">
                  <c:v>139.77774299999612</c:v>
                </c:pt>
                <c:pt idx="8387">
                  <c:v>139.79440899999611</c:v>
                </c:pt>
                <c:pt idx="8388">
                  <c:v>139.81107499999609</c:v>
                </c:pt>
                <c:pt idx="8389">
                  <c:v>139.82774099999608</c:v>
                </c:pt>
                <c:pt idx="8390">
                  <c:v>139.84440699999607</c:v>
                </c:pt>
                <c:pt idx="8391">
                  <c:v>139.86107299999605</c:v>
                </c:pt>
                <c:pt idx="8392">
                  <c:v>139.87773899999604</c:v>
                </c:pt>
                <c:pt idx="8393">
                  <c:v>139.89440499999603</c:v>
                </c:pt>
                <c:pt idx="8394">
                  <c:v>139.91107099999601</c:v>
                </c:pt>
                <c:pt idx="8395">
                  <c:v>139.927736999996</c:v>
                </c:pt>
                <c:pt idx="8396">
                  <c:v>139.94440299999599</c:v>
                </c:pt>
                <c:pt idx="8397">
                  <c:v>139.96106899999597</c:v>
                </c:pt>
                <c:pt idx="8398">
                  <c:v>139.97773499999596</c:v>
                </c:pt>
                <c:pt idx="8399">
                  <c:v>139.99440099999595</c:v>
                </c:pt>
                <c:pt idx="8400">
                  <c:v>140.01106699999593</c:v>
                </c:pt>
                <c:pt idx="8401">
                  <c:v>140.02773299999592</c:v>
                </c:pt>
                <c:pt idx="8402">
                  <c:v>140.04439899999591</c:v>
                </c:pt>
                <c:pt idx="8403">
                  <c:v>140.06106499999589</c:v>
                </c:pt>
                <c:pt idx="8404">
                  <c:v>140.07773099999588</c:v>
                </c:pt>
                <c:pt idx="8405">
                  <c:v>140.09439699999587</c:v>
                </c:pt>
                <c:pt idx="8406">
                  <c:v>140.11106299999585</c:v>
                </c:pt>
                <c:pt idx="8407">
                  <c:v>140.12772899999584</c:v>
                </c:pt>
                <c:pt idx="8408">
                  <c:v>140.14439499999582</c:v>
                </c:pt>
                <c:pt idx="8409">
                  <c:v>140.16106099999581</c:v>
                </c:pt>
                <c:pt idx="8410">
                  <c:v>140.1777269999958</c:v>
                </c:pt>
                <c:pt idx="8411">
                  <c:v>140.19439299999578</c:v>
                </c:pt>
                <c:pt idx="8412">
                  <c:v>140.21105899999577</c:v>
                </c:pt>
                <c:pt idx="8413">
                  <c:v>140.22772499999576</c:v>
                </c:pt>
                <c:pt idx="8414">
                  <c:v>140.24439099999574</c:v>
                </c:pt>
                <c:pt idx="8415">
                  <c:v>140.26105699999573</c:v>
                </c:pt>
                <c:pt idx="8416">
                  <c:v>140.27772299999572</c:v>
                </c:pt>
                <c:pt idx="8417">
                  <c:v>140.2943889999957</c:v>
                </c:pt>
                <c:pt idx="8418">
                  <c:v>140.31105499999569</c:v>
                </c:pt>
                <c:pt idx="8419">
                  <c:v>140.32772099999568</c:v>
                </c:pt>
                <c:pt idx="8420">
                  <c:v>140.34438699999566</c:v>
                </c:pt>
                <c:pt idx="8421">
                  <c:v>140.36105299999565</c:v>
                </c:pt>
                <c:pt idx="8422">
                  <c:v>140.37771899999564</c:v>
                </c:pt>
                <c:pt idx="8423">
                  <c:v>140.39438499999562</c:v>
                </c:pt>
                <c:pt idx="8424">
                  <c:v>140.41105099999561</c:v>
                </c:pt>
                <c:pt idx="8425">
                  <c:v>140.4277169999956</c:v>
                </c:pt>
                <c:pt idx="8426">
                  <c:v>140.44438299999558</c:v>
                </c:pt>
                <c:pt idx="8427">
                  <c:v>140.46104899999557</c:v>
                </c:pt>
                <c:pt idx="8428">
                  <c:v>140.47771499999556</c:v>
                </c:pt>
                <c:pt idx="8429">
                  <c:v>140.49438099999554</c:v>
                </c:pt>
                <c:pt idx="8430">
                  <c:v>140.51104699999553</c:v>
                </c:pt>
                <c:pt idx="8431">
                  <c:v>140.52771299999552</c:v>
                </c:pt>
                <c:pt idx="8432">
                  <c:v>140.5443789999955</c:v>
                </c:pt>
                <c:pt idx="8433">
                  <c:v>140.56104499999549</c:v>
                </c:pt>
                <c:pt idx="8434">
                  <c:v>140.57771099999547</c:v>
                </c:pt>
                <c:pt idx="8435">
                  <c:v>140.59437699999546</c:v>
                </c:pt>
                <c:pt idx="8436">
                  <c:v>140.61104299999545</c:v>
                </c:pt>
                <c:pt idx="8437">
                  <c:v>140.62770899999543</c:v>
                </c:pt>
                <c:pt idx="8438">
                  <c:v>140.64437499999542</c:v>
                </c:pt>
                <c:pt idx="8439">
                  <c:v>140.66104099999541</c:v>
                </c:pt>
                <c:pt idx="8440">
                  <c:v>140.67770699999539</c:v>
                </c:pt>
                <c:pt idx="8441">
                  <c:v>140.69437299999538</c:v>
                </c:pt>
                <c:pt idx="8442">
                  <c:v>140.71103899999537</c:v>
                </c:pt>
                <c:pt idx="8443">
                  <c:v>140.72770499999535</c:v>
                </c:pt>
                <c:pt idx="8444">
                  <c:v>140.74437099999534</c:v>
                </c:pt>
                <c:pt idx="8445">
                  <c:v>140.76103699999533</c:v>
                </c:pt>
                <c:pt idx="8446">
                  <c:v>140.77770299999531</c:v>
                </c:pt>
                <c:pt idx="8447">
                  <c:v>140.7943689999953</c:v>
                </c:pt>
                <c:pt idx="8448">
                  <c:v>140.81103499999529</c:v>
                </c:pt>
                <c:pt idx="8449">
                  <c:v>140.82770099999527</c:v>
                </c:pt>
                <c:pt idx="8450">
                  <c:v>140.84436699999526</c:v>
                </c:pt>
                <c:pt idx="8451">
                  <c:v>140.86103299999525</c:v>
                </c:pt>
                <c:pt idx="8452">
                  <c:v>140.87769899999523</c:v>
                </c:pt>
                <c:pt idx="8453">
                  <c:v>140.89436499999522</c:v>
                </c:pt>
                <c:pt idx="8454">
                  <c:v>140.91103099999521</c:v>
                </c:pt>
                <c:pt idx="8455">
                  <c:v>140.92769699999519</c:v>
                </c:pt>
                <c:pt idx="8456">
                  <c:v>140.94436299999518</c:v>
                </c:pt>
                <c:pt idx="8457">
                  <c:v>140.96102899999516</c:v>
                </c:pt>
                <c:pt idx="8458">
                  <c:v>140.97769499999515</c:v>
                </c:pt>
                <c:pt idx="8459">
                  <c:v>140.99436099999514</c:v>
                </c:pt>
                <c:pt idx="8460">
                  <c:v>141.01102699999512</c:v>
                </c:pt>
                <c:pt idx="8461">
                  <c:v>141.02769299999511</c:v>
                </c:pt>
                <c:pt idx="8462">
                  <c:v>141.0443589999951</c:v>
                </c:pt>
                <c:pt idx="8463">
                  <c:v>141.06102499999508</c:v>
                </c:pt>
                <c:pt idx="8464">
                  <c:v>141.07769099999507</c:v>
                </c:pt>
                <c:pt idx="8465">
                  <c:v>141.09435699999506</c:v>
                </c:pt>
                <c:pt idx="8466">
                  <c:v>141.11102299999504</c:v>
                </c:pt>
                <c:pt idx="8467">
                  <c:v>141.12768899999503</c:v>
                </c:pt>
                <c:pt idx="8468">
                  <c:v>141.14435499999502</c:v>
                </c:pt>
                <c:pt idx="8469">
                  <c:v>141.161020999995</c:v>
                </c:pt>
                <c:pt idx="8470">
                  <c:v>141.17768699999499</c:v>
                </c:pt>
                <c:pt idx="8471">
                  <c:v>141.19435299999498</c:v>
                </c:pt>
                <c:pt idx="8472">
                  <c:v>141.21101899999496</c:v>
                </c:pt>
                <c:pt idx="8473">
                  <c:v>141.22768499999495</c:v>
                </c:pt>
                <c:pt idx="8474">
                  <c:v>141.24435099999494</c:v>
                </c:pt>
                <c:pt idx="8475">
                  <c:v>141.26101699999492</c:v>
                </c:pt>
                <c:pt idx="8476">
                  <c:v>141.27768299999491</c:v>
                </c:pt>
                <c:pt idx="8477">
                  <c:v>141.2943489999949</c:v>
                </c:pt>
                <c:pt idx="8478">
                  <c:v>141.31101499999488</c:v>
                </c:pt>
                <c:pt idx="8479">
                  <c:v>141.32768099999487</c:v>
                </c:pt>
                <c:pt idx="8480">
                  <c:v>141.34434699999485</c:v>
                </c:pt>
                <c:pt idx="8481">
                  <c:v>141.36101299999484</c:v>
                </c:pt>
                <c:pt idx="8482">
                  <c:v>141.37767899999483</c:v>
                </c:pt>
                <c:pt idx="8483">
                  <c:v>141.39434499999481</c:v>
                </c:pt>
                <c:pt idx="8484">
                  <c:v>141.4110109999948</c:v>
                </c:pt>
                <c:pt idx="8485">
                  <c:v>141.42767699999479</c:v>
                </c:pt>
                <c:pt idx="8486">
                  <c:v>141.44434299999477</c:v>
                </c:pt>
                <c:pt idx="8487">
                  <c:v>141.46100899999476</c:v>
                </c:pt>
                <c:pt idx="8488">
                  <c:v>141.47767499999475</c:v>
                </c:pt>
                <c:pt idx="8489">
                  <c:v>141.49434099999473</c:v>
                </c:pt>
                <c:pt idx="8490">
                  <c:v>141.51100699999472</c:v>
                </c:pt>
                <c:pt idx="8491">
                  <c:v>141.52767299999471</c:v>
                </c:pt>
                <c:pt idx="8492">
                  <c:v>141.54433899999469</c:v>
                </c:pt>
                <c:pt idx="8493">
                  <c:v>141.56100499999468</c:v>
                </c:pt>
                <c:pt idx="8494">
                  <c:v>141.57767099999467</c:v>
                </c:pt>
                <c:pt idx="8495">
                  <c:v>141.59433699999465</c:v>
                </c:pt>
                <c:pt idx="8496">
                  <c:v>141.61100299999464</c:v>
                </c:pt>
                <c:pt idx="8497">
                  <c:v>141.62766899999463</c:v>
                </c:pt>
                <c:pt idx="8498">
                  <c:v>141.64433499999461</c:v>
                </c:pt>
                <c:pt idx="8499">
                  <c:v>141.6610009999946</c:v>
                </c:pt>
                <c:pt idx="8500">
                  <c:v>141.67766699999459</c:v>
                </c:pt>
                <c:pt idx="8501">
                  <c:v>141.69433299999457</c:v>
                </c:pt>
                <c:pt idx="8502">
                  <c:v>141.71099899999456</c:v>
                </c:pt>
                <c:pt idx="8503">
                  <c:v>141.72766499999454</c:v>
                </c:pt>
                <c:pt idx="8504">
                  <c:v>141.74433099999453</c:v>
                </c:pt>
                <c:pt idx="8505">
                  <c:v>141.76099699999452</c:v>
                </c:pt>
                <c:pt idx="8506">
                  <c:v>141.7776629999945</c:v>
                </c:pt>
                <c:pt idx="8507">
                  <c:v>141.79432899999449</c:v>
                </c:pt>
                <c:pt idx="8508">
                  <c:v>141.81099499999448</c:v>
                </c:pt>
                <c:pt idx="8509">
                  <c:v>141.82766099999446</c:v>
                </c:pt>
                <c:pt idx="8510">
                  <c:v>141.84432699999445</c:v>
                </c:pt>
                <c:pt idx="8511">
                  <c:v>141.86099299999444</c:v>
                </c:pt>
                <c:pt idx="8512">
                  <c:v>141.87765899999442</c:v>
                </c:pt>
                <c:pt idx="8513">
                  <c:v>141.89432499999441</c:v>
                </c:pt>
                <c:pt idx="8514">
                  <c:v>141.9109909999944</c:v>
                </c:pt>
                <c:pt idx="8515">
                  <c:v>141.92765699999438</c:v>
                </c:pt>
                <c:pt idx="8516">
                  <c:v>141.94432299999437</c:v>
                </c:pt>
                <c:pt idx="8517">
                  <c:v>141.96098899999436</c:v>
                </c:pt>
                <c:pt idx="8518">
                  <c:v>141.97765499999434</c:v>
                </c:pt>
                <c:pt idx="8519">
                  <c:v>141.99432099999433</c:v>
                </c:pt>
                <c:pt idx="8520">
                  <c:v>142.01098699999432</c:v>
                </c:pt>
                <c:pt idx="8521">
                  <c:v>142.0276529999943</c:v>
                </c:pt>
                <c:pt idx="8522">
                  <c:v>142.04431899999429</c:v>
                </c:pt>
                <c:pt idx="8523">
                  <c:v>142.06098499999428</c:v>
                </c:pt>
                <c:pt idx="8524">
                  <c:v>142.07765099999426</c:v>
                </c:pt>
                <c:pt idx="8525">
                  <c:v>142.09431699999425</c:v>
                </c:pt>
                <c:pt idx="8526">
                  <c:v>142.11098299999423</c:v>
                </c:pt>
                <c:pt idx="8527">
                  <c:v>142.12764899999422</c:v>
                </c:pt>
                <c:pt idx="8528">
                  <c:v>142.14431499999421</c:v>
                </c:pt>
                <c:pt idx="8529">
                  <c:v>142.16098099999419</c:v>
                </c:pt>
                <c:pt idx="8530">
                  <c:v>142.17764699999418</c:v>
                </c:pt>
                <c:pt idx="8531">
                  <c:v>142.19431299999417</c:v>
                </c:pt>
                <c:pt idx="8532">
                  <c:v>142.21097899999415</c:v>
                </c:pt>
                <c:pt idx="8533">
                  <c:v>142.22764499999414</c:v>
                </c:pt>
                <c:pt idx="8534">
                  <c:v>142.24431099999413</c:v>
                </c:pt>
                <c:pt idx="8535">
                  <c:v>142.26097699999411</c:v>
                </c:pt>
                <c:pt idx="8536">
                  <c:v>142.2776429999941</c:v>
                </c:pt>
                <c:pt idx="8537">
                  <c:v>142.29430899999409</c:v>
                </c:pt>
                <c:pt idx="8538">
                  <c:v>142.31097499999407</c:v>
                </c:pt>
                <c:pt idx="8539">
                  <c:v>142.32764099999406</c:v>
                </c:pt>
                <c:pt idx="8540">
                  <c:v>142.34430699999405</c:v>
                </c:pt>
                <c:pt idx="8541">
                  <c:v>142.36097299999403</c:v>
                </c:pt>
                <c:pt idx="8542">
                  <c:v>142.37763899999402</c:v>
                </c:pt>
                <c:pt idx="8543">
                  <c:v>142.39430499999401</c:v>
                </c:pt>
                <c:pt idx="8544">
                  <c:v>142.41097099999399</c:v>
                </c:pt>
                <c:pt idx="8545">
                  <c:v>142.42763699999398</c:v>
                </c:pt>
                <c:pt idx="8546">
                  <c:v>142.44430299999397</c:v>
                </c:pt>
                <c:pt idx="8547">
                  <c:v>142.46096899999395</c:v>
                </c:pt>
                <c:pt idx="8548">
                  <c:v>142.47763499999394</c:v>
                </c:pt>
                <c:pt idx="8549">
                  <c:v>142.49430099999392</c:v>
                </c:pt>
                <c:pt idx="8550">
                  <c:v>142.51096699999391</c:v>
                </c:pt>
                <c:pt idx="8551">
                  <c:v>142.5276329999939</c:v>
                </c:pt>
                <c:pt idx="8552">
                  <c:v>142.54429899999388</c:v>
                </c:pt>
                <c:pt idx="8553">
                  <c:v>142.56096499999387</c:v>
                </c:pt>
                <c:pt idx="8554">
                  <c:v>142.57763099999386</c:v>
                </c:pt>
                <c:pt idx="8555">
                  <c:v>142.59429699999384</c:v>
                </c:pt>
                <c:pt idx="8556">
                  <c:v>142.61096299999383</c:v>
                </c:pt>
                <c:pt idx="8557">
                  <c:v>142.62762899999382</c:v>
                </c:pt>
                <c:pt idx="8558">
                  <c:v>142.6442949999938</c:v>
                </c:pt>
                <c:pt idx="8559">
                  <c:v>142.66096099999379</c:v>
                </c:pt>
                <c:pt idx="8560">
                  <c:v>142.67762699999378</c:v>
                </c:pt>
                <c:pt idx="8561">
                  <c:v>142.69429299999376</c:v>
                </c:pt>
                <c:pt idx="8562">
                  <c:v>142.71095899999375</c:v>
                </c:pt>
                <c:pt idx="8563">
                  <c:v>142.72762499999374</c:v>
                </c:pt>
                <c:pt idx="8564">
                  <c:v>142.74429099999372</c:v>
                </c:pt>
                <c:pt idx="8565">
                  <c:v>142.76095699999371</c:v>
                </c:pt>
                <c:pt idx="8566">
                  <c:v>142.7776229999937</c:v>
                </c:pt>
                <c:pt idx="8567">
                  <c:v>142.79428899999368</c:v>
                </c:pt>
                <c:pt idx="8568">
                  <c:v>142.81095499999367</c:v>
                </c:pt>
                <c:pt idx="8569">
                  <c:v>142.82762099999366</c:v>
                </c:pt>
                <c:pt idx="8570">
                  <c:v>142.84428699999364</c:v>
                </c:pt>
                <c:pt idx="8571">
                  <c:v>142.86095299999363</c:v>
                </c:pt>
                <c:pt idx="8572">
                  <c:v>142.87761899999362</c:v>
                </c:pt>
                <c:pt idx="8573">
                  <c:v>142.8942849999936</c:v>
                </c:pt>
                <c:pt idx="8574">
                  <c:v>142.91095099999359</c:v>
                </c:pt>
                <c:pt idx="8575">
                  <c:v>142.92761699999357</c:v>
                </c:pt>
                <c:pt idx="8576">
                  <c:v>142.94428299999356</c:v>
                </c:pt>
                <c:pt idx="8577">
                  <c:v>142.96094899999355</c:v>
                </c:pt>
                <c:pt idx="8578">
                  <c:v>142.97761499999353</c:v>
                </c:pt>
                <c:pt idx="8579">
                  <c:v>142.99428099999352</c:v>
                </c:pt>
                <c:pt idx="8580">
                  <c:v>143.01094699999351</c:v>
                </c:pt>
                <c:pt idx="8581">
                  <c:v>143.02761299999349</c:v>
                </c:pt>
                <c:pt idx="8582">
                  <c:v>143.04427899999348</c:v>
                </c:pt>
                <c:pt idx="8583">
                  <c:v>143.06094499999347</c:v>
                </c:pt>
                <c:pt idx="8584">
                  <c:v>143.07761099999345</c:v>
                </c:pt>
                <c:pt idx="8585">
                  <c:v>143.09427699999344</c:v>
                </c:pt>
                <c:pt idx="8586">
                  <c:v>143.11094299999343</c:v>
                </c:pt>
                <c:pt idx="8587">
                  <c:v>143.12760899999341</c:v>
                </c:pt>
                <c:pt idx="8588">
                  <c:v>143.1442749999934</c:v>
                </c:pt>
                <c:pt idx="8589">
                  <c:v>143.16094099999339</c:v>
                </c:pt>
                <c:pt idx="8590">
                  <c:v>143.17760699999337</c:v>
                </c:pt>
                <c:pt idx="8591">
                  <c:v>143.19427299999336</c:v>
                </c:pt>
                <c:pt idx="8592">
                  <c:v>143.21093899999335</c:v>
                </c:pt>
                <c:pt idx="8593">
                  <c:v>143.22760499999333</c:v>
                </c:pt>
                <c:pt idx="8594">
                  <c:v>143.24427099999332</c:v>
                </c:pt>
                <c:pt idx="8595">
                  <c:v>143.26093699999331</c:v>
                </c:pt>
                <c:pt idx="8596">
                  <c:v>143.27760299999329</c:v>
                </c:pt>
                <c:pt idx="8597">
                  <c:v>143.29426899999328</c:v>
                </c:pt>
                <c:pt idx="8598">
                  <c:v>143.31093499999326</c:v>
                </c:pt>
                <c:pt idx="8599">
                  <c:v>143.32760099999325</c:v>
                </c:pt>
                <c:pt idx="8600">
                  <c:v>143.34426699999324</c:v>
                </c:pt>
                <c:pt idx="8601">
                  <c:v>143.36093299999322</c:v>
                </c:pt>
                <c:pt idx="8602">
                  <c:v>143.37759899999321</c:v>
                </c:pt>
                <c:pt idx="8603">
                  <c:v>143.3942649999932</c:v>
                </c:pt>
                <c:pt idx="8604">
                  <c:v>143.41093099999318</c:v>
                </c:pt>
                <c:pt idx="8605">
                  <c:v>143.42759699999317</c:v>
                </c:pt>
                <c:pt idx="8606">
                  <c:v>143.44426299999316</c:v>
                </c:pt>
                <c:pt idx="8607">
                  <c:v>143.46092899999314</c:v>
                </c:pt>
                <c:pt idx="8608">
                  <c:v>143.47759499999313</c:v>
                </c:pt>
                <c:pt idx="8609">
                  <c:v>143.49426099999312</c:v>
                </c:pt>
                <c:pt idx="8610">
                  <c:v>143.5109269999931</c:v>
                </c:pt>
                <c:pt idx="8611">
                  <c:v>143.52759299999309</c:v>
                </c:pt>
                <c:pt idx="8612">
                  <c:v>143.54425899999308</c:v>
                </c:pt>
                <c:pt idx="8613">
                  <c:v>143.56092499999306</c:v>
                </c:pt>
                <c:pt idx="8614">
                  <c:v>143.57759099999305</c:v>
                </c:pt>
                <c:pt idx="8615">
                  <c:v>143.59425699999304</c:v>
                </c:pt>
                <c:pt idx="8616">
                  <c:v>143.61092299999302</c:v>
                </c:pt>
                <c:pt idx="8617">
                  <c:v>143.62758899999301</c:v>
                </c:pt>
                <c:pt idx="8618">
                  <c:v>143.644254999993</c:v>
                </c:pt>
                <c:pt idx="8619">
                  <c:v>143.66092099999298</c:v>
                </c:pt>
                <c:pt idx="8620">
                  <c:v>143.67758699999297</c:v>
                </c:pt>
                <c:pt idx="8621">
                  <c:v>143.69425299999295</c:v>
                </c:pt>
                <c:pt idx="8622">
                  <c:v>143.71091899999294</c:v>
                </c:pt>
                <c:pt idx="8623">
                  <c:v>143.72758499999293</c:v>
                </c:pt>
                <c:pt idx="8624">
                  <c:v>143.74425099999291</c:v>
                </c:pt>
                <c:pt idx="8625">
                  <c:v>143.7609169999929</c:v>
                </c:pt>
                <c:pt idx="8626">
                  <c:v>143.77758299999289</c:v>
                </c:pt>
                <c:pt idx="8627">
                  <c:v>143.79424899999287</c:v>
                </c:pt>
                <c:pt idx="8628">
                  <c:v>143.81091499999286</c:v>
                </c:pt>
                <c:pt idx="8629">
                  <c:v>143.82758099999285</c:v>
                </c:pt>
                <c:pt idx="8630">
                  <c:v>143.84424699999283</c:v>
                </c:pt>
                <c:pt idx="8631">
                  <c:v>143.86091299999282</c:v>
                </c:pt>
                <c:pt idx="8632">
                  <c:v>143.87757899999281</c:v>
                </c:pt>
                <c:pt idx="8633">
                  <c:v>143.89424499999279</c:v>
                </c:pt>
                <c:pt idx="8634">
                  <c:v>143.91091099999278</c:v>
                </c:pt>
                <c:pt idx="8635">
                  <c:v>143.92757699999277</c:v>
                </c:pt>
                <c:pt idx="8636">
                  <c:v>143.94424299999275</c:v>
                </c:pt>
                <c:pt idx="8637">
                  <c:v>143.96090899999274</c:v>
                </c:pt>
                <c:pt idx="8638">
                  <c:v>143.97757499999273</c:v>
                </c:pt>
                <c:pt idx="8639">
                  <c:v>143.99424099999271</c:v>
                </c:pt>
                <c:pt idx="8640">
                  <c:v>144.0109069999927</c:v>
                </c:pt>
                <c:pt idx="8641">
                  <c:v>144.02757299999269</c:v>
                </c:pt>
                <c:pt idx="8642">
                  <c:v>144.04423899999267</c:v>
                </c:pt>
                <c:pt idx="8643">
                  <c:v>144.06090499999266</c:v>
                </c:pt>
                <c:pt idx="8644">
                  <c:v>144.07757099999264</c:v>
                </c:pt>
                <c:pt idx="8645">
                  <c:v>144.09423699999263</c:v>
                </c:pt>
                <c:pt idx="8646">
                  <c:v>144.11090299999262</c:v>
                </c:pt>
                <c:pt idx="8647">
                  <c:v>144.1275689999926</c:v>
                </c:pt>
                <c:pt idx="8648">
                  <c:v>144.14423499999259</c:v>
                </c:pt>
                <c:pt idx="8649">
                  <c:v>144.16090099999258</c:v>
                </c:pt>
                <c:pt idx="8650">
                  <c:v>144.17756699999256</c:v>
                </c:pt>
                <c:pt idx="8651">
                  <c:v>144.19423299999255</c:v>
                </c:pt>
                <c:pt idx="8652">
                  <c:v>144.21089899999254</c:v>
                </c:pt>
                <c:pt idx="8653">
                  <c:v>144.22756499999252</c:v>
                </c:pt>
                <c:pt idx="8654">
                  <c:v>144.24423099999251</c:v>
                </c:pt>
                <c:pt idx="8655">
                  <c:v>144.2608969999925</c:v>
                </c:pt>
                <c:pt idx="8656">
                  <c:v>144.27756299999248</c:v>
                </c:pt>
                <c:pt idx="8657">
                  <c:v>144.29422899999247</c:v>
                </c:pt>
                <c:pt idx="8658">
                  <c:v>144.31089499999246</c:v>
                </c:pt>
                <c:pt idx="8659">
                  <c:v>144.32756099999244</c:v>
                </c:pt>
                <c:pt idx="8660">
                  <c:v>144.34422699999243</c:v>
                </c:pt>
                <c:pt idx="8661">
                  <c:v>144.36089299999242</c:v>
                </c:pt>
                <c:pt idx="8662">
                  <c:v>144.3775589999924</c:v>
                </c:pt>
                <c:pt idx="8663">
                  <c:v>144.39422499999239</c:v>
                </c:pt>
                <c:pt idx="8664">
                  <c:v>144.41089099999238</c:v>
                </c:pt>
                <c:pt idx="8665">
                  <c:v>144.42755699999236</c:v>
                </c:pt>
                <c:pt idx="8666">
                  <c:v>144.44422299999235</c:v>
                </c:pt>
                <c:pt idx="8667">
                  <c:v>144.46088899999233</c:v>
                </c:pt>
                <c:pt idx="8668">
                  <c:v>144.47755499999232</c:v>
                </c:pt>
                <c:pt idx="8669">
                  <c:v>144.49422099999231</c:v>
                </c:pt>
                <c:pt idx="8670">
                  <c:v>144.51088699999229</c:v>
                </c:pt>
                <c:pt idx="8671">
                  <c:v>144.52755299999228</c:v>
                </c:pt>
                <c:pt idx="8672">
                  <c:v>144.54421899999227</c:v>
                </c:pt>
                <c:pt idx="8673">
                  <c:v>144.56088499999225</c:v>
                </c:pt>
                <c:pt idx="8674">
                  <c:v>144.57755099999224</c:v>
                </c:pt>
                <c:pt idx="8675">
                  <c:v>144.59421699999223</c:v>
                </c:pt>
                <c:pt idx="8676">
                  <c:v>144.61088299999221</c:v>
                </c:pt>
                <c:pt idx="8677">
                  <c:v>144.6275489999922</c:v>
                </c:pt>
                <c:pt idx="8678">
                  <c:v>144.64421499999219</c:v>
                </c:pt>
                <c:pt idx="8679">
                  <c:v>144.66088099999217</c:v>
                </c:pt>
                <c:pt idx="8680">
                  <c:v>144.67754699999216</c:v>
                </c:pt>
                <c:pt idx="8681">
                  <c:v>144.69421299999215</c:v>
                </c:pt>
                <c:pt idx="8682">
                  <c:v>144.71087899999213</c:v>
                </c:pt>
                <c:pt idx="8683">
                  <c:v>144.72754499999212</c:v>
                </c:pt>
                <c:pt idx="8684">
                  <c:v>144.74421099999211</c:v>
                </c:pt>
                <c:pt idx="8685">
                  <c:v>144.76087699999209</c:v>
                </c:pt>
                <c:pt idx="8686">
                  <c:v>144.77754299999208</c:v>
                </c:pt>
                <c:pt idx="8687">
                  <c:v>144.79420899999207</c:v>
                </c:pt>
                <c:pt idx="8688">
                  <c:v>144.81087499999205</c:v>
                </c:pt>
                <c:pt idx="8689">
                  <c:v>144.82754099999204</c:v>
                </c:pt>
                <c:pt idx="8690">
                  <c:v>144.84420699999202</c:v>
                </c:pt>
                <c:pt idx="8691">
                  <c:v>144.86087299999201</c:v>
                </c:pt>
                <c:pt idx="8692">
                  <c:v>144.877538999992</c:v>
                </c:pt>
                <c:pt idx="8693">
                  <c:v>144.89420499999198</c:v>
                </c:pt>
                <c:pt idx="8694">
                  <c:v>144.91087099999197</c:v>
                </c:pt>
                <c:pt idx="8695">
                  <c:v>144.92753699999196</c:v>
                </c:pt>
                <c:pt idx="8696">
                  <c:v>144.94420299999194</c:v>
                </c:pt>
                <c:pt idx="8697">
                  <c:v>144.96086899999193</c:v>
                </c:pt>
                <c:pt idx="8698">
                  <c:v>144.97753499999192</c:v>
                </c:pt>
                <c:pt idx="8699">
                  <c:v>144.9942009999919</c:v>
                </c:pt>
                <c:pt idx="8700">
                  <c:v>145.01086699999189</c:v>
                </c:pt>
                <c:pt idx="8701">
                  <c:v>145.02753299999188</c:v>
                </c:pt>
                <c:pt idx="8702">
                  <c:v>145.04419899999186</c:v>
                </c:pt>
                <c:pt idx="8703">
                  <c:v>145.06086499999185</c:v>
                </c:pt>
                <c:pt idx="8704">
                  <c:v>145.07753099999184</c:v>
                </c:pt>
                <c:pt idx="8705">
                  <c:v>145.09419699999182</c:v>
                </c:pt>
                <c:pt idx="8706">
                  <c:v>145.11086299999181</c:v>
                </c:pt>
                <c:pt idx="8707">
                  <c:v>145.1275289999918</c:v>
                </c:pt>
                <c:pt idx="8708">
                  <c:v>145.14419499999178</c:v>
                </c:pt>
                <c:pt idx="8709">
                  <c:v>145.16086099999177</c:v>
                </c:pt>
                <c:pt idx="8710">
                  <c:v>145.17752699999176</c:v>
                </c:pt>
                <c:pt idx="8711">
                  <c:v>145.19419299999174</c:v>
                </c:pt>
                <c:pt idx="8712">
                  <c:v>145.21085899999173</c:v>
                </c:pt>
                <c:pt idx="8713">
                  <c:v>145.22752499999172</c:v>
                </c:pt>
                <c:pt idx="8714">
                  <c:v>145.2441909999917</c:v>
                </c:pt>
                <c:pt idx="8715">
                  <c:v>145.26085699999169</c:v>
                </c:pt>
                <c:pt idx="8716">
                  <c:v>145.27752299999167</c:v>
                </c:pt>
                <c:pt idx="8717">
                  <c:v>145.29418899999166</c:v>
                </c:pt>
                <c:pt idx="8718">
                  <c:v>145.31085499999165</c:v>
                </c:pt>
                <c:pt idx="8719">
                  <c:v>145.32752099999163</c:v>
                </c:pt>
                <c:pt idx="8720">
                  <c:v>145.34418699999162</c:v>
                </c:pt>
                <c:pt idx="8721">
                  <c:v>145.36085299999161</c:v>
                </c:pt>
                <c:pt idx="8722">
                  <c:v>145.37751899999159</c:v>
                </c:pt>
                <c:pt idx="8723">
                  <c:v>145.39418499999158</c:v>
                </c:pt>
                <c:pt idx="8724">
                  <c:v>145.41085099999157</c:v>
                </c:pt>
                <c:pt idx="8725">
                  <c:v>145.42751699999155</c:v>
                </c:pt>
                <c:pt idx="8726">
                  <c:v>145.44418299999154</c:v>
                </c:pt>
                <c:pt idx="8727">
                  <c:v>145.46084899999153</c:v>
                </c:pt>
                <c:pt idx="8728">
                  <c:v>145.47751499999151</c:v>
                </c:pt>
                <c:pt idx="8729">
                  <c:v>145.4941809999915</c:v>
                </c:pt>
                <c:pt idx="8730">
                  <c:v>145.51084699999149</c:v>
                </c:pt>
                <c:pt idx="8731">
                  <c:v>145.52751299999147</c:v>
                </c:pt>
                <c:pt idx="8732">
                  <c:v>145.54417899999146</c:v>
                </c:pt>
                <c:pt idx="8733">
                  <c:v>145.56084499999145</c:v>
                </c:pt>
                <c:pt idx="8734">
                  <c:v>145.57751099999143</c:v>
                </c:pt>
                <c:pt idx="8735">
                  <c:v>145.59417699999142</c:v>
                </c:pt>
                <c:pt idx="8736">
                  <c:v>145.61084299999141</c:v>
                </c:pt>
                <c:pt idx="8737">
                  <c:v>145.62750899999139</c:v>
                </c:pt>
                <c:pt idx="8738">
                  <c:v>145.64417499999138</c:v>
                </c:pt>
                <c:pt idx="8739">
                  <c:v>145.66084099999136</c:v>
                </c:pt>
                <c:pt idx="8740">
                  <c:v>145.67750699999135</c:v>
                </c:pt>
                <c:pt idx="8741">
                  <c:v>145.69417299999134</c:v>
                </c:pt>
                <c:pt idx="8742">
                  <c:v>145.71083899999132</c:v>
                </c:pt>
                <c:pt idx="8743">
                  <c:v>145.72750499999131</c:v>
                </c:pt>
                <c:pt idx="8744">
                  <c:v>145.7441709999913</c:v>
                </c:pt>
                <c:pt idx="8745">
                  <c:v>145.76083699999128</c:v>
                </c:pt>
                <c:pt idx="8746">
                  <c:v>145.77750299999127</c:v>
                </c:pt>
                <c:pt idx="8747">
                  <c:v>145.79416899999126</c:v>
                </c:pt>
                <c:pt idx="8748">
                  <c:v>145.81083499999124</c:v>
                </c:pt>
                <c:pt idx="8749">
                  <c:v>145.82750099999123</c:v>
                </c:pt>
                <c:pt idx="8750">
                  <c:v>145.84416699999122</c:v>
                </c:pt>
                <c:pt idx="8751">
                  <c:v>145.8608329999912</c:v>
                </c:pt>
                <c:pt idx="8752">
                  <c:v>145.87749899999119</c:v>
                </c:pt>
                <c:pt idx="8753">
                  <c:v>145.89416499999118</c:v>
                </c:pt>
                <c:pt idx="8754">
                  <c:v>145.91083099999116</c:v>
                </c:pt>
                <c:pt idx="8755">
                  <c:v>145.92749699999115</c:v>
                </c:pt>
                <c:pt idx="8756">
                  <c:v>145.94416299999114</c:v>
                </c:pt>
                <c:pt idx="8757">
                  <c:v>145.96082899999112</c:v>
                </c:pt>
                <c:pt idx="8758">
                  <c:v>145.97749499999111</c:v>
                </c:pt>
                <c:pt idx="8759">
                  <c:v>145.9941609999911</c:v>
                </c:pt>
                <c:pt idx="8760">
                  <c:v>146.01082699999108</c:v>
                </c:pt>
                <c:pt idx="8761">
                  <c:v>146.02749299999107</c:v>
                </c:pt>
                <c:pt idx="8762">
                  <c:v>146.04415899999105</c:v>
                </c:pt>
                <c:pt idx="8763">
                  <c:v>146.06082499999104</c:v>
                </c:pt>
                <c:pt idx="8764">
                  <c:v>146.07749099999103</c:v>
                </c:pt>
                <c:pt idx="8765">
                  <c:v>146.09415699999101</c:v>
                </c:pt>
                <c:pt idx="8766">
                  <c:v>146.110822999991</c:v>
                </c:pt>
                <c:pt idx="8767">
                  <c:v>146.12748899999099</c:v>
                </c:pt>
                <c:pt idx="8768">
                  <c:v>146.14415499999097</c:v>
                </c:pt>
                <c:pt idx="8769">
                  <c:v>146.16082099999096</c:v>
                </c:pt>
                <c:pt idx="8770">
                  <c:v>146.17748699999095</c:v>
                </c:pt>
                <c:pt idx="8771">
                  <c:v>146.19415299999093</c:v>
                </c:pt>
                <c:pt idx="8772">
                  <c:v>146.21081899999092</c:v>
                </c:pt>
                <c:pt idx="8773">
                  <c:v>146.22748499999091</c:v>
                </c:pt>
                <c:pt idx="8774">
                  <c:v>146.24415099999089</c:v>
                </c:pt>
                <c:pt idx="8775">
                  <c:v>146.26081699999088</c:v>
                </c:pt>
                <c:pt idx="8776">
                  <c:v>146.27748299999087</c:v>
                </c:pt>
                <c:pt idx="8777">
                  <c:v>146.29414899999085</c:v>
                </c:pt>
                <c:pt idx="8778">
                  <c:v>146.31081499999084</c:v>
                </c:pt>
                <c:pt idx="8779">
                  <c:v>146.32748099999083</c:v>
                </c:pt>
                <c:pt idx="8780">
                  <c:v>146.34414699999081</c:v>
                </c:pt>
                <c:pt idx="8781">
                  <c:v>146.3608129999908</c:v>
                </c:pt>
                <c:pt idx="8782">
                  <c:v>146.37747899999079</c:v>
                </c:pt>
                <c:pt idx="8783">
                  <c:v>146.39414499999077</c:v>
                </c:pt>
                <c:pt idx="8784">
                  <c:v>146.41081099999076</c:v>
                </c:pt>
                <c:pt idx="8785">
                  <c:v>146.42747699999074</c:v>
                </c:pt>
                <c:pt idx="8786">
                  <c:v>146.44414299999073</c:v>
                </c:pt>
                <c:pt idx="8787">
                  <c:v>146.46080899999072</c:v>
                </c:pt>
                <c:pt idx="8788">
                  <c:v>146.4774749999907</c:v>
                </c:pt>
                <c:pt idx="8789">
                  <c:v>146.49414099999069</c:v>
                </c:pt>
                <c:pt idx="8790">
                  <c:v>146.51080699999068</c:v>
                </c:pt>
                <c:pt idx="8791">
                  <c:v>146.52747299999066</c:v>
                </c:pt>
                <c:pt idx="8792">
                  <c:v>146.54413899999065</c:v>
                </c:pt>
                <c:pt idx="8793">
                  <c:v>146.56080499999064</c:v>
                </c:pt>
                <c:pt idx="8794">
                  <c:v>146.57747099999062</c:v>
                </c:pt>
                <c:pt idx="8795">
                  <c:v>146.59413699999061</c:v>
                </c:pt>
                <c:pt idx="8796">
                  <c:v>146.6108029999906</c:v>
                </c:pt>
                <c:pt idx="8797">
                  <c:v>146.62746899999058</c:v>
                </c:pt>
                <c:pt idx="8798">
                  <c:v>146.64413499999057</c:v>
                </c:pt>
                <c:pt idx="8799">
                  <c:v>146.66080099999056</c:v>
                </c:pt>
                <c:pt idx="8800">
                  <c:v>146.67746699999054</c:v>
                </c:pt>
                <c:pt idx="8801">
                  <c:v>146.69413299999053</c:v>
                </c:pt>
                <c:pt idx="8802">
                  <c:v>146.71079899999052</c:v>
                </c:pt>
                <c:pt idx="8803">
                  <c:v>146.7274649999905</c:v>
                </c:pt>
                <c:pt idx="8804">
                  <c:v>146.74413099999049</c:v>
                </c:pt>
                <c:pt idx="8805">
                  <c:v>146.76079699999048</c:v>
                </c:pt>
                <c:pt idx="8806">
                  <c:v>146.77746299999046</c:v>
                </c:pt>
                <c:pt idx="8807">
                  <c:v>146.79412899999045</c:v>
                </c:pt>
                <c:pt idx="8808">
                  <c:v>146.81079499999043</c:v>
                </c:pt>
                <c:pt idx="8809">
                  <c:v>146.82746099999042</c:v>
                </c:pt>
                <c:pt idx="8810">
                  <c:v>146.84412699999041</c:v>
                </c:pt>
                <c:pt idx="8811">
                  <c:v>146.86079299999039</c:v>
                </c:pt>
                <c:pt idx="8812">
                  <c:v>146.87745899999038</c:v>
                </c:pt>
                <c:pt idx="8813">
                  <c:v>146.89412499999037</c:v>
                </c:pt>
                <c:pt idx="8814">
                  <c:v>146.91079099999035</c:v>
                </c:pt>
                <c:pt idx="8815">
                  <c:v>146.92745699999034</c:v>
                </c:pt>
                <c:pt idx="8816">
                  <c:v>146.94412299999033</c:v>
                </c:pt>
                <c:pt idx="8817">
                  <c:v>146.96078899999031</c:v>
                </c:pt>
                <c:pt idx="8818">
                  <c:v>146.9774549999903</c:v>
                </c:pt>
                <c:pt idx="8819">
                  <c:v>146.99412099999029</c:v>
                </c:pt>
                <c:pt idx="8820">
                  <c:v>147.01078699999027</c:v>
                </c:pt>
                <c:pt idx="8821">
                  <c:v>147.02745299999026</c:v>
                </c:pt>
                <c:pt idx="8822">
                  <c:v>147.04411899999025</c:v>
                </c:pt>
                <c:pt idx="8823">
                  <c:v>147.06078499999023</c:v>
                </c:pt>
                <c:pt idx="8824">
                  <c:v>147.07745099999022</c:v>
                </c:pt>
                <c:pt idx="8825">
                  <c:v>147.09411699999021</c:v>
                </c:pt>
                <c:pt idx="8826">
                  <c:v>147.11078299999019</c:v>
                </c:pt>
                <c:pt idx="8827">
                  <c:v>147.12744899999018</c:v>
                </c:pt>
                <c:pt idx="8828">
                  <c:v>147.14411499999017</c:v>
                </c:pt>
                <c:pt idx="8829">
                  <c:v>147.16078099999015</c:v>
                </c:pt>
                <c:pt idx="8830">
                  <c:v>147.17744699999014</c:v>
                </c:pt>
                <c:pt idx="8831">
                  <c:v>147.19411299999012</c:v>
                </c:pt>
                <c:pt idx="8832">
                  <c:v>147.21077899999011</c:v>
                </c:pt>
                <c:pt idx="8833">
                  <c:v>147.2274449999901</c:v>
                </c:pt>
                <c:pt idx="8834">
                  <c:v>147.24411099999008</c:v>
                </c:pt>
                <c:pt idx="8835">
                  <c:v>147.26077699999007</c:v>
                </c:pt>
                <c:pt idx="8836">
                  <c:v>147.27744299999006</c:v>
                </c:pt>
                <c:pt idx="8837">
                  <c:v>147.29410899999004</c:v>
                </c:pt>
                <c:pt idx="8838">
                  <c:v>147.31077499999003</c:v>
                </c:pt>
                <c:pt idx="8839">
                  <c:v>147.32744099999002</c:v>
                </c:pt>
                <c:pt idx="8840">
                  <c:v>147.34410699999</c:v>
                </c:pt>
                <c:pt idx="8841">
                  <c:v>147.36077299998999</c:v>
                </c:pt>
                <c:pt idx="8842">
                  <c:v>147.37743899998998</c:v>
                </c:pt>
                <c:pt idx="8843">
                  <c:v>147.39410499998996</c:v>
                </c:pt>
                <c:pt idx="8844">
                  <c:v>147.41077099998995</c:v>
                </c:pt>
                <c:pt idx="8845">
                  <c:v>147.42743699998994</c:v>
                </c:pt>
                <c:pt idx="8846">
                  <c:v>147.44410299998992</c:v>
                </c:pt>
                <c:pt idx="8847">
                  <c:v>147.46076899998991</c:v>
                </c:pt>
                <c:pt idx="8848">
                  <c:v>147.4774349999899</c:v>
                </c:pt>
                <c:pt idx="8849">
                  <c:v>147.49410099998988</c:v>
                </c:pt>
                <c:pt idx="8850">
                  <c:v>147.51076699998987</c:v>
                </c:pt>
                <c:pt idx="8851">
                  <c:v>147.52743299998986</c:v>
                </c:pt>
                <c:pt idx="8852">
                  <c:v>147.54409899998984</c:v>
                </c:pt>
                <c:pt idx="8853">
                  <c:v>147.56076499998983</c:v>
                </c:pt>
                <c:pt idx="8854">
                  <c:v>147.57743099998982</c:v>
                </c:pt>
                <c:pt idx="8855">
                  <c:v>147.5940969999898</c:v>
                </c:pt>
                <c:pt idx="8856">
                  <c:v>147.61076299998979</c:v>
                </c:pt>
                <c:pt idx="8857">
                  <c:v>147.62742899998977</c:v>
                </c:pt>
                <c:pt idx="8858">
                  <c:v>147.64409499998976</c:v>
                </c:pt>
                <c:pt idx="8859">
                  <c:v>147.66076099998975</c:v>
                </c:pt>
                <c:pt idx="8860">
                  <c:v>147.67742699998973</c:v>
                </c:pt>
                <c:pt idx="8861">
                  <c:v>147.69409299998972</c:v>
                </c:pt>
                <c:pt idx="8862">
                  <c:v>147.71075899998971</c:v>
                </c:pt>
                <c:pt idx="8863">
                  <c:v>147.72742499998969</c:v>
                </c:pt>
                <c:pt idx="8864">
                  <c:v>147.74409099998968</c:v>
                </c:pt>
                <c:pt idx="8865">
                  <c:v>147.76075699998967</c:v>
                </c:pt>
                <c:pt idx="8866">
                  <c:v>147.77742299998965</c:v>
                </c:pt>
                <c:pt idx="8867">
                  <c:v>147.79408899998964</c:v>
                </c:pt>
                <c:pt idx="8868">
                  <c:v>147.81075499998963</c:v>
                </c:pt>
                <c:pt idx="8869">
                  <c:v>147.82742099998961</c:v>
                </c:pt>
                <c:pt idx="8870">
                  <c:v>147.8440869999896</c:v>
                </c:pt>
                <c:pt idx="8871">
                  <c:v>147.86075299998959</c:v>
                </c:pt>
                <c:pt idx="8872">
                  <c:v>147.87741899998957</c:v>
                </c:pt>
                <c:pt idx="8873">
                  <c:v>147.89408499998956</c:v>
                </c:pt>
                <c:pt idx="8874">
                  <c:v>147.91075099998955</c:v>
                </c:pt>
                <c:pt idx="8875">
                  <c:v>147.92741699998953</c:v>
                </c:pt>
                <c:pt idx="8876">
                  <c:v>147.94408299998952</c:v>
                </c:pt>
                <c:pt idx="8877">
                  <c:v>147.96074899998951</c:v>
                </c:pt>
                <c:pt idx="8878">
                  <c:v>147.97741499998949</c:v>
                </c:pt>
                <c:pt idx="8879">
                  <c:v>147.99408099998948</c:v>
                </c:pt>
                <c:pt idx="8880">
                  <c:v>148.01074699998946</c:v>
                </c:pt>
                <c:pt idx="8881">
                  <c:v>148.02741299998945</c:v>
                </c:pt>
                <c:pt idx="8882">
                  <c:v>148.04407899998944</c:v>
                </c:pt>
                <c:pt idx="8883">
                  <c:v>148.06074499998942</c:v>
                </c:pt>
                <c:pt idx="8884">
                  <c:v>148.07741099998941</c:v>
                </c:pt>
                <c:pt idx="8885">
                  <c:v>148.0940769999894</c:v>
                </c:pt>
                <c:pt idx="8886">
                  <c:v>148.11074299998938</c:v>
                </c:pt>
                <c:pt idx="8887">
                  <c:v>148.12740899998937</c:v>
                </c:pt>
                <c:pt idx="8888">
                  <c:v>148.14407499998936</c:v>
                </c:pt>
                <c:pt idx="8889">
                  <c:v>148.16074099998934</c:v>
                </c:pt>
                <c:pt idx="8890">
                  <c:v>148.17740699998933</c:v>
                </c:pt>
                <c:pt idx="8891">
                  <c:v>148.19407299998932</c:v>
                </c:pt>
                <c:pt idx="8892">
                  <c:v>148.2107389999893</c:v>
                </c:pt>
                <c:pt idx="8893">
                  <c:v>148.22740499998929</c:v>
                </c:pt>
                <c:pt idx="8894">
                  <c:v>148.24407099998928</c:v>
                </c:pt>
                <c:pt idx="8895">
                  <c:v>148.26073699998926</c:v>
                </c:pt>
                <c:pt idx="8896">
                  <c:v>148.27740299998925</c:v>
                </c:pt>
                <c:pt idx="8897">
                  <c:v>148.29406899998924</c:v>
                </c:pt>
                <c:pt idx="8898">
                  <c:v>148.31073499998922</c:v>
                </c:pt>
                <c:pt idx="8899">
                  <c:v>148.32740099998921</c:v>
                </c:pt>
                <c:pt idx="8900">
                  <c:v>148.3440669999892</c:v>
                </c:pt>
                <c:pt idx="8901">
                  <c:v>148.36073299998918</c:v>
                </c:pt>
                <c:pt idx="8902">
                  <c:v>148.37739899998917</c:v>
                </c:pt>
                <c:pt idx="8903">
                  <c:v>148.39406499998915</c:v>
                </c:pt>
                <c:pt idx="8904">
                  <c:v>148.41073099998914</c:v>
                </c:pt>
                <c:pt idx="8905">
                  <c:v>148.42739699998913</c:v>
                </c:pt>
                <c:pt idx="8906">
                  <c:v>148.44406299998911</c:v>
                </c:pt>
                <c:pt idx="8907">
                  <c:v>148.4607289999891</c:v>
                </c:pt>
                <c:pt idx="8908">
                  <c:v>148.47739499998909</c:v>
                </c:pt>
                <c:pt idx="8909">
                  <c:v>148.49406099998907</c:v>
                </c:pt>
                <c:pt idx="8910">
                  <c:v>148.51072699998906</c:v>
                </c:pt>
                <c:pt idx="8911">
                  <c:v>148.52739299998905</c:v>
                </c:pt>
                <c:pt idx="8912">
                  <c:v>148.54405899998903</c:v>
                </c:pt>
                <c:pt idx="8913">
                  <c:v>148.56072499998902</c:v>
                </c:pt>
                <c:pt idx="8914">
                  <c:v>148.57739099998901</c:v>
                </c:pt>
                <c:pt idx="8915">
                  <c:v>148.59405699998899</c:v>
                </c:pt>
                <c:pt idx="8916">
                  <c:v>148.61072299998898</c:v>
                </c:pt>
                <c:pt idx="8917">
                  <c:v>148.62738899998897</c:v>
                </c:pt>
                <c:pt idx="8918">
                  <c:v>148.64405499998895</c:v>
                </c:pt>
                <c:pt idx="8919">
                  <c:v>148.66072099998894</c:v>
                </c:pt>
                <c:pt idx="8920">
                  <c:v>148.67738699998893</c:v>
                </c:pt>
                <c:pt idx="8921">
                  <c:v>148.69405299998891</c:v>
                </c:pt>
                <c:pt idx="8922">
                  <c:v>148.7107189999889</c:v>
                </c:pt>
                <c:pt idx="8923">
                  <c:v>148.72738499998889</c:v>
                </c:pt>
                <c:pt idx="8924">
                  <c:v>148.74405099998887</c:v>
                </c:pt>
                <c:pt idx="8925">
                  <c:v>148.76071699998886</c:v>
                </c:pt>
                <c:pt idx="8926">
                  <c:v>148.77738299998884</c:v>
                </c:pt>
                <c:pt idx="8927">
                  <c:v>148.79404899998883</c:v>
                </c:pt>
                <c:pt idx="8928">
                  <c:v>148.81071499998882</c:v>
                </c:pt>
                <c:pt idx="8929">
                  <c:v>148.8273809999888</c:v>
                </c:pt>
                <c:pt idx="8930">
                  <c:v>148.84404699998879</c:v>
                </c:pt>
                <c:pt idx="8931">
                  <c:v>148.86071299998878</c:v>
                </c:pt>
                <c:pt idx="8932">
                  <c:v>148.87737899998876</c:v>
                </c:pt>
                <c:pt idx="8933">
                  <c:v>148.89404499998875</c:v>
                </c:pt>
                <c:pt idx="8934">
                  <c:v>148.91071099998874</c:v>
                </c:pt>
                <c:pt idx="8935">
                  <c:v>148.92737699998872</c:v>
                </c:pt>
                <c:pt idx="8936">
                  <c:v>148.94404299998871</c:v>
                </c:pt>
                <c:pt idx="8937">
                  <c:v>148.9607089999887</c:v>
                </c:pt>
                <c:pt idx="8938">
                  <c:v>148.97737499998868</c:v>
                </c:pt>
                <c:pt idx="8939">
                  <c:v>148.99404099998867</c:v>
                </c:pt>
                <c:pt idx="8940">
                  <c:v>149.01070699998866</c:v>
                </c:pt>
                <c:pt idx="8941">
                  <c:v>149.02737299998864</c:v>
                </c:pt>
                <c:pt idx="8942">
                  <c:v>149.04403899998863</c:v>
                </c:pt>
                <c:pt idx="8943">
                  <c:v>149.06070499998862</c:v>
                </c:pt>
                <c:pt idx="8944">
                  <c:v>149.0773709999886</c:v>
                </c:pt>
                <c:pt idx="8945">
                  <c:v>149.09403699998859</c:v>
                </c:pt>
                <c:pt idx="8946">
                  <c:v>149.11070299998858</c:v>
                </c:pt>
                <c:pt idx="8947">
                  <c:v>149.12736899998856</c:v>
                </c:pt>
                <c:pt idx="8948">
                  <c:v>149.14403499998855</c:v>
                </c:pt>
                <c:pt idx="8949">
                  <c:v>149.16070099998853</c:v>
                </c:pt>
                <c:pt idx="8950">
                  <c:v>149.17736699998852</c:v>
                </c:pt>
                <c:pt idx="8951">
                  <c:v>149.19403299998851</c:v>
                </c:pt>
                <c:pt idx="8952">
                  <c:v>149.21069899998849</c:v>
                </c:pt>
                <c:pt idx="8953">
                  <c:v>149.22736499998848</c:v>
                </c:pt>
                <c:pt idx="8954">
                  <c:v>149.24403099998847</c:v>
                </c:pt>
                <c:pt idx="8955">
                  <c:v>149.26069699998845</c:v>
                </c:pt>
                <c:pt idx="8956">
                  <c:v>149.27736299998844</c:v>
                </c:pt>
                <c:pt idx="8957">
                  <c:v>149.29402899998843</c:v>
                </c:pt>
                <c:pt idx="8958">
                  <c:v>149.31069499998841</c:v>
                </c:pt>
                <c:pt idx="8959">
                  <c:v>149.3273609999884</c:v>
                </c:pt>
                <c:pt idx="8960">
                  <c:v>149.34402699998839</c:v>
                </c:pt>
                <c:pt idx="8961">
                  <c:v>149.36069299998837</c:v>
                </c:pt>
                <c:pt idx="8962">
                  <c:v>149.37735899998836</c:v>
                </c:pt>
                <c:pt idx="8963">
                  <c:v>149.39402499998835</c:v>
                </c:pt>
                <c:pt idx="8964">
                  <c:v>149.41069099998833</c:v>
                </c:pt>
                <c:pt idx="8965">
                  <c:v>149.42735699998832</c:v>
                </c:pt>
                <c:pt idx="8966">
                  <c:v>149.44402299998831</c:v>
                </c:pt>
                <c:pt idx="8967">
                  <c:v>149.46068899998829</c:v>
                </c:pt>
                <c:pt idx="8968">
                  <c:v>149.47735499998828</c:v>
                </c:pt>
                <c:pt idx="8969">
                  <c:v>149.49402099998827</c:v>
                </c:pt>
                <c:pt idx="8970">
                  <c:v>149.51068699998825</c:v>
                </c:pt>
                <c:pt idx="8971">
                  <c:v>149.52735299998824</c:v>
                </c:pt>
                <c:pt idx="8972">
                  <c:v>149.54401899998823</c:v>
                </c:pt>
                <c:pt idx="8973">
                  <c:v>149.56068499998821</c:v>
                </c:pt>
                <c:pt idx="8974">
                  <c:v>149.5773509999882</c:v>
                </c:pt>
                <c:pt idx="8975">
                  <c:v>149.59401699998818</c:v>
                </c:pt>
                <c:pt idx="8976">
                  <c:v>149.61068299998817</c:v>
                </c:pt>
                <c:pt idx="8977">
                  <c:v>149.62734899998816</c:v>
                </c:pt>
                <c:pt idx="8978">
                  <c:v>149.64401499998814</c:v>
                </c:pt>
                <c:pt idx="8979">
                  <c:v>149.66068099998813</c:v>
                </c:pt>
                <c:pt idx="8980">
                  <c:v>149.67734699998812</c:v>
                </c:pt>
                <c:pt idx="8981">
                  <c:v>149.6940129999881</c:v>
                </c:pt>
                <c:pt idx="8982">
                  <c:v>149.71067899998809</c:v>
                </c:pt>
                <c:pt idx="8983">
                  <c:v>149.72734499998808</c:v>
                </c:pt>
                <c:pt idx="8984">
                  <c:v>149.74401099998806</c:v>
                </c:pt>
                <c:pt idx="8985">
                  <c:v>149.76067699998805</c:v>
                </c:pt>
                <c:pt idx="8986">
                  <c:v>149.77734299998804</c:v>
                </c:pt>
                <c:pt idx="8987">
                  <c:v>149.79400899998802</c:v>
                </c:pt>
                <c:pt idx="8988">
                  <c:v>149.81067499998801</c:v>
                </c:pt>
                <c:pt idx="8989">
                  <c:v>149.827340999988</c:v>
                </c:pt>
                <c:pt idx="8990">
                  <c:v>149.84400699998798</c:v>
                </c:pt>
                <c:pt idx="8991">
                  <c:v>149.86067299998797</c:v>
                </c:pt>
                <c:pt idx="8992">
                  <c:v>149.87733899998796</c:v>
                </c:pt>
                <c:pt idx="8993">
                  <c:v>149.89400499998794</c:v>
                </c:pt>
                <c:pt idx="8994">
                  <c:v>149.91067099998793</c:v>
                </c:pt>
                <c:pt idx="8995">
                  <c:v>149.92733699998792</c:v>
                </c:pt>
                <c:pt idx="8996">
                  <c:v>149.9440029999879</c:v>
                </c:pt>
                <c:pt idx="8997">
                  <c:v>149.96066899998789</c:v>
                </c:pt>
                <c:pt idx="8998">
                  <c:v>149.97733499998787</c:v>
                </c:pt>
                <c:pt idx="8999">
                  <c:v>149.99400099998786</c:v>
                </c:pt>
                <c:pt idx="9000">
                  <c:v>150.01066699998785</c:v>
                </c:pt>
                <c:pt idx="9001">
                  <c:v>150.02733299998783</c:v>
                </c:pt>
                <c:pt idx="9002">
                  <c:v>150.04399899998782</c:v>
                </c:pt>
                <c:pt idx="9003">
                  <c:v>150.06066499998781</c:v>
                </c:pt>
                <c:pt idx="9004">
                  <c:v>150.07733099998779</c:v>
                </c:pt>
                <c:pt idx="9005">
                  <c:v>150.09399699998778</c:v>
                </c:pt>
                <c:pt idx="9006">
                  <c:v>150.11066299998777</c:v>
                </c:pt>
                <c:pt idx="9007">
                  <c:v>150.12732899998775</c:v>
                </c:pt>
                <c:pt idx="9008">
                  <c:v>150.14399499998774</c:v>
                </c:pt>
                <c:pt idx="9009">
                  <c:v>150.16066099998773</c:v>
                </c:pt>
                <c:pt idx="9010">
                  <c:v>150.17732699998771</c:v>
                </c:pt>
                <c:pt idx="9011">
                  <c:v>150.1939929999877</c:v>
                </c:pt>
                <c:pt idx="9012">
                  <c:v>150.21065899998769</c:v>
                </c:pt>
                <c:pt idx="9013">
                  <c:v>150.22732499998767</c:v>
                </c:pt>
                <c:pt idx="9014">
                  <c:v>150.24399099998766</c:v>
                </c:pt>
                <c:pt idx="9015">
                  <c:v>150.26065699998765</c:v>
                </c:pt>
                <c:pt idx="9016">
                  <c:v>150.27732299998763</c:v>
                </c:pt>
                <c:pt idx="9017">
                  <c:v>150.29398899998762</c:v>
                </c:pt>
                <c:pt idx="9018">
                  <c:v>150.31065499998761</c:v>
                </c:pt>
                <c:pt idx="9019">
                  <c:v>150.32732099998759</c:v>
                </c:pt>
                <c:pt idx="9020">
                  <c:v>150.34398699998758</c:v>
                </c:pt>
                <c:pt idx="9021">
                  <c:v>150.36065299998756</c:v>
                </c:pt>
                <c:pt idx="9022">
                  <c:v>150.37731899998755</c:v>
                </c:pt>
                <c:pt idx="9023">
                  <c:v>150.39398499998754</c:v>
                </c:pt>
                <c:pt idx="9024">
                  <c:v>150.41065099998752</c:v>
                </c:pt>
                <c:pt idx="9025">
                  <c:v>150.42731699998751</c:v>
                </c:pt>
                <c:pt idx="9026">
                  <c:v>150.4439829999875</c:v>
                </c:pt>
                <c:pt idx="9027">
                  <c:v>150.46064899998748</c:v>
                </c:pt>
                <c:pt idx="9028">
                  <c:v>150.47731499998747</c:v>
                </c:pt>
                <c:pt idx="9029">
                  <c:v>150.49398099998746</c:v>
                </c:pt>
                <c:pt idx="9030">
                  <c:v>150.51064699998744</c:v>
                </c:pt>
                <c:pt idx="9031">
                  <c:v>150.52731299998743</c:v>
                </c:pt>
                <c:pt idx="9032">
                  <c:v>150.54397899998742</c:v>
                </c:pt>
                <c:pt idx="9033">
                  <c:v>150.5606449999874</c:v>
                </c:pt>
                <c:pt idx="9034">
                  <c:v>150.57731099998739</c:v>
                </c:pt>
                <c:pt idx="9035">
                  <c:v>150.59397699998738</c:v>
                </c:pt>
                <c:pt idx="9036">
                  <c:v>150.61064299998736</c:v>
                </c:pt>
                <c:pt idx="9037">
                  <c:v>150.62730899998735</c:v>
                </c:pt>
                <c:pt idx="9038">
                  <c:v>150.64397499998734</c:v>
                </c:pt>
                <c:pt idx="9039">
                  <c:v>150.66064099998732</c:v>
                </c:pt>
                <c:pt idx="9040">
                  <c:v>150.67730699998731</c:v>
                </c:pt>
                <c:pt idx="9041">
                  <c:v>150.6939729999873</c:v>
                </c:pt>
                <c:pt idx="9042">
                  <c:v>150.71063899998728</c:v>
                </c:pt>
                <c:pt idx="9043">
                  <c:v>150.72730499998727</c:v>
                </c:pt>
                <c:pt idx="9044">
                  <c:v>150.74397099998725</c:v>
                </c:pt>
                <c:pt idx="9045">
                  <c:v>150.76063699998724</c:v>
                </c:pt>
                <c:pt idx="9046">
                  <c:v>150.77730299998723</c:v>
                </c:pt>
                <c:pt idx="9047">
                  <c:v>150.79396899998721</c:v>
                </c:pt>
                <c:pt idx="9048">
                  <c:v>150.8106349999872</c:v>
                </c:pt>
                <c:pt idx="9049">
                  <c:v>150.82730099998719</c:v>
                </c:pt>
                <c:pt idx="9050">
                  <c:v>150.84396699998717</c:v>
                </c:pt>
                <c:pt idx="9051">
                  <c:v>150.86063299998716</c:v>
                </c:pt>
                <c:pt idx="9052">
                  <c:v>150.87729899998715</c:v>
                </c:pt>
                <c:pt idx="9053">
                  <c:v>150.89396499998713</c:v>
                </c:pt>
                <c:pt idx="9054">
                  <c:v>150.91063099998712</c:v>
                </c:pt>
                <c:pt idx="9055">
                  <c:v>150.92729699998711</c:v>
                </c:pt>
                <c:pt idx="9056">
                  <c:v>150.94396299998709</c:v>
                </c:pt>
                <c:pt idx="9057">
                  <c:v>150.96062899998708</c:v>
                </c:pt>
                <c:pt idx="9058">
                  <c:v>150.97729499998707</c:v>
                </c:pt>
                <c:pt idx="9059">
                  <c:v>150.99396099998705</c:v>
                </c:pt>
                <c:pt idx="9060">
                  <c:v>151.01062699998704</c:v>
                </c:pt>
                <c:pt idx="9061">
                  <c:v>151.02729299998703</c:v>
                </c:pt>
                <c:pt idx="9062">
                  <c:v>151.04395899998701</c:v>
                </c:pt>
                <c:pt idx="9063">
                  <c:v>151.060624999987</c:v>
                </c:pt>
                <c:pt idx="9064">
                  <c:v>151.07729099998699</c:v>
                </c:pt>
                <c:pt idx="9065">
                  <c:v>151.09395699998697</c:v>
                </c:pt>
                <c:pt idx="9066">
                  <c:v>151.11062299998696</c:v>
                </c:pt>
                <c:pt idx="9067">
                  <c:v>151.12728899998694</c:v>
                </c:pt>
                <c:pt idx="9068">
                  <c:v>151.14395499998693</c:v>
                </c:pt>
                <c:pt idx="9069">
                  <c:v>151.16062099998692</c:v>
                </c:pt>
                <c:pt idx="9070">
                  <c:v>151.1772869999869</c:v>
                </c:pt>
                <c:pt idx="9071">
                  <c:v>151.19395299998689</c:v>
                </c:pt>
                <c:pt idx="9072">
                  <c:v>151.21061899998688</c:v>
                </c:pt>
                <c:pt idx="9073">
                  <c:v>151.22728499998686</c:v>
                </c:pt>
                <c:pt idx="9074">
                  <c:v>151.24395099998685</c:v>
                </c:pt>
                <c:pt idx="9075">
                  <c:v>151.26061699998684</c:v>
                </c:pt>
                <c:pt idx="9076">
                  <c:v>151.27728299998682</c:v>
                </c:pt>
                <c:pt idx="9077">
                  <c:v>151.29394899998681</c:v>
                </c:pt>
                <c:pt idx="9078">
                  <c:v>151.3106149999868</c:v>
                </c:pt>
                <c:pt idx="9079">
                  <c:v>151.32728099998678</c:v>
                </c:pt>
                <c:pt idx="9080">
                  <c:v>151.34394699998677</c:v>
                </c:pt>
                <c:pt idx="9081">
                  <c:v>151.36061299998676</c:v>
                </c:pt>
                <c:pt idx="9082">
                  <c:v>151.37727899998674</c:v>
                </c:pt>
                <c:pt idx="9083">
                  <c:v>151.39394499998673</c:v>
                </c:pt>
                <c:pt idx="9084">
                  <c:v>151.41061099998672</c:v>
                </c:pt>
                <c:pt idx="9085">
                  <c:v>151.4272769999867</c:v>
                </c:pt>
                <c:pt idx="9086">
                  <c:v>151.44394299998669</c:v>
                </c:pt>
                <c:pt idx="9087">
                  <c:v>151.46060899998668</c:v>
                </c:pt>
                <c:pt idx="9088">
                  <c:v>151.47727499998666</c:v>
                </c:pt>
                <c:pt idx="9089">
                  <c:v>151.49394099998665</c:v>
                </c:pt>
                <c:pt idx="9090">
                  <c:v>151.51060699998663</c:v>
                </c:pt>
                <c:pt idx="9091">
                  <c:v>151.52727299998662</c:v>
                </c:pt>
                <c:pt idx="9092">
                  <c:v>151.54393899998661</c:v>
                </c:pt>
                <c:pt idx="9093">
                  <c:v>151.56060499998659</c:v>
                </c:pt>
                <c:pt idx="9094">
                  <c:v>151.57727099998658</c:v>
                </c:pt>
                <c:pt idx="9095">
                  <c:v>151.59393699998657</c:v>
                </c:pt>
                <c:pt idx="9096">
                  <c:v>151.61060299998655</c:v>
                </c:pt>
                <c:pt idx="9097">
                  <c:v>151.62726899998654</c:v>
                </c:pt>
                <c:pt idx="9098">
                  <c:v>151.64393499998653</c:v>
                </c:pt>
                <c:pt idx="9099">
                  <c:v>151.66060099998651</c:v>
                </c:pt>
                <c:pt idx="9100">
                  <c:v>151.6772669999865</c:v>
                </c:pt>
                <c:pt idx="9101">
                  <c:v>151.69393299998649</c:v>
                </c:pt>
                <c:pt idx="9102">
                  <c:v>151.71059899998647</c:v>
                </c:pt>
                <c:pt idx="9103">
                  <c:v>151.72726499998646</c:v>
                </c:pt>
                <c:pt idx="9104">
                  <c:v>151.74393099998645</c:v>
                </c:pt>
                <c:pt idx="9105">
                  <c:v>151.76059699998643</c:v>
                </c:pt>
                <c:pt idx="9106">
                  <c:v>151.77726299998642</c:v>
                </c:pt>
                <c:pt idx="9107">
                  <c:v>151.79392899998641</c:v>
                </c:pt>
                <c:pt idx="9108">
                  <c:v>151.81059499998639</c:v>
                </c:pt>
                <c:pt idx="9109">
                  <c:v>151.82726099998638</c:v>
                </c:pt>
                <c:pt idx="9110">
                  <c:v>151.84392699998637</c:v>
                </c:pt>
                <c:pt idx="9111">
                  <c:v>151.86059299998635</c:v>
                </c:pt>
                <c:pt idx="9112">
                  <c:v>151.87725899998634</c:v>
                </c:pt>
                <c:pt idx="9113">
                  <c:v>151.89392499998633</c:v>
                </c:pt>
                <c:pt idx="9114">
                  <c:v>151.91059099998631</c:v>
                </c:pt>
                <c:pt idx="9115">
                  <c:v>151.9272569999863</c:v>
                </c:pt>
                <c:pt idx="9116">
                  <c:v>151.94392299998628</c:v>
                </c:pt>
                <c:pt idx="9117">
                  <c:v>151.96058899998627</c:v>
                </c:pt>
                <c:pt idx="9118">
                  <c:v>151.97725499998626</c:v>
                </c:pt>
                <c:pt idx="9119">
                  <c:v>151.99392099998624</c:v>
                </c:pt>
                <c:pt idx="9120">
                  <c:v>152.01058699998623</c:v>
                </c:pt>
                <c:pt idx="9121">
                  <c:v>152.02725299998622</c:v>
                </c:pt>
                <c:pt idx="9122">
                  <c:v>152.0439189999862</c:v>
                </c:pt>
                <c:pt idx="9123">
                  <c:v>152.06058499998619</c:v>
                </c:pt>
                <c:pt idx="9124">
                  <c:v>152.07725099998618</c:v>
                </c:pt>
                <c:pt idx="9125">
                  <c:v>152.09391699998616</c:v>
                </c:pt>
                <c:pt idx="9126">
                  <c:v>152.11058299998615</c:v>
                </c:pt>
                <c:pt idx="9127">
                  <c:v>152.12724899998614</c:v>
                </c:pt>
                <c:pt idx="9128">
                  <c:v>152.14391499998612</c:v>
                </c:pt>
                <c:pt idx="9129">
                  <c:v>152.16058099998611</c:v>
                </c:pt>
                <c:pt idx="9130">
                  <c:v>152.1772469999861</c:v>
                </c:pt>
                <c:pt idx="9131">
                  <c:v>152.19391299998608</c:v>
                </c:pt>
                <c:pt idx="9132">
                  <c:v>152.21057899998607</c:v>
                </c:pt>
                <c:pt idx="9133">
                  <c:v>152.22724499998606</c:v>
                </c:pt>
                <c:pt idx="9134">
                  <c:v>152.24391099998604</c:v>
                </c:pt>
                <c:pt idx="9135">
                  <c:v>152.26057699998603</c:v>
                </c:pt>
                <c:pt idx="9136">
                  <c:v>152.27724299998602</c:v>
                </c:pt>
                <c:pt idx="9137">
                  <c:v>152.293908999986</c:v>
                </c:pt>
                <c:pt idx="9138">
                  <c:v>152.31057499998599</c:v>
                </c:pt>
                <c:pt idx="9139">
                  <c:v>152.32724099998597</c:v>
                </c:pt>
                <c:pt idx="9140">
                  <c:v>152.34390699998596</c:v>
                </c:pt>
                <c:pt idx="9141">
                  <c:v>152.36057299998595</c:v>
                </c:pt>
                <c:pt idx="9142">
                  <c:v>152.37723899998593</c:v>
                </c:pt>
                <c:pt idx="9143">
                  <c:v>152.39390499998592</c:v>
                </c:pt>
                <c:pt idx="9144">
                  <c:v>152.41057099998591</c:v>
                </c:pt>
                <c:pt idx="9145">
                  <c:v>152.42723699998589</c:v>
                </c:pt>
                <c:pt idx="9146">
                  <c:v>152.44390299998588</c:v>
                </c:pt>
                <c:pt idx="9147">
                  <c:v>152.46056899998587</c:v>
                </c:pt>
                <c:pt idx="9148">
                  <c:v>152.47723499998585</c:v>
                </c:pt>
                <c:pt idx="9149">
                  <c:v>152.49390099998584</c:v>
                </c:pt>
                <c:pt idx="9150">
                  <c:v>152.51056699998583</c:v>
                </c:pt>
                <c:pt idx="9151">
                  <c:v>152.52723299998581</c:v>
                </c:pt>
                <c:pt idx="9152">
                  <c:v>152.5438989999858</c:v>
                </c:pt>
                <c:pt idx="9153">
                  <c:v>152.56056499998579</c:v>
                </c:pt>
                <c:pt idx="9154">
                  <c:v>152.57723099998577</c:v>
                </c:pt>
                <c:pt idx="9155">
                  <c:v>152.59389699998576</c:v>
                </c:pt>
                <c:pt idx="9156">
                  <c:v>152.61056299998575</c:v>
                </c:pt>
                <c:pt idx="9157">
                  <c:v>152.62722899998573</c:v>
                </c:pt>
                <c:pt idx="9158">
                  <c:v>152.64389499998572</c:v>
                </c:pt>
                <c:pt idx="9159">
                  <c:v>152.66056099998571</c:v>
                </c:pt>
                <c:pt idx="9160">
                  <c:v>152.67722699998569</c:v>
                </c:pt>
                <c:pt idx="9161">
                  <c:v>152.69389299998568</c:v>
                </c:pt>
                <c:pt idx="9162">
                  <c:v>152.71055899998566</c:v>
                </c:pt>
                <c:pt idx="9163">
                  <c:v>152.72722499998565</c:v>
                </c:pt>
                <c:pt idx="9164">
                  <c:v>152.74389099998564</c:v>
                </c:pt>
                <c:pt idx="9165">
                  <c:v>152.76055699998562</c:v>
                </c:pt>
                <c:pt idx="9166">
                  <c:v>152.77722299998561</c:v>
                </c:pt>
                <c:pt idx="9167">
                  <c:v>152.7938889999856</c:v>
                </c:pt>
                <c:pt idx="9168">
                  <c:v>152.81055499998558</c:v>
                </c:pt>
                <c:pt idx="9169">
                  <c:v>152.82722099998557</c:v>
                </c:pt>
                <c:pt idx="9170">
                  <c:v>152.84388699998556</c:v>
                </c:pt>
                <c:pt idx="9171">
                  <c:v>152.86055299998554</c:v>
                </c:pt>
                <c:pt idx="9172">
                  <c:v>152.87721899998553</c:v>
                </c:pt>
                <c:pt idx="9173">
                  <c:v>152.89388499998552</c:v>
                </c:pt>
                <c:pt idx="9174">
                  <c:v>152.9105509999855</c:v>
                </c:pt>
                <c:pt idx="9175">
                  <c:v>152.92721699998549</c:v>
                </c:pt>
                <c:pt idx="9176">
                  <c:v>152.94388299998548</c:v>
                </c:pt>
                <c:pt idx="9177">
                  <c:v>152.96054899998546</c:v>
                </c:pt>
                <c:pt idx="9178">
                  <c:v>152.97721499998545</c:v>
                </c:pt>
                <c:pt idx="9179">
                  <c:v>152.99388099998544</c:v>
                </c:pt>
                <c:pt idx="9180">
                  <c:v>153.01054699998542</c:v>
                </c:pt>
                <c:pt idx="9181">
                  <c:v>153.02721299998541</c:v>
                </c:pt>
                <c:pt idx="9182">
                  <c:v>153.0438789999854</c:v>
                </c:pt>
                <c:pt idx="9183">
                  <c:v>153.06054499998538</c:v>
                </c:pt>
                <c:pt idx="9184">
                  <c:v>153.07721099998537</c:v>
                </c:pt>
                <c:pt idx="9185">
                  <c:v>153.09387699998535</c:v>
                </c:pt>
                <c:pt idx="9186">
                  <c:v>153.11054299998534</c:v>
                </c:pt>
                <c:pt idx="9187">
                  <c:v>153.12720899998533</c:v>
                </c:pt>
                <c:pt idx="9188">
                  <c:v>153.14387499998531</c:v>
                </c:pt>
                <c:pt idx="9189">
                  <c:v>153.1605409999853</c:v>
                </c:pt>
                <c:pt idx="9190">
                  <c:v>153.17720699998529</c:v>
                </c:pt>
                <c:pt idx="9191">
                  <c:v>153.19387299998527</c:v>
                </c:pt>
                <c:pt idx="9192">
                  <c:v>153.21053899998526</c:v>
                </c:pt>
                <c:pt idx="9193">
                  <c:v>153.22720499998525</c:v>
                </c:pt>
                <c:pt idx="9194">
                  <c:v>153.24387099998523</c:v>
                </c:pt>
                <c:pt idx="9195">
                  <c:v>153.26053699998522</c:v>
                </c:pt>
                <c:pt idx="9196">
                  <c:v>153.27720299998521</c:v>
                </c:pt>
                <c:pt idx="9197">
                  <c:v>153.29386899998519</c:v>
                </c:pt>
                <c:pt idx="9198">
                  <c:v>153.31053499998518</c:v>
                </c:pt>
                <c:pt idx="9199">
                  <c:v>153.32720099998517</c:v>
                </c:pt>
                <c:pt idx="9200">
                  <c:v>153.34386699998515</c:v>
                </c:pt>
                <c:pt idx="9201">
                  <c:v>153.36053299998514</c:v>
                </c:pt>
                <c:pt idx="9202">
                  <c:v>153.37719899998513</c:v>
                </c:pt>
                <c:pt idx="9203">
                  <c:v>153.39386499998511</c:v>
                </c:pt>
                <c:pt idx="9204">
                  <c:v>153.4105309999851</c:v>
                </c:pt>
                <c:pt idx="9205">
                  <c:v>153.42719699998509</c:v>
                </c:pt>
                <c:pt idx="9206">
                  <c:v>153.44386299998507</c:v>
                </c:pt>
                <c:pt idx="9207">
                  <c:v>153.46052899998506</c:v>
                </c:pt>
                <c:pt idx="9208">
                  <c:v>153.47719499998504</c:v>
                </c:pt>
                <c:pt idx="9209">
                  <c:v>153.49386099998503</c:v>
                </c:pt>
                <c:pt idx="9210">
                  <c:v>153.51052699998502</c:v>
                </c:pt>
                <c:pt idx="9211">
                  <c:v>153.527192999985</c:v>
                </c:pt>
                <c:pt idx="9212">
                  <c:v>153.54385899998499</c:v>
                </c:pt>
                <c:pt idx="9213">
                  <c:v>153.56052499998498</c:v>
                </c:pt>
                <c:pt idx="9214">
                  <c:v>153.57719099998496</c:v>
                </c:pt>
                <c:pt idx="9215">
                  <c:v>153.59385699998495</c:v>
                </c:pt>
                <c:pt idx="9216">
                  <c:v>153.61052299998494</c:v>
                </c:pt>
                <c:pt idx="9217">
                  <c:v>153.62718899998492</c:v>
                </c:pt>
                <c:pt idx="9218">
                  <c:v>153.64385499998491</c:v>
                </c:pt>
                <c:pt idx="9219">
                  <c:v>153.6605209999849</c:v>
                </c:pt>
                <c:pt idx="9220">
                  <c:v>153.67718699998488</c:v>
                </c:pt>
                <c:pt idx="9221">
                  <c:v>153.69385299998487</c:v>
                </c:pt>
                <c:pt idx="9222">
                  <c:v>153.71051899998486</c:v>
                </c:pt>
                <c:pt idx="9223">
                  <c:v>153.72718499998484</c:v>
                </c:pt>
                <c:pt idx="9224">
                  <c:v>153.74385099998483</c:v>
                </c:pt>
                <c:pt idx="9225">
                  <c:v>153.76051699998482</c:v>
                </c:pt>
                <c:pt idx="9226">
                  <c:v>153.7771829999848</c:v>
                </c:pt>
                <c:pt idx="9227">
                  <c:v>153.79384899998479</c:v>
                </c:pt>
                <c:pt idx="9228">
                  <c:v>153.81051499998478</c:v>
                </c:pt>
                <c:pt idx="9229">
                  <c:v>153.82718099998476</c:v>
                </c:pt>
                <c:pt idx="9230">
                  <c:v>153.84384699998475</c:v>
                </c:pt>
                <c:pt idx="9231">
                  <c:v>153.86051299998473</c:v>
                </c:pt>
                <c:pt idx="9232">
                  <c:v>153.87717899998472</c:v>
                </c:pt>
                <c:pt idx="9233">
                  <c:v>153.89384499998471</c:v>
                </c:pt>
                <c:pt idx="9234">
                  <c:v>153.91051099998469</c:v>
                </c:pt>
                <c:pt idx="9235">
                  <c:v>153.92717699998468</c:v>
                </c:pt>
                <c:pt idx="9236">
                  <c:v>153.94384299998467</c:v>
                </c:pt>
                <c:pt idx="9237">
                  <c:v>153.96050899998465</c:v>
                </c:pt>
                <c:pt idx="9238">
                  <c:v>153.97717499998464</c:v>
                </c:pt>
                <c:pt idx="9239">
                  <c:v>153.99384099998463</c:v>
                </c:pt>
                <c:pt idx="9240">
                  <c:v>154.01050699998461</c:v>
                </c:pt>
                <c:pt idx="9241">
                  <c:v>154.0271729999846</c:v>
                </c:pt>
                <c:pt idx="9242">
                  <c:v>154.04383899998459</c:v>
                </c:pt>
                <c:pt idx="9243">
                  <c:v>154.06050499998457</c:v>
                </c:pt>
                <c:pt idx="9244">
                  <c:v>154.07717099998456</c:v>
                </c:pt>
                <c:pt idx="9245">
                  <c:v>154.09383699998455</c:v>
                </c:pt>
                <c:pt idx="9246">
                  <c:v>154.11050299998453</c:v>
                </c:pt>
                <c:pt idx="9247">
                  <c:v>154.12716899998452</c:v>
                </c:pt>
                <c:pt idx="9248">
                  <c:v>154.14383499998451</c:v>
                </c:pt>
                <c:pt idx="9249">
                  <c:v>154.16050099998449</c:v>
                </c:pt>
                <c:pt idx="9250">
                  <c:v>154.17716699998448</c:v>
                </c:pt>
                <c:pt idx="9251">
                  <c:v>154.19383299998447</c:v>
                </c:pt>
                <c:pt idx="9252">
                  <c:v>154.21049899998445</c:v>
                </c:pt>
                <c:pt idx="9253">
                  <c:v>154.22716499998444</c:v>
                </c:pt>
                <c:pt idx="9254">
                  <c:v>154.24383099998443</c:v>
                </c:pt>
                <c:pt idx="9255">
                  <c:v>154.26049699998441</c:v>
                </c:pt>
                <c:pt idx="9256">
                  <c:v>154.2771629999844</c:v>
                </c:pt>
                <c:pt idx="9257">
                  <c:v>154.29382899998438</c:v>
                </c:pt>
                <c:pt idx="9258">
                  <c:v>154.31049499998437</c:v>
                </c:pt>
                <c:pt idx="9259">
                  <c:v>154.32716099998436</c:v>
                </c:pt>
                <c:pt idx="9260">
                  <c:v>154.34382699998434</c:v>
                </c:pt>
                <c:pt idx="9261">
                  <c:v>154.36049299998433</c:v>
                </c:pt>
                <c:pt idx="9262">
                  <c:v>154.37715899998432</c:v>
                </c:pt>
                <c:pt idx="9263">
                  <c:v>154.3938249999843</c:v>
                </c:pt>
                <c:pt idx="9264">
                  <c:v>154.41049099998429</c:v>
                </c:pt>
                <c:pt idx="9265">
                  <c:v>154.42715699998428</c:v>
                </c:pt>
                <c:pt idx="9266">
                  <c:v>154.44382299998426</c:v>
                </c:pt>
                <c:pt idx="9267">
                  <c:v>154.46048899998425</c:v>
                </c:pt>
                <c:pt idx="9268">
                  <c:v>154.47715499998424</c:v>
                </c:pt>
                <c:pt idx="9269">
                  <c:v>154.49382099998422</c:v>
                </c:pt>
                <c:pt idx="9270">
                  <c:v>154.51048699998421</c:v>
                </c:pt>
                <c:pt idx="9271">
                  <c:v>154.5271529999842</c:v>
                </c:pt>
                <c:pt idx="9272">
                  <c:v>154.54381899998418</c:v>
                </c:pt>
                <c:pt idx="9273">
                  <c:v>154.56048499998417</c:v>
                </c:pt>
                <c:pt idx="9274">
                  <c:v>154.57715099998416</c:v>
                </c:pt>
                <c:pt idx="9275">
                  <c:v>154.59381699998414</c:v>
                </c:pt>
                <c:pt idx="9276">
                  <c:v>154.61048299998413</c:v>
                </c:pt>
                <c:pt idx="9277">
                  <c:v>154.62714899998412</c:v>
                </c:pt>
                <c:pt idx="9278">
                  <c:v>154.6438149999841</c:v>
                </c:pt>
                <c:pt idx="9279">
                  <c:v>154.66048099998409</c:v>
                </c:pt>
                <c:pt idx="9280">
                  <c:v>154.67714699998407</c:v>
                </c:pt>
                <c:pt idx="9281">
                  <c:v>154.69381299998406</c:v>
                </c:pt>
                <c:pt idx="9282">
                  <c:v>154.71047899998405</c:v>
                </c:pt>
                <c:pt idx="9283">
                  <c:v>154.72714499998403</c:v>
                </c:pt>
                <c:pt idx="9284">
                  <c:v>154.74381099998402</c:v>
                </c:pt>
                <c:pt idx="9285">
                  <c:v>154.76047699998401</c:v>
                </c:pt>
                <c:pt idx="9286">
                  <c:v>154.77714299998399</c:v>
                </c:pt>
                <c:pt idx="9287">
                  <c:v>154.79380899998398</c:v>
                </c:pt>
                <c:pt idx="9288">
                  <c:v>154.81047499998397</c:v>
                </c:pt>
                <c:pt idx="9289">
                  <c:v>154.82714099998395</c:v>
                </c:pt>
                <c:pt idx="9290">
                  <c:v>154.84380699998394</c:v>
                </c:pt>
                <c:pt idx="9291">
                  <c:v>154.86047299998393</c:v>
                </c:pt>
                <c:pt idx="9292">
                  <c:v>154.87713899998391</c:v>
                </c:pt>
                <c:pt idx="9293">
                  <c:v>154.8938049999839</c:v>
                </c:pt>
                <c:pt idx="9294">
                  <c:v>154.91047099998389</c:v>
                </c:pt>
                <c:pt idx="9295">
                  <c:v>154.92713699998387</c:v>
                </c:pt>
                <c:pt idx="9296">
                  <c:v>154.94380299998386</c:v>
                </c:pt>
                <c:pt idx="9297">
                  <c:v>154.96046899998385</c:v>
                </c:pt>
                <c:pt idx="9298">
                  <c:v>154.97713499998383</c:v>
                </c:pt>
                <c:pt idx="9299">
                  <c:v>154.99380099998382</c:v>
                </c:pt>
                <c:pt idx="9300">
                  <c:v>155.01046699998381</c:v>
                </c:pt>
                <c:pt idx="9301">
                  <c:v>155.02713299998379</c:v>
                </c:pt>
                <c:pt idx="9302">
                  <c:v>155.04379899998378</c:v>
                </c:pt>
                <c:pt idx="9303">
                  <c:v>155.06046499998376</c:v>
                </c:pt>
                <c:pt idx="9304">
                  <c:v>155.07713099998375</c:v>
                </c:pt>
                <c:pt idx="9305">
                  <c:v>155.09379699998374</c:v>
                </c:pt>
                <c:pt idx="9306">
                  <c:v>155.11046299998372</c:v>
                </c:pt>
                <c:pt idx="9307">
                  <c:v>155.12712899998371</c:v>
                </c:pt>
                <c:pt idx="9308">
                  <c:v>155.1437949999837</c:v>
                </c:pt>
                <c:pt idx="9309">
                  <c:v>155.16046099998368</c:v>
                </c:pt>
                <c:pt idx="9310">
                  <c:v>155.17712699998367</c:v>
                </c:pt>
                <c:pt idx="9311">
                  <c:v>155.19379299998366</c:v>
                </c:pt>
                <c:pt idx="9312">
                  <c:v>155.21045899998364</c:v>
                </c:pt>
                <c:pt idx="9313">
                  <c:v>155.22712499998363</c:v>
                </c:pt>
                <c:pt idx="9314">
                  <c:v>155.24379099998362</c:v>
                </c:pt>
                <c:pt idx="9315">
                  <c:v>155.2604569999836</c:v>
                </c:pt>
                <c:pt idx="9316">
                  <c:v>155.27712299998359</c:v>
                </c:pt>
                <c:pt idx="9317">
                  <c:v>155.29378899998358</c:v>
                </c:pt>
                <c:pt idx="9318">
                  <c:v>155.31045499998356</c:v>
                </c:pt>
                <c:pt idx="9319">
                  <c:v>155.32712099998355</c:v>
                </c:pt>
                <c:pt idx="9320">
                  <c:v>155.34378699998354</c:v>
                </c:pt>
                <c:pt idx="9321">
                  <c:v>155.36045299998352</c:v>
                </c:pt>
                <c:pt idx="9322">
                  <c:v>155.37711899998351</c:v>
                </c:pt>
                <c:pt idx="9323">
                  <c:v>155.3937849999835</c:v>
                </c:pt>
                <c:pt idx="9324">
                  <c:v>155.41045099998348</c:v>
                </c:pt>
                <c:pt idx="9325">
                  <c:v>155.42711699998347</c:v>
                </c:pt>
                <c:pt idx="9326">
                  <c:v>155.44378299998345</c:v>
                </c:pt>
                <c:pt idx="9327">
                  <c:v>155.46044899998344</c:v>
                </c:pt>
                <c:pt idx="9328">
                  <c:v>155.47711499998343</c:v>
                </c:pt>
                <c:pt idx="9329">
                  <c:v>155.49378099998341</c:v>
                </c:pt>
                <c:pt idx="9330">
                  <c:v>155.5104469999834</c:v>
                </c:pt>
                <c:pt idx="9331">
                  <c:v>155.52711299998339</c:v>
                </c:pt>
                <c:pt idx="9332">
                  <c:v>155.54377899998337</c:v>
                </c:pt>
                <c:pt idx="9333">
                  <c:v>155.56044499998336</c:v>
                </c:pt>
                <c:pt idx="9334">
                  <c:v>155.57711099998335</c:v>
                </c:pt>
                <c:pt idx="9335">
                  <c:v>155.59377699998333</c:v>
                </c:pt>
                <c:pt idx="9336">
                  <c:v>155.61044299998332</c:v>
                </c:pt>
                <c:pt idx="9337">
                  <c:v>155.62710899998331</c:v>
                </c:pt>
                <c:pt idx="9338">
                  <c:v>155.64377499998329</c:v>
                </c:pt>
                <c:pt idx="9339">
                  <c:v>155.66044099998328</c:v>
                </c:pt>
                <c:pt idx="9340">
                  <c:v>155.67710699998327</c:v>
                </c:pt>
                <c:pt idx="9341">
                  <c:v>155.69377299998325</c:v>
                </c:pt>
                <c:pt idx="9342">
                  <c:v>155.71043899998324</c:v>
                </c:pt>
                <c:pt idx="9343">
                  <c:v>155.72710499998323</c:v>
                </c:pt>
              </c:numCache>
            </c:numRef>
          </c:xVal>
          <c:yVal>
            <c:numRef>
              <c:f>'Fig 3'!$E$9:$E$12000</c:f>
              <c:numCache>
                <c:formatCode>General</c:formatCode>
                <c:ptCount val="11992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4.8431785894218682E-3</c:v>
                </c:pt>
                <c:pt idx="8">
                  <c:v>4.8431785894218682E-3</c:v>
                </c:pt>
                <c:pt idx="9">
                  <c:v>4.8431785894218682E-3</c:v>
                </c:pt>
                <c:pt idx="10">
                  <c:v>9.5439107498472842E-3</c:v>
                </c:pt>
                <c:pt idx="11">
                  <c:v>1.438708933939567E-2</c:v>
                </c:pt>
                <c:pt idx="12">
                  <c:v>1.438708933939567E-2</c:v>
                </c:pt>
                <c:pt idx="13">
                  <c:v>1.9230267928817539E-2</c:v>
                </c:pt>
                <c:pt idx="14">
                  <c:v>1.9230267928817539E-2</c:v>
                </c:pt>
                <c:pt idx="15">
                  <c:v>1.9230267928817539E-2</c:v>
                </c:pt>
                <c:pt idx="16">
                  <c:v>2.3931000089242958E-2</c:v>
                </c:pt>
                <c:pt idx="17">
                  <c:v>2.3931000089242958E-2</c:v>
                </c:pt>
                <c:pt idx="18">
                  <c:v>2.3931000089242958E-2</c:v>
                </c:pt>
                <c:pt idx="19">
                  <c:v>2.3931000089242958E-2</c:v>
                </c:pt>
                <c:pt idx="20">
                  <c:v>2.877417867879134E-2</c:v>
                </c:pt>
                <c:pt idx="21">
                  <c:v>2.877417867879134E-2</c:v>
                </c:pt>
                <c:pt idx="22">
                  <c:v>2.877417867879134E-2</c:v>
                </c:pt>
                <c:pt idx="23">
                  <c:v>2.3931000089242958E-2</c:v>
                </c:pt>
                <c:pt idx="24">
                  <c:v>1.9230267928817539E-2</c:v>
                </c:pt>
                <c:pt idx="25">
                  <c:v>1.9230267928817539E-2</c:v>
                </c:pt>
                <c:pt idx="26">
                  <c:v>1.438708933939567E-2</c:v>
                </c:pt>
                <c:pt idx="27">
                  <c:v>1.438708933939567E-2</c:v>
                </c:pt>
                <c:pt idx="28">
                  <c:v>9.5439107498472842E-3</c:v>
                </c:pt>
                <c:pt idx="29">
                  <c:v>4.8431785894218682E-3</c:v>
                </c:pt>
                <c:pt idx="30">
                  <c:v>-4.8431785895483859E-3</c:v>
                </c:pt>
                <c:pt idx="31">
                  <c:v>-9.5439107499738027E-3</c:v>
                </c:pt>
                <c:pt idx="32">
                  <c:v>-1.438708933939567E-2</c:v>
                </c:pt>
                <c:pt idx="33">
                  <c:v>-2.3931000089369471E-2</c:v>
                </c:pt>
                <c:pt idx="34">
                  <c:v>-3.3617357268339733E-2</c:v>
                </c:pt>
                <c:pt idx="35">
                  <c:v>-3.8318089428765141E-2</c:v>
                </c:pt>
                <c:pt idx="36">
                  <c:v>-4.8004446607735396E-2</c:v>
                </c:pt>
                <c:pt idx="37">
                  <c:v>-5.7548357357709197E-2</c:v>
                </c:pt>
                <c:pt idx="38">
                  <c:v>-6.2391535947131066E-2</c:v>
                </c:pt>
                <c:pt idx="39">
                  <c:v>-7.193544669710486E-2</c:v>
                </c:pt>
                <c:pt idx="40">
                  <c:v>-7.6778625286526736E-2</c:v>
                </c:pt>
                <c:pt idx="41">
                  <c:v>-8.1621803876075122E-2</c:v>
                </c:pt>
                <c:pt idx="42">
                  <c:v>-8.6322536036500544E-2</c:v>
                </c:pt>
                <c:pt idx="43">
                  <c:v>-9.116571462604893E-2</c:v>
                </c:pt>
                <c:pt idx="44">
                  <c:v>-9.6008893215470792E-2</c:v>
                </c:pt>
                <c:pt idx="45">
                  <c:v>-0.10070962537589621</c:v>
                </c:pt>
                <c:pt idx="46">
                  <c:v>-0.10070962537589621</c:v>
                </c:pt>
                <c:pt idx="47">
                  <c:v>-0.10070962537589621</c:v>
                </c:pt>
                <c:pt idx="48">
                  <c:v>-9.6008893215470792E-2</c:v>
                </c:pt>
                <c:pt idx="49">
                  <c:v>-9.6008893215470792E-2</c:v>
                </c:pt>
                <c:pt idx="50">
                  <c:v>-9.116571462604893E-2</c:v>
                </c:pt>
                <c:pt idx="51">
                  <c:v>-8.6322536036500544E-2</c:v>
                </c:pt>
                <c:pt idx="52">
                  <c:v>-8.1621803876075122E-2</c:v>
                </c:pt>
                <c:pt idx="53">
                  <c:v>-7.193544669710486E-2</c:v>
                </c:pt>
                <c:pt idx="54">
                  <c:v>-6.2391535947131066E-2</c:v>
                </c:pt>
                <c:pt idx="55">
                  <c:v>-5.2705178768160818E-2</c:v>
                </c:pt>
                <c:pt idx="56">
                  <c:v>-4.3161268018313534E-2</c:v>
                </c:pt>
                <c:pt idx="57">
                  <c:v>-2.877417867891786E-2</c:v>
                </c:pt>
                <c:pt idx="58">
                  <c:v>-1.438708933939567E-2</c:v>
                </c:pt>
                <c:pt idx="59">
                  <c:v>0</c:v>
                </c:pt>
                <c:pt idx="60">
                  <c:v>1.438708933939567E-2</c:v>
                </c:pt>
                <c:pt idx="61">
                  <c:v>2.877417867879134E-2</c:v>
                </c:pt>
                <c:pt idx="62">
                  <c:v>4.316126801818701E-2</c:v>
                </c:pt>
                <c:pt idx="63">
                  <c:v>6.2391535947131066E-2</c:v>
                </c:pt>
                <c:pt idx="64">
                  <c:v>8.1479357446952158E-2</c:v>
                </c:pt>
                <c:pt idx="65">
                  <c:v>0.10555280396531808</c:v>
                </c:pt>
                <c:pt idx="66">
                  <c:v>0.12464062546513915</c:v>
                </c:pt>
                <c:pt idx="67">
                  <c:v>0.14871407198350509</c:v>
                </c:pt>
                <c:pt idx="68">
                  <c:v>0.17264507207287458</c:v>
                </c:pt>
                <c:pt idx="69">
                  <c:v>0.19187534000181863</c:v>
                </c:pt>
                <c:pt idx="70">
                  <c:v>0.21580634009106156</c:v>
                </c:pt>
                <c:pt idx="71">
                  <c:v>0.23503660802000562</c:v>
                </c:pt>
                <c:pt idx="72">
                  <c:v>0.25896760810937514</c:v>
                </c:pt>
                <c:pt idx="73">
                  <c:v>0.27819787603819268</c:v>
                </c:pt>
                <c:pt idx="74">
                  <c:v>0.29742814396713668</c:v>
                </c:pt>
                <c:pt idx="75">
                  <c:v>0.32135914405650617</c:v>
                </c:pt>
                <c:pt idx="76">
                  <c:v>0.34058941198532372</c:v>
                </c:pt>
                <c:pt idx="77">
                  <c:v>0.36452041207469316</c:v>
                </c:pt>
                <c:pt idx="78">
                  <c:v>0.38375068000363727</c:v>
                </c:pt>
                <c:pt idx="79">
                  <c:v>0.40768168009288019</c:v>
                </c:pt>
                <c:pt idx="80">
                  <c:v>0.43175512661137261</c:v>
                </c:pt>
                <c:pt idx="81">
                  <c:v>0.45084294811119374</c:v>
                </c:pt>
                <c:pt idx="82">
                  <c:v>0.47491639462955965</c:v>
                </c:pt>
                <c:pt idx="83">
                  <c:v>0.49400421612938072</c:v>
                </c:pt>
                <c:pt idx="84">
                  <c:v>0.51807766264774668</c:v>
                </c:pt>
                <c:pt idx="85">
                  <c:v>0.54200866273711612</c:v>
                </c:pt>
                <c:pt idx="86">
                  <c:v>0.56608210925548208</c:v>
                </c:pt>
                <c:pt idx="87">
                  <c:v>0.5851699307553031</c:v>
                </c:pt>
                <c:pt idx="88">
                  <c:v>0.60924337727379563</c:v>
                </c:pt>
                <c:pt idx="89">
                  <c:v>0.6283311987734902</c:v>
                </c:pt>
                <c:pt idx="90">
                  <c:v>0.65240464529198261</c:v>
                </c:pt>
                <c:pt idx="91">
                  <c:v>0.67633564538122559</c:v>
                </c:pt>
                <c:pt idx="92">
                  <c:v>0.69556591331016959</c:v>
                </c:pt>
                <c:pt idx="93">
                  <c:v>0.71479618123911359</c:v>
                </c:pt>
                <c:pt idx="94">
                  <c:v>0.73872718132848314</c:v>
                </c:pt>
                <c:pt idx="95">
                  <c:v>0.76265818141772601</c:v>
                </c:pt>
                <c:pt idx="96">
                  <c:v>0.78673162793609208</c:v>
                </c:pt>
                <c:pt idx="97">
                  <c:v>0.81066262802546152</c:v>
                </c:pt>
                <c:pt idx="98">
                  <c:v>0.83459362811483095</c:v>
                </c:pt>
                <c:pt idx="99">
                  <c:v>0.85866707463319691</c:v>
                </c:pt>
                <c:pt idx="100">
                  <c:v>0.88259807472256646</c:v>
                </c:pt>
                <c:pt idx="101">
                  <c:v>0.90667152124093231</c:v>
                </c:pt>
                <c:pt idx="102">
                  <c:v>0.93060252133030175</c:v>
                </c:pt>
                <c:pt idx="103">
                  <c:v>0.95453352141954473</c:v>
                </c:pt>
                <c:pt idx="104">
                  <c:v>0.97376378934848884</c:v>
                </c:pt>
                <c:pt idx="105">
                  <c:v>0.99769478943773171</c:v>
                </c:pt>
                <c:pt idx="106">
                  <c:v>1.0169250573666757</c:v>
                </c:pt>
                <c:pt idx="107">
                  <c:v>1.0408560574560453</c:v>
                </c:pt>
                <c:pt idx="108">
                  <c:v>1.0600863253848627</c:v>
                </c:pt>
                <c:pt idx="109">
                  <c:v>1.0793165933138069</c:v>
                </c:pt>
                <c:pt idx="110">
                  <c:v>1.0985468612427509</c:v>
                </c:pt>
                <c:pt idx="111">
                  <c:v>1.117634682742572</c:v>
                </c:pt>
                <c:pt idx="112">
                  <c:v>1.1417081292609379</c:v>
                </c:pt>
                <c:pt idx="113">
                  <c:v>1.160795950760759</c:v>
                </c:pt>
                <c:pt idx="114">
                  <c:v>1.180026218689703</c:v>
                </c:pt>
                <c:pt idx="115">
                  <c:v>1.1992564866186473</c:v>
                </c:pt>
                <c:pt idx="116">
                  <c:v>1.2183443081184682</c:v>
                </c:pt>
                <c:pt idx="117">
                  <c:v>1.2327313974578638</c:v>
                </c:pt>
                <c:pt idx="118">
                  <c:v>1.251961665386808</c:v>
                </c:pt>
                <c:pt idx="119">
                  <c:v>1.2711919333156254</c:v>
                </c:pt>
                <c:pt idx="120">
                  <c:v>1.285579022655021</c:v>
                </c:pt>
                <c:pt idx="121">
                  <c:v>1.3048092905839652</c:v>
                </c:pt>
                <c:pt idx="122">
                  <c:v>1.3191963799233608</c:v>
                </c:pt>
                <c:pt idx="123">
                  <c:v>1.3382842014231819</c:v>
                </c:pt>
                <c:pt idx="124">
                  <c:v>1.3526712907625775</c:v>
                </c:pt>
                <c:pt idx="125">
                  <c:v>1.3670583801019733</c:v>
                </c:pt>
                <c:pt idx="126">
                  <c:v>1.3862886480309173</c:v>
                </c:pt>
                <c:pt idx="127">
                  <c:v>1.4006757373703131</c:v>
                </c:pt>
                <c:pt idx="128">
                  <c:v>1.4150628267097087</c:v>
                </c:pt>
                <c:pt idx="129">
                  <c:v>1.4342930946386527</c:v>
                </c:pt>
                <c:pt idx="130">
                  <c:v>1.4535233625675967</c:v>
                </c:pt>
                <c:pt idx="131">
                  <c:v>1.4679104519069925</c:v>
                </c:pt>
                <c:pt idx="132">
                  <c:v>1.4869982734068135</c:v>
                </c:pt>
                <c:pt idx="133">
                  <c:v>1.5110717199251795</c:v>
                </c:pt>
                <c:pt idx="134">
                  <c:v>1.5301595414250007</c:v>
                </c:pt>
                <c:pt idx="135">
                  <c:v>1.5445466307643962</c:v>
                </c:pt>
                <c:pt idx="136">
                  <c:v>1.5637768986933402</c:v>
                </c:pt>
                <c:pt idx="137">
                  <c:v>1.5781639880327361</c:v>
                </c:pt>
                <c:pt idx="138">
                  <c:v>1.5973942559616801</c:v>
                </c:pt>
                <c:pt idx="139">
                  <c:v>1.6166245238906241</c:v>
                </c:pt>
                <c:pt idx="140">
                  <c:v>1.640555523979867</c:v>
                </c:pt>
                <c:pt idx="141">
                  <c:v>1.659785791908811</c:v>
                </c:pt>
                <c:pt idx="142">
                  <c:v>1.683716791998054</c:v>
                </c:pt>
                <c:pt idx="143">
                  <c:v>1.702947059926998</c:v>
                </c:pt>
                <c:pt idx="144">
                  <c:v>1.7268780600163676</c:v>
                </c:pt>
                <c:pt idx="145">
                  <c:v>1.7461083279453116</c:v>
                </c:pt>
                <c:pt idx="146">
                  <c:v>1.7651961494450061</c:v>
                </c:pt>
                <c:pt idx="147">
                  <c:v>1.7892695959634985</c:v>
                </c:pt>
                <c:pt idx="148">
                  <c:v>1.8084998638924428</c:v>
                </c:pt>
                <c:pt idx="149">
                  <c:v>1.8324308639816855</c:v>
                </c:pt>
                <c:pt idx="150">
                  <c:v>1.8516611319106298</c:v>
                </c:pt>
                <c:pt idx="151">
                  <c:v>1.8755921319999991</c:v>
                </c:pt>
                <c:pt idx="152">
                  <c:v>1.8948223999288167</c:v>
                </c:pt>
                <c:pt idx="153">
                  <c:v>1.9187534000181861</c:v>
                </c:pt>
                <c:pt idx="154">
                  <c:v>1.9379836679471303</c:v>
                </c:pt>
                <c:pt idx="155">
                  <c:v>1.9570714894468251</c:v>
                </c:pt>
                <c:pt idx="156">
                  <c:v>1.9763017573757691</c:v>
                </c:pt>
                <c:pt idx="157">
                  <c:v>1.9955320253047131</c:v>
                </c:pt>
                <c:pt idx="158">
                  <c:v>2.0147622932336566</c:v>
                </c:pt>
                <c:pt idx="159">
                  <c:v>2.033850114733478</c:v>
                </c:pt>
                <c:pt idx="160">
                  <c:v>2.0530803826622956</c:v>
                </c:pt>
                <c:pt idx="161">
                  <c:v>2.0770113827516652</c:v>
                </c:pt>
                <c:pt idx="162">
                  <c:v>2.0962416506806094</c:v>
                </c:pt>
                <c:pt idx="163">
                  <c:v>2.1154719186094266</c:v>
                </c:pt>
                <c:pt idx="164">
                  <c:v>2.1345597401092475</c:v>
                </c:pt>
                <c:pt idx="165">
                  <c:v>2.1537900080381918</c:v>
                </c:pt>
                <c:pt idx="166">
                  <c:v>2.1730202759671355</c:v>
                </c:pt>
                <c:pt idx="167">
                  <c:v>2.1922505438960798</c:v>
                </c:pt>
                <c:pt idx="168">
                  <c:v>2.2066376332354758</c:v>
                </c:pt>
                <c:pt idx="169">
                  <c:v>2.2257254547352967</c:v>
                </c:pt>
                <c:pt idx="170">
                  <c:v>2.2449557226641144</c:v>
                </c:pt>
                <c:pt idx="171">
                  <c:v>2.2593428120036365</c:v>
                </c:pt>
                <c:pt idx="172">
                  <c:v>2.2785730799324537</c:v>
                </c:pt>
                <c:pt idx="173">
                  <c:v>2.2929601692718498</c:v>
                </c:pt>
                <c:pt idx="174">
                  <c:v>2.3073472586113719</c:v>
                </c:pt>
                <c:pt idx="175">
                  <c:v>2.3217343479507675</c:v>
                </c:pt>
                <c:pt idx="176">
                  <c:v>2.3408221694505889</c:v>
                </c:pt>
                <c:pt idx="177">
                  <c:v>2.3600524373794061</c:v>
                </c:pt>
                <c:pt idx="178">
                  <c:v>2.3744395267188017</c:v>
                </c:pt>
                <c:pt idx="179">
                  <c:v>2.3936697946477459</c:v>
                </c:pt>
                <c:pt idx="180">
                  <c:v>2.4080568839871415</c:v>
                </c:pt>
                <c:pt idx="181">
                  <c:v>2.4272871519160852</c:v>
                </c:pt>
                <c:pt idx="182">
                  <c:v>2.4416742412554813</c:v>
                </c:pt>
                <c:pt idx="183">
                  <c:v>2.4560613305948769</c:v>
                </c:pt>
                <c:pt idx="184">
                  <c:v>2.4751491520946978</c:v>
                </c:pt>
                <c:pt idx="185">
                  <c:v>2.4895362414340938</c:v>
                </c:pt>
                <c:pt idx="186">
                  <c:v>2.5039233307734894</c:v>
                </c:pt>
                <c:pt idx="187">
                  <c:v>2.518310420112885</c:v>
                </c:pt>
                <c:pt idx="188">
                  <c:v>2.5375406880418292</c:v>
                </c:pt>
                <c:pt idx="189">
                  <c:v>2.5519277773812248</c:v>
                </c:pt>
                <c:pt idx="190">
                  <c:v>2.5663148667206204</c:v>
                </c:pt>
                <c:pt idx="191">
                  <c:v>2.5807019560600164</c:v>
                </c:pt>
                <c:pt idx="192">
                  <c:v>2.5950890453995386</c:v>
                </c:pt>
                <c:pt idx="193">
                  <c:v>2.6094761347389337</c:v>
                </c:pt>
                <c:pt idx="194">
                  <c:v>2.6287064026677514</c:v>
                </c:pt>
                <c:pt idx="195">
                  <c:v>2.6430934920072735</c:v>
                </c:pt>
                <c:pt idx="196">
                  <c:v>2.6623237599360912</c:v>
                </c:pt>
                <c:pt idx="197">
                  <c:v>2.6814115814359125</c:v>
                </c:pt>
                <c:pt idx="198">
                  <c:v>2.7006418493648563</c:v>
                </c:pt>
                <c:pt idx="199">
                  <c:v>2.7198721172938005</c:v>
                </c:pt>
                <c:pt idx="200">
                  <c:v>2.7391023852226177</c:v>
                </c:pt>
                <c:pt idx="201">
                  <c:v>2.7581902067224386</c:v>
                </c:pt>
                <c:pt idx="202">
                  <c:v>2.7774204746513829</c:v>
                </c:pt>
                <c:pt idx="203">
                  <c:v>2.7966507425803271</c:v>
                </c:pt>
                <c:pt idx="204">
                  <c:v>2.8157385640801484</c:v>
                </c:pt>
                <c:pt idx="205">
                  <c:v>2.8349688320090927</c:v>
                </c:pt>
                <c:pt idx="206">
                  <c:v>2.8588998320983352</c:v>
                </c:pt>
                <c:pt idx="207">
                  <c:v>2.8781301000272794</c:v>
                </c:pt>
                <c:pt idx="208">
                  <c:v>2.8973603679562236</c:v>
                </c:pt>
                <c:pt idx="209">
                  <c:v>2.9165906358850409</c:v>
                </c:pt>
                <c:pt idx="210">
                  <c:v>2.9356784573848618</c:v>
                </c:pt>
                <c:pt idx="211">
                  <c:v>2.954908725313806</c:v>
                </c:pt>
                <c:pt idx="212">
                  <c:v>2.9741389932427502</c:v>
                </c:pt>
                <c:pt idx="213">
                  <c:v>2.9932268147425711</c:v>
                </c:pt>
                <c:pt idx="214">
                  <c:v>3.0124570826713888</c:v>
                </c:pt>
                <c:pt idx="215">
                  <c:v>3.031687350600333</c:v>
                </c:pt>
                <c:pt idx="216">
                  <c:v>3.0507751721001539</c:v>
                </c:pt>
                <c:pt idx="217">
                  <c:v>3.0651622614395495</c:v>
                </c:pt>
                <c:pt idx="218">
                  <c:v>3.0795493507789455</c:v>
                </c:pt>
                <c:pt idx="219">
                  <c:v>3.0987796187078893</c:v>
                </c:pt>
                <c:pt idx="220">
                  <c:v>3.1131667080472849</c:v>
                </c:pt>
                <c:pt idx="221">
                  <c:v>3.1275537973866805</c:v>
                </c:pt>
                <c:pt idx="222">
                  <c:v>3.1419408867260765</c:v>
                </c:pt>
                <c:pt idx="223">
                  <c:v>3.1563279760655987</c:v>
                </c:pt>
                <c:pt idx="224">
                  <c:v>3.1660143332445685</c:v>
                </c:pt>
                <c:pt idx="225">
                  <c:v>3.1804014225839645</c:v>
                </c:pt>
                <c:pt idx="226">
                  <c:v>3.1947885119233601</c:v>
                </c:pt>
                <c:pt idx="227">
                  <c:v>3.2043324226733336</c:v>
                </c:pt>
                <c:pt idx="228">
                  <c:v>3.213876333423181</c:v>
                </c:pt>
                <c:pt idx="229">
                  <c:v>3.2235626906021517</c:v>
                </c:pt>
                <c:pt idx="230">
                  <c:v>3.2331066013521252</c:v>
                </c:pt>
                <c:pt idx="231">
                  <c:v>3.2426505121019726</c:v>
                </c:pt>
                <c:pt idx="232">
                  <c:v>3.2523368692809425</c:v>
                </c:pt>
                <c:pt idx="233">
                  <c:v>3.2618807800309164</c:v>
                </c:pt>
                <c:pt idx="234">
                  <c:v>3.2714246907807638</c:v>
                </c:pt>
                <c:pt idx="235">
                  <c:v>3.2858117801201594</c:v>
                </c:pt>
                <c:pt idx="236">
                  <c:v>3.2954981372992562</c:v>
                </c:pt>
                <c:pt idx="237">
                  <c:v>3.3050420480491036</c:v>
                </c:pt>
                <c:pt idx="238">
                  <c:v>3.3147284052282004</c:v>
                </c:pt>
                <c:pt idx="239">
                  <c:v>3.3242723159780478</c:v>
                </c:pt>
                <c:pt idx="240">
                  <c:v>3.3338162267278948</c:v>
                </c:pt>
                <c:pt idx="241">
                  <c:v>3.3435025839069916</c:v>
                </c:pt>
                <c:pt idx="242">
                  <c:v>3.353046494656839</c:v>
                </c:pt>
                <c:pt idx="243">
                  <c:v>3.3674335839962346</c:v>
                </c:pt>
                <c:pt idx="244">
                  <c:v>3.3769774947462086</c:v>
                </c:pt>
                <c:pt idx="245">
                  <c:v>3.3866638519251788</c:v>
                </c:pt>
                <c:pt idx="246">
                  <c:v>3.401050941264574</c:v>
                </c:pt>
                <c:pt idx="247">
                  <c:v>3.4105948520145484</c:v>
                </c:pt>
                <c:pt idx="248">
                  <c:v>3.4201387627643958</c:v>
                </c:pt>
                <c:pt idx="249">
                  <c:v>3.4345258521037909</c:v>
                </c:pt>
                <c:pt idx="250">
                  <c:v>3.4442122092827612</c:v>
                </c:pt>
                <c:pt idx="251">
                  <c:v>3.4537561200327351</c:v>
                </c:pt>
                <c:pt idx="252">
                  <c:v>3.4681432093721307</c:v>
                </c:pt>
                <c:pt idx="253">
                  <c:v>3.4825302987115268</c:v>
                </c:pt>
                <c:pt idx="254">
                  <c:v>3.4969173880509223</c:v>
                </c:pt>
                <c:pt idx="255">
                  <c:v>3.5113044773903175</c:v>
                </c:pt>
                <c:pt idx="256">
                  <c:v>3.5256915667297135</c:v>
                </c:pt>
                <c:pt idx="257">
                  <c:v>3.5400786560692357</c:v>
                </c:pt>
                <c:pt idx="258">
                  <c:v>3.5544657454086312</c:v>
                </c:pt>
                <c:pt idx="259">
                  <c:v>3.5736960133374489</c:v>
                </c:pt>
                <c:pt idx="260">
                  <c:v>3.5880831026769711</c:v>
                </c:pt>
                <c:pt idx="261">
                  <c:v>3.597627013426818</c:v>
                </c:pt>
                <c:pt idx="262">
                  <c:v>3.6168572813557622</c:v>
                </c:pt>
                <c:pt idx="263">
                  <c:v>3.6312443706951583</c:v>
                </c:pt>
                <c:pt idx="264">
                  <c:v>3.6504746386241025</c:v>
                </c:pt>
                <c:pt idx="265">
                  <c:v>3.6648617279634976</c:v>
                </c:pt>
                <c:pt idx="266">
                  <c:v>3.6792488173028932</c:v>
                </c:pt>
                <c:pt idx="267">
                  <c:v>3.6984790852318374</c:v>
                </c:pt>
                <c:pt idx="268">
                  <c:v>3.7128661745712335</c:v>
                </c:pt>
                <c:pt idx="269">
                  <c:v>3.7272532639106291</c:v>
                </c:pt>
                <c:pt idx="270">
                  <c:v>3.74634108541045</c:v>
                </c:pt>
                <c:pt idx="271">
                  <c:v>3.7607281747498456</c:v>
                </c:pt>
                <c:pt idx="272">
                  <c:v>3.7751152640892411</c:v>
                </c:pt>
                <c:pt idx="273">
                  <c:v>3.7943455320181854</c:v>
                </c:pt>
                <c:pt idx="274">
                  <c:v>3.8087326213575809</c:v>
                </c:pt>
                <c:pt idx="275">
                  <c:v>3.823119710696977</c:v>
                </c:pt>
                <c:pt idx="276">
                  <c:v>3.8375068000363721</c:v>
                </c:pt>
                <c:pt idx="277">
                  <c:v>3.8518938893757682</c:v>
                </c:pt>
                <c:pt idx="278">
                  <c:v>3.8662809787151637</c:v>
                </c:pt>
                <c:pt idx="279">
                  <c:v>3.885511246644108</c:v>
                </c:pt>
                <c:pt idx="280">
                  <c:v>3.8950551573939554</c:v>
                </c:pt>
                <c:pt idx="281">
                  <c:v>3.9094422467333505</c:v>
                </c:pt>
                <c:pt idx="282">
                  <c:v>3.9191286039124478</c:v>
                </c:pt>
                <c:pt idx="283">
                  <c:v>3.9335156932518434</c:v>
                </c:pt>
                <c:pt idx="284">
                  <c:v>3.9430596040016903</c:v>
                </c:pt>
                <c:pt idx="285">
                  <c:v>3.9574466933410859</c:v>
                </c:pt>
                <c:pt idx="286">
                  <c:v>3.971833782680608</c:v>
                </c:pt>
                <c:pt idx="287">
                  <c:v>3.9813776934304559</c:v>
                </c:pt>
                <c:pt idx="288">
                  <c:v>3.9957647827698515</c:v>
                </c:pt>
                <c:pt idx="289">
                  <c:v>4.0054511399488222</c:v>
                </c:pt>
                <c:pt idx="290">
                  <c:v>4.0198382292883439</c:v>
                </c:pt>
                <c:pt idx="291">
                  <c:v>4.0293821400381908</c:v>
                </c:pt>
                <c:pt idx="292">
                  <c:v>4.0390684972171611</c:v>
                </c:pt>
                <c:pt idx="293">
                  <c:v>4.0486124079671351</c:v>
                </c:pt>
                <c:pt idx="294">
                  <c:v>4.0581563187169829</c:v>
                </c:pt>
                <c:pt idx="295">
                  <c:v>4.0725434080563785</c:v>
                </c:pt>
                <c:pt idx="296">
                  <c:v>4.0822297652354749</c:v>
                </c:pt>
                <c:pt idx="297">
                  <c:v>4.0966168545748705</c:v>
                </c:pt>
                <c:pt idx="298">
                  <c:v>4.1061607653247183</c:v>
                </c:pt>
                <c:pt idx="299">
                  <c:v>4.1157046760746914</c:v>
                </c:pt>
                <c:pt idx="300">
                  <c:v>4.130091765414087</c:v>
                </c:pt>
                <c:pt idx="301">
                  <c:v>4.1397781225930572</c:v>
                </c:pt>
                <c:pt idx="302">
                  <c:v>4.1541652119324528</c:v>
                </c:pt>
                <c:pt idx="303">
                  <c:v>4.1637091226824268</c:v>
                </c:pt>
                <c:pt idx="304">
                  <c:v>4.1780962120218232</c:v>
                </c:pt>
                <c:pt idx="305">
                  <c:v>4.1876401227716702</c:v>
                </c:pt>
                <c:pt idx="306">
                  <c:v>4.2020272121110658</c:v>
                </c:pt>
                <c:pt idx="307">
                  <c:v>4.2117135692901622</c:v>
                </c:pt>
                <c:pt idx="308">
                  <c:v>4.2261006586295577</c:v>
                </c:pt>
                <c:pt idx="309">
                  <c:v>4.2356445693794047</c:v>
                </c:pt>
                <c:pt idx="310">
                  <c:v>4.2500316587188012</c:v>
                </c:pt>
                <c:pt idx="311">
                  <c:v>4.2644187480581968</c:v>
                </c:pt>
                <c:pt idx="312">
                  <c:v>4.2741051052372931</c:v>
                </c:pt>
                <c:pt idx="313">
                  <c:v>4.2884921945766896</c:v>
                </c:pt>
                <c:pt idx="314">
                  <c:v>4.2980361053265366</c:v>
                </c:pt>
                <c:pt idx="315">
                  <c:v>4.3075800160765096</c:v>
                </c:pt>
                <c:pt idx="316">
                  <c:v>4.3219671054159052</c:v>
                </c:pt>
                <c:pt idx="317">
                  <c:v>4.3363541947553017</c:v>
                </c:pt>
                <c:pt idx="318">
                  <c:v>4.3507412840946973</c:v>
                </c:pt>
                <c:pt idx="319">
                  <c:v>4.3604276412736667</c:v>
                </c:pt>
                <c:pt idx="320">
                  <c:v>4.3748147306130631</c:v>
                </c:pt>
                <c:pt idx="321">
                  <c:v>4.3892018199524587</c:v>
                </c:pt>
                <c:pt idx="322">
                  <c:v>4.4035889092919813</c:v>
                </c:pt>
                <c:pt idx="323">
                  <c:v>4.4131328200418283</c:v>
                </c:pt>
                <c:pt idx="324">
                  <c:v>4.4275199093812239</c:v>
                </c:pt>
                <c:pt idx="325">
                  <c:v>4.4419069987206203</c:v>
                </c:pt>
                <c:pt idx="326">
                  <c:v>4.456294088060015</c:v>
                </c:pt>
                <c:pt idx="327">
                  <c:v>4.4659804452391114</c:v>
                </c:pt>
                <c:pt idx="328">
                  <c:v>4.4803675345785079</c:v>
                </c:pt>
                <c:pt idx="329">
                  <c:v>4.4947546239179035</c:v>
                </c:pt>
                <c:pt idx="330">
                  <c:v>4.5091417132572991</c:v>
                </c:pt>
                <c:pt idx="331">
                  <c:v>4.5235288025966947</c:v>
                </c:pt>
                <c:pt idx="332">
                  <c:v>4.5330727133466677</c:v>
                </c:pt>
                <c:pt idx="333">
                  <c:v>4.5474598026860642</c:v>
                </c:pt>
                <c:pt idx="334">
                  <c:v>4.5570037134359112</c:v>
                </c:pt>
                <c:pt idx="335">
                  <c:v>4.5713908027753067</c:v>
                </c:pt>
                <c:pt idx="336">
                  <c:v>4.5857778921147023</c:v>
                </c:pt>
                <c:pt idx="337">
                  <c:v>4.5954642492937996</c:v>
                </c:pt>
                <c:pt idx="338">
                  <c:v>4.6098513386331952</c:v>
                </c:pt>
                <c:pt idx="339">
                  <c:v>4.6242384279725908</c:v>
                </c:pt>
                <c:pt idx="340">
                  <c:v>4.6337823387224386</c:v>
                </c:pt>
                <c:pt idx="341">
                  <c:v>4.643468695901535</c:v>
                </c:pt>
                <c:pt idx="342">
                  <c:v>4.6530126066513828</c:v>
                </c:pt>
                <c:pt idx="343">
                  <c:v>4.6673996959907784</c:v>
                </c:pt>
                <c:pt idx="344">
                  <c:v>4.6769436067407515</c:v>
                </c:pt>
                <c:pt idx="345">
                  <c:v>4.6866299639197218</c:v>
                </c:pt>
                <c:pt idx="346">
                  <c:v>4.6961738746695687</c:v>
                </c:pt>
                <c:pt idx="347">
                  <c:v>4.7057177854195427</c:v>
                </c:pt>
                <c:pt idx="348">
                  <c:v>4.7154041425985129</c:v>
                </c:pt>
                <c:pt idx="349">
                  <c:v>4.7249480533484869</c:v>
                </c:pt>
                <c:pt idx="350">
                  <c:v>4.7344919640983347</c:v>
                </c:pt>
                <c:pt idx="351">
                  <c:v>4.744178321277305</c:v>
                </c:pt>
                <c:pt idx="352">
                  <c:v>4.7537222320272789</c:v>
                </c:pt>
                <c:pt idx="353">
                  <c:v>4.7632661427771259</c:v>
                </c:pt>
                <c:pt idx="354">
                  <c:v>4.7729524999560962</c:v>
                </c:pt>
                <c:pt idx="355">
                  <c:v>4.7777956785456448</c:v>
                </c:pt>
                <c:pt idx="356">
                  <c:v>4.7873395892956179</c:v>
                </c:pt>
                <c:pt idx="357">
                  <c:v>4.7968835000454648</c:v>
                </c:pt>
                <c:pt idx="358">
                  <c:v>4.806569857224436</c:v>
                </c:pt>
                <c:pt idx="359">
                  <c:v>4.8209569465638316</c:v>
                </c:pt>
                <c:pt idx="360">
                  <c:v>4.8305008573138055</c:v>
                </c:pt>
                <c:pt idx="361">
                  <c:v>4.8353440359033533</c:v>
                </c:pt>
                <c:pt idx="362">
                  <c:v>4.8497311252427497</c:v>
                </c:pt>
                <c:pt idx="363">
                  <c:v>4.8592750359925967</c:v>
                </c:pt>
                <c:pt idx="364">
                  <c:v>4.8688189467425698</c:v>
                </c:pt>
                <c:pt idx="365">
                  <c:v>4.8785053039215409</c:v>
                </c:pt>
                <c:pt idx="366">
                  <c:v>4.8928923932609365</c:v>
                </c:pt>
                <c:pt idx="367">
                  <c:v>4.9024363040107835</c:v>
                </c:pt>
                <c:pt idx="368">
                  <c:v>4.9119802147607574</c:v>
                </c:pt>
                <c:pt idx="369">
                  <c:v>4.926367304100153</c:v>
                </c:pt>
                <c:pt idx="370">
                  <c:v>4.9360536612791233</c:v>
                </c:pt>
                <c:pt idx="371">
                  <c:v>4.9504407506185188</c:v>
                </c:pt>
                <c:pt idx="372">
                  <c:v>4.9599846613684928</c:v>
                </c:pt>
                <c:pt idx="373">
                  <c:v>4.9696710185474631</c:v>
                </c:pt>
                <c:pt idx="374">
                  <c:v>4.9840581078868587</c:v>
                </c:pt>
                <c:pt idx="375">
                  <c:v>4.9984451972262542</c:v>
                </c:pt>
                <c:pt idx="376">
                  <c:v>5.0079891079762282</c:v>
                </c:pt>
                <c:pt idx="377">
                  <c:v>5.0223761973156238</c:v>
                </c:pt>
                <c:pt idx="378">
                  <c:v>5.0319201080654707</c:v>
                </c:pt>
                <c:pt idx="379">
                  <c:v>5.0463071974048663</c:v>
                </c:pt>
                <c:pt idx="380">
                  <c:v>5.0606942867443889</c:v>
                </c:pt>
                <c:pt idx="381">
                  <c:v>5.0750813760837845</c:v>
                </c:pt>
                <c:pt idx="382">
                  <c:v>5.0847677332627548</c:v>
                </c:pt>
                <c:pt idx="383">
                  <c:v>5.0991548226021504</c:v>
                </c:pt>
                <c:pt idx="384">
                  <c:v>5.1086987333521243</c:v>
                </c:pt>
                <c:pt idx="385">
                  <c:v>5.1230858226915199</c:v>
                </c:pt>
                <c:pt idx="386">
                  <c:v>5.1326297334413669</c:v>
                </c:pt>
                <c:pt idx="387">
                  <c:v>5.1471592692098866</c:v>
                </c:pt>
                <c:pt idx="388">
                  <c:v>5.1615463585492813</c:v>
                </c:pt>
                <c:pt idx="389">
                  <c:v>5.1710902692992553</c:v>
                </c:pt>
                <c:pt idx="390">
                  <c:v>5.1806341800491023</c:v>
                </c:pt>
                <c:pt idx="391">
                  <c:v>5.1950212693884987</c:v>
                </c:pt>
                <c:pt idx="392">
                  <c:v>5.2047076265674681</c:v>
                </c:pt>
                <c:pt idx="393">
                  <c:v>5.214251537317443</c:v>
                </c:pt>
                <c:pt idx="394">
                  <c:v>5.2286386266568385</c:v>
                </c:pt>
                <c:pt idx="395">
                  <c:v>5.2381825374066855</c:v>
                </c:pt>
                <c:pt idx="396">
                  <c:v>5.2478688945857828</c:v>
                </c:pt>
                <c:pt idx="397">
                  <c:v>5.2574128053356297</c:v>
                </c:pt>
                <c:pt idx="398">
                  <c:v>5.2669567160856028</c:v>
                </c:pt>
                <c:pt idx="399">
                  <c:v>5.2717998946750244</c:v>
                </c:pt>
                <c:pt idx="400">
                  <c:v>5.2813438054249993</c:v>
                </c:pt>
                <c:pt idx="401">
                  <c:v>5.2910301626039686</c:v>
                </c:pt>
                <c:pt idx="402">
                  <c:v>5.3005740733539435</c:v>
                </c:pt>
                <c:pt idx="403">
                  <c:v>5.3101179841037904</c:v>
                </c:pt>
                <c:pt idx="404">
                  <c:v>5.3198043412827607</c:v>
                </c:pt>
                <c:pt idx="405">
                  <c:v>5.3293482520327347</c:v>
                </c:pt>
                <c:pt idx="406">
                  <c:v>5.3390346092117049</c:v>
                </c:pt>
                <c:pt idx="407">
                  <c:v>5.3437353413721302</c:v>
                </c:pt>
                <c:pt idx="408">
                  <c:v>5.3534216985511005</c:v>
                </c:pt>
                <c:pt idx="409">
                  <c:v>5.3629656093010736</c:v>
                </c:pt>
                <c:pt idx="410">
                  <c:v>5.3725095200509214</c:v>
                </c:pt>
                <c:pt idx="411">
                  <c:v>5.3821958772298917</c:v>
                </c:pt>
                <c:pt idx="412">
                  <c:v>5.386896609390317</c:v>
                </c:pt>
                <c:pt idx="413">
                  <c:v>5.3965829665692873</c:v>
                </c:pt>
                <c:pt idx="414">
                  <c:v>5.4061268773192612</c:v>
                </c:pt>
                <c:pt idx="415">
                  <c:v>5.4156707880691082</c:v>
                </c:pt>
                <c:pt idx="416">
                  <c:v>5.4253571452482054</c:v>
                </c:pt>
                <c:pt idx="417">
                  <c:v>5.4300578774086308</c:v>
                </c:pt>
                <c:pt idx="418">
                  <c:v>5.439744234587601</c:v>
                </c:pt>
                <c:pt idx="419">
                  <c:v>5.449288145337448</c:v>
                </c:pt>
                <c:pt idx="420">
                  <c:v>5.4588320560874219</c:v>
                </c:pt>
                <c:pt idx="421">
                  <c:v>5.4636752346768436</c:v>
                </c:pt>
                <c:pt idx="422">
                  <c:v>5.4732191454268175</c:v>
                </c:pt>
                <c:pt idx="423">
                  <c:v>5.4876062347662131</c:v>
                </c:pt>
                <c:pt idx="424">
                  <c:v>5.4972925919451834</c:v>
                </c:pt>
                <c:pt idx="425">
                  <c:v>5.5068365026951573</c:v>
                </c:pt>
                <c:pt idx="426">
                  <c:v>5.5165228598741276</c:v>
                </c:pt>
                <c:pt idx="427">
                  <c:v>5.5260667706239746</c:v>
                </c:pt>
                <c:pt idx="428">
                  <c:v>5.5356106813739485</c:v>
                </c:pt>
                <c:pt idx="429">
                  <c:v>5.5452970385529188</c:v>
                </c:pt>
                <c:pt idx="430">
                  <c:v>5.5596841278923144</c:v>
                </c:pt>
                <c:pt idx="431">
                  <c:v>5.5692280386422883</c:v>
                </c:pt>
                <c:pt idx="432">
                  <c:v>5.5787719493921362</c:v>
                </c:pt>
                <c:pt idx="433">
                  <c:v>5.5884583065712317</c:v>
                </c:pt>
                <c:pt idx="434">
                  <c:v>5.5980022173210795</c:v>
                </c:pt>
                <c:pt idx="435">
                  <c:v>5.6123893066604751</c:v>
                </c:pt>
                <c:pt idx="436">
                  <c:v>5.621933217410449</c:v>
                </c:pt>
                <c:pt idx="437">
                  <c:v>5.6316195745894193</c:v>
                </c:pt>
                <c:pt idx="438">
                  <c:v>5.6411634853392663</c:v>
                </c:pt>
                <c:pt idx="439">
                  <c:v>5.6507073960892411</c:v>
                </c:pt>
                <c:pt idx="440">
                  <c:v>5.6603937532682105</c:v>
                </c:pt>
                <c:pt idx="441">
                  <c:v>5.6699376640180583</c:v>
                </c:pt>
                <c:pt idx="442">
                  <c:v>5.6794815747680323</c:v>
                </c:pt>
                <c:pt idx="443">
                  <c:v>5.6891679319470025</c:v>
                </c:pt>
                <c:pt idx="444">
                  <c:v>5.6987118426969756</c:v>
                </c:pt>
                <c:pt idx="445">
                  <c:v>5.7083981998759468</c:v>
                </c:pt>
                <c:pt idx="446">
                  <c:v>5.7227852892153424</c:v>
                </c:pt>
                <c:pt idx="447">
                  <c:v>5.7274860213757668</c:v>
                </c:pt>
                <c:pt idx="448">
                  <c:v>5.7371723785547371</c:v>
                </c:pt>
                <c:pt idx="449">
                  <c:v>5.746716289304711</c:v>
                </c:pt>
                <c:pt idx="450">
                  <c:v>5.7562602000545589</c:v>
                </c:pt>
                <c:pt idx="451">
                  <c:v>5.7611033786441066</c:v>
                </c:pt>
                <c:pt idx="452">
                  <c:v>5.7706472893939544</c:v>
                </c:pt>
                <c:pt idx="453">
                  <c:v>5.7754904679835031</c:v>
                </c:pt>
                <c:pt idx="454">
                  <c:v>5.78503437873335</c:v>
                </c:pt>
                <c:pt idx="455">
                  <c:v>5.7898775573228987</c:v>
                </c:pt>
                <c:pt idx="456">
                  <c:v>5.7994214680727456</c:v>
                </c:pt>
                <c:pt idx="457">
                  <c:v>5.8042646466622942</c:v>
                </c:pt>
                <c:pt idx="458">
                  <c:v>5.8138085574122673</c:v>
                </c:pt>
                <c:pt idx="459">
                  <c:v>5.8234949145912385</c:v>
                </c:pt>
                <c:pt idx="460">
                  <c:v>5.8281956467516629</c:v>
                </c:pt>
                <c:pt idx="461">
                  <c:v>5.8330388253410854</c:v>
                </c:pt>
                <c:pt idx="462">
                  <c:v>5.8425827360910594</c:v>
                </c:pt>
                <c:pt idx="463">
                  <c:v>5.8522690932700288</c:v>
                </c:pt>
                <c:pt idx="464">
                  <c:v>5.856969825430455</c:v>
                </c:pt>
                <c:pt idx="465">
                  <c:v>5.8666561826094252</c:v>
                </c:pt>
                <c:pt idx="466">
                  <c:v>5.8762000933593992</c:v>
                </c:pt>
                <c:pt idx="467">
                  <c:v>5.8810432719488208</c:v>
                </c:pt>
                <c:pt idx="468">
                  <c:v>5.8905871826987948</c:v>
                </c:pt>
                <c:pt idx="469">
                  <c:v>5.900273539877765</c:v>
                </c:pt>
                <c:pt idx="470">
                  <c:v>5.909817450627612</c:v>
                </c:pt>
                <c:pt idx="471">
                  <c:v>5.919361361377586</c:v>
                </c:pt>
                <c:pt idx="472">
                  <c:v>5.9242045399671337</c:v>
                </c:pt>
                <c:pt idx="473">
                  <c:v>5.9337484507169815</c:v>
                </c:pt>
                <c:pt idx="474">
                  <c:v>5.9434348078959518</c:v>
                </c:pt>
                <c:pt idx="475">
                  <c:v>5.9481355400563771</c:v>
                </c:pt>
                <c:pt idx="476">
                  <c:v>5.9578218972353474</c:v>
                </c:pt>
                <c:pt idx="477">
                  <c:v>5.9673658079853213</c:v>
                </c:pt>
                <c:pt idx="478">
                  <c:v>5.9769097187351683</c:v>
                </c:pt>
                <c:pt idx="479">
                  <c:v>5.9865960759142656</c:v>
                </c:pt>
                <c:pt idx="480">
                  <c:v>5.9961399866641125</c:v>
                </c:pt>
                <c:pt idx="481">
                  <c:v>6.0056838974140865</c:v>
                </c:pt>
                <c:pt idx="482">
                  <c:v>6.0153702545930567</c:v>
                </c:pt>
                <c:pt idx="483">
                  <c:v>6.0200709867534821</c:v>
                </c:pt>
                <c:pt idx="484">
                  <c:v>6.0297573439324523</c:v>
                </c:pt>
                <c:pt idx="485">
                  <c:v>6.0393012546823002</c:v>
                </c:pt>
                <c:pt idx="486">
                  <c:v>6.0488451654322732</c:v>
                </c:pt>
                <c:pt idx="487">
                  <c:v>6.0585315226112444</c:v>
                </c:pt>
                <c:pt idx="488">
                  <c:v>6.0680754333612175</c:v>
                </c:pt>
                <c:pt idx="489">
                  <c:v>6.0777617905401877</c:v>
                </c:pt>
                <c:pt idx="490">
                  <c:v>6.0873057012900347</c:v>
                </c:pt>
                <c:pt idx="491">
                  <c:v>6.0968496120400086</c:v>
                </c:pt>
                <c:pt idx="492">
                  <c:v>6.1016927906294303</c:v>
                </c:pt>
                <c:pt idx="493">
                  <c:v>6.1112367013794042</c:v>
                </c:pt>
                <c:pt idx="494">
                  <c:v>6.1209230585583745</c:v>
                </c:pt>
                <c:pt idx="495">
                  <c:v>6.1304669693083484</c:v>
                </c:pt>
                <c:pt idx="496">
                  <c:v>6.1400108800581963</c:v>
                </c:pt>
                <c:pt idx="497">
                  <c:v>6.1496972372371657</c:v>
                </c:pt>
                <c:pt idx="498">
                  <c:v>6.1592411479871405</c:v>
                </c:pt>
                <c:pt idx="499">
                  <c:v>6.1687850587369875</c:v>
                </c:pt>
                <c:pt idx="500">
                  <c:v>6.1784714159160838</c:v>
                </c:pt>
                <c:pt idx="501">
                  <c:v>6.1831721480763822</c:v>
                </c:pt>
                <c:pt idx="502">
                  <c:v>6.1928585052554794</c:v>
                </c:pt>
                <c:pt idx="503">
                  <c:v>6.2024024160053264</c:v>
                </c:pt>
                <c:pt idx="504">
                  <c:v>6.207245594594875</c:v>
                </c:pt>
                <c:pt idx="505">
                  <c:v>6.216789505344722</c:v>
                </c:pt>
                <c:pt idx="506">
                  <c:v>6.2263334160946968</c:v>
                </c:pt>
                <c:pt idx="507">
                  <c:v>6.2311765946841184</c:v>
                </c:pt>
                <c:pt idx="508">
                  <c:v>6.2407205054340924</c:v>
                </c:pt>
                <c:pt idx="509">
                  <c:v>6.2504068626130627</c:v>
                </c:pt>
                <c:pt idx="510">
                  <c:v>6.255107594773488</c:v>
                </c:pt>
                <c:pt idx="511">
                  <c:v>6.2647939519524583</c:v>
                </c:pt>
                <c:pt idx="512">
                  <c:v>6.2743378627024313</c:v>
                </c:pt>
                <c:pt idx="513">
                  <c:v>6.2840242198814025</c:v>
                </c:pt>
                <c:pt idx="514">
                  <c:v>6.2887249520418269</c:v>
                </c:pt>
                <c:pt idx="515">
                  <c:v>6.2984113092207981</c:v>
                </c:pt>
                <c:pt idx="516">
                  <c:v>6.3079552199707711</c:v>
                </c:pt>
                <c:pt idx="517">
                  <c:v>6.317499130720619</c:v>
                </c:pt>
                <c:pt idx="518">
                  <c:v>6.3223423093101667</c:v>
                </c:pt>
                <c:pt idx="519">
                  <c:v>6.3318862200600146</c:v>
                </c:pt>
                <c:pt idx="520">
                  <c:v>6.3367293986495632</c:v>
                </c:pt>
                <c:pt idx="521">
                  <c:v>6.3462733093994101</c:v>
                </c:pt>
                <c:pt idx="522">
                  <c:v>6.3511164879889588</c:v>
                </c:pt>
                <c:pt idx="523">
                  <c:v>6.3606603987388057</c:v>
                </c:pt>
                <c:pt idx="524">
                  <c:v>6.370346755917903</c:v>
                </c:pt>
                <c:pt idx="525">
                  <c:v>6.3750474880782013</c:v>
                </c:pt>
                <c:pt idx="526">
                  <c:v>6.3847338452572986</c:v>
                </c:pt>
                <c:pt idx="527">
                  <c:v>6.3942777560071455</c:v>
                </c:pt>
                <c:pt idx="528">
                  <c:v>6.4038216667571195</c:v>
                </c:pt>
                <c:pt idx="529">
                  <c:v>6.4135080239360889</c:v>
                </c:pt>
                <c:pt idx="530">
                  <c:v>6.4230519346859367</c:v>
                </c:pt>
                <c:pt idx="531">
                  <c:v>6.4325958454359107</c:v>
                </c:pt>
                <c:pt idx="532">
                  <c:v>6.4422822026148809</c:v>
                </c:pt>
                <c:pt idx="533">
                  <c:v>6.4471253812044287</c:v>
                </c:pt>
                <c:pt idx="534">
                  <c:v>6.4566692919542765</c:v>
                </c:pt>
                <c:pt idx="535">
                  <c:v>6.4662132027042505</c:v>
                </c:pt>
                <c:pt idx="536">
                  <c:v>6.4758995598832207</c:v>
                </c:pt>
                <c:pt idx="537">
                  <c:v>6.4854434706331947</c:v>
                </c:pt>
                <c:pt idx="538">
                  <c:v>6.4949873813830425</c:v>
                </c:pt>
                <c:pt idx="539">
                  <c:v>6.4998305599725894</c:v>
                </c:pt>
                <c:pt idx="540">
                  <c:v>6.5093744707224372</c:v>
                </c:pt>
                <c:pt idx="541">
                  <c:v>6.5190608279014075</c:v>
                </c:pt>
                <c:pt idx="542">
                  <c:v>6.5286047386513815</c:v>
                </c:pt>
                <c:pt idx="543">
                  <c:v>6.5381486494012284</c:v>
                </c:pt>
                <c:pt idx="544">
                  <c:v>6.5478350065803257</c:v>
                </c:pt>
                <c:pt idx="545">
                  <c:v>6.5573789173301726</c:v>
                </c:pt>
                <c:pt idx="546">
                  <c:v>6.5717660066695682</c:v>
                </c:pt>
                <c:pt idx="547">
                  <c:v>6.5813099174195422</c:v>
                </c:pt>
                <c:pt idx="548">
                  <c:v>6.5861530960089638</c:v>
                </c:pt>
                <c:pt idx="549">
                  <c:v>6.5956970067589378</c:v>
                </c:pt>
                <c:pt idx="550">
                  <c:v>6.605383363937908</c:v>
                </c:pt>
                <c:pt idx="551">
                  <c:v>6.6149272746877559</c:v>
                </c:pt>
                <c:pt idx="552">
                  <c:v>6.6197704532773045</c:v>
                </c:pt>
                <c:pt idx="553">
                  <c:v>6.6293143640272776</c:v>
                </c:pt>
                <c:pt idx="554">
                  <c:v>6.6390007212062487</c:v>
                </c:pt>
                <c:pt idx="555">
                  <c:v>6.6485446319560957</c:v>
                </c:pt>
                <c:pt idx="556">
                  <c:v>6.6580885427060688</c:v>
                </c:pt>
                <c:pt idx="557">
                  <c:v>6.667774899885039</c:v>
                </c:pt>
                <c:pt idx="558">
                  <c:v>6.677318810635013</c:v>
                </c:pt>
                <c:pt idx="559">
                  <c:v>6.6868627213848608</c:v>
                </c:pt>
                <c:pt idx="560">
                  <c:v>6.6965490785638302</c:v>
                </c:pt>
                <c:pt idx="561">
                  <c:v>6.706092989313805</c:v>
                </c:pt>
                <c:pt idx="562">
                  <c:v>6.7109361679032258</c:v>
                </c:pt>
                <c:pt idx="563">
                  <c:v>6.7204800786532006</c:v>
                </c:pt>
                <c:pt idx="564">
                  <c:v>6.7300239894030476</c:v>
                </c:pt>
                <c:pt idx="565">
                  <c:v>6.7348671679925962</c:v>
                </c:pt>
                <c:pt idx="566">
                  <c:v>6.7444110787424432</c:v>
                </c:pt>
                <c:pt idx="567">
                  <c:v>6.7540974359215395</c:v>
                </c:pt>
                <c:pt idx="568">
                  <c:v>6.7587981680819649</c:v>
                </c:pt>
                <c:pt idx="569">
                  <c:v>6.7636413466713865</c:v>
                </c:pt>
                <c:pt idx="570">
                  <c:v>6.7731852574213613</c:v>
                </c:pt>
                <c:pt idx="571">
                  <c:v>6.7780284360107821</c:v>
                </c:pt>
                <c:pt idx="572">
                  <c:v>6.7875723467607569</c:v>
                </c:pt>
                <c:pt idx="573">
                  <c:v>6.7924155253501786</c:v>
                </c:pt>
                <c:pt idx="574">
                  <c:v>6.8019594361001525</c:v>
                </c:pt>
                <c:pt idx="575">
                  <c:v>6.8116457932791228</c:v>
                </c:pt>
                <c:pt idx="576">
                  <c:v>6.8163465254395481</c:v>
                </c:pt>
                <c:pt idx="577">
                  <c:v>6.8260328826185184</c:v>
                </c:pt>
                <c:pt idx="578">
                  <c:v>6.8355767933684923</c:v>
                </c:pt>
                <c:pt idx="579">
                  <c:v>6.840419971957914</c:v>
                </c:pt>
                <c:pt idx="580">
                  <c:v>6.849963882707887</c:v>
                </c:pt>
                <c:pt idx="581">
                  <c:v>6.8596502398868582</c:v>
                </c:pt>
                <c:pt idx="582">
                  <c:v>6.8643509720472826</c:v>
                </c:pt>
                <c:pt idx="583">
                  <c:v>6.8740373292262538</c:v>
                </c:pt>
                <c:pt idx="584">
                  <c:v>6.8835812399762268</c:v>
                </c:pt>
                <c:pt idx="585">
                  <c:v>6.8884244185656494</c:v>
                </c:pt>
                <c:pt idx="586">
                  <c:v>6.8979683293156233</c:v>
                </c:pt>
                <c:pt idx="587">
                  <c:v>6.9075122400654703</c:v>
                </c:pt>
                <c:pt idx="588">
                  <c:v>6.9123554186550189</c:v>
                </c:pt>
                <c:pt idx="589">
                  <c:v>6.9218993294048659</c:v>
                </c:pt>
                <c:pt idx="590">
                  <c:v>6.9267425079944145</c:v>
                </c:pt>
                <c:pt idx="591">
                  <c:v>6.9362864187442614</c:v>
                </c:pt>
                <c:pt idx="592">
                  <c:v>6.9411295973338101</c:v>
                </c:pt>
                <c:pt idx="593">
                  <c:v>6.9506735080837831</c:v>
                </c:pt>
                <c:pt idx="594">
                  <c:v>6.9603598652627543</c:v>
                </c:pt>
                <c:pt idx="595">
                  <c:v>6.9699037760126021</c:v>
                </c:pt>
                <c:pt idx="596">
                  <c:v>6.9747469546021499</c:v>
                </c:pt>
                <c:pt idx="597">
                  <c:v>6.9842908653519977</c:v>
                </c:pt>
                <c:pt idx="598">
                  <c:v>6.9891340439415455</c:v>
                </c:pt>
                <c:pt idx="599">
                  <c:v>6.9986779546913924</c:v>
                </c:pt>
                <c:pt idx="600">
                  <c:v>7.0035211332809411</c:v>
                </c:pt>
                <c:pt idx="601">
                  <c:v>7.013065044030915</c:v>
                </c:pt>
                <c:pt idx="602">
                  <c:v>7.0179082226203366</c:v>
                </c:pt>
                <c:pt idx="603">
                  <c:v>7.0227514012098853</c:v>
                </c:pt>
                <c:pt idx="604">
                  <c:v>7.0274521333703106</c:v>
                </c:pt>
                <c:pt idx="605">
                  <c:v>7.0322953119597322</c:v>
                </c:pt>
                <c:pt idx="606">
                  <c:v>7.0418392227097062</c:v>
                </c:pt>
                <c:pt idx="607">
                  <c:v>7.0466824012991278</c:v>
                </c:pt>
                <c:pt idx="608">
                  <c:v>7.0515255798886765</c:v>
                </c:pt>
                <c:pt idx="609">
                  <c:v>7.0562263120491018</c:v>
                </c:pt>
                <c:pt idx="610">
                  <c:v>7.0610694906386504</c:v>
                </c:pt>
                <c:pt idx="611">
                  <c:v>7.065912669228072</c:v>
                </c:pt>
                <c:pt idx="612">
                  <c:v>7.0754565799780451</c:v>
                </c:pt>
                <c:pt idx="613">
                  <c:v>7.0802997585674676</c:v>
                </c:pt>
                <c:pt idx="614">
                  <c:v>7.0898436693174416</c:v>
                </c:pt>
                <c:pt idx="615">
                  <c:v>7.0946868479068641</c:v>
                </c:pt>
                <c:pt idx="616">
                  <c:v>7.1042307586568372</c:v>
                </c:pt>
                <c:pt idx="617">
                  <c:v>7.1090739372463858</c:v>
                </c:pt>
                <c:pt idx="618">
                  <c:v>7.1186178479962328</c:v>
                </c:pt>
                <c:pt idx="619">
                  <c:v>7.1281617587460797</c:v>
                </c:pt>
                <c:pt idx="620">
                  <c:v>7.137848115925177</c:v>
                </c:pt>
                <c:pt idx="621">
                  <c:v>7.1473920266750239</c:v>
                </c:pt>
                <c:pt idx="622">
                  <c:v>7.1569359374249988</c:v>
                </c:pt>
                <c:pt idx="623">
                  <c:v>7.1666222946039682</c:v>
                </c:pt>
                <c:pt idx="624">
                  <c:v>7.1713230267643944</c:v>
                </c:pt>
                <c:pt idx="625">
                  <c:v>7.1810093839433646</c:v>
                </c:pt>
                <c:pt idx="626">
                  <c:v>7.1905532946932116</c:v>
                </c:pt>
                <c:pt idx="627">
                  <c:v>7.2002396518723089</c:v>
                </c:pt>
                <c:pt idx="628">
                  <c:v>7.2146267412117044</c:v>
                </c:pt>
                <c:pt idx="629">
                  <c:v>7.2241706519615514</c:v>
                </c:pt>
                <c:pt idx="630">
                  <c:v>7.2337145627115245</c:v>
                </c:pt>
                <c:pt idx="631">
                  <c:v>7.2434009198904947</c:v>
                </c:pt>
                <c:pt idx="632">
                  <c:v>7.2529448306404687</c:v>
                </c:pt>
                <c:pt idx="633">
                  <c:v>7.2624887413903165</c:v>
                </c:pt>
                <c:pt idx="634">
                  <c:v>7.2721750985692859</c:v>
                </c:pt>
                <c:pt idx="635">
                  <c:v>7.2817190093192607</c:v>
                </c:pt>
                <c:pt idx="636">
                  <c:v>7.2865621879086824</c:v>
                </c:pt>
                <c:pt idx="637">
                  <c:v>7.2961060986586563</c:v>
                </c:pt>
                <c:pt idx="638">
                  <c:v>7.3056500094085033</c:v>
                </c:pt>
                <c:pt idx="639">
                  <c:v>7.3104931879980519</c:v>
                </c:pt>
                <c:pt idx="640">
                  <c:v>7.3200370987478989</c:v>
                </c:pt>
                <c:pt idx="641">
                  <c:v>7.3248802773374466</c:v>
                </c:pt>
                <c:pt idx="642">
                  <c:v>7.3344241880874215</c:v>
                </c:pt>
                <c:pt idx="643">
                  <c:v>7.3392673666768422</c:v>
                </c:pt>
                <c:pt idx="644">
                  <c:v>7.3441105452663908</c:v>
                </c:pt>
                <c:pt idx="645">
                  <c:v>7.3488112774268171</c:v>
                </c:pt>
                <c:pt idx="646">
                  <c:v>7.3584976346057864</c:v>
                </c:pt>
                <c:pt idx="647">
                  <c:v>7.3631983667662126</c:v>
                </c:pt>
                <c:pt idx="648">
                  <c:v>7.3680415453556343</c:v>
                </c:pt>
                <c:pt idx="649">
                  <c:v>7.3728847239451829</c:v>
                </c:pt>
                <c:pt idx="650">
                  <c:v>7.3777279025347307</c:v>
                </c:pt>
                <c:pt idx="651">
                  <c:v>7.3872718132845785</c:v>
                </c:pt>
                <c:pt idx="652">
                  <c:v>7.3921149918741271</c:v>
                </c:pt>
                <c:pt idx="653">
                  <c:v>7.3968157240345525</c:v>
                </c:pt>
                <c:pt idx="654">
                  <c:v>7.4016589026239741</c:v>
                </c:pt>
                <c:pt idx="655">
                  <c:v>7.4065020812135227</c:v>
                </c:pt>
                <c:pt idx="656">
                  <c:v>7.4065020812135227</c:v>
                </c:pt>
                <c:pt idx="657">
                  <c:v>7.411202813373948</c:v>
                </c:pt>
                <c:pt idx="658">
                  <c:v>7.4160459919633697</c:v>
                </c:pt>
                <c:pt idx="659">
                  <c:v>7.4255899027133427</c:v>
                </c:pt>
                <c:pt idx="660">
                  <c:v>7.4304330813027653</c:v>
                </c:pt>
                <c:pt idx="661">
                  <c:v>7.4399769920527392</c:v>
                </c:pt>
                <c:pt idx="662">
                  <c:v>7.4496633492317095</c:v>
                </c:pt>
                <c:pt idx="663">
                  <c:v>7.4592072599816834</c:v>
                </c:pt>
                <c:pt idx="664">
                  <c:v>7.4687511707315304</c:v>
                </c:pt>
                <c:pt idx="665">
                  <c:v>7.473594349321079</c:v>
                </c:pt>
                <c:pt idx="666">
                  <c:v>7.4879814386604746</c:v>
                </c:pt>
                <c:pt idx="667">
                  <c:v>7.4928246172500232</c:v>
                </c:pt>
                <c:pt idx="668">
                  <c:v>7.5023685279998702</c:v>
                </c:pt>
                <c:pt idx="669">
                  <c:v>7.511912438749718</c:v>
                </c:pt>
                <c:pt idx="670">
                  <c:v>7.5215987959288144</c:v>
                </c:pt>
                <c:pt idx="671">
                  <c:v>7.5311427066786623</c:v>
                </c:pt>
                <c:pt idx="672">
                  <c:v>7.5406866174286353</c:v>
                </c:pt>
                <c:pt idx="673">
                  <c:v>7.5455297960180578</c:v>
                </c:pt>
                <c:pt idx="674">
                  <c:v>7.5550737067680309</c:v>
                </c:pt>
                <c:pt idx="675">
                  <c:v>7.5647600639470012</c:v>
                </c:pt>
                <c:pt idx="676">
                  <c:v>7.5696032425365489</c:v>
                </c:pt>
                <c:pt idx="677">
                  <c:v>7.5791471532863968</c:v>
                </c:pt>
                <c:pt idx="678">
                  <c:v>7.5886910640363707</c:v>
                </c:pt>
                <c:pt idx="679">
                  <c:v>7.598377421215341</c:v>
                </c:pt>
                <c:pt idx="680">
                  <c:v>7.6079213319651879</c:v>
                </c:pt>
                <c:pt idx="681">
                  <c:v>7.6174652427151619</c:v>
                </c:pt>
                <c:pt idx="682">
                  <c:v>7.6271515998941322</c:v>
                </c:pt>
                <c:pt idx="683">
                  <c:v>7.6366955106441061</c:v>
                </c:pt>
                <c:pt idx="684">
                  <c:v>7.6415386892335277</c:v>
                </c:pt>
                <c:pt idx="685">
                  <c:v>7.646239421393954</c:v>
                </c:pt>
                <c:pt idx="686">
                  <c:v>7.6510825999835017</c:v>
                </c:pt>
                <c:pt idx="687">
                  <c:v>7.6559257785729242</c:v>
                </c:pt>
                <c:pt idx="688">
                  <c:v>7.6606265107333487</c:v>
                </c:pt>
                <c:pt idx="689">
                  <c:v>7.6606265107333487</c:v>
                </c:pt>
                <c:pt idx="690">
                  <c:v>7.6654696893228973</c:v>
                </c:pt>
                <c:pt idx="691">
                  <c:v>7.6703128679123198</c:v>
                </c:pt>
                <c:pt idx="692">
                  <c:v>7.6750136000727442</c:v>
                </c:pt>
                <c:pt idx="693">
                  <c:v>7.6798567786622929</c:v>
                </c:pt>
                <c:pt idx="694">
                  <c:v>7.6798567786622929</c:v>
                </c:pt>
                <c:pt idx="695">
                  <c:v>7.6846999572518415</c:v>
                </c:pt>
                <c:pt idx="696">
                  <c:v>7.6894006894121398</c:v>
                </c:pt>
                <c:pt idx="697">
                  <c:v>7.6942438680016885</c:v>
                </c:pt>
                <c:pt idx="698">
                  <c:v>7.6990870465912371</c:v>
                </c:pt>
                <c:pt idx="699">
                  <c:v>7.7037877787515363</c:v>
                </c:pt>
                <c:pt idx="700">
                  <c:v>7.7086309573410841</c:v>
                </c:pt>
                <c:pt idx="701">
                  <c:v>7.7134741359306327</c:v>
                </c:pt>
                <c:pt idx="702">
                  <c:v>7.7181748680910589</c:v>
                </c:pt>
                <c:pt idx="703">
                  <c:v>7.7230180466804805</c:v>
                </c:pt>
                <c:pt idx="704">
                  <c:v>7.7278612252700283</c:v>
                </c:pt>
                <c:pt idx="705">
                  <c:v>7.7325619574304545</c:v>
                </c:pt>
                <c:pt idx="706">
                  <c:v>7.7374051360198761</c:v>
                </c:pt>
                <c:pt idx="707">
                  <c:v>7.7470914931989725</c:v>
                </c:pt>
                <c:pt idx="708">
                  <c:v>7.7517922253592717</c:v>
                </c:pt>
                <c:pt idx="709">
                  <c:v>7.761478582538369</c:v>
                </c:pt>
                <c:pt idx="710">
                  <c:v>7.7661793146987934</c:v>
                </c:pt>
                <c:pt idx="711">
                  <c:v>7.7758656718777646</c:v>
                </c:pt>
                <c:pt idx="712">
                  <c:v>7.7854095826276115</c:v>
                </c:pt>
                <c:pt idx="713">
                  <c:v>7.7902527612171601</c:v>
                </c:pt>
                <c:pt idx="714">
                  <c:v>7.7997966719670071</c:v>
                </c:pt>
                <c:pt idx="715">
                  <c:v>7.8093405827169811</c:v>
                </c:pt>
                <c:pt idx="716">
                  <c:v>7.8141837613065288</c:v>
                </c:pt>
                <c:pt idx="717">
                  <c:v>7.8237276720563766</c:v>
                </c:pt>
                <c:pt idx="718">
                  <c:v>7.8334140292353469</c:v>
                </c:pt>
                <c:pt idx="719">
                  <c:v>7.84295793998532</c:v>
                </c:pt>
                <c:pt idx="720">
                  <c:v>7.8478011185747416</c:v>
                </c:pt>
                <c:pt idx="721">
                  <c:v>7.8573450293247165</c:v>
                </c:pt>
                <c:pt idx="722">
                  <c:v>7.8668889400745643</c:v>
                </c:pt>
                <c:pt idx="723">
                  <c:v>7.8717321186641129</c:v>
                </c:pt>
                <c:pt idx="724">
                  <c:v>7.8765752972536598</c:v>
                </c:pt>
                <c:pt idx="725">
                  <c:v>7.8861192080035076</c:v>
                </c:pt>
                <c:pt idx="726">
                  <c:v>7.8909623865930554</c:v>
                </c:pt>
                <c:pt idx="727">
                  <c:v>7.9005062973429032</c:v>
                </c:pt>
                <c:pt idx="728">
                  <c:v>7.9053494759324519</c:v>
                </c:pt>
                <c:pt idx="729">
                  <c:v>7.9148933866822979</c:v>
                </c:pt>
                <c:pt idx="730">
                  <c:v>7.9197365652718466</c:v>
                </c:pt>
                <c:pt idx="731">
                  <c:v>7.9244372974322728</c:v>
                </c:pt>
                <c:pt idx="732">
                  <c:v>7.934123654611243</c:v>
                </c:pt>
                <c:pt idx="733">
                  <c:v>7.9389668332007917</c:v>
                </c:pt>
                <c:pt idx="734">
                  <c:v>7.9436675653610891</c:v>
                </c:pt>
                <c:pt idx="735">
                  <c:v>7.9533539225401864</c:v>
                </c:pt>
                <c:pt idx="736">
                  <c:v>7.9580546547006126</c:v>
                </c:pt>
                <c:pt idx="737">
                  <c:v>7.9628978332900342</c:v>
                </c:pt>
                <c:pt idx="738">
                  <c:v>7.972441744040009</c:v>
                </c:pt>
                <c:pt idx="739">
                  <c:v>7.9772849226294307</c:v>
                </c:pt>
                <c:pt idx="740">
                  <c:v>7.9821281012189775</c:v>
                </c:pt>
                <c:pt idx="741">
                  <c:v>7.9868288333794037</c:v>
                </c:pt>
                <c:pt idx="742">
                  <c:v>7.9916720119688254</c:v>
                </c:pt>
                <c:pt idx="743">
                  <c:v>7.996515190558374</c:v>
                </c:pt>
                <c:pt idx="744">
                  <c:v>8.0012159227187993</c:v>
                </c:pt>
                <c:pt idx="745">
                  <c:v>8.0109022798977705</c:v>
                </c:pt>
                <c:pt idx="746">
                  <c:v>8.0156030120581949</c:v>
                </c:pt>
                <c:pt idx="747">
                  <c:v>8.0204461906477427</c:v>
                </c:pt>
                <c:pt idx="748">
                  <c:v>8.0252893692371643</c:v>
                </c:pt>
                <c:pt idx="749">
                  <c:v>8.0299901013975905</c:v>
                </c:pt>
                <c:pt idx="750">
                  <c:v>8.0396764585765617</c:v>
                </c:pt>
                <c:pt idx="751">
                  <c:v>8.0443771907369879</c:v>
                </c:pt>
                <c:pt idx="752">
                  <c:v>8.0492203693265338</c:v>
                </c:pt>
                <c:pt idx="753">
                  <c:v>8.0540635479159555</c:v>
                </c:pt>
                <c:pt idx="754">
                  <c:v>8.0587642800763817</c:v>
                </c:pt>
                <c:pt idx="755">
                  <c:v>8.0636074586659294</c:v>
                </c:pt>
                <c:pt idx="756">
                  <c:v>8.068450637255479</c:v>
                </c:pt>
                <c:pt idx="757">
                  <c:v>8.0731513694157773</c:v>
                </c:pt>
                <c:pt idx="758">
                  <c:v>8.0779945480053268</c:v>
                </c:pt>
                <c:pt idx="759">
                  <c:v>8.0828377265948745</c:v>
                </c:pt>
                <c:pt idx="760">
                  <c:v>8.087538458755299</c:v>
                </c:pt>
                <c:pt idx="761">
                  <c:v>8.0923816373447206</c:v>
                </c:pt>
                <c:pt idx="762">
                  <c:v>8.0972248159342701</c:v>
                </c:pt>
                <c:pt idx="763">
                  <c:v>8.1019255480946963</c:v>
                </c:pt>
                <c:pt idx="764">
                  <c:v>8.106768726684118</c:v>
                </c:pt>
                <c:pt idx="765">
                  <c:v>8.1163126374340901</c:v>
                </c:pt>
                <c:pt idx="766">
                  <c:v>8.1211558160235118</c:v>
                </c:pt>
                <c:pt idx="767">
                  <c:v>8.1259989946130613</c:v>
                </c:pt>
                <c:pt idx="768">
                  <c:v>8.130842173202609</c:v>
                </c:pt>
                <c:pt idx="769">
                  <c:v>8.1355429053629091</c:v>
                </c:pt>
                <c:pt idx="770">
                  <c:v>8.1452292625420064</c:v>
                </c:pt>
                <c:pt idx="771">
                  <c:v>8.1499299947024326</c:v>
                </c:pt>
                <c:pt idx="772">
                  <c:v>8.1547731732918542</c:v>
                </c:pt>
                <c:pt idx="773">
                  <c:v>8.1643170840418264</c:v>
                </c:pt>
                <c:pt idx="774">
                  <c:v>8.1691602626312481</c:v>
                </c:pt>
                <c:pt idx="775">
                  <c:v>8.178704173381222</c:v>
                </c:pt>
                <c:pt idx="776">
                  <c:v>8.1835473519706454</c:v>
                </c:pt>
                <c:pt idx="777">
                  <c:v>8.1883905305601932</c:v>
                </c:pt>
                <c:pt idx="778">
                  <c:v>8.1979344413101654</c:v>
                </c:pt>
                <c:pt idx="779">
                  <c:v>8.2074783520600132</c:v>
                </c:pt>
                <c:pt idx="780">
                  <c:v>8.2123215306495627</c:v>
                </c:pt>
                <c:pt idx="781">
                  <c:v>8.2218654413994106</c:v>
                </c:pt>
                <c:pt idx="782">
                  <c:v>8.2315517985783782</c:v>
                </c:pt>
                <c:pt idx="783">
                  <c:v>8.2362525307388044</c:v>
                </c:pt>
                <c:pt idx="784">
                  <c:v>8.2459388879177755</c:v>
                </c:pt>
                <c:pt idx="785">
                  <c:v>8.2506396200782017</c:v>
                </c:pt>
                <c:pt idx="786">
                  <c:v>8.2603259772572972</c:v>
                </c:pt>
                <c:pt idx="787">
                  <c:v>8.2650267094175955</c:v>
                </c:pt>
                <c:pt idx="788">
                  <c:v>8.2698698880071451</c:v>
                </c:pt>
                <c:pt idx="789">
                  <c:v>8.279413798757119</c:v>
                </c:pt>
                <c:pt idx="790">
                  <c:v>8.2842569773465407</c:v>
                </c:pt>
                <c:pt idx="791">
                  <c:v>8.2891001559360902</c:v>
                </c:pt>
                <c:pt idx="792">
                  <c:v>8.2986440666859362</c:v>
                </c:pt>
                <c:pt idx="793">
                  <c:v>8.303487245275484</c:v>
                </c:pt>
                <c:pt idx="794">
                  <c:v>8.3130311560253318</c:v>
                </c:pt>
                <c:pt idx="795">
                  <c:v>8.3178743346148796</c:v>
                </c:pt>
                <c:pt idx="796">
                  <c:v>8.3227175132044291</c:v>
                </c:pt>
                <c:pt idx="797">
                  <c:v>8.3322614239542752</c:v>
                </c:pt>
                <c:pt idx="798">
                  <c:v>8.3371046025438229</c:v>
                </c:pt>
                <c:pt idx="799">
                  <c:v>8.3466485132936707</c:v>
                </c:pt>
                <c:pt idx="800">
                  <c:v>8.3514916918832203</c:v>
                </c:pt>
                <c:pt idx="801">
                  <c:v>8.3561924240436465</c:v>
                </c:pt>
                <c:pt idx="802">
                  <c:v>8.3658787812226159</c:v>
                </c:pt>
                <c:pt idx="803">
                  <c:v>8.3705795133830403</c:v>
                </c:pt>
                <c:pt idx="804">
                  <c:v>8.3754226919724619</c:v>
                </c:pt>
                <c:pt idx="805">
                  <c:v>8.3802658705620114</c:v>
                </c:pt>
                <c:pt idx="806">
                  <c:v>8.3898097813119854</c:v>
                </c:pt>
                <c:pt idx="807">
                  <c:v>8.3898097813119854</c:v>
                </c:pt>
                <c:pt idx="808">
                  <c:v>8.394652959901407</c:v>
                </c:pt>
                <c:pt idx="809">
                  <c:v>8.4041968706513792</c:v>
                </c:pt>
                <c:pt idx="810">
                  <c:v>8.4090400492408026</c:v>
                </c:pt>
                <c:pt idx="811">
                  <c:v>8.4137407814012271</c:v>
                </c:pt>
                <c:pt idx="812">
                  <c:v>8.4185839599907766</c:v>
                </c:pt>
                <c:pt idx="813">
                  <c:v>8.4234271385801982</c:v>
                </c:pt>
                <c:pt idx="814">
                  <c:v>8.4329710493301722</c:v>
                </c:pt>
                <c:pt idx="815">
                  <c:v>8.4378142279197199</c:v>
                </c:pt>
                <c:pt idx="816">
                  <c:v>8.4473581386695678</c:v>
                </c:pt>
                <c:pt idx="817">
                  <c:v>8.4522013172591155</c:v>
                </c:pt>
                <c:pt idx="818">
                  <c:v>8.4617452280089633</c:v>
                </c:pt>
                <c:pt idx="819">
                  <c:v>8.4665884065985129</c:v>
                </c:pt>
                <c:pt idx="820">
                  <c:v>8.4712891387589373</c:v>
                </c:pt>
                <c:pt idx="821">
                  <c:v>8.4761323173483589</c:v>
                </c:pt>
                <c:pt idx="822">
                  <c:v>8.4809754959379067</c:v>
                </c:pt>
                <c:pt idx="823">
                  <c:v>8.4905194066877545</c:v>
                </c:pt>
                <c:pt idx="824">
                  <c:v>8.495362585277304</c:v>
                </c:pt>
                <c:pt idx="825">
                  <c:v>8.5002057638668518</c:v>
                </c:pt>
                <c:pt idx="826">
                  <c:v>8.5097496746166978</c:v>
                </c:pt>
                <c:pt idx="827">
                  <c:v>8.5145928532062474</c:v>
                </c:pt>
                <c:pt idx="828">
                  <c:v>8.5192935853665457</c:v>
                </c:pt>
                <c:pt idx="829">
                  <c:v>8.5241367639560952</c:v>
                </c:pt>
                <c:pt idx="830">
                  <c:v>8.5336806747060692</c:v>
                </c:pt>
                <c:pt idx="831">
                  <c:v>8.5385238532954908</c:v>
                </c:pt>
                <c:pt idx="832">
                  <c:v>8.5433670318850368</c:v>
                </c:pt>
                <c:pt idx="833">
                  <c:v>8.548067764045463</c:v>
                </c:pt>
                <c:pt idx="834">
                  <c:v>8.5577541212244341</c:v>
                </c:pt>
                <c:pt idx="835">
                  <c:v>8.5624548533848603</c:v>
                </c:pt>
                <c:pt idx="836">
                  <c:v>8.5721412105638297</c:v>
                </c:pt>
                <c:pt idx="837">
                  <c:v>8.5768419427242542</c:v>
                </c:pt>
                <c:pt idx="838">
                  <c:v>8.5865282999032253</c:v>
                </c:pt>
                <c:pt idx="839">
                  <c:v>8.5912290320636515</c:v>
                </c:pt>
                <c:pt idx="840">
                  <c:v>8.6009153892426209</c:v>
                </c:pt>
                <c:pt idx="841">
                  <c:v>8.6056161214030471</c:v>
                </c:pt>
                <c:pt idx="842">
                  <c:v>8.6153024785820165</c:v>
                </c:pt>
                <c:pt idx="843">
                  <c:v>8.6200032107424427</c:v>
                </c:pt>
                <c:pt idx="844">
                  <c:v>8.6248463893319904</c:v>
                </c:pt>
                <c:pt idx="845">
                  <c:v>8.6343903000818383</c:v>
                </c:pt>
                <c:pt idx="846">
                  <c:v>8.639233478671386</c:v>
                </c:pt>
                <c:pt idx="847">
                  <c:v>8.6440766572609355</c:v>
                </c:pt>
                <c:pt idx="848">
                  <c:v>8.6536205680107816</c:v>
                </c:pt>
                <c:pt idx="849">
                  <c:v>8.6584637466003294</c:v>
                </c:pt>
                <c:pt idx="850">
                  <c:v>8.6631644787607556</c:v>
                </c:pt>
                <c:pt idx="851">
                  <c:v>8.6680076573501772</c:v>
                </c:pt>
                <c:pt idx="852">
                  <c:v>8.6776940145291483</c:v>
                </c:pt>
                <c:pt idx="853">
                  <c:v>8.6872379252791205</c:v>
                </c:pt>
                <c:pt idx="854">
                  <c:v>8.6920811038686701</c:v>
                </c:pt>
                <c:pt idx="855">
                  <c:v>8.7016250146185179</c:v>
                </c:pt>
                <c:pt idx="856">
                  <c:v>8.7111689253684919</c:v>
                </c:pt>
                <c:pt idx="857">
                  <c:v>8.7160121039579135</c:v>
                </c:pt>
                <c:pt idx="858">
                  <c:v>8.7255560147078874</c:v>
                </c:pt>
                <c:pt idx="859">
                  <c:v>8.7303991932973091</c:v>
                </c:pt>
                <c:pt idx="860">
                  <c:v>8.7352423718868568</c:v>
                </c:pt>
                <c:pt idx="861">
                  <c:v>8.7447862826367047</c:v>
                </c:pt>
                <c:pt idx="862">
                  <c:v>8.7496294612262542</c:v>
                </c:pt>
                <c:pt idx="863">
                  <c:v>8.7591733719761002</c:v>
                </c:pt>
                <c:pt idx="864">
                  <c:v>8.764016550565648</c:v>
                </c:pt>
                <c:pt idx="865">
                  <c:v>8.7687172827260742</c:v>
                </c:pt>
                <c:pt idx="866">
                  <c:v>8.773560461315622</c:v>
                </c:pt>
                <c:pt idx="867">
                  <c:v>8.773560461315622</c:v>
                </c:pt>
                <c:pt idx="868">
                  <c:v>8.7784036399050454</c:v>
                </c:pt>
                <c:pt idx="869">
                  <c:v>8.783104372065468</c:v>
                </c:pt>
                <c:pt idx="870">
                  <c:v>8.7927907292444392</c:v>
                </c:pt>
                <c:pt idx="871">
                  <c:v>8.7974914614048654</c:v>
                </c:pt>
                <c:pt idx="872">
                  <c:v>8.8071778185838347</c:v>
                </c:pt>
                <c:pt idx="873">
                  <c:v>8.8167217293338105</c:v>
                </c:pt>
                <c:pt idx="874">
                  <c:v>8.8215649079233565</c:v>
                </c:pt>
                <c:pt idx="875">
                  <c:v>8.8311088186732043</c:v>
                </c:pt>
                <c:pt idx="876">
                  <c:v>8.8359519972627538</c:v>
                </c:pt>
                <c:pt idx="877">
                  <c:v>8.8406527294230521</c:v>
                </c:pt>
                <c:pt idx="878">
                  <c:v>8.8454959080126017</c:v>
                </c:pt>
                <c:pt idx="879">
                  <c:v>8.8503390866021494</c:v>
                </c:pt>
                <c:pt idx="880">
                  <c:v>8.8550398187625738</c:v>
                </c:pt>
                <c:pt idx="881">
                  <c:v>8.8598829973519955</c:v>
                </c:pt>
                <c:pt idx="882">
                  <c:v>8.8695693545310927</c:v>
                </c:pt>
                <c:pt idx="883">
                  <c:v>8.8742700866913928</c:v>
                </c:pt>
                <c:pt idx="884">
                  <c:v>8.8791132652809406</c:v>
                </c:pt>
                <c:pt idx="885">
                  <c:v>8.8886571760307884</c:v>
                </c:pt>
                <c:pt idx="886">
                  <c:v>8.8935003546203344</c:v>
                </c:pt>
                <c:pt idx="887">
                  <c:v>8.8983435332098839</c:v>
                </c:pt>
                <c:pt idx="888">
                  <c:v>8.9030442653703101</c:v>
                </c:pt>
                <c:pt idx="889">
                  <c:v>8.9127306225492795</c:v>
                </c:pt>
                <c:pt idx="890">
                  <c:v>8.9174313547097057</c:v>
                </c:pt>
                <c:pt idx="891">
                  <c:v>8.9271177118886769</c:v>
                </c:pt>
                <c:pt idx="892">
                  <c:v>8.9318184440491013</c:v>
                </c:pt>
                <c:pt idx="893">
                  <c:v>8.9415048012280707</c:v>
                </c:pt>
                <c:pt idx="894">
                  <c:v>8.9510487119779185</c:v>
                </c:pt>
                <c:pt idx="895">
                  <c:v>8.9605926227278925</c:v>
                </c:pt>
                <c:pt idx="896">
                  <c:v>8.9654358013174402</c:v>
                </c:pt>
                <c:pt idx="897">
                  <c:v>8.9702789799068618</c:v>
                </c:pt>
                <c:pt idx="898">
                  <c:v>8.9749797120672881</c:v>
                </c:pt>
                <c:pt idx="899">
                  <c:v>8.9798228906568358</c:v>
                </c:pt>
                <c:pt idx="900">
                  <c:v>8.9846660692462592</c:v>
                </c:pt>
                <c:pt idx="901">
                  <c:v>8.9893668014066836</c:v>
                </c:pt>
                <c:pt idx="902">
                  <c:v>8.9942099799962332</c:v>
                </c:pt>
                <c:pt idx="903">
                  <c:v>8.999053158585653</c:v>
                </c:pt>
                <c:pt idx="904">
                  <c:v>9.0037538907460792</c:v>
                </c:pt>
                <c:pt idx="905">
                  <c:v>9.0134402479251765</c:v>
                </c:pt>
                <c:pt idx="906">
                  <c:v>9.0181409800854748</c:v>
                </c:pt>
                <c:pt idx="907">
                  <c:v>9.0229841586750243</c:v>
                </c:pt>
                <c:pt idx="908">
                  <c:v>9.0278273372645721</c:v>
                </c:pt>
                <c:pt idx="909">
                  <c:v>9.0373712480144182</c:v>
                </c:pt>
                <c:pt idx="910">
                  <c:v>9.0422144266039677</c:v>
                </c:pt>
                <c:pt idx="911">
                  <c:v>9.0470576051933893</c:v>
                </c:pt>
                <c:pt idx="912">
                  <c:v>9.0517583373538155</c:v>
                </c:pt>
                <c:pt idx="913">
                  <c:v>9.0614446945329128</c:v>
                </c:pt>
                <c:pt idx="914">
                  <c:v>9.0661454266932093</c:v>
                </c:pt>
                <c:pt idx="915">
                  <c:v>9.0709886052827589</c:v>
                </c:pt>
                <c:pt idx="916">
                  <c:v>9.0805325160326067</c:v>
                </c:pt>
                <c:pt idx="917">
                  <c:v>9.0853756946221544</c:v>
                </c:pt>
                <c:pt idx="918">
                  <c:v>9.090218873211704</c:v>
                </c:pt>
                <c:pt idx="919">
                  <c:v>9.0949196053721284</c:v>
                </c:pt>
                <c:pt idx="920">
                  <c:v>9.0997627839615518</c:v>
                </c:pt>
                <c:pt idx="921">
                  <c:v>9.1046059625510978</c:v>
                </c:pt>
                <c:pt idx="922">
                  <c:v>9.1141498733009456</c:v>
                </c:pt>
                <c:pt idx="923">
                  <c:v>9.1189930518904934</c:v>
                </c:pt>
                <c:pt idx="924">
                  <c:v>9.1236937840509196</c:v>
                </c:pt>
                <c:pt idx="925">
                  <c:v>9.1285369626403412</c:v>
                </c:pt>
                <c:pt idx="926">
                  <c:v>9.1333801412298907</c:v>
                </c:pt>
                <c:pt idx="927">
                  <c:v>9.1380808733903152</c:v>
                </c:pt>
                <c:pt idx="928">
                  <c:v>9.1477672305692845</c:v>
                </c:pt>
                <c:pt idx="929">
                  <c:v>9.1524679627297107</c:v>
                </c:pt>
                <c:pt idx="930">
                  <c:v>9.1524679627297107</c:v>
                </c:pt>
                <c:pt idx="931">
                  <c:v>9.1573111413192603</c:v>
                </c:pt>
                <c:pt idx="932">
                  <c:v>9.1621543199086819</c:v>
                </c:pt>
                <c:pt idx="933">
                  <c:v>9.1716982306586541</c:v>
                </c:pt>
                <c:pt idx="934">
                  <c:v>9.1765414092480757</c:v>
                </c:pt>
                <c:pt idx="935">
                  <c:v>9.1812421414085019</c:v>
                </c:pt>
                <c:pt idx="936">
                  <c:v>9.1860853199980514</c:v>
                </c:pt>
                <c:pt idx="937">
                  <c:v>9.1956292307478993</c:v>
                </c:pt>
                <c:pt idx="938">
                  <c:v>9.200472409337447</c:v>
                </c:pt>
                <c:pt idx="939">
                  <c:v>9.2053155879269948</c:v>
                </c:pt>
                <c:pt idx="940">
                  <c:v>9.2053155879269948</c:v>
                </c:pt>
                <c:pt idx="941">
                  <c:v>9.2100163200872931</c:v>
                </c:pt>
                <c:pt idx="942">
                  <c:v>9.2148594986768408</c:v>
                </c:pt>
                <c:pt idx="943">
                  <c:v>9.2197026772663904</c:v>
                </c:pt>
                <c:pt idx="944">
                  <c:v>9.2244034094266887</c:v>
                </c:pt>
                <c:pt idx="945">
                  <c:v>9.2292465880162382</c:v>
                </c:pt>
                <c:pt idx="946">
                  <c:v>9.234089766605786</c:v>
                </c:pt>
                <c:pt idx="947">
                  <c:v>9.2389329451952094</c:v>
                </c:pt>
                <c:pt idx="948">
                  <c:v>9.243633677355632</c:v>
                </c:pt>
                <c:pt idx="949">
                  <c:v>9.2533200345347293</c:v>
                </c:pt>
                <c:pt idx="950">
                  <c:v>9.2580207666950294</c:v>
                </c:pt>
                <c:pt idx="951">
                  <c:v>9.2628639452845771</c:v>
                </c:pt>
                <c:pt idx="952">
                  <c:v>9.2677071238741267</c:v>
                </c:pt>
                <c:pt idx="953">
                  <c:v>9.272407856034425</c:v>
                </c:pt>
                <c:pt idx="954">
                  <c:v>9.2820942132135205</c:v>
                </c:pt>
                <c:pt idx="955">
                  <c:v>9.2867949453739467</c:v>
                </c:pt>
                <c:pt idx="956">
                  <c:v>9.2916381239633683</c:v>
                </c:pt>
                <c:pt idx="957">
                  <c:v>9.2964813025529178</c:v>
                </c:pt>
                <c:pt idx="958">
                  <c:v>9.301182034713344</c:v>
                </c:pt>
                <c:pt idx="959">
                  <c:v>9.3060252133027657</c:v>
                </c:pt>
                <c:pt idx="960">
                  <c:v>9.3108683918923134</c:v>
                </c:pt>
                <c:pt idx="961">
                  <c:v>9.3204123026421595</c:v>
                </c:pt>
                <c:pt idx="962">
                  <c:v>9.325255481231709</c:v>
                </c:pt>
                <c:pt idx="963">
                  <c:v>9.3299562133921334</c:v>
                </c:pt>
                <c:pt idx="964">
                  <c:v>9.3396425705711046</c:v>
                </c:pt>
                <c:pt idx="965">
                  <c:v>9.344343302731529</c:v>
                </c:pt>
                <c:pt idx="966">
                  <c:v>9.3540296599105002</c:v>
                </c:pt>
                <c:pt idx="967">
                  <c:v>9.3587303920709246</c:v>
                </c:pt>
                <c:pt idx="968">
                  <c:v>9.3684167492498958</c:v>
                </c:pt>
                <c:pt idx="969">
                  <c:v>9.373117481410322</c:v>
                </c:pt>
                <c:pt idx="970">
                  <c:v>9.3828038385892913</c:v>
                </c:pt>
                <c:pt idx="971">
                  <c:v>9.3875045707497158</c:v>
                </c:pt>
                <c:pt idx="972">
                  <c:v>9.3923477493392653</c:v>
                </c:pt>
                <c:pt idx="973">
                  <c:v>9.3971909279288131</c:v>
                </c:pt>
                <c:pt idx="974">
                  <c:v>9.4018916600891131</c:v>
                </c:pt>
                <c:pt idx="975">
                  <c:v>9.4067348386786609</c:v>
                </c:pt>
                <c:pt idx="976">
                  <c:v>9.416278749428507</c:v>
                </c:pt>
                <c:pt idx="977">
                  <c:v>9.4211219280180565</c:v>
                </c:pt>
                <c:pt idx="978">
                  <c:v>9.4259651066076042</c:v>
                </c:pt>
                <c:pt idx="979">
                  <c:v>9.4308082851970259</c:v>
                </c:pt>
                <c:pt idx="980">
                  <c:v>9.4403521959470016</c:v>
                </c:pt>
                <c:pt idx="981">
                  <c:v>9.4451953745365493</c:v>
                </c:pt>
                <c:pt idx="982">
                  <c:v>9.4498961066968494</c:v>
                </c:pt>
                <c:pt idx="983">
                  <c:v>9.4595824638759431</c:v>
                </c:pt>
                <c:pt idx="984">
                  <c:v>9.4642831960362432</c:v>
                </c:pt>
                <c:pt idx="985">
                  <c:v>9.469126374625791</c:v>
                </c:pt>
                <c:pt idx="986">
                  <c:v>9.4739695532153405</c:v>
                </c:pt>
                <c:pt idx="987">
                  <c:v>9.4786702853757667</c:v>
                </c:pt>
                <c:pt idx="988">
                  <c:v>9.4835134639651884</c:v>
                </c:pt>
                <c:pt idx="989">
                  <c:v>9.4883566425547361</c:v>
                </c:pt>
                <c:pt idx="990">
                  <c:v>9.4930573747151605</c:v>
                </c:pt>
                <c:pt idx="991">
                  <c:v>9.4979005533045822</c:v>
                </c:pt>
                <c:pt idx="992">
                  <c:v>9.5074444640545579</c:v>
                </c:pt>
                <c:pt idx="993">
                  <c:v>9.5122876426439795</c:v>
                </c:pt>
                <c:pt idx="994">
                  <c:v>9.5171308212335273</c:v>
                </c:pt>
                <c:pt idx="995">
                  <c:v>9.5218315533939517</c:v>
                </c:pt>
                <c:pt idx="996">
                  <c:v>9.5266747319835012</c:v>
                </c:pt>
                <c:pt idx="997">
                  <c:v>9.5315179105729229</c:v>
                </c:pt>
                <c:pt idx="998">
                  <c:v>9.5362186427333491</c:v>
                </c:pt>
                <c:pt idx="999">
                  <c:v>9.5410618213228968</c:v>
                </c:pt>
                <c:pt idx="1000">
                  <c:v>9.5506057320727447</c:v>
                </c:pt>
                <c:pt idx="1001">
                  <c:v>9.5554489106622924</c:v>
                </c:pt>
                <c:pt idx="1002">
                  <c:v>9.5649928214121385</c:v>
                </c:pt>
                <c:pt idx="1003">
                  <c:v>9.569836000001688</c:v>
                </c:pt>
                <c:pt idx="1004">
                  <c:v>9.5793799107515358</c:v>
                </c:pt>
                <c:pt idx="1005">
                  <c:v>9.5842230893410836</c:v>
                </c:pt>
                <c:pt idx="1006">
                  <c:v>9.5890662679306331</c:v>
                </c:pt>
                <c:pt idx="1007">
                  <c:v>9.5986101786804792</c:v>
                </c:pt>
                <c:pt idx="1008">
                  <c:v>9.6034533572700269</c:v>
                </c:pt>
                <c:pt idx="1009">
                  <c:v>9.6082965358594485</c:v>
                </c:pt>
                <c:pt idx="1010">
                  <c:v>9.6178404466094243</c:v>
                </c:pt>
                <c:pt idx="1011">
                  <c:v>9.6226836251988459</c:v>
                </c:pt>
                <c:pt idx="1012">
                  <c:v>9.6273843573592703</c:v>
                </c:pt>
                <c:pt idx="1013">
                  <c:v>9.6370707145383676</c:v>
                </c:pt>
                <c:pt idx="1014">
                  <c:v>9.6417714466986659</c:v>
                </c:pt>
                <c:pt idx="1015">
                  <c:v>9.6514578038777632</c:v>
                </c:pt>
                <c:pt idx="1016">
                  <c:v>9.6561585360380633</c:v>
                </c:pt>
                <c:pt idx="1017">
                  <c:v>9.661001714627611</c:v>
                </c:pt>
                <c:pt idx="1018">
                  <c:v>9.6705456253775832</c:v>
                </c:pt>
                <c:pt idx="1019">
                  <c:v>9.6753888039670066</c:v>
                </c:pt>
                <c:pt idx="1020">
                  <c:v>9.6802319825565544</c:v>
                </c:pt>
                <c:pt idx="1021">
                  <c:v>9.6849327147169806</c:v>
                </c:pt>
                <c:pt idx="1022">
                  <c:v>9.6897758933064022</c:v>
                </c:pt>
                <c:pt idx="1023">
                  <c:v>9.6993198040563744</c:v>
                </c:pt>
                <c:pt idx="1024">
                  <c:v>9.704162982645796</c:v>
                </c:pt>
                <c:pt idx="1025">
                  <c:v>9.7090061612353455</c:v>
                </c:pt>
                <c:pt idx="1026">
                  <c:v>9.7137068933957718</c:v>
                </c:pt>
                <c:pt idx="1027">
                  <c:v>9.7185500719853195</c:v>
                </c:pt>
                <c:pt idx="1028">
                  <c:v>9.7233932505747411</c:v>
                </c:pt>
                <c:pt idx="1029">
                  <c:v>9.7280939827351673</c:v>
                </c:pt>
                <c:pt idx="1030">
                  <c:v>9.7329371613247151</c:v>
                </c:pt>
                <c:pt idx="1031">
                  <c:v>9.7424810720745629</c:v>
                </c:pt>
                <c:pt idx="1032">
                  <c:v>9.7473242506641107</c:v>
                </c:pt>
                <c:pt idx="1033">
                  <c:v>9.7521674292535323</c:v>
                </c:pt>
                <c:pt idx="1034">
                  <c:v>9.7568681614139585</c:v>
                </c:pt>
                <c:pt idx="1035">
                  <c:v>9.7665545185930558</c:v>
                </c:pt>
                <c:pt idx="1036">
                  <c:v>9.7712552507533541</c:v>
                </c:pt>
                <c:pt idx="1037">
                  <c:v>9.7760984293429019</c:v>
                </c:pt>
                <c:pt idx="1038">
                  <c:v>9.7809416079324514</c:v>
                </c:pt>
                <c:pt idx="1039">
                  <c:v>9.7904855186822974</c:v>
                </c:pt>
                <c:pt idx="1040">
                  <c:v>9.795328697271847</c:v>
                </c:pt>
                <c:pt idx="1041">
                  <c:v>9.8001718758612686</c:v>
                </c:pt>
                <c:pt idx="1042">
                  <c:v>9.804872608021693</c:v>
                </c:pt>
                <c:pt idx="1043">
                  <c:v>9.8097157866112408</c:v>
                </c:pt>
                <c:pt idx="1044">
                  <c:v>9.8145589652006642</c:v>
                </c:pt>
                <c:pt idx="1045">
                  <c:v>9.8241028759506381</c:v>
                </c:pt>
                <c:pt idx="1046">
                  <c:v>9.8289460545401859</c:v>
                </c:pt>
                <c:pt idx="1047">
                  <c:v>9.833646786700486</c:v>
                </c:pt>
                <c:pt idx="1048">
                  <c:v>9.8384899652900319</c:v>
                </c:pt>
                <c:pt idx="1049">
                  <c:v>9.8433331438795815</c:v>
                </c:pt>
                <c:pt idx="1050">
                  <c:v>9.8480338760398798</c:v>
                </c:pt>
                <c:pt idx="1051">
                  <c:v>9.8528770546294293</c:v>
                </c:pt>
                <c:pt idx="1052">
                  <c:v>9.8577202332189771</c:v>
                </c:pt>
                <c:pt idx="1053">
                  <c:v>9.8624209653794033</c:v>
                </c:pt>
                <c:pt idx="1054">
                  <c:v>9.8624209653794033</c:v>
                </c:pt>
                <c:pt idx="1055">
                  <c:v>9.8672641439688249</c:v>
                </c:pt>
                <c:pt idx="1056">
                  <c:v>9.8721073225583744</c:v>
                </c:pt>
                <c:pt idx="1057">
                  <c:v>9.8768080547187989</c:v>
                </c:pt>
                <c:pt idx="1058">
                  <c:v>9.8816512333082205</c:v>
                </c:pt>
                <c:pt idx="1059">
                  <c:v>9.8864944118977682</c:v>
                </c:pt>
                <c:pt idx="1060">
                  <c:v>9.8911951440581944</c:v>
                </c:pt>
                <c:pt idx="1061">
                  <c:v>9.8960383226476161</c:v>
                </c:pt>
                <c:pt idx="1062">
                  <c:v>9.9008815012371656</c:v>
                </c:pt>
                <c:pt idx="1063">
                  <c:v>9.9055822333975883</c:v>
                </c:pt>
                <c:pt idx="1064">
                  <c:v>9.9104254119871378</c:v>
                </c:pt>
                <c:pt idx="1065">
                  <c:v>9.9152685905765594</c:v>
                </c:pt>
                <c:pt idx="1066">
                  <c:v>9.9199693227369856</c:v>
                </c:pt>
                <c:pt idx="1067">
                  <c:v>9.9296556799159568</c:v>
                </c:pt>
                <c:pt idx="1068">
                  <c:v>9.9343564120763812</c:v>
                </c:pt>
                <c:pt idx="1069">
                  <c:v>9.9391995906659307</c:v>
                </c:pt>
                <c:pt idx="1070">
                  <c:v>9.9440427692553524</c:v>
                </c:pt>
                <c:pt idx="1071">
                  <c:v>9.9535866800053245</c:v>
                </c:pt>
                <c:pt idx="1072">
                  <c:v>9.9584298585948741</c:v>
                </c:pt>
                <c:pt idx="1073">
                  <c:v>9.9631305907551724</c:v>
                </c:pt>
                <c:pt idx="1074">
                  <c:v>9.9679737693447219</c:v>
                </c:pt>
                <c:pt idx="1075">
                  <c:v>9.9728169479342696</c:v>
                </c:pt>
                <c:pt idx="1076">
                  <c:v>9.9823608586841157</c:v>
                </c:pt>
                <c:pt idx="1077">
                  <c:v>9.9872040372736652</c:v>
                </c:pt>
                <c:pt idx="1078">
                  <c:v>9.9920472158630869</c:v>
                </c:pt>
                <c:pt idx="1079">
                  <c:v>9.9967479480235131</c:v>
                </c:pt>
                <c:pt idx="1080">
                  <c:v>10.001591126613061</c:v>
                </c:pt>
                <c:pt idx="1081">
                  <c:v>10.006434305202482</c:v>
                </c:pt>
                <c:pt idx="1082">
                  <c:v>10.011135037362909</c:v>
                </c:pt>
                <c:pt idx="1083">
                  <c:v>10.015978215952456</c:v>
                </c:pt>
                <c:pt idx="1084">
                  <c:v>10.020821394542004</c:v>
                </c:pt>
                <c:pt idx="1085">
                  <c:v>10.020821394542004</c:v>
                </c:pt>
                <c:pt idx="1086">
                  <c:v>10.025522126702304</c:v>
                </c:pt>
                <c:pt idx="1087">
                  <c:v>10.030365305291852</c:v>
                </c:pt>
                <c:pt idx="1088">
                  <c:v>10.0352084838814</c:v>
                </c:pt>
                <c:pt idx="1089">
                  <c:v>10.044752394631248</c:v>
                </c:pt>
                <c:pt idx="1090">
                  <c:v>10.049595573220795</c:v>
                </c:pt>
                <c:pt idx="1091">
                  <c:v>10.054296305381222</c:v>
                </c:pt>
                <c:pt idx="1092">
                  <c:v>10.059139483970643</c:v>
                </c:pt>
                <c:pt idx="1093">
                  <c:v>10.063982662560191</c:v>
                </c:pt>
                <c:pt idx="1094">
                  <c:v>10.073526573310039</c:v>
                </c:pt>
                <c:pt idx="1095">
                  <c:v>10.078369751899588</c:v>
                </c:pt>
                <c:pt idx="1096">
                  <c:v>10.087913662649434</c:v>
                </c:pt>
                <c:pt idx="1097">
                  <c:v>10.092756841238982</c:v>
                </c:pt>
                <c:pt idx="1098">
                  <c:v>10.102300751988958</c:v>
                </c:pt>
                <c:pt idx="1099">
                  <c:v>10.107143930578379</c:v>
                </c:pt>
                <c:pt idx="1100">
                  <c:v>10.111844662738806</c:v>
                </c:pt>
                <c:pt idx="1101">
                  <c:v>10.121531019917773</c:v>
                </c:pt>
                <c:pt idx="1102">
                  <c:v>10.126231752078199</c:v>
                </c:pt>
                <c:pt idx="1103">
                  <c:v>10.131074930667747</c:v>
                </c:pt>
                <c:pt idx="1104">
                  <c:v>10.140618841417595</c:v>
                </c:pt>
                <c:pt idx="1105">
                  <c:v>10.145462020007145</c:v>
                </c:pt>
                <c:pt idx="1106">
                  <c:v>10.155005930756991</c:v>
                </c:pt>
                <c:pt idx="1107">
                  <c:v>10.159849109346538</c:v>
                </c:pt>
                <c:pt idx="1108">
                  <c:v>10.164692287936088</c:v>
                </c:pt>
                <c:pt idx="1109">
                  <c:v>10.174236198685936</c:v>
                </c:pt>
                <c:pt idx="1110">
                  <c:v>10.179079377275484</c:v>
                </c:pt>
                <c:pt idx="1111">
                  <c:v>10.183922555864905</c:v>
                </c:pt>
                <c:pt idx="1112">
                  <c:v>10.18862328802533</c:v>
                </c:pt>
                <c:pt idx="1113">
                  <c:v>10.193466466614879</c:v>
                </c:pt>
                <c:pt idx="1114">
                  <c:v>10.198309645204427</c:v>
                </c:pt>
                <c:pt idx="1115">
                  <c:v>10.203010377364727</c:v>
                </c:pt>
                <c:pt idx="1116">
                  <c:v>10.207853555954275</c:v>
                </c:pt>
                <c:pt idx="1117">
                  <c:v>10.212696734543824</c:v>
                </c:pt>
                <c:pt idx="1118">
                  <c:v>10.217397466704123</c:v>
                </c:pt>
                <c:pt idx="1119">
                  <c:v>10.222240645293672</c:v>
                </c:pt>
                <c:pt idx="1120">
                  <c:v>10.222240645293672</c:v>
                </c:pt>
                <c:pt idx="1121">
                  <c:v>10.227083823883218</c:v>
                </c:pt>
                <c:pt idx="1122">
                  <c:v>10.231784556043644</c:v>
                </c:pt>
                <c:pt idx="1123">
                  <c:v>10.236627734633066</c:v>
                </c:pt>
                <c:pt idx="1124">
                  <c:v>10.241470913222615</c:v>
                </c:pt>
                <c:pt idx="1125">
                  <c:v>10.24617164538304</c:v>
                </c:pt>
                <c:pt idx="1126">
                  <c:v>10.251014823972463</c:v>
                </c:pt>
                <c:pt idx="1127">
                  <c:v>10.255858002562011</c:v>
                </c:pt>
                <c:pt idx="1128">
                  <c:v>10.265401913311857</c:v>
                </c:pt>
                <c:pt idx="1129">
                  <c:v>10.270245091901405</c:v>
                </c:pt>
                <c:pt idx="1130">
                  <c:v>10.274945824061831</c:v>
                </c:pt>
                <c:pt idx="1131">
                  <c:v>10.279789002651253</c:v>
                </c:pt>
                <c:pt idx="1132">
                  <c:v>10.289332913401228</c:v>
                </c:pt>
                <c:pt idx="1133">
                  <c:v>10.294176091990774</c:v>
                </c:pt>
                <c:pt idx="1134">
                  <c:v>10.303720002740622</c:v>
                </c:pt>
                <c:pt idx="1135">
                  <c:v>10.308563181330172</c:v>
                </c:pt>
                <c:pt idx="1136">
                  <c:v>10.31810709208002</c:v>
                </c:pt>
                <c:pt idx="1137">
                  <c:v>10.327793449258989</c:v>
                </c:pt>
                <c:pt idx="1138">
                  <c:v>10.332494181419413</c:v>
                </c:pt>
                <c:pt idx="1139">
                  <c:v>10.342180538598511</c:v>
                </c:pt>
                <c:pt idx="1140">
                  <c:v>10.351724449348358</c:v>
                </c:pt>
                <c:pt idx="1141">
                  <c:v>10.356567627937906</c:v>
                </c:pt>
                <c:pt idx="1142">
                  <c:v>10.366111538687754</c:v>
                </c:pt>
                <c:pt idx="1143">
                  <c:v>10.375797895866723</c:v>
                </c:pt>
                <c:pt idx="1144">
                  <c:v>10.38049862802715</c:v>
                </c:pt>
                <c:pt idx="1145">
                  <c:v>10.390184985206247</c:v>
                </c:pt>
                <c:pt idx="1146">
                  <c:v>10.394885717366545</c:v>
                </c:pt>
                <c:pt idx="1147">
                  <c:v>10.404572074545641</c:v>
                </c:pt>
                <c:pt idx="1148">
                  <c:v>10.414115985295489</c:v>
                </c:pt>
                <c:pt idx="1149">
                  <c:v>10.418959163885038</c:v>
                </c:pt>
                <c:pt idx="1150">
                  <c:v>10.428503074634886</c:v>
                </c:pt>
                <c:pt idx="1151">
                  <c:v>10.438046985384858</c:v>
                </c:pt>
                <c:pt idx="1152">
                  <c:v>10.44289016397428</c:v>
                </c:pt>
                <c:pt idx="1153">
                  <c:v>10.447733342563829</c:v>
                </c:pt>
                <c:pt idx="1154">
                  <c:v>10.452434074724255</c:v>
                </c:pt>
                <c:pt idx="1155">
                  <c:v>10.457277253313677</c:v>
                </c:pt>
                <c:pt idx="1156">
                  <c:v>10.462120431903225</c:v>
                </c:pt>
                <c:pt idx="1157">
                  <c:v>10.466821164063649</c:v>
                </c:pt>
                <c:pt idx="1158">
                  <c:v>10.471664342653071</c:v>
                </c:pt>
                <c:pt idx="1159">
                  <c:v>10.47650752124262</c:v>
                </c:pt>
                <c:pt idx="1160">
                  <c:v>10.47650752124262</c:v>
                </c:pt>
                <c:pt idx="1161">
                  <c:v>10.481208253403045</c:v>
                </c:pt>
                <c:pt idx="1162">
                  <c:v>10.486051431992594</c:v>
                </c:pt>
                <c:pt idx="1163">
                  <c:v>10.486051431992594</c:v>
                </c:pt>
                <c:pt idx="1164">
                  <c:v>10.490894610582016</c:v>
                </c:pt>
                <c:pt idx="1165">
                  <c:v>10.495595342742442</c:v>
                </c:pt>
                <c:pt idx="1166">
                  <c:v>10.50043852133199</c:v>
                </c:pt>
                <c:pt idx="1167">
                  <c:v>10.505281699921413</c:v>
                </c:pt>
                <c:pt idx="1168">
                  <c:v>10.509982432081836</c:v>
                </c:pt>
                <c:pt idx="1169">
                  <c:v>10.509982432081836</c:v>
                </c:pt>
                <c:pt idx="1170">
                  <c:v>10.514825610671386</c:v>
                </c:pt>
                <c:pt idx="1171">
                  <c:v>10.519668789260807</c:v>
                </c:pt>
                <c:pt idx="1172">
                  <c:v>10.524369521421233</c:v>
                </c:pt>
                <c:pt idx="1173">
                  <c:v>10.524369521421233</c:v>
                </c:pt>
                <c:pt idx="1174">
                  <c:v>10.524369521421233</c:v>
                </c:pt>
                <c:pt idx="1175">
                  <c:v>10.529212700010781</c:v>
                </c:pt>
                <c:pt idx="1176">
                  <c:v>10.529212700010781</c:v>
                </c:pt>
                <c:pt idx="1177">
                  <c:v>10.534055878600331</c:v>
                </c:pt>
                <c:pt idx="1178">
                  <c:v>10.538899057189752</c:v>
                </c:pt>
                <c:pt idx="1179">
                  <c:v>10.543599789350177</c:v>
                </c:pt>
                <c:pt idx="1180">
                  <c:v>10.548442967939724</c:v>
                </c:pt>
                <c:pt idx="1181">
                  <c:v>10.557986878689572</c:v>
                </c:pt>
                <c:pt idx="1182">
                  <c:v>10.562830057279122</c:v>
                </c:pt>
                <c:pt idx="1183">
                  <c:v>10.567673235868543</c:v>
                </c:pt>
                <c:pt idx="1184">
                  <c:v>10.57237396802897</c:v>
                </c:pt>
                <c:pt idx="1185">
                  <c:v>10.577217146618516</c:v>
                </c:pt>
                <c:pt idx="1186">
                  <c:v>10.582060325208065</c:v>
                </c:pt>
                <c:pt idx="1187">
                  <c:v>10.586761057368363</c:v>
                </c:pt>
                <c:pt idx="1188">
                  <c:v>10.591604235957913</c:v>
                </c:pt>
                <c:pt idx="1189">
                  <c:v>10.596447414547461</c:v>
                </c:pt>
                <c:pt idx="1190">
                  <c:v>10.601148146707761</c:v>
                </c:pt>
                <c:pt idx="1191">
                  <c:v>10.605991325297309</c:v>
                </c:pt>
                <c:pt idx="1192">
                  <c:v>10.610834503886855</c:v>
                </c:pt>
                <c:pt idx="1193">
                  <c:v>10.615535236047281</c:v>
                </c:pt>
                <c:pt idx="1194">
                  <c:v>10.620378414636702</c:v>
                </c:pt>
                <c:pt idx="1195">
                  <c:v>10.625221593226252</c:v>
                </c:pt>
                <c:pt idx="1196">
                  <c:v>10.629922325386678</c:v>
                </c:pt>
                <c:pt idx="1197">
                  <c:v>10.6347655039761</c:v>
                </c:pt>
                <c:pt idx="1198">
                  <c:v>10.639608682565648</c:v>
                </c:pt>
                <c:pt idx="1199">
                  <c:v>10.644309414726072</c:v>
                </c:pt>
                <c:pt idx="1200">
                  <c:v>10.649152593315494</c:v>
                </c:pt>
                <c:pt idx="1201">
                  <c:v>10.653995771905043</c:v>
                </c:pt>
                <c:pt idx="1202">
                  <c:v>10.663539682655017</c:v>
                </c:pt>
                <c:pt idx="1203">
                  <c:v>10.668382861244439</c:v>
                </c:pt>
                <c:pt idx="1204">
                  <c:v>10.673083593404865</c:v>
                </c:pt>
                <c:pt idx="1205">
                  <c:v>10.677926771994413</c:v>
                </c:pt>
                <c:pt idx="1206">
                  <c:v>10.68747068274426</c:v>
                </c:pt>
                <c:pt idx="1207">
                  <c:v>10.692313861333808</c:v>
                </c:pt>
                <c:pt idx="1208">
                  <c:v>10.69715703992323</c:v>
                </c:pt>
                <c:pt idx="1209">
                  <c:v>10.706700950673204</c:v>
                </c:pt>
                <c:pt idx="1210">
                  <c:v>10.711544129262627</c:v>
                </c:pt>
                <c:pt idx="1211">
                  <c:v>10.71624486142305</c:v>
                </c:pt>
                <c:pt idx="1212">
                  <c:v>10.721088040012599</c:v>
                </c:pt>
                <c:pt idx="1213">
                  <c:v>10.725931218602147</c:v>
                </c:pt>
                <c:pt idx="1214">
                  <c:v>10.730774397191571</c:v>
                </c:pt>
                <c:pt idx="1215">
                  <c:v>10.735475129351995</c:v>
                </c:pt>
                <c:pt idx="1216">
                  <c:v>10.740318307941545</c:v>
                </c:pt>
                <c:pt idx="1217">
                  <c:v>10.745161486530966</c:v>
                </c:pt>
                <c:pt idx="1218">
                  <c:v>10.749862218691391</c:v>
                </c:pt>
                <c:pt idx="1219">
                  <c:v>10.754705397280938</c:v>
                </c:pt>
                <c:pt idx="1220">
                  <c:v>10.75954857587036</c:v>
                </c:pt>
                <c:pt idx="1221">
                  <c:v>10.764249308030786</c:v>
                </c:pt>
                <c:pt idx="1222">
                  <c:v>10.769092486620336</c:v>
                </c:pt>
                <c:pt idx="1223">
                  <c:v>10.769092486620336</c:v>
                </c:pt>
                <c:pt idx="1224">
                  <c:v>10.778636397370184</c:v>
                </c:pt>
                <c:pt idx="1225">
                  <c:v>10.783479575959731</c:v>
                </c:pt>
                <c:pt idx="1226">
                  <c:v>10.788322754549279</c:v>
                </c:pt>
                <c:pt idx="1227">
                  <c:v>10.793023486709577</c:v>
                </c:pt>
                <c:pt idx="1228">
                  <c:v>10.797866665299127</c:v>
                </c:pt>
                <c:pt idx="1229">
                  <c:v>10.802709843888675</c:v>
                </c:pt>
                <c:pt idx="1230">
                  <c:v>10.807410576049101</c:v>
                </c:pt>
                <c:pt idx="1231">
                  <c:v>10.812253754638522</c:v>
                </c:pt>
                <c:pt idx="1232">
                  <c:v>10.817096933228072</c:v>
                </c:pt>
                <c:pt idx="1233">
                  <c:v>10.821797665388495</c:v>
                </c:pt>
                <c:pt idx="1234">
                  <c:v>10.826640843977918</c:v>
                </c:pt>
                <c:pt idx="1235">
                  <c:v>10.831484022567466</c:v>
                </c:pt>
                <c:pt idx="1236">
                  <c:v>10.836184754727892</c:v>
                </c:pt>
                <c:pt idx="1237">
                  <c:v>10.841027933317314</c:v>
                </c:pt>
                <c:pt idx="1238">
                  <c:v>10.845871111906861</c:v>
                </c:pt>
                <c:pt idx="1239">
                  <c:v>10.850571844067288</c:v>
                </c:pt>
                <c:pt idx="1240">
                  <c:v>10.855415022656835</c:v>
                </c:pt>
                <c:pt idx="1241">
                  <c:v>10.860258201246257</c:v>
                </c:pt>
                <c:pt idx="1242">
                  <c:v>10.869802111996231</c:v>
                </c:pt>
                <c:pt idx="1243">
                  <c:v>10.874645290585653</c:v>
                </c:pt>
                <c:pt idx="1244">
                  <c:v>10.884189201335628</c:v>
                </c:pt>
                <c:pt idx="1245">
                  <c:v>10.88903237992505</c:v>
                </c:pt>
                <c:pt idx="1246">
                  <c:v>10.893733112085474</c:v>
                </c:pt>
                <c:pt idx="1247">
                  <c:v>10.903419469264444</c:v>
                </c:pt>
                <c:pt idx="1248">
                  <c:v>10.908262647853993</c:v>
                </c:pt>
                <c:pt idx="1249">
                  <c:v>10.912963380014419</c:v>
                </c:pt>
                <c:pt idx="1250">
                  <c:v>10.917806558603967</c:v>
                </c:pt>
                <c:pt idx="1251">
                  <c:v>10.922649737193389</c:v>
                </c:pt>
                <c:pt idx="1252">
                  <c:v>10.927350469353813</c:v>
                </c:pt>
                <c:pt idx="1253">
                  <c:v>10.927350469353813</c:v>
                </c:pt>
                <c:pt idx="1254">
                  <c:v>10.937036826532784</c:v>
                </c:pt>
                <c:pt idx="1255">
                  <c:v>10.941737558693209</c:v>
                </c:pt>
                <c:pt idx="1256">
                  <c:v>10.946580737282758</c:v>
                </c:pt>
                <c:pt idx="1257">
                  <c:v>10.95142391587218</c:v>
                </c:pt>
                <c:pt idx="1258">
                  <c:v>10.956124648032606</c:v>
                </c:pt>
                <c:pt idx="1259">
                  <c:v>10.960967826622152</c:v>
                </c:pt>
                <c:pt idx="1260">
                  <c:v>10.965811005211702</c:v>
                </c:pt>
                <c:pt idx="1261">
                  <c:v>10.970511737372</c:v>
                </c:pt>
                <c:pt idx="1262">
                  <c:v>10.980198094551097</c:v>
                </c:pt>
                <c:pt idx="1263">
                  <c:v>10.984898826711397</c:v>
                </c:pt>
                <c:pt idx="1264">
                  <c:v>10.989742005300945</c:v>
                </c:pt>
                <c:pt idx="1265">
                  <c:v>10.994585183890495</c:v>
                </c:pt>
                <c:pt idx="1266">
                  <c:v>10.999285916050919</c:v>
                </c:pt>
                <c:pt idx="1267">
                  <c:v>11.008972273229888</c:v>
                </c:pt>
                <c:pt idx="1268">
                  <c:v>11.013673005390315</c:v>
                </c:pt>
                <c:pt idx="1269">
                  <c:v>11.018516183979736</c:v>
                </c:pt>
                <c:pt idx="1270">
                  <c:v>11.023359362569286</c:v>
                </c:pt>
                <c:pt idx="1271">
                  <c:v>11.02806009472971</c:v>
                </c:pt>
                <c:pt idx="1272">
                  <c:v>11.03774645190868</c:v>
                </c:pt>
                <c:pt idx="1273">
                  <c:v>11.042447184069106</c:v>
                </c:pt>
                <c:pt idx="1274">
                  <c:v>11.052133541248077</c:v>
                </c:pt>
                <c:pt idx="1275">
                  <c:v>11.056834273408501</c:v>
                </c:pt>
                <c:pt idx="1276">
                  <c:v>11.061677451998051</c:v>
                </c:pt>
                <c:pt idx="1277">
                  <c:v>11.071221362747897</c:v>
                </c:pt>
                <c:pt idx="1278">
                  <c:v>11.076064541337445</c:v>
                </c:pt>
                <c:pt idx="1279">
                  <c:v>11.080907719926868</c:v>
                </c:pt>
                <c:pt idx="1280">
                  <c:v>11.085608452087293</c:v>
                </c:pt>
                <c:pt idx="1281">
                  <c:v>11.090451630676842</c:v>
                </c:pt>
                <c:pt idx="1282">
                  <c:v>11.09529480926639</c:v>
                </c:pt>
                <c:pt idx="1283">
                  <c:v>11.100137987855812</c:v>
                </c:pt>
                <c:pt idx="1284">
                  <c:v>11.104838720016236</c:v>
                </c:pt>
                <c:pt idx="1285">
                  <c:v>11.109681898605785</c:v>
                </c:pt>
                <c:pt idx="1286">
                  <c:v>11.114525077195207</c:v>
                </c:pt>
                <c:pt idx="1287">
                  <c:v>11.119225809355633</c:v>
                </c:pt>
                <c:pt idx="1288">
                  <c:v>11.128912166534603</c:v>
                </c:pt>
                <c:pt idx="1289">
                  <c:v>11.133612898695029</c:v>
                </c:pt>
                <c:pt idx="1290">
                  <c:v>11.138456077284577</c:v>
                </c:pt>
                <c:pt idx="1291">
                  <c:v>11.138456077284577</c:v>
                </c:pt>
                <c:pt idx="1292">
                  <c:v>11.143299255873998</c:v>
                </c:pt>
                <c:pt idx="1293">
                  <c:v>11.147999988034424</c:v>
                </c:pt>
                <c:pt idx="1294">
                  <c:v>11.152843166623972</c:v>
                </c:pt>
                <c:pt idx="1295">
                  <c:v>11.157686345213522</c:v>
                </c:pt>
                <c:pt idx="1296">
                  <c:v>11.16238707737382</c:v>
                </c:pt>
                <c:pt idx="1297">
                  <c:v>11.16238707737382</c:v>
                </c:pt>
                <c:pt idx="1298">
                  <c:v>11.16723025596337</c:v>
                </c:pt>
                <c:pt idx="1299">
                  <c:v>11.172073434552916</c:v>
                </c:pt>
                <c:pt idx="1300">
                  <c:v>11.176774166713216</c:v>
                </c:pt>
                <c:pt idx="1301">
                  <c:v>11.181617345302763</c:v>
                </c:pt>
                <c:pt idx="1302">
                  <c:v>11.186460523892311</c:v>
                </c:pt>
                <c:pt idx="1303">
                  <c:v>11.191161256052737</c:v>
                </c:pt>
                <c:pt idx="1304">
                  <c:v>11.196004434642159</c:v>
                </c:pt>
                <c:pt idx="1305">
                  <c:v>11.200847613231709</c:v>
                </c:pt>
                <c:pt idx="1306">
                  <c:v>11.205548345392133</c:v>
                </c:pt>
                <c:pt idx="1307">
                  <c:v>11.210391523981555</c:v>
                </c:pt>
                <c:pt idx="1308">
                  <c:v>11.215234702571102</c:v>
                </c:pt>
                <c:pt idx="1309">
                  <c:v>11.215234702571102</c:v>
                </c:pt>
                <c:pt idx="1310">
                  <c:v>11.219935434731529</c:v>
                </c:pt>
                <c:pt idx="1311">
                  <c:v>11.22477861332095</c:v>
                </c:pt>
                <c:pt idx="1312">
                  <c:v>11.2296217919105</c:v>
                </c:pt>
                <c:pt idx="1313">
                  <c:v>11.234322524070926</c:v>
                </c:pt>
                <c:pt idx="1314">
                  <c:v>11.239165702660472</c:v>
                </c:pt>
                <c:pt idx="1315">
                  <c:v>11.244008881249894</c:v>
                </c:pt>
                <c:pt idx="1316">
                  <c:v>11.24870961341032</c:v>
                </c:pt>
                <c:pt idx="1317">
                  <c:v>11.253552791999869</c:v>
                </c:pt>
                <c:pt idx="1318">
                  <c:v>11.258395970589291</c:v>
                </c:pt>
                <c:pt idx="1319">
                  <c:v>11.263096702749717</c:v>
                </c:pt>
                <c:pt idx="1320">
                  <c:v>11.267939881339265</c:v>
                </c:pt>
                <c:pt idx="1321">
                  <c:v>11.277626238518236</c:v>
                </c:pt>
                <c:pt idx="1322">
                  <c:v>11.282326970678659</c:v>
                </c:pt>
                <c:pt idx="1323">
                  <c:v>11.287170149268208</c:v>
                </c:pt>
                <c:pt idx="1324">
                  <c:v>11.29201332785763</c:v>
                </c:pt>
                <c:pt idx="1325">
                  <c:v>11.296714060018056</c:v>
                </c:pt>
                <c:pt idx="1326">
                  <c:v>11.301557238607604</c:v>
                </c:pt>
                <c:pt idx="1327">
                  <c:v>11.31110114935745</c:v>
                </c:pt>
                <c:pt idx="1328">
                  <c:v>11.315944327946999</c:v>
                </c:pt>
                <c:pt idx="1329">
                  <c:v>11.320787506536421</c:v>
                </c:pt>
                <c:pt idx="1330">
                  <c:v>11.325488238696847</c:v>
                </c:pt>
                <c:pt idx="1331">
                  <c:v>11.325488238696847</c:v>
                </c:pt>
                <c:pt idx="1332">
                  <c:v>11.330331417286395</c:v>
                </c:pt>
                <c:pt idx="1333">
                  <c:v>11.335174595875817</c:v>
                </c:pt>
                <c:pt idx="1334">
                  <c:v>11.339875328036243</c:v>
                </c:pt>
                <c:pt idx="1335">
                  <c:v>11.344718506625792</c:v>
                </c:pt>
                <c:pt idx="1336">
                  <c:v>11.349561685215338</c:v>
                </c:pt>
                <c:pt idx="1337">
                  <c:v>11.354262417375638</c:v>
                </c:pt>
                <c:pt idx="1338">
                  <c:v>11.354262417375638</c:v>
                </c:pt>
                <c:pt idx="1339">
                  <c:v>11.359105595965186</c:v>
                </c:pt>
                <c:pt idx="1340">
                  <c:v>11.363948774554736</c:v>
                </c:pt>
                <c:pt idx="1341">
                  <c:v>11.36864950671516</c:v>
                </c:pt>
                <c:pt idx="1342">
                  <c:v>11.373492685304583</c:v>
                </c:pt>
                <c:pt idx="1343">
                  <c:v>11.378335863894131</c:v>
                </c:pt>
                <c:pt idx="1344">
                  <c:v>11.383036596054556</c:v>
                </c:pt>
                <c:pt idx="1345">
                  <c:v>11.383036596054556</c:v>
                </c:pt>
                <c:pt idx="1346">
                  <c:v>11.387879774643977</c:v>
                </c:pt>
                <c:pt idx="1347">
                  <c:v>11.392722953233527</c:v>
                </c:pt>
                <c:pt idx="1348">
                  <c:v>11.397423685393951</c:v>
                </c:pt>
                <c:pt idx="1349">
                  <c:v>11.402266863983375</c:v>
                </c:pt>
                <c:pt idx="1350">
                  <c:v>11.407110042572922</c:v>
                </c:pt>
                <c:pt idx="1351">
                  <c:v>11.411810774733349</c:v>
                </c:pt>
                <c:pt idx="1352">
                  <c:v>11.416653953322768</c:v>
                </c:pt>
                <c:pt idx="1353">
                  <c:v>11.421497131912318</c:v>
                </c:pt>
                <c:pt idx="1354">
                  <c:v>11.426197864072742</c:v>
                </c:pt>
                <c:pt idx="1355">
                  <c:v>11.435884221251714</c:v>
                </c:pt>
                <c:pt idx="1356">
                  <c:v>11.44058495341214</c:v>
                </c:pt>
                <c:pt idx="1357">
                  <c:v>11.445428132001688</c:v>
                </c:pt>
                <c:pt idx="1358">
                  <c:v>11.454972042751534</c:v>
                </c:pt>
                <c:pt idx="1359">
                  <c:v>11.459815221341083</c:v>
                </c:pt>
                <c:pt idx="1360">
                  <c:v>11.464658399930505</c:v>
                </c:pt>
                <c:pt idx="1361">
                  <c:v>11.469501578520052</c:v>
                </c:pt>
                <c:pt idx="1362">
                  <c:v>11.474202310680479</c:v>
                </c:pt>
                <c:pt idx="1363">
                  <c:v>11.48388866785945</c:v>
                </c:pt>
                <c:pt idx="1364">
                  <c:v>11.488589400019874</c:v>
                </c:pt>
                <c:pt idx="1365">
                  <c:v>11.493432578609422</c:v>
                </c:pt>
                <c:pt idx="1366">
                  <c:v>11.498275757198844</c:v>
                </c:pt>
                <c:pt idx="1367">
                  <c:v>11.50297648935927</c:v>
                </c:pt>
                <c:pt idx="1368">
                  <c:v>11.512662846538241</c:v>
                </c:pt>
                <c:pt idx="1369">
                  <c:v>11.517363578698665</c:v>
                </c:pt>
                <c:pt idx="1370">
                  <c:v>11.522206757288213</c:v>
                </c:pt>
                <c:pt idx="1371">
                  <c:v>11.527049935877761</c:v>
                </c:pt>
                <c:pt idx="1372">
                  <c:v>11.536593846627609</c:v>
                </c:pt>
                <c:pt idx="1373">
                  <c:v>11.541437025217158</c:v>
                </c:pt>
                <c:pt idx="1374">
                  <c:v>11.546137757377457</c:v>
                </c:pt>
                <c:pt idx="1375">
                  <c:v>11.550980935967006</c:v>
                </c:pt>
                <c:pt idx="1376">
                  <c:v>11.555824114556554</c:v>
                </c:pt>
                <c:pt idx="1377">
                  <c:v>11.560524846716978</c:v>
                </c:pt>
                <c:pt idx="1378">
                  <c:v>11.5653680253064</c:v>
                </c:pt>
                <c:pt idx="1379">
                  <c:v>11.570211203895949</c:v>
                </c:pt>
                <c:pt idx="1380">
                  <c:v>11.574911936056376</c:v>
                </c:pt>
                <c:pt idx="1381">
                  <c:v>11.579755114645797</c:v>
                </c:pt>
                <c:pt idx="1382">
                  <c:v>11.584598293235345</c:v>
                </c:pt>
                <c:pt idx="1383">
                  <c:v>11.594142203985191</c:v>
                </c:pt>
                <c:pt idx="1384">
                  <c:v>11.598985382574741</c:v>
                </c:pt>
                <c:pt idx="1385">
                  <c:v>11.603686114735167</c:v>
                </c:pt>
                <c:pt idx="1386">
                  <c:v>11.608529293324588</c:v>
                </c:pt>
                <c:pt idx="1387">
                  <c:v>11.613372471914136</c:v>
                </c:pt>
                <c:pt idx="1388">
                  <c:v>11.62291638266411</c:v>
                </c:pt>
                <c:pt idx="1389">
                  <c:v>11.627759561253532</c:v>
                </c:pt>
                <c:pt idx="1390">
                  <c:v>11.632460293413956</c:v>
                </c:pt>
                <c:pt idx="1391">
                  <c:v>11.637303472003506</c:v>
                </c:pt>
                <c:pt idx="1392">
                  <c:v>11.642146650592927</c:v>
                </c:pt>
                <c:pt idx="1393">
                  <c:v>11.642146650592927</c:v>
                </c:pt>
                <c:pt idx="1394">
                  <c:v>11.646847382753354</c:v>
                </c:pt>
                <c:pt idx="1395">
                  <c:v>11.651690561342901</c:v>
                </c:pt>
                <c:pt idx="1396">
                  <c:v>11.656533739932325</c:v>
                </c:pt>
                <c:pt idx="1397">
                  <c:v>11.661376918521873</c:v>
                </c:pt>
                <c:pt idx="1398">
                  <c:v>11.666077650682297</c:v>
                </c:pt>
                <c:pt idx="1399">
                  <c:v>11.670920829271845</c:v>
                </c:pt>
                <c:pt idx="1400">
                  <c:v>11.675764007861266</c:v>
                </c:pt>
                <c:pt idx="1401">
                  <c:v>11.680464740021693</c:v>
                </c:pt>
                <c:pt idx="1402">
                  <c:v>11.685307918611242</c:v>
                </c:pt>
                <c:pt idx="1403">
                  <c:v>11.690151097200664</c:v>
                </c:pt>
                <c:pt idx="1404">
                  <c:v>11.694851829361088</c:v>
                </c:pt>
                <c:pt idx="1405">
                  <c:v>11.694851829361088</c:v>
                </c:pt>
                <c:pt idx="1406">
                  <c:v>11.699695007950636</c:v>
                </c:pt>
                <c:pt idx="1407">
                  <c:v>11.704538186540058</c:v>
                </c:pt>
                <c:pt idx="1408">
                  <c:v>11.709238918700484</c:v>
                </c:pt>
                <c:pt idx="1409">
                  <c:v>11.714082097290033</c:v>
                </c:pt>
                <c:pt idx="1410">
                  <c:v>11.718925275879581</c:v>
                </c:pt>
                <c:pt idx="1411">
                  <c:v>11.723626008039881</c:v>
                </c:pt>
                <c:pt idx="1412">
                  <c:v>11.728469186629429</c:v>
                </c:pt>
                <c:pt idx="1413">
                  <c:v>11.733312365218977</c:v>
                </c:pt>
                <c:pt idx="1414">
                  <c:v>11.738013097379275</c:v>
                </c:pt>
                <c:pt idx="1415">
                  <c:v>11.742856275968824</c:v>
                </c:pt>
                <c:pt idx="1416">
                  <c:v>11.752400186718798</c:v>
                </c:pt>
                <c:pt idx="1417">
                  <c:v>11.75724336530822</c:v>
                </c:pt>
                <c:pt idx="1418">
                  <c:v>11.762086543897768</c:v>
                </c:pt>
                <c:pt idx="1419">
                  <c:v>11.766787276058192</c:v>
                </c:pt>
                <c:pt idx="1420">
                  <c:v>11.771630454647614</c:v>
                </c:pt>
                <c:pt idx="1421">
                  <c:v>11.776473633237163</c:v>
                </c:pt>
                <c:pt idx="1422">
                  <c:v>11.78117436539759</c:v>
                </c:pt>
                <c:pt idx="1423">
                  <c:v>11.786017543987011</c:v>
                </c:pt>
                <c:pt idx="1424">
                  <c:v>11.790860722576559</c:v>
                </c:pt>
                <c:pt idx="1425">
                  <c:v>11.795561454736985</c:v>
                </c:pt>
                <c:pt idx="1426">
                  <c:v>11.800404633326407</c:v>
                </c:pt>
                <c:pt idx="1427">
                  <c:v>11.805247811915955</c:v>
                </c:pt>
                <c:pt idx="1428">
                  <c:v>11.809948544076381</c:v>
                </c:pt>
                <c:pt idx="1429">
                  <c:v>11.814791722665928</c:v>
                </c:pt>
                <c:pt idx="1430">
                  <c:v>11.81963490125535</c:v>
                </c:pt>
                <c:pt idx="1431">
                  <c:v>11.824335633415776</c:v>
                </c:pt>
                <c:pt idx="1432">
                  <c:v>11.834021990594747</c:v>
                </c:pt>
                <c:pt idx="1433">
                  <c:v>11.838865169184295</c:v>
                </c:pt>
                <c:pt idx="1434">
                  <c:v>11.84356590134472</c:v>
                </c:pt>
                <c:pt idx="1435">
                  <c:v>11.848409079934141</c:v>
                </c:pt>
                <c:pt idx="1436">
                  <c:v>11.853252258523691</c:v>
                </c:pt>
                <c:pt idx="1437">
                  <c:v>11.857952990684115</c:v>
                </c:pt>
                <c:pt idx="1438">
                  <c:v>11.862796169273665</c:v>
                </c:pt>
                <c:pt idx="1439">
                  <c:v>11.867639347863086</c:v>
                </c:pt>
                <c:pt idx="1440">
                  <c:v>11.877183258613059</c:v>
                </c:pt>
                <c:pt idx="1441">
                  <c:v>11.882026437202482</c:v>
                </c:pt>
                <c:pt idx="1442">
                  <c:v>11.891570347952456</c:v>
                </c:pt>
                <c:pt idx="1443">
                  <c:v>11.896413526541878</c:v>
                </c:pt>
                <c:pt idx="1444">
                  <c:v>11.901114258702304</c:v>
                </c:pt>
                <c:pt idx="1445">
                  <c:v>11.910800615881399</c:v>
                </c:pt>
                <c:pt idx="1446">
                  <c:v>11.915501348041698</c:v>
                </c:pt>
                <c:pt idx="1447">
                  <c:v>11.920344526631247</c:v>
                </c:pt>
                <c:pt idx="1448">
                  <c:v>11.925187705220795</c:v>
                </c:pt>
                <c:pt idx="1449">
                  <c:v>11.934731615970643</c:v>
                </c:pt>
                <c:pt idx="1450">
                  <c:v>11.939574794560192</c:v>
                </c:pt>
                <c:pt idx="1451">
                  <c:v>11.944275526720617</c:v>
                </c:pt>
                <c:pt idx="1452">
                  <c:v>11.949118705310038</c:v>
                </c:pt>
                <c:pt idx="1453">
                  <c:v>11.953961883899586</c:v>
                </c:pt>
                <c:pt idx="1454">
                  <c:v>11.958662616060012</c:v>
                </c:pt>
                <c:pt idx="1455">
                  <c:v>11.958662616060012</c:v>
                </c:pt>
                <c:pt idx="1456">
                  <c:v>11.963505794649434</c:v>
                </c:pt>
                <c:pt idx="1457">
                  <c:v>11.968348973238983</c:v>
                </c:pt>
                <c:pt idx="1458">
                  <c:v>11.977892883988829</c:v>
                </c:pt>
                <c:pt idx="1459">
                  <c:v>11.982736062578377</c:v>
                </c:pt>
                <c:pt idx="1460">
                  <c:v>11.987436794738803</c:v>
                </c:pt>
                <c:pt idx="1461">
                  <c:v>11.992279973328351</c:v>
                </c:pt>
                <c:pt idx="1462">
                  <c:v>11.997123151917773</c:v>
                </c:pt>
                <c:pt idx="1463">
                  <c:v>12.001823884078199</c:v>
                </c:pt>
                <c:pt idx="1464">
                  <c:v>12.006667062667749</c:v>
                </c:pt>
                <c:pt idx="1465">
                  <c:v>12.006667062667749</c:v>
                </c:pt>
                <c:pt idx="1466">
                  <c:v>12.01151024125717</c:v>
                </c:pt>
                <c:pt idx="1467">
                  <c:v>12.01151024125717</c:v>
                </c:pt>
                <c:pt idx="1468">
                  <c:v>12.016210973417595</c:v>
                </c:pt>
                <c:pt idx="1469">
                  <c:v>12.016210973417595</c:v>
                </c:pt>
                <c:pt idx="1470">
                  <c:v>12.021054152007142</c:v>
                </c:pt>
                <c:pt idx="1471">
                  <c:v>12.025897330596564</c:v>
                </c:pt>
                <c:pt idx="1472">
                  <c:v>12.030740509186113</c:v>
                </c:pt>
                <c:pt idx="1473">
                  <c:v>12.03544124134654</c:v>
                </c:pt>
                <c:pt idx="1474">
                  <c:v>12.03544124134654</c:v>
                </c:pt>
                <c:pt idx="1475">
                  <c:v>12.040284419935961</c:v>
                </c:pt>
                <c:pt idx="1476">
                  <c:v>12.045127598525509</c:v>
                </c:pt>
                <c:pt idx="1477">
                  <c:v>12.049828330685934</c:v>
                </c:pt>
                <c:pt idx="1478">
                  <c:v>12.054671509275483</c:v>
                </c:pt>
                <c:pt idx="1479">
                  <c:v>12.059514687864905</c:v>
                </c:pt>
                <c:pt idx="1480">
                  <c:v>12.064215420025331</c:v>
                </c:pt>
                <c:pt idx="1481">
                  <c:v>12.069058598614879</c:v>
                </c:pt>
                <c:pt idx="1482">
                  <c:v>12.0739017772043</c:v>
                </c:pt>
                <c:pt idx="1483">
                  <c:v>12.0739017772043</c:v>
                </c:pt>
                <c:pt idx="1484">
                  <c:v>12.0739017772043</c:v>
                </c:pt>
                <c:pt idx="1485">
                  <c:v>12.078602509364726</c:v>
                </c:pt>
                <c:pt idx="1486">
                  <c:v>12.078602509364726</c:v>
                </c:pt>
                <c:pt idx="1487">
                  <c:v>12.083445687954274</c:v>
                </c:pt>
                <c:pt idx="1488">
                  <c:v>12.088288866543696</c:v>
                </c:pt>
                <c:pt idx="1489">
                  <c:v>12.092989598704122</c:v>
                </c:pt>
                <c:pt idx="1490">
                  <c:v>12.09783277729367</c:v>
                </c:pt>
                <c:pt idx="1491">
                  <c:v>12.09783277729367</c:v>
                </c:pt>
                <c:pt idx="1492">
                  <c:v>12.102675955883218</c:v>
                </c:pt>
                <c:pt idx="1493">
                  <c:v>12.112219866633065</c:v>
                </c:pt>
                <c:pt idx="1494">
                  <c:v>12.121763777382911</c:v>
                </c:pt>
                <c:pt idx="1495">
                  <c:v>12.131450134562009</c:v>
                </c:pt>
                <c:pt idx="1496">
                  <c:v>12.136150866722435</c:v>
                </c:pt>
                <c:pt idx="1497">
                  <c:v>12.145837223901406</c:v>
                </c:pt>
                <c:pt idx="1498">
                  <c:v>12.150537956061831</c:v>
                </c:pt>
                <c:pt idx="1499">
                  <c:v>12.1602243132408</c:v>
                </c:pt>
                <c:pt idx="1500">
                  <c:v>12.169768223990648</c:v>
                </c:pt>
                <c:pt idx="1501">
                  <c:v>12.179312134740623</c:v>
                </c:pt>
                <c:pt idx="1502">
                  <c:v>12.188998491919591</c:v>
                </c:pt>
                <c:pt idx="1503">
                  <c:v>12.193699224080017</c:v>
                </c:pt>
                <c:pt idx="1504">
                  <c:v>12.203385581258988</c:v>
                </c:pt>
                <c:pt idx="1505">
                  <c:v>12.208228759848536</c:v>
                </c:pt>
                <c:pt idx="1506">
                  <c:v>12.212929492008962</c:v>
                </c:pt>
                <c:pt idx="1507">
                  <c:v>12.217772670598384</c:v>
                </c:pt>
                <c:pt idx="1508">
                  <c:v>12.222615849187934</c:v>
                </c:pt>
                <c:pt idx="1509">
                  <c:v>12.23215975993778</c:v>
                </c:pt>
                <c:pt idx="1510">
                  <c:v>12.237002938527327</c:v>
                </c:pt>
                <c:pt idx="1511">
                  <c:v>12.241703670687754</c:v>
                </c:pt>
                <c:pt idx="1512">
                  <c:v>12.246546849277301</c:v>
                </c:pt>
                <c:pt idx="1513">
                  <c:v>12.251390027866723</c:v>
                </c:pt>
                <c:pt idx="1514">
                  <c:v>12.251390027866723</c:v>
                </c:pt>
                <c:pt idx="1515">
                  <c:v>12.260933938616697</c:v>
                </c:pt>
                <c:pt idx="1516">
                  <c:v>12.265777117206119</c:v>
                </c:pt>
                <c:pt idx="1517">
                  <c:v>12.270477849366545</c:v>
                </c:pt>
                <c:pt idx="1518">
                  <c:v>12.270477849366545</c:v>
                </c:pt>
                <c:pt idx="1519">
                  <c:v>12.270477849366545</c:v>
                </c:pt>
                <c:pt idx="1520">
                  <c:v>12.275321027956092</c:v>
                </c:pt>
                <c:pt idx="1521">
                  <c:v>12.280164206545514</c:v>
                </c:pt>
                <c:pt idx="1522">
                  <c:v>12.28486493870594</c:v>
                </c:pt>
                <c:pt idx="1523">
                  <c:v>12.28970811729549</c:v>
                </c:pt>
                <c:pt idx="1524">
                  <c:v>12.294551295885036</c:v>
                </c:pt>
                <c:pt idx="1525">
                  <c:v>12.294551295885036</c:v>
                </c:pt>
                <c:pt idx="1526">
                  <c:v>12.294551295885036</c:v>
                </c:pt>
                <c:pt idx="1527">
                  <c:v>12.294551295885036</c:v>
                </c:pt>
                <c:pt idx="1528">
                  <c:v>12.299252028045336</c:v>
                </c:pt>
                <c:pt idx="1529">
                  <c:v>12.304095206634884</c:v>
                </c:pt>
                <c:pt idx="1530">
                  <c:v>12.313639117384731</c:v>
                </c:pt>
                <c:pt idx="1531">
                  <c:v>12.318482295974281</c:v>
                </c:pt>
                <c:pt idx="1532">
                  <c:v>12.323325474563829</c:v>
                </c:pt>
                <c:pt idx="1533">
                  <c:v>12.328026206724253</c:v>
                </c:pt>
                <c:pt idx="1534">
                  <c:v>12.328026206724253</c:v>
                </c:pt>
                <c:pt idx="1535">
                  <c:v>12.332869385313675</c:v>
                </c:pt>
                <c:pt idx="1536">
                  <c:v>12.337712563903223</c:v>
                </c:pt>
                <c:pt idx="1537">
                  <c:v>12.34725647465307</c:v>
                </c:pt>
                <c:pt idx="1538">
                  <c:v>12.35209965324262</c:v>
                </c:pt>
                <c:pt idx="1539">
                  <c:v>12.356800385403046</c:v>
                </c:pt>
                <c:pt idx="1540">
                  <c:v>12.361643563992468</c:v>
                </c:pt>
                <c:pt idx="1541">
                  <c:v>12.366486742582014</c:v>
                </c:pt>
                <c:pt idx="1542">
                  <c:v>12.37118747474244</c:v>
                </c:pt>
                <c:pt idx="1543">
                  <c:v>12.376030653331989</c:v>
                </c:pt>
                <c:pt idx="1544">
                  <c:v>12.380873831921411</c:v>
                </c:pt>
                <c:pt idx="1545">
                  <c:v>12.385574564081837</c:v>
                </c:pt>
                <c:pt idx="1546">
                  <c:v>12.390417742671385</c:v>
                </c:pt>
                <c:pt idx="1547">
                  <c:v>12.395260921260807</c:v>
                </c:pt>
                <c:pt idx="1548">
                  <c:v>12.400104099850356</c:v>
                </c:pt>
                <c:pt idx="1549">
                  <c:v>12.400104099850356</c:v>
                </c:pt>
                <c:pt idx="1550">
                  <c:v>12.404804832010781</c:v>
                </c:pt>
                <c:pt idx="1551">
                  <c:v>12.409648010600202</c:v>
                </c:pt>
                <c:pt idx="1552">
                  <c:v>12.41449118918975</c:v>
                </c:pt>
                <c:pt idx="1553">
                  <c:v>12.419191921350176</c:v>
                </c:pt>
                <c:pt idx="1554">
                  <c:v>12.419191921350176</c:v>
                </c:pt>
                <c:pt idx="1555">
                  <c:v>12.424035099939724</c:v>
                </c:pt>
                <c:pt idx="1556">
                  <c:v>12.428878278529147</c:v>
                </c:pt>
                <c:pt idx="1557">
                  <c:v>12.43357901068957</c:v>
                </c:pt>
                <c:pt idx="1558">
                  <c:v>12.43842218927912</c:v>
                </c:pt>
                <c:pt idx="1559">
                  <c:v>12.443265367868541</c:v>
                </c:pt>
                <c:pt idx="1560">
                  <c:v>12.447966100028967</c:v>
                </c:pt>
                <c:pt idx="1561">
                  <c:v>12.452809278618515</c:v>
                </c:pt>
                <c:pt idx="1562">
                  <c:v>12.457652457207939</c:v>
                </c:pt>
                <c:pt idx="1563">
                  <c:v>12.462353189368363</c:v>
                </c:pt>
                <c:pt idx="1564">
                  <c:v>12.467196367957913</c:v>
                </c:pt>
                <c:pt idx="1565">
                  <c:v>12.467196367957913</c:v>
                </c:pt>
                <c:pt idx="1566">
                  <c:v>12.472039546547332</c:v>
                </c:pt>
                <c:pt idx="1567">
                  <c:v>12.476740278707759</c:v>
                </c:pt>
                <c:pt idx="1568">
                  <c:v>12.481583457297306</c:v>
                </c:pt>
                <c:pt idx="1569">
                  <c:v>12.491127368047154</c:v>
                </c:pt>
                <c:pt idx="1570">
                  <c:v>12.495970546636704</c:v>
                </c:pt>
                <c:pt idx="1571">
                  <c:v>12.500813725226251</c:v>
                </c:pt>
                <c:pt idx="1572">
                  <c:v>12.50551445738655</c:v>
                </c:pt>
                <c:pt idx="1573">
                  <c:v>12.50551445738655</c:v>
                </c:pt>
                <c:pt idx="1574">
                  <c:v>12.510357635976098</c:v>
                </c:pt>
                <c:pt idx="1575">
                  <c:v>12.519901546726071</c:v>
                </c:pt>
                <c:pt idx="1576">
                  <c:v>12.524744725315495</c:v>
                </c:pt>
                <c:pt idx="1577">
                  <c:v>12.529587903905043</c:v>
                </c:pt>
                <c:pt idx="1578">
                  <c:v>12.539131814654889</c:v>
                </c:pt>
                <c:pt idx="1579">
                  <c:v>12.543974993244438</c:v>
                </c:pt>
                <c:pt idx="1580">
                  <c:v>12.548675725404863</c:v>
                </c:pt>
                <c:pt idx="1581">
                  <c:v>12.558362082583834</c:v>
                </c:pt>
                <c:pt idx="1582">
                  <c:v>12.56306281474426</c:v>
                </c:pt>
                <c:pt idx="1583">
                  <c:v>12.567905993333808</c:v>
                </c:pt>
                <c:pt idx="1584">
                  <c:v>12.577592350512777</c:v>
                </c:pt>
                <c:pt idx="1585">
                  <c:v>12.582293082673203</c:v>
                </c:pt>
                <c:pt idx="1586">
                  <c:v>12.591979439852173</c:v>
                </c:pt>
                <c:pt idx="1587">
                  <c:v>12.596680172012599</c:v>
                </c:pt>
                <c:pt idx="1588">
                  <c:v>12.60636652919157</c:v>
                </c:pt>
                <c:pt idx="1589">
                  <c:v>12.611067261351995</c:v>
                </c:pt>
                <c:pt idx="1590">
                  <c:v>12.620753618530964</c:v>
                </c:pt>
                <c:pt idx="1591">
                  <c:v>12.62545435069139</c:v>
                </c:pt>
                <c:pt idx="1592">
                  <c:v>12.63029752928094</c:v>
                </c:pt>
                <c:pt idx="1593">
                  <c:v>12.639841440030787</c:v>
                </c:pt>
                <c:pt idx="1594">
                  <c:v>12.644684618620333</c:v>
                </c:pt>
                <c:pt idx="1595">
                  <c:v>12.649527797209755</c:v>
                </c:pt>
                <c:pt idx="1596">
                  <c:v>12.654228529370181</c:v>
                </c:pt>
                <c:pt idx="1597">
                  <c:v>12.659071707959731</c:v>
                </c:pt>
                <c:pt idx="1598">
                  <c:v>12.663914886549152</c:v>
                </c:pt>
                <c:pt idx="1599">
                  <c:v>12.668615618709577</c:v>
                </c:pt>
                <c:pt idx="1600">
                  <c:v>12.673458797299126</c:v>
                </c:pt>
                <c:pt idx="1601">
                  <c:v>12.683002708048972</c:v>
                </c:pt>
                <c:pt idx="1602">
                  <c:v>12.683002708048972</c:v>
                </c:pt>
                <c:pt idx="1603">
                  <c:v>12.68784588663852</c:v>
                </c:pt>
                <c:pt idx="1604">
                  <c:v>12.69268906522807</c:v>
                </c:pt>
                <c:pt idx="1605">
                  <c:v>12.702232975977918</c:v>
                </c:pt>
                <c:pt idx="1606">
                  <c:v>12.707076154567465</c:v>
                </c:pt>
                <c:pt idx="1607">
                  <c:v>12.71177688672789</c:v>
                </c:pt>
                <c:pt idx="1608">
                  <c:v>12.716620065317311</c:v>
                </c:pt>
                <c:pt idx="1609">
                  <c:v>12.721463243906861</c:v>
                </c:pt>
                <c:pt idx="1610">
                  <c:v>12.721463243906861</c:v>
                </c:pt>
                <c:pt idx="1611">
                  <c:v>12.726163976067287</c:v>
                </c:pt>
                <c:pt idx="1612">
                  <c:v>12.731007154656709</c:v>
                </c:pt>
                <c:pt idx="1613">
                  <c:v>12.735850333246256</c:v>
                </c:pt>
                <c:pt idx="1614">
                  <c:v>12.740551065406683</c:v>
                </c:pt>
                <c:pt idx="1615">
                  <c:v>12.745394243996104</c:v>
                </c:pt>
                <c:pt idx="1616">
                  <c:v>12.745394243996104</c:v>
                </c:pt>
                <c:pt idx="1617">
                  <c:v>12.750237422585652</c:v>
                </c:pt>
                <c:pt idx="1618">
                  <c:v>12.754938154746078</c:v>
                </c:pt>
                <c:pt idx="1619">
                  <c:v>12.759781333335626</c:v>
                </c:pt>
                <c:pt idx="1620">
                  <c:v>12.759781333335626</c:v>
                </c:pt>
                <c:pt idx="1621">
                  <c:v>12.764624511925048</c:v>
                </c:pt>
                <c:pt idx="1622">
                  <c:v>12.769467690514597</c:v>
                </c:pt>
                <c:pt idx="1623">
                  <c:v>12.774168422675022</c:v>
                </c:pt>
                <c:pt idx="1624">
                  <c:v>12.779011601264445</c:v>
                </c:pt>
                <c:pt idx="1625">
                  <c:v>12.783854779853993</c:v>
                </c:pt>
                <c:pt idx="1626">
                  <c:v>12.783854779853993</c:v>
                </c:pt>
                <c:pt idx="1627">
                  <c:v>12.788555512014417</c:v>
                </c:pt>
                <c:pt idx="1628">
                  <c:v>12.788555512014417</c:v>
                </c:pt>
                <c:pt idx="1629">
                  <c:v>12.793398690603839</c:v>
                </c:pt>
                <c:pt idx="1630">
                  <c:v>12.798241869193388</c:v>
                </c:pt>
                <c:pt idx="1631">
                  <c:v>12.798241869193388</c:v>
                </c:pt>
                <c:pt idx="1632">
                  <c:v>12.802942601353813</c:v>
                </c:pt>
                <c:pt idx="1633">
                  <c:v>12.807785779943362</c:v>
                </c:pt>
                <c:pt idx="1634">
                  <c:v>12.812628958532784</c:v>
                </c:pt>
                <c:pt idx="1635">
                  <c:v>12.817329690693208</c:v>
                </c:pt>
                <c:pt idx="1636">
                  <c:v>12.822172869282756</c:v>
                </c:pt>
                <c:pt idx="1637">
                  <c:v>12.827016047872178</c:v>
                </c:pt>
                <c:pt idx="1638">
                  <c:v>12.827016047872178</c:v>
                </c:pt>
                <c:pt idx="1639">
                  <c:v>12.831716780032604</c:v>
                </c:pt>
                <c:pt idx="1640">
                  <c:v>12.836559958622153</c:v>
                </c:pt>
                <c:pt idx="1641">
                  <c:v>12.846103869372001</c:v>
                </c:pt>
                <c:pt idx="1642">
                  <c:v>12.850947047961549</c:v>
                </c:pt>
                <c:pt idx="1643">
                  <c:v>12.860490958711395</c:v>
                </c:pt>
                <c:pt idx="1644">
                  <c:v>12.865334137300945</c:v>
                </c:pt>
                <c:pt idx="1645">
                  <c:v>12.870177315890492</c:v>
                </c:pt>
                <c:pt idx="1646">
                  <c:v>12.874878048050793</c:v>
                </c:pt>
                <c:pt idx="1647">
                  <c:v>12.87972122664034</c:v>
                </c:pt>
                <c:pt idx="1648">
                  <c:v>12.88456440522989</c:v>
                </c:pt>
                <c:pt idx="1649">
                  <c:v>12.889265137390312</c:v>
                </c:pt>
                <c:pt idx="1650">
                  <c:v>12.894108315979736</c:v>
                </c:pt>
                <c:pt idx="1651">
                  <c:v>12.894108315979736</c:v>
                </c:pt>
                <c:pt idx="1652">
                  <c:v>12.90365222672971</c:v>
                </c:pt>
                <c:pt idx="1653">
                  <c:v>12.908495405319131</c:v>
                </c:pt>
                <c:pt idx="1654">
                  <c:v>12.913338583908679</c:v>
                </c:pt>
                <c:pt idx="1655">
                  <c:v>12.918039316069105</c:v>
                </c:pt>
                <c:pt idx="1656">
                  <c:v>12.922882494658527</c:v>
                </c:pt>
                <c:pt idx="1657">
                  <c:v>12.922882494658527</c:v>
                </c:pt>
                <c:pt idx="1658">
                  <c:v>12.927725673248075</c:v>
                </c:pt>
                <c:pt idx="1659">
                  <c:v>12.932426405408501</c:v>
                </c:pt>
                <c:pt idx="1660">
                  <c:v>12.937269583997923</c:v>
                </c:pt>
                <c:pt idx="1661">
                  <c:v>12.94211276258747</c:v>
                </c:pt>
                <c:pt idx="1662">
                  <c:v>12.946813494747897</c:v>
                </c:pt>
                <c:pt idx="1663">
                  <c:v>12.951656673337446</c:v>
                </c:pt>
                <c:pt idx="1664">
                  <c:v>12.956499851926868</c:v>
                </c:pt>
                <c:pt idx="1665">
                  <c:v>12.961343030516414</c:v>
                </c:pt>
                <c:pt idx="1666">
                  <c:v>12.96604376267684</c:v>
                </c:pt>
                <c:pt idx="1667">
                  <c:v>12.970886941266262</c:v>
                </c:pt>
                <c:pt idx="1668">
                  <c:v>12.970886941266262</c:v>
                </c:pt>
                <c:pt idx="1669">
                  <c:v>12.975730119855811</c:v>
                </c:pt>
                <c:pt idx="1670">
                  <c:v>12.980430852016237</c:v>
                </c:pt>
                <c:pt idx="1671">
                  <c:v>12.985274030605659</c:v>
                </c:pt>
                <c:pt idx="1672">
                  <c:v>12.990117209195207</c:v>
                </c:pt>
                <c:pt idx="1673">
                  <c:v>12.999661119945179</c:v>
                </c:pt>
                <c:pt idx="1674">
                  <c:v>13.004504298534602</c:v>
                </c:pt>
                <c:pt idx="1675">
                  <c:v>13.009205030695027</c:v>
                </c:pt>
                <c:pt idx="1676">
                  <c:v>13.018891387873998</c:v>
                </c:pt>
                <c:pt idx="1677">
                  <c:v>13.023592120034424</c:v>
                </c:pt>
                <c:pt idx="1678">
                  <c:v>13.02843529862397</c:v>
                </c:pt>
                <c:pt idx="1679">
                  <c:v>13.033278477213393</c:v>
                </c:pt>
                <c:pt idx="1680">
                  <c:v>13.042822387963367</c:v>
                </c:pt>
                <c:pt idx="1681">
                  <c:v>13.047665566552915</c:v>
                </c:pt>
                <c:pt idx="1682">
                  <c:v>13.052366298713215</c:v>
                </c:pt>
                <c:pt idx="1683">
                  <c:v>13.062052655892312</c:v>
                </c:pt>
                <c:pt idx="1684">
                  <c:v>13.066753388052609</c:v>
                </c:pt>
                <c:pt idx="1685">
                  <c:v>13.071596566642159</c:v>
                </c:pt>
                <c:pt idx="1686">
                  <c:v>13.071596566642159</c:v>
                </c:pt>
                <c:pt idx="1687">
                  <c:v>13.076439745231706</c:v>
                </c:pt>
                <c:pt idx="1688">
                  <c:v>13.081140477392132</c:v>
                </c:pt>
                <c:pt idx="1689">
                  <c:v>13.081140477392132</c:v>
                </c:pt>
                <c:pt idx="1690">
                  <c:v>13.081140477392132</c:v>
                </c:pt>
                <c:pt idx="1691">
                  <c:v>13.085983655981554</c:v>
                </c:pt>
                <c:pt idx="1692">
                  <c:v>13.085983655981554</c:v>
                </c:pt>
                <c:pt idx="1693">
                  <c:v>13.085983655981554</c:v>
                </c:pt>
                <c:pt idx="1694">
                  <c:v>13.085983655981554</c:v>
                </c:pt>
                <c:pt idx="1695">
                  <c:v>13.090826834571104</c:v>
                </c:pt>
                <c:pt idx="1696">
                  <c:v>13.095527566731528</c:v>
                </c:pt>
                <c:pt idx="1697">
                  <c:v>13.10037074532095</c:v>
                </c:pt>
                <c:pt idx="1698">
                  <c:v>13.10037074532095</c:v>
                </c:pt>
                <c:pt idx="1699">
                  <c:v>13.105213923910497</c:v>
                </c:pt>
                <c:pt idx="1700">
                  <c:v>13.105213923910497</c:v>
                </c:pt>
                <c:pt idx="1701">
                  <c:v>13.105213923910497</c:v>
                </c:pt>
                <c:pt idx="1702">
                  <c:v>13.109914656070924</c:v>
                </c:pt>
                <c:pt idx="1703">
                  <c:v>13.109914656070924</c:v>
                </c:pt>
                <c:pt idx="1704">
                  <c:v>13.109914656070924</c:v>
                </c:pt>
                <c:pt idx="1705">
                  <c:v>13.114757834660345</c:v>
                </c:pt>
                <c:pt idx="1706">
                  <c:v>13.114757834660345</c:v>
                </c:pt>
                <c:pt idx="1707">
                  <c:v>13.114757834660345</c:v>
                </c:pt>
                <c:pt idx="1708">
                  <c:v>13.114757834660345</c:v>
                </c:pt>
                <c:pt idx="1709">
                  <c:v>13.119601013249895</c:v>
                </c:pt>
                <c:pt idx="1710">
                  <c:v>13.124301745410319</c:v>
                </c:pt>
                <c:pt idx="1711">
                  <c:v>13.124301745410319</c:v>
                </c:pt>
                <c:pt idx="1712">
                  <c:v>13.129144923999743</c:v>
                </c:pt>
                <c:pt idx="1713">
                  <c:v>13.138831281178838</c:v>
                </c:pt>
                <c:pt idx="1714">
                  <c:v>13.143532013339263</c:v>
                </c:pt>
                <c:pt idx="1715">
                  <c:v>13.148375191928686</c:v>
                </c:pt>
                <c:pt idx="1716">
                  <c:v>13.15791910267866</c:v>
                </c:pt>
                <c:pt idx="1717">
                  <c:v>13.167605459857629</c:v>
                </c:pt>
                <c:pt idx="1718">
                  <c:v>13.172306192018054</c:v>
                </c:pt>
                <c:pt idx="1719">
                  <c:v>13.181992549197025</c:v>
                </c:pt>
                <c:pt idx="1720">
                  <c:v>13.191536459946999</c:v>
                </c:pt>
                <c:pt idx="1721">
                  <c:v>13.19637963853642</c:v>
                </c:pt>
                <c:pt idx="1722">
                  <c:v>13.201080370696847</c:v>
                </c:pt>
                <c:pt idx="1723">
                  <c:v>13.205923549286394</c:v>
                </c:pt>
                <c:pt idx="1724">
                  <c:v>13.210766727875816</c:v>
                </c:pt>
                <c:pt idx="1725">
                  <c:v>13.210766727875816</c:v>
                </c:pt>
                <c:pt idx="1726">
                  <c:v>13.215467460036242</c:v>
                </c:pt>
                <c:pt idx="1727">
                  <c:v>13.225153817215212</c:v>
                </c:pt>
                <c:pt idx="1728">
                  <c:v>13.229854549375638</c:v>
                </c:pt>
                <c:pt idx="1729">
                  <c:v>13.234697727965187</c:v>
                </c:pt>
                <c:pt idx="1730">
                  <c:v>13.239540906554735</c:v>
                </c:pt>
                <c:pt idx="1731">
                  <c:v>13.249084817304581</c:v>
                </c:pt>
                <c:pt idx="1732">
                  <c:v>13.253927995894129</c:v>
                </c:pt>
                <c:pt idx="1733">
                  <c:v>13.258628728054429</c:v>
                </c:pt>
                <c:pt idx="1734">
                  <c:v>13.263471906643977</c:v>
                </c:pt>
                <c:pt idx="1735">
                  <c:v>13.268315085233526</c:v>
                </c:pt>
                <c:pt idx="1736">
                  <c:v>13.273015817393951</c:v>
                </c:pt>
                <c:pt idx="1737">
                  <c:v>13.277858995983372</c:v>
                </c:pt>
                <c:pt idx="1738">
                  <c:v>13.28270217457292</c:v>
                </c:pt>
                <c:pt idx="1739">
                  <c:v>13.28270217457292</c:v>
                </c:pt>
                <c:pt idx="1740">
                  <c:v>13.287402906733346</c:v>
                </c:pt>
                <c:pt idx="1741">
                  <c:v>13.292246085322768</c:v>
                </c:pt>
                <c:pt idx="1742">
                  <c:v>13.292246085322768</c:v>
                </c:pt>
                <c:pt idx="1743">
                  <c:v>13.292246085322768</c:v>
                </c:pt>
                <c:pt idx="1744">
                  <c:v>13.297089263912317</c:v>
                </c:pt>
                <c:pt idx="1745">
                  <c:v>13.297089263912317</c:v>
                </c:pt>
                <c:pt idx="1746">
                  <c:v>13.301789996072744</c:v>
                </c:pt>
                <c:pt idx="1747">
                  <c:v>13.306633174662165</c:v>
                </c:pt>
                <c:pt idx="1748">
                  <c:v>13.311476353251711</c:v>
                </c:pt>
                <c:pt idx="1749">
                  <c:v>13.316177085412138</c:v>
                </c:pt>
                <c:pt idx="1750">
                  <c:v>13.321020264001687</c:v>
                </c:pt>
                <c:pt idx="1751">
                  <c:v>13.325863442591109</c:v>
                </c:pt>
                <c:pt idx="1752">
                  <c:v>13.330706621180656</c:v>
                </c:pt>
                <c:pt idx="1753">
                  <c:v>13.335407353341083</c:v>
                </c:pt>
                <c:pt idx="1754">
                  <c:v>13.340250531930504</c:v>
                </c:pt>
                <c:pt idx="1755">
                  <c:v>13.345093710520054</c:v>
                </c:pt>
                <c:pt idx="1756">
                  <c:v>13.349794442680476</c:v>
                </c:pt>
                <c:pt idx="1757">
                  <c:v>13.359480799859448</c:v>
                </c:pt>
                <c:pt idx="1758">
                  <c:v>13.364181532019874</c:v>
                </c:pt>
                <c:pt idx="1759">
                  <c:v>13.373867889198845</c:v>
                </c:pt>
                <c:pt idx="1760">
                  <c:v>13.378568621359268</c:v>
                </c:pt>
                <c:pt idx="1761">
                  <c:v>13.383411799948817</c:v>
                </c:pt>
                <c:pt idx="1762">
                  <c:v>13.388254978538239</c:v>
                </c:pt>
                <c:pt idx="1763">
                  <c:v>13.392955710698665</c:v>
                </c:pt>
                <c:pt idx="1764">
                  <c:v>13.397798889288213</c:v>
                </c:pt>
                <c:pt idx="1765">
                  <c:v>13.402642067877634</c:v>
                </c:pt>
                <c:pt idx="1766">
                  <c:v>13.407342800038061</c:v>
                </c:pt>
                <c:pt idx="1767">
                  <c:v>13.41218597862761</c:v>
                </c:pt>
                <c:pt idx="1768">
                  <c:v>13.417029157217032</c:v>
                </c:pt>
                <c:pt idx="1769">
                  <c:v>13.421729889377456</c:v>
                </c:pt>
                <c:pt idx="1770">
                  <c:v>13.426573067967004</c:v>
                </c:pt>
                <c:pt idx="1771">
                  <c:v>13.431416246556553</c:v>
                </c:pt>
                <c:pt idx="1772">
                  <c:v>13.436116978716852</c:v>
                </c:pt>
                <c:pt idx="1773">
                  <c:v>13.440960157306401</c:v>
                </c:pt>
                <c:pt idx="1774">
                  <c:v>13.445803335895949</c:v>
                </c:pt>
                <c:pt idx="1775">
                  <c:v>13.445803335895949</c:v>
                </c:pt>
                <c:pt idx="1776">
                  <c:v>13.450504068056247</c:v>
                </c:pt>
                <c:pt idx="1777">
                  <c:v>13.460190425235345</c:v>
                </c:pt>
                <c:pt idx="1778">
                  <c:v>13.464891157395769</c:v>
                </c:pt>
                <c:pt idx="1779">
                  <c:v>13.47457751457474</c:v>
                </c:pt>
                <c:pt idx="1780">
                  <c:v>13.479278246735166</c:v>
                </c:pt>
                <c:pt idx="1781">
                  <c:v>13.484121425324588</c:v>
                </c:pt>
                <c:pt idx="1782">
                  <c:v>13.484121425324588</c:v>
                </c:pt>
                <c:pt idx="1783">
                  <c:v>13.488964603914134</c:v>
                </c:pt>
                <c:pt idx="1784">
                  <c:v>13.49366533607456</c:v>
                </c:pt>
                <c:pt idx="1785">
                  <c:v>13.498508514663982</c:v>
                </c:pt>
                <c:pt idx="1786">
                  <c:v>13.503351693253531</c:v>
                </c:pt>
                <c:pt idx="1787">
                  <c:v>13.508194871843079</c:v>
                </c:pt>
                <c:pt idx="1788">
                  <c:v>13.512895604003505</c:v>
                </c:pt>
                <c:pt idx="1789">
                  <c:v>13.522581961182475</c:v>
                </c:pt>
                <c:pt idx="1790">
                  <c:v>13.527282693342901</c:v>
                </c:pt>
                <c:pt idx="1791">
                  <c:v>13.53696905052187</c:v>
                </c:pt>
                <c:pt idx="1792">
                  <c:v>13.541669782682296</c:v>
                </c:pt>
                <c:pt idx="1793">
                  <c:v>13.546512961271718</c:v>
                </c:pt>
                <c:pt idx="1794">
                  <c:v>13.556056872021692</c:v>
                </c:pt>
                <c:pt idx="1795">
                  <c:v>13.560900050611114</c:v>
                </c:pt>
                <c:pt idx="1796">
                  <c:v>13.565743229200661</c:v>
                </c:pt>
                <c:pt idx="1797">
                  <c:v>13.570443961361088</c:v>
                </c:pt>
                <c:pt idx="1798">
                  <c:v>13.575287139950635</c:v>
                </c:pt>
                <c:pt idx="1799">
                  <c:v>13.580130318540059</c:v>
                </c:pt>
                <c:pt idx="1800">
                  <c:v>13.584831050700483</c:v>
                </c:pt>
                <c:pt idx="1801">
                  <c:v>13.589674229290031</c:v>
                </c:pt>
                <c:pt idx="1802">
                  <c:v>13.589674229290031</c:v>
                </c:pt>
                <c:pt idx="1803">
                  <c:v>13.594517407879453</c:v>
                </c:pt>
                <c:pt idx="1804">
                  <c:v>13.594517407879453</c:v>
                </c:pt>
                <c:pt idx="1805">
                  <c:v>13.594517407879453</c:v>
                </c:pt>
                <c:pt idx="1806">
                  <c:v>13.599218140039879</c:v>
                </c:pt>
                <c:pt idx="1807">
                  <c:v>13.604061318629427</c:v>
                </c:pt>
                <c:pt idx="1808">
                  <c:v>13.604061318629427</c:v>
                </c:pt>
                <c:pt idx="1809">
                  <c:v>13.60890449721885</c:v>
                </c:pt>
                <c:pt idx="1810">
                  <c:v>13.613605229379274</c:v>
                </c:pt>
                <c:pt idx="1811">
                  <c:v>13.618448407968824</c:v>
                </c:pt>
                <c:pt idx="1812">
                  <c:v>13.618448407968824</c:v>
                </c:pt>
                <c:pt idx="1813">
                  <c:v>13.623291586558372</c:v>
                </c:pt>
                <c:pt idx="1814">
                  <c:v>13.623291586558372</c:v>
                </c:pt>
                <c:pt idx="1815">
                  <c:v>13.62799231871867</c:v>
                </c:pt>
                <c:pt idx="1816">
                  <c:v>13.62799231871867</c:v>
                </c:pt>
                <c:pt idx="1817">
                  <c:v>13.62799231871867</c:v>
                </c:pt>
                <c:pt idx="1818">
                  <c:v>13.632835497308218</c:v>
                </c:pt>
                <c:pt idx="1819">
                  <c:v>13.637678675897767</c:v>
                </c:pt>
                <c:pt idx="1820">
                  <c:v>13.637678675897767</c:v>
                </c:pt>
                <c:pt idx="1821">
                  <c:v>13.642379408058066</c:v>
                </c:pt>
                <c:pt idx="1822">
                  <c:v>13.642379408058066</c:v>
                </c:pt>
                <c:pt idx="1823">
                  <c:v>13.647222586647615</c:v>
                </c:pt>
                <c:pt idx="1824">
                  <c:v>13.652065765237163</c:v>
                </c:pt>
                <c:pt idx="1825">
                  <c:v>13.656766497397587</c:v>
                </c:pt>
                <c:pt idx="1826">
                  <c:v>13.661609675987009</c:v>
                </c:pt>
                <c:pt idx="1827">
                  <c:v>13.666452854576558</c:v>
                </c:pt>
                <c:pt idx="1828">
                  <c:v>13.666452854576558</c:v>
                </c:pt>
                <c:pt idx="1829">
                  <c:v>13.671153586736985</c:v>
                </c:pt>
                <c:pt idx="1830">
                  <c:v>13.680839943915954</c:v>
                </c:pt>
                <c:pt idx="1831">
                  <c:v>13.68554067607638</c:v>
                </c:pt>
                <c:pt idx="1832">
                  <c:v>13.690383854665802</c:v>
                </c:pt>
                <c:pt idx="1833">
                  <c:v>13.700070211844897</c:v>
                </c:pt>
                <c:pt idx="1834">
                  <c:v>13.704770944005324</c:v>
                </c:pt>
                <c:pt idx="1835">
                  <c:v>13.709614122594745</c:v>
                </c:pt>
                <c:pt idx="1836">
                  <c:v>13.714457301184295</c:v>
                </c:pt>
                <c:pt idx="1837">
                  <c:v>13.719158033344719</c:v>
                </c:pt>
                <c:pt idx="1838">
                  <c:v>13.724001211934141</c:v>
                </c:pt>
                <c:pt idx="1839">
                  <c:v>13.72884439052369</c:v>
                </c:pt>
                <c:pt idx="1840">
                  <c:v>13.733545122684115</c:v>
                </c:pt>
                <c:pt idx="1841">
                  <c:v>13.738388301273536</c:v>
                </c:pt>
                <c:pt idx="1842">
                  <c:v>13.743231479863084</c:v>
                </c:pt>
                <c:pt idx="1843">
                  <c:v>13.74793221202351</c:v>
                </c:pt>
                <c:pt idx="1844">
                  <c:v>13.75277539061306</c:v>
                </c:pt>
                <c:pt idx="1845">
                  <c:v>13.75277539061306</c:v>
                </c:pt>
                <c:pt idx="1846">
                  <c:v>13.757618569202481</c:v>
                </c:pt>
                <c:pt idx="1847">
                  <c:v>13.762319301362908</c:v>
                </c:pt>
                <c:pt idx="1848">
                  <c:v>13.767162479952454</c:v>
                </c:pt>
                <c:pt idx="1849">
                  <c:v>13.767162479952454</c:v>
                </c:pt>
                <c:pt idx="1850">
                  <c:v>13.772005658541875</c:v>
                </c:pt>
                <c:pt idx="1851">
                  <c:v>13.776706390702302</c:v>
                </c:pt>
                <c:pt idx="1852">
                  <c:v>13.781549569291851</c:v>
                </c:pt>
                <c:pt idx="1853">
                  <c:v>13.786392747881273</c:v>
                </c:pt>
                <c:pt idx="1854">
                  <c:v>13.795936658631247</c:v>
                </c:pt>
                <c:pt idx="1855">
                  <c:v>13.800779837220668</c:v>
                </c:pt>
                <c:pt idx="1856">
                  <c:v>13.800779837220668</c:v>
                </c:pt>
                <c:pt idx="1857">
                  <c:v>13.805480569381093</c:v>
                </c:pt>
                <c:pt idx="1858">
                  <c:v>13.805480569381093</c:v>
                </c:pt>
                <c:pt idx="1859">
                  <c:v>13.810323747970642</c:v>
                </c:pt>
                <c:pt idx="1860">
                  <c:v>13.810323747970642</c:v>
                </c:pt>
                <c:pt idx="1861">
                  <c:v>13.81516692656019</c:v>
                </c:pt>
                <c:pt idx="1862">
                  <c:v>13.81986765872049</c:v>
                </c:pt>
                <c:pt idx="1863">
                  <c:v>13.824710837310038</c:v>
                </c:pt>
                <c:pt idx="1864">
                  <c:v>13.829554015899586</c:v>
                </c:pt>
                <c:pt idx="1865">
                  <c:v>13.834254748059884</c:v>
                </c:pt>
                <c:pt idx="1866">
                  <c:v>13.839097926649432</c:v>
                </c:pt>
                <c:pt idx="1867">
                  <c:v>13.839097926649432</c:v>
                </c:pt>
                <c:pt idx="1868">
                  <c:v>13.843941105238981</c:v>
                </c:pt>
                <c:pt idx="1869">
                  <c:v>13.848641837399407</c:v>
                </c:pt>
                <c:pt idx="1870">
                  <c:v>13.853485015988829</c:v>
                </c:pt>
                <c:pt idx="1871">
                  <c:v>13.858328194578377</c:v>
                </c:pt>
                <c:pt idx="1872">
                  <c:v>13.863028926738803</c:v>
                </c:pt>
                <c:pt idx="1873">
                  <c:v>13.867872105328225</c:v>
                </c:pt>
                <c:pt idx="1874">
                  <c:v>13.872715283917772</c:v>
                </c:pt>
                <c:pt idx="1875">
                  <c:v>13.877416016078199</c:v>
                </c:pt>
                <c:pt idx="1876">
                  <c:v>13.88225919466762</c:v>
                </c:pt>
                <c:pt idx="1877">
                  <c:v>13.887102373257168</c:v>
                </c:pt>
                <c:pt idx="1878">
                  <c:v>13.891945551846717</c:v>
                </c:pt>
                <c:pt idx="1879">
                  <c:v>13.896646284007144</c:v>
                </c:pt>
                <c:pt idx="1880">
                  <c:v>13.901489462596565</c:v>
                </c:pt>
                <c:pt idx="1881">
                  <c:v>13.901489462596565</c:v>
                </c:pt>
                <c:pt idx="1882">
                  <c:v>13.911033373346537</c:v>
                </c:pt>
                <c:pt idx="1883">
                  <c:v>13.915876551935959</c:v>
                </c:pt>
                <c:pt idx="1884">
                  <c:v>13.920719730525509</c:v>
                </c:pt>
                <c:pt idx="1885">
                  <c:v>13.925420462685933</c:v>
                </c:pt>
                <c:pt idx="1886">
                  <c:v>13.935106819864904</c:v>
                </c:pt>
                <c:pt idx="1887">
                  <c:v>13.939807552025329</c:v>
                </c:pt>
                <c:pt idx="1888">
                  <c:v>13.944650730614876</c:v>
                </c:pt>
                <c:pt idx="1889">
                  <c:v>13.9494939092043</c:v>
                </c:pt>
                <c:pt idx="1890">
                  <c:v>13.954194641364724</c:v>
                </c:pt>
                <c:pt idx="1891">
                  <c:v>13.959037819954274</c:v>
                </c:pt>
                <c:pt idx="1892">
                  <c:v>13.963880998543695</c:v>
                </c:pt>
                <c:pt idx="1893">
                  <c:v>13.968581730704122</c:v>
                </c:pt>
                <c:pt idx="1894">
                  <c:v>13.973424909293669</c:v>
                </c:pt>
                <c:pt idx="1895">
                  <c:v>13.978268087883091</c:v>
                </c:pt>
                <c:pt idx="1896">
                  <c:v>13.982968820043515</c:v>
                </c:pt>
                <c:pt idx="1897">
                  <c:v>13.987811998633065</c:v>
                </c:pt>
                <c:pt idx="1898">
                  <c:v>13.992655177222487</c:v>
                </c:pt>
                <c:pt idx="1899">
                  <c:v>13.997355909382913</c:v>
                </c:pt>
                <c:pt idx="1900">
                  <c:v>14.00219908797246</c:v>
                </c:pt>
                <c:pt idx="1901">
                  <c:v>14.00704226656201</c:v>
                </c:pt>
                <c:pt idx="1902">
                  <c:v>14.00704226656201</c:v>
                </c:pt>
                <c:pt idx="1903">
                  <c:v>14.011742998722307</c:v>
                </c:pt>
                <c:pt idx="1904">
                  <c:v>14.016586177311856</c:v>
                </c:pt>
                <c:pt idx="1905">
                  <c:v>14.016586177311856</c:v>
                </c:pt>
                <c:pt idx="1906">
                  <c:v>14.026130088061704</c:v>
                </c:pt>
                <c:pt idx="1907">
                  <c:v>14.030973266651252</c:v>
                </c:pt>
                <c:pt idx="1908">
                  <c:v>14.035816445240801</c:v>
                </c:pt>
                <c:pt idx="1909">
                  <c:v>14.040517177401226</c:v>
                </c:pt>
                <c:pt idx="1910">
                  <c:v>14.045360355990647</c:v>
                </c:pt>
                <c:pt idx="1911">
                  <c:v>14.050203534580195</c:v>
                </c:pt>
                <c:pt idx="1912">
                  <c:v>14.054904266740621</c:v>
                </c:pt>
                <c:pt idx="1913">
                  <c:v>14.059747445330043</c:v>
                </c:pt>
                <c:pt idx="1914">
                  <c:v>14.064590623919591</c:v>
                </c:pt>
                <c:pt idx="1915">
                  <c:v>14.06943380250914</c:v>
                </c:pt>
                <c:pt idx="1916">
                  <c:v>14.074134534669438</c:v>
                </c:pt>
                <c:pt idx="1917">
                  <c:v>14.078977713258988</c:v>
                </c:pt>
                <c:pt idx="1918">
                  <c:v>14.083820891848534</c:v>
                </c:pt>
                <c:pt idx="1919">
                  <c:v>14.093364802598382</c:v>
                </c:pt>
                <c:pt idx="1920">
                  <c:v>14.098207981187931</c:v>
                </c:pt>
                <c:pt idx="1921">
                  <c:v>14.102908713348357</c:v>
                </c:pt>
                <c:pt idx="1922">
                  <c:v>14.107751891937779</c:v>
                </c:pt>
                <c:pt idx="1923">
                  <c:v>14.112595070527327</c:v>
                </c:pt>
                <c:pt idx="1924">
                  <c:v>14.117295802687751</c:v>
                </c:pt>
                <c:pt idx="1925">
                  <c:v>14.122138981277173</c:v>
                </c:pt>
                <c:pt idx="1926">
                  <c:v>14.126982159866722</c:v>
                </c:pt>
                <c:pt idx="1927">
                  <c:v>14.131682892027149</c:v>
                </c:pt>
                <c:pt idx="1928">
                  <c:v>14.136526070616696</c:v>
                </c:pt>
                <c:pt idx="1929">
                  <c:v>14.141369249206118</c:v>
                </c:pt>
                <c:pt idx="1930">
                  <c:v>14.146069981366544</c:v>
                </c:pt>
                <c:pt idx="1931">
                  <c:v>14.146069981366544</c:v>
                </c:pt>
                <c:pt idx="1932">
                  <c:v>14.15091315995609</c:v>
                </c:pt>
                <c:pt idx="1933">
                  <c:v>14.155756338545514</c:v>
                </c:pt>
                <c:pt idx="1934">
                  <c:v>14.160457070705938</c:v>
                </c:pt>
                <c:pt idx="1935">
                  <c:v>14.160457070705938</c:v>
                </c:pt>
                <c:pt idx="1936">
                  <c:v>14.165300249295488</c:v>
                </c:pt>
                <c:pt idx="1937">
                  <c:v>14.170143427884909</c:v>
                </c:pt>
                <c:pt idx="1938">
                  <c:v>14.170143427884909</c:v>
                </c:pt>
                <c:pt idx="1939">
                  <c:v>14.170143427884909</c:v>
                </c:pt>
                <c:pt idx="1940">
                  <c:v>14.174844160045335</c:v>
                </c:pt>
                <c:pt idx="1941">
                  <c:v>14.174844160045335</c:v>
                </c:pt>
                <c:pt idx="1942">
                  <c:v>14.179687338634883</c:v>
                </c:pt>
                <c:pt idx="1943">
                  <c:v>14.179687338634883</c:v>
                </c:pt>
                <c:pt idx="1944">
                  <c:v>14.184530517224307</c:v>
                </c:pt>
                <c:pt idx="1945">
                  <c:v>14.184530517224307</c:v>
                </c:pt>
                <c:pt idx="1946">
                  <c:v>14.189231249384729</c:v>
                </c:pt>
                <c:pt idx="1947">
                  <c:v>14.194074427974279</c:v>
                </c:pt>
                <c:pt idx="1948">
                  <c:v>14.194074427974279</c:v>
                </c:pt>
                <c:pt idx="1949">
                  <c:v>14.198917606563827</c:v>
                </c:pt>
                <c:pt idx="1950">
                  <c:v>14.203618338724127</c:v>
                </c:pt>
                <c:pt idx="1951">
                  <c:v>14.208461517313674</c:v>
                </c:pt>
                <c:pt idx="1952">
                  <c:v>14.213304695903224</c:v>
                </c:pt>
                <c:pt idx="1953">
                  <c:v>14.218005428063648</c:v>
                </c:pt>
                <c:pt idx="1954">
                  <c:v>14.22284860665307</c:v>
                </c:pt>
                <c:pt idx="1955">
                  <c:v>14.227691785242618</c:v>
                </c:pt>
                <c:pt idx="1956">
                  <c:v>14.232392517403044</c:v>
                </c:pt>
                <c:pt idx="1957">
                  <c:v>14.237235695992466</c:v>
                </c:pt>
                <c:pt idx="1958">
                  <c:v>14.242078874582015</c:v>
                </c:pt>
                <c:pt idx="1959">
                  <c:v>14.246779606742439</c:v>
                </c:pt>
                <c:pt idx="1960">
                  <c:v>14.251622785331863</c:v>
                </c:pt>
                <c:pt idx="1961">
                  <c:v>14.256465963921411</c:v>
                </c:pt>
                <c:pt idx="1962">
                  <c:v>14.261309142510958</c:v>
                </c:pt>
                <c:pt idx="1963">
                  <c:v>14.266009874671257</c:v>
                </c:pt>
                <c:pt idx="1964">
                  <c:v>14.270853053260806</c:v>
                </c:pt>
                <c:pt idx="1965">
                  <c:v>14.275696231850354</c:v>
                </c:pt>
                <c:pt idx="1966">
                  <c:v>14.28039696401078</c:v>
                </c:pt>
                <c:pt idx="1967">
                  <c:v>14.285240142600202</c:v>
                </c:pt>
                <c:pt idx="1968">
                  <c:v>14.290083321189751</c:v>
                </c:pt>
                <c:pt idx="1969">
                  <c:v>14.290083321189751</c:v>
                </c:pt>
                <c:pt idx="1970">
                  <c:v>14.294784053350174</c:v>
                </c:pt>
                <c:pt idx="1971">
                  <c:v>14.299627231939597</c:v>
                </c:pt>
                <c:pt idx="1972">
                  <c:v>14.304470410529145</c:v>
                </c:pt>
                <c:pt idx="1973">
                  <c:v>14.304470410529145</c:v>
                </c:pt>
                <c:pt idx="1974">
                  <c:v>14.309171142689571</c:v>
                </c:pt>
                <c:pt idx="1975">
                  <c:v>14.314014321278993</c:v>
                </c:pt>
                <c:pt idx="1976">
                  <c:v>14.318857499868541</c:v>
                </c:pt>
                <c:pt idx="1977">
                  <c:v>14.323558232028967</c:v>
                </c:pt>
                <c:pt idx="1978">
                  <c:v>14.328401410618515</c:v>
                </c:pt>
                <c:pt idx="1979">
                  <c:v>14.333244589207936</c:v>
                </c:pt>
                <c:pt idx="1980">
                  <c:v>14.337945321368363</c:v>
                </c:pt>
                <c:pt idx="1981">
                  <c:v>14.34278849995791</c:v>
                </c:pt>
                <c:pt idx="1982">
                  <c:v>14.347631678547332</c:v>
                </c:pt>
                <c:pt idx="1983">
                  <c:v>14.352332410707758</c:v>
                </c:pt>
                <c:pt idx="1984">
                  <c:v>14.357175589297308</c:v>
                </c:pt>
                <c:pt idx="1985">
                  <c:v>14.362018767886729</c:v>
                </c:pt>
                <c:pt idx="1986">
                  <c:v>14.366719500047154</c:v>
                </c:pt>
                <c:pt idx="1987">
                  <c:v>14.371562678636701</c:v>
                </c:pt>
                <c:pt idx="1988">
                  <c:v>14.376405857226251</c:v>
                </c:pt>
                <c:pt idx="1989">
                  <c:v>14.381106589386549</c:v>
                </c:pt>
                <c:pt idx="1990">
                  <c:v>14.385949767976099</c:v>
                </c:pt>
                <c:pt idx="1991">
                  <c:v>14.390792946565647</c:v>
                </c:pt>
                <c:pt idx="1992">
                  <c:v>14.395493678725945</c:v>
                </c:pt>
                <c:pt idx="1993">
                  <c:v>14.400336857315493</c:v>
                </c:pt>
                <c:pt idx="1994">
                  <c:v>14.40518003590504</c:v>
                </c:pt>
                <c:pt idx="1995">
                  <c:v>14.409880768065467</c:v>
                </c:pt>
                <c:pt idx="1996">
                  <c:v>14.414723946654888</c:v>
                </c:pt>
                <c:pt idx="1997">
                  <c:v>14.419567125244438</c:v>
                </c:pt>
                <c:pt idx="1998">
                  <c:v>14.424267857404864</c:v>
                </c:pt>
                <c:pt idx="1999">
                  <c:v>14.433954214583832</c:v>
                </c:pt>
                <c:pt idx="2000">
                  <c:v>14.438797393173381</c:v>
                </c:pt>
                <c:pt idx="2001">
                  <c:v>14.443498125333679</c:v>
                </c:pt>
                <c:pt idx="2002">
                  <c:v>14.443498125333679</c:v>
                </c:pt>
                <c:pt idx="2003">
                  <c:v>14.448341303923229</c:v>
                </c:pt>
                <c:pt idx="2004">
                  <c:v>14.453184482512777</c:v>
                </c:pt>
                <c:pt idx="2005">
                  <c:v>14.457885214673077</c:v>
                </c:pt>
                <c:pt idx="2006">
                  <c:v>14.462728393262624</c:v>
                </c:pt>
                <c:pt idx="2007">
                  <c:v>14.467571571852174</c:v>
                </c:pt>
                <c:pt idx="2008">
                  <c:v>14.467571571852174</c:v>
                </c:pt>
                <c:pt idx="2009">
                  <c:v>14.472272304012598</c:v>
                </c:pt>
                <c:pt idx="2010">
                  <c:v>14.47711548260202</c:v>
                </c:pt>
                <c:pt idx="2011">
                  <c:v>14.481958661191568</c:v>
                </c:pt>
                <c:pt idx="2012">
                  <c:v>14.486659393351994</c:v>
                </c:pt>
                <c:pt idx="2013">
                  <c:v>14.491502571941416</c:v>
                </c:pt>
                <c:pt idx="2014">
                  <c:v>14.496345750530965</c:v>
                </c:pt>
                <c:pt idx="2015">
                  <c:v>14.501046482691388</c:v>
                </c:pt>
                <c:pt idx="2016">
                  <c:v>14.510732839870359</c:v>
                </c:pt>
                <c:pt idx="2017">
                  <c:v>14.515433572030785</c:v>
                </c:pt>
                <c:pt idx="2018">
                  <c:v>14.520276750620333</c:v>
                </c:pt>
                <c:pt idx="2019">
                  <c:v>14.525119929209756</c:v>
                </c:pt>
                <c:pt idx="2020">
                  <c:v>14.529820661370181</c:v>
                </c:pt>
                <c:pt idx="2021">
                  <c:v>14.53466383995973</c:v>
                </c:pt>
                <c:pt idx="2022">
                  <c:v>14.53950701854915</c:v>
                </c:pt>
                <c:pt idx="2023">
                  <c:v>14.544207750709576</c:v>
                </c:pt>
                <c:pt idx="2024">
                  <c:v>14.544207750709576</c:v>
                </c:pt>
                <c:pt idx="2025">
                  <c:v>14.549050929299124</c:v>
                </c:pt>
                <c:pt idx="2026">
                  <c:v>14.553894107888546</c:v>
                </c:pt>
                <c:pt idx="2027">
                  <c:v>14.558594840048972</c:v>
                </c:pt>
                <c:pt idx="2028">
                  <c:v>14.563438018638521</c:v>
                </c:pt>
                <c:pt idx="2029">
                  <c:v>14.568281197228069</c:v>
                </c:pt>
                <c:pt idx="2030">
                  <c:v>14.568281197228069</c:v>
                </c:pt>
                <c:pt idx="2031">
                  <c:v>14.572981929388368</c:v>
                </c:pt>
                <c:pt idx="2032">
                  <c:v>14.572981929388368</c:v>
                </c:pt>
                <c:pt idx="2033">
                  <c:v>14.577825107977915</c:v>
                </c:pt>
                <c:pt idx="2034">
                  <c:v>14.577825107977915</c:v>
                </c:pt>
                <c:pt idx="2035">
                  <c:v>14.582668286567465</c:v>
                </c:pt>
                <c:pt idx="2036">
                  <c:v>14.587369018727763</c:v>
                </c:pt>
                <c:pt idx="2037">
                  <c:v>14.592212197317313</c:v>
                </c:pt>
                <c:pt idx="2038">
                  <c:v>14.592212197317313</c:v>
                </c:pt>
                <c:pt idx="2039">
                  <c:v>14.59705537590686</c:v>
                </c:pt>
                <c:pt idx="2040">
                  <c:v>14.601756108067287</c:v>
                </c:pt>
                <c:pt idx="2041">
                  <c:v>14.601756108067287</c:v>
                </c:pt>
                <c:pt idx="2042">
                  <c:v>14.606599286656706</c:v>
                </c:pt>
                <c:pt idx="2043">
                  <c:v>14.611442465246256</c:v>
                </c:pt>
                <c:pt idx="2044">
                  <c:v>14.620986375996104</c:v>
                </c:pt>
                <c:pt idx="2045">
                  <c:v>14.620986375996104</c:v>
                </c:pt>
                <c:pt idx="2046">
                  <c:v>14.630672733175199</c:v>
                </c:pt>
                <c:pt idx="2047">
                  <c:v>14.635373465335499</c:v>
                </c:pt>
                <c:pt idx="2048">
                  <c:v>14.640216643925047</c:v>
                </c:pt>
                <c:pt idx="2049">
                  <c:v>14.645059822514595</c:v>
                </c:pt>
                <c:pt idx="2050">
                  <c:v>14.654603733264443</c:v>
                </c:pt>
                <c:pt idx="2051">
                  <c:v>14.659446911853991</c:v>
                </c:pt>
                <c:pt idx="2052">
                  <c:v>14.664147644014417</c:v>
                </c:pt>
                <c:pt idx="2053">
                  <c:v>14.673834001193388</c:v>
                </c:pt>
                <c:pt idx="2054">
                  <c:v>14.678534733353812</c:v>
                </c:pt>
                <c:pt idx="2055">
                  <c:v>14.683377911943234</c:v>
                </c:pt>
                <c:pt idx="2056">
                  <c:v>14.688221090532782</c:v>
                </c:pt>
                <c:pt idx="2057">
                  <c:v>14.692921822693208</c:v>
                </c:pt>
                <c:pt idx="2058">
                  <c:v>14.69776500128263</c:v>
                </c:pt>
                <c:pt idx="2059">
                  <c:v>14.702608179872179</c:v>
                </c:pt>
                <c:pt idx="2060">
                  <c:v>14.702608179872179</c:v>
                </c:pt>
                <c:pt idx="2061">
                  <c:v>14.707308912032605</c:v>
                </c:pt>
                <c:pt idx="2062">
                  <c:v>14.712152090622151</c:v>
                </c:pt>
                <c:pt idx="2063">
                  <c:v>14.721696001371999</c:v>
                </c:pt>
                <c:pt idx="2064">
                  <c:v>14.726539179961547</c:v>
                </c:pt>
                <c:pt idx="2065">
                  <c:v>14.73138235855097</c:v>
                </c:pt>
                <c:pt idx="2066">
                  <c:v>14.73138235855097</c:v>
                </c:pt>
                <c:pt idx="2067">
                  <c:v>14.736083090711395</c:v>
                </c:pt>
                <c:pt idx="2068">
                  <c:v>14.736083090711395</c:v>
                </c:pt>
                <c:pt idx="2069">
                  <c:v>14.740926269300944</c:v>
                </c:pt>
                <c:pt idx="2070">
                  <c:v>14.740926269300944</c:v>
                </c:pt>
                <c:pt idx="2071">
                  <c:v>14.745769447890366</c:v>
                </c:pt>
                <c:pt idx="2072">
                  <c:v>14.75047018005079</c:v>
                </c:pt>
                <c:pt idx="2073">
                  <c:v>14.755313358640338</c:v>
                </c:pt>
                <c:pt idx="2074">
                  <c:v>14.760156537229888</c:v>
                </c:pt>
                <c:pt idx="2075">
                  <c:v>14.760156537229888</c:v>
                </c:pt>
                <c:pt idx="2076">
                  <c:v>14.764857269390186</c:v>
                </c:pt>
                <c:pt idx="2077">
                  <c:v>14.769700447979735</c:v>
                </c:pt>
                <c:pt idx="2078">
                  <c:v>14.774543626569283</c:v>
                </c:pt>
                <c:pt idx="2079">
                  <c:v>14.779244358729583</c:v>
                </c:pt>
                <c:pt idx="2080">
                  <c:v>14.784087537319129</c:v>
                </c:pt>
                <c:pt idx="2081">
                  <c:v>14.788930715908679</c:v>
                </c:pt>
                <c:pt idx="2082">
                  <c:v>14.793631448069105</c:v>
                </c:pt>
                <c:pt idx="2083">
                  <c:v>14.798474626658527</c:v>
                </c:pt>
                <c:pt idx="2084">
                  <c:v>14.803317805248074</c:v>
                </c:pt>
                <c:pt idx="2085">
                  <c:v>14.812861715997922</c:v>
                </c:pt>
                <c:pt idx="2086">
                  <c:v>14.817704894587472</c:v>
                </c:pt>
                <c:pt idx="2087">
                  <c:v>14.822548073177018</c:v>
                </c:pt>
                <c:pt idx="2088">
                  <c:v>14.827248805337318</c:v>
                </c:pt>
                <c:pt idx="2089">
                  <c:v>14.827248805337318</c:v>
                </c:pt>
                <c:pt idx="2090">
                  <c:v>14.832091983926865</c:v>
                </c:pt>
                <c:pt idx="2091">
                  <c:v>14.841635894676839</c:v>
                </c:pt>
                <c:pt idx="2092">
                  <c:v>14.841635894676839</c:v>
                </c:pt>
                <c:pt idx="2093">
                  <c:v>14.846479073266263</c:v>
                </c:pt>
                <c:pt idx="2094">
                  <c:v>14.851322251855811</c:v>
                </c:pt>
                <c:pt idx="2095">
                  <c:v>14.856022984016235</c:v>
                </c:pt>
                <c:pt idx="2096">
                  <c:v>14.860866162605657</c:v>
                </c:pt>
                <c:pt idx="2097">
                  <c:v>14.860866162605657</c:v>
                </c:pt>
                <c:pt idx="2098">
                  <c:v>14.865709341195206</c:v>
                </c:pt>
                <c:pt idx="2099">
                  <c:v>14.870410073355631</c:v>
                </c:pt>
                <c:pt idx="2100">
                  <c:v>14.870410073355631</c:v>
                </c:pt>
                <c:pt idx="2101">
                  <c:v>14.875253251945054</c:v>
                </c:pt>
                <c:pt idx="2102">
                  <c:v>14.880096430534602</c:v>
                </c:pt>
                <c:pt idx="2103">
                  <c:v>14.880096430534602</c:v>
                </c:pt>
                <c:pt idx="2104">
                  <c:v>14.884797162695028</c:v>
                </c:pt>
                <c:pt idx="2105">
                  <c:v>14.889640341284448</c:v>
                </c:pt>
                <c:pt idx="2106">
                  <c:v>14.894483519873996</c:v>
                </c:pt>
                <c:pt idx="2107">
                  <c:v>14.899184252034422</c:v>
                </c:pt>
                <c:pt idx="2108">
                  <c:v>14.904027430623971</c:v>
                </c:pt>
                <c:pt idx="2109">
                  <c:v>14.904027430623971</c:v>
                </c:pt>
                <c:pt idx="2110">
                  <c:v>14.908870609213393</c:v>
                </c:pt>
                <c:pt idx="2111">
                  <c:v>14.908870609213393</c:v>
                </c:pt>
                <c:pt idx="2112">
                  <c:v>14.913571341373819</c:v>
                </c:pt>
                <c:pt idx="2113">
                  <c:v>14.913571341373819</c:v>
                </c:pt>
                <c:pt idx="2114">
                  <c:v>14.918414519963367</c:v>
                </c:pt>
                <c:pt idx="2115">
                  <c:v>14.918414519963367</c:v>
                </c:pt>
                <c:pt idx="2116">
                  <c:v>14.923257698552788</c:v>
                </c:pt>
                <c:pt idx="2117">
                  <c:v>14.927958430713213</c:v>
                </c:pt>
                <c:pt idx="2118">
                  <c:v>14.932801609302762</c:v>
                </c:pt>
                <c:pt idx="2119">
                  <c:v>14.937644787892184</c:v>
                </c:pt>
                <c:pt idx="2120">
                  <c:v>14.947188698642158</c:v>
                </c:pt>
                <c:pt idx="2121">
                  <c:v>14.952031877231708</c:v>
                </c:pt>
                <c:pt idx="2122">
                  <c:v>14.956732609392004</c:v>
                </c:pt>
                <c:pt idx="2123">
                  <c:v>14.956732609392004</c:v>
                </c:pt>
                <c:pt idx="2124">
                  <c:v>14.961575787981554</c:v>
                </c:pt>
                <c:pt idx="2125">
                  <c:v>14.966418966571101</c:v>
                </c:pt>
                <c:pt idx="2126">
                  <c:v>14.971119698731401</c:v>
                </c:pt>
                <c:pt idx="2127">
                  <c:v>14.975962877320949</c:v>
                </c:pt>
                <c:pt idx="2128">
                  <c:v>14.975962877320949</c:v>
                </c:pt>
                <c:pt idx="2129">
                  <c:v>14.980806055910497</c:v>
                </c:pt>
                <c:pt idx="2130">
                  <c:v>14.985506788070923</c:v>
                </c:pt>
                <c:pt idx="2131">
                  <c:v>14.990349966660345</c:v>
                </c:pt>
                <c:pt idx="2132">
                  <c:v>14.995193145249893</c:v>
                </c:pt>
                <c:pt idx="2133">
                  <c:v>15.00003632383944</c:v>
                </c:pt>
                <c:pt idx="2134">
                  <c:v>15.00473705599974</c:v>
                </c:pt>
                <c:pt idx="2135">
                  <c:v>15.00473705599974</c:v>
                </c:pt>
                <c:pt idx="2136">
                  <c:v>15.009580234589288</c:v>
                </c:pt>
                <c:pt idx="2137">
                  <c:v>15.014423413178838</c:v>
                </c:pt>
                <c:pt idx="2138">
                  <c:v>15.019124145339136</c:v>
                </c:pt>
                <c:pt idx="2139">
                  <c:v>15.019124145339136</c:v>
                </c:pt>
                <c:pt idx="2140">
                  <c:v>15.023967323928686</c:v>
                </c:pt>
                <c:pt idx="2141">
                  <c:v>15.028810502518233</c:v>
                </c:pt>
                <c:pt idx="2142">
                  <c:v>15.033511234678658</c:v>
                </c:pt>
                <c:pt idx="2143">
                  <c:v>15.038354413268079</c:v>
                </c:pt>
                <c:pt idx="2144">
                  <c:v>15.043197591857629</c:v>
                </c:pt>
                <c:pt idx="2145">
                  <c:v>15.043197591857629</c:v>
                </c:pt>
                <c:pt idx="2146">
                  <c:v>15.047898324018055</c:v>
                </c:pt>
                <c:pt idx="2147">
                  <c:v>15.052741502607477</c:v>
                </c:pt>
                <c:pt idx="2148">
                  <c:v>15.057584681197024</c:v>
                </c:pt>
                <c:pt idx="2149">
                  <c:v>15.057584681197024</c:v>
                </c:pt>
                <c:pt idx="2150">
                  <c:v>15.062285413357449</c:v>
                </c:pt>
                <c:pt idx="2151">
                  <c:v>15.06712859194687</c:v>
                </c:pt>
                <c:pt idx="2152">
                  <c:v>15.07197177053642</c:v>
                </c:pt>
                <c:pt idx="2153">
                  <c:v>15.076672502696844</c:v>
                </c:pt>
                <c:pt idx="2154">
                  <c:v>15.081515681286268</c:v>
                </c:pt>
                <c:pt idx="2155">
                  <c:v>15.086358859875816</c:v>
                </c:pt>
                <c:pt idx="2156">
                  <c:v>15.091059592036242</c:v>
                </c:pt>
                <c:pt idx="2157">
                  <c:v>15.09590277062579</c:v>
                </c:pt>
                <c:pt idx="2158">
                  <c:v>15.100745949215211</c:v>
                </c:pt>
                <c:pt idx="2159">
                  <c:v>15.105446681375636</c:v>
                </c:pt>
                <c:pt idx="2160">
                  <c:v>15.110289859965185</c:v>
                </c:pt>
                <c:pt idx="2161">
                  <c:v>15.115133038554607</c:v>
                </c:pt>
                <c:pt idx="2162">
                  <c:v>15.119833770715033</c:v>
                </c:pt>
                <c:pt idx="2163">
                  <c:v>15.124676949304581</c:v>
                </c:pt>
                <c:pt idx="2164">
                  <c:v>15.129520127894002</c:v>
                </c:pt>
                <c:pt idx="2165">
                  <c:v>15.134220860054427</c:v>
                </c:pt>
                <c:pt idx="2166">
                  <c:v>15.143907217233524</c:v>
                </c:pt>
                <c:pt idx="2167">
                  <c:v>15.148607949393824</c:v>
                </c:pt>
                <c:pt idx="2168">
                  <c:v>15.148607949393824</c:v>
                </c:pt>
                <c:pt idx="2169">
                  <c:v>15.153451127983372</c:v>
                </c:pt>
                <c:pt idx="2170">
                  <c:v>15.158294306572921</c:v>
                </c:pt>
                <c:pt idx="2171">
                  <c:v>15.16299503873322</c:v>
                </c:pt>
                <c:pt idx="2172">
                  <c:v>15.167838217322767</c:v>
                </c:pt>
                <c:pt idx="2173">
                  <c:v>15.172681395912315</c:v>
                </c:pt>
                <c:pt idx="2174">
                  <c:v>15.177382128072741</c:v>
                </c:pt>
                <c:pt idx="2175">
                  <c:v>15.182225306662163</c:v>
                </c:pt>
                <c:pt idx="2176">
                  <c:v>15.187068485251713</c:v>
                </c:pt>
                <c:pt idx="2177">
                  <c:v>15.19191166384126</c:v>
                </c:pt>
                <c:pt idx="2178">
                  <c:v>15.19191166384126</c:v>
                </c:pt>
                <c:pt idx="2179">
                  <c:v>15.19661239600156</c:v>
                </c:pt>
                <c:pt idx="2180">
                  <c:v>15.201455574591108</c:v>
                </c:pt>
                <c:pt idx="2181">
                  <c:v>15.201455574591108</c:v>
                </c:pt>
                <c:pt idx="2182">
                  <c:v>15.206298753180654</c:v>
                </c:pt>
                <c:pt idx="2183">
                  <c:v>15.206298753180654</c:v>
                </c:pt>
                <c:pt idx="2184">
                  <c:v>15.210999485340954</c:v>
                </c:pt>
                <c:pt idx="2185">
                  <c:v>15.210999485340954</c:v>
                </c:pt>
                <c:pt idx="2186">
                  <c:v>15.215842663930502</c:v>
                </c:pt>
                <c:pt idx="2187">
                  <c:v>15.220685842520052</c:v>
                </c:pt>
                <c:pt idx="2188">
                  <c:v>15.225386574680478</c:v>
                </c:pt>
                <c:pt idx="2189">
                  <c:v>15.225386574680478</c:v>
                </c:pt>
                <c:pt idx="2190">
                  <c:v>15.230229753269899</c:v>
                </c:pt>
                <c:pt idx="2191">
                  <c:v>15.230229753269899</c:v>
                </c:pt>
                <c:pt idx="2192">
                  <c:v>15.235072931859447</c:v>
                </c:pt>
                <c:pt idx="2193">
                  <c:v>15.239773664019872</c:v>
                </c:pt>
                <c:pt idx="2194">
                  <c:v>15.239773664019872</c:v>
                </c:pt>
                <c:pt idx="2195">
                  <c:v>15.244616842609293</c:v>
                </c:pt>
                <c:pt idx="2196">
                  <c:v>15.249460021198843</c:v>
                </c:pt>
                <c:pt idx="2197">
                  <c:v>15.249460021198843</c:v>
                </c:pt>
                <c:pt idx="2198">
                  <c:v>15.254160753359269</c:v>
                </c:pt>
                <c:pt idx="2199">
                  <c:v>15.259003931948691</c:v>
                </c:pt>
                <c:pt idx="2200">
                  <c:v>15.259003931948691</c:v>
                </c:pt>
                <c:pt idx="2201">
                  <c:v>15.263847110538238</c:v>
                </c:pt>
                <c:pt idx="2202">
                  <c:v>15.268547842698664</c:v>
                </c:pt>
                <c:pt idx="2203">
                  <c:v>15.273391021288212</c:v>
                </c:pt>
                <c:pt idx="2204">
                  <c:v>15.278234199877634</c:v>
                </c:pt>
                <c:pt idx="2205">
                  <c:v>15.287778110627608</c:v>
                </c:pt>
                <c:pt idx="2206">
                  <c:v>15.292621289217029</c:v>
                </c:pt>
                <c:pt idx="2207">
                  <c:v>15.297322021377456</c:v>
                </c:pt>
                <c:pt idx="2208">
                  <c:v>15.302165199967003</c:v>
                </c:pt>
                <c:pt idx="2209">
                  <c:v>15.302165199967003</c:v>
                </c:pt>
                <c:pt idx="2210">
                  <c:v>15.307008378556427</c:v>
                </c:pt>
                <c:pt idx="2211">
                  <c:v>15.311709110716849</c:v>
                </c:pt>
                <c:pt idx="2212">
                  <c:v>15.316552289306399</c:v>
                </c:pt>
                <c:pt idx="2213">
                  <c:v>15.316552289306399</c:v>
                </c:pt>
                <c:pt idx="2214">
                  <c:v>15.321395467895821</c:v>
                </c:pt>
                <c:pt idx="2215">
                  <c:v>15.326096200056247</c:v>
                </c:pt>
                <c:pt idx="2216">
                  <c:v>15.330939378645795</c:v>
                </c:pt>
                <c:pt idx="2217">
                  <c:v>15.335782557235344</c:v>
                </c:pt>
                <c:pt idx="2218">
                  <c:v>15.335782557235344</c:v>
                </c:pt>
                <c:pt idx="2219">
                  <c:v>15.340483289395642</c:v>
                </c:pt>
                <c:pt idx="2220">
                  <c:v>15.34532646798519</c:v>
                </c:pt>
                <c:pt idx="2221">
                  <c:v>15.350169646574738</c:v>
                </c:pt>
                <c:pt idx="2222">
                  <c:v>15.354870378735038</c:v>
                </c:pt>
                <c:pt idx="2223">
                  <c:v>15.359713557324586</c:v>
                </c:pt>
                <c:pt idx="2224">
                  <c:v>15.359713557324586</c:v>
                </c:pt>
                <c:pt idx="2225">
                  <c:v>15.364556735914135</c:v>
                </c:pt>
                <c:pt idx="2226">
                  <c:v>15.369399914503557</c:v>
                </c:pt>
                <c:pt idx="2227">
                  <c:v>15.374100646663983</c:v>
                </c:pt>
                <c:pt idx="2228">
                  <c:v>15.374100646663983</c:v>
                </c:pt>
                <c:pt idx="2229">
                  <c:v>15.378943825253529</c:v>
                </c:pt>
                <c:pt idx="2230">
                  <c:v>15.383787003843079</c:v>
                </c:pt>
                <c:pt idx="2231">
                  <c:v>15.383787003843079</c:v>
                </c:pt>
                <c:pt idx="2232">
                  <c:v>15.388487736003377</c:v>
                </c:pt>
                <c:pt idx="2233">
                  <c:v>15.393330914592926</c:v>
                </c:pt>
                <c:pt idx="2234">
                  <c:v>15.398174093182474</c:v>
                </c:pt>
                <c:pt idx="2235">
                  <c:v>15.402874825342774</c:v>
                </c:pt>
                <c:pt idx="2236">
                  <c:v>15.402874825342774</c:v>
                </c:pt>
                <c:pt idx="2237">
                  <c:v>15.407718003932322</c:v>
                </c:pt>
                <c:pt idx="2238">
                  <c:v>15.412561182521872</c:v>
                </c:pt>
                <c:pt idx="2239">
                  <c:v>15.417261914682294</c:v>
                </c:pt>
                <c:pt idx="2240">
                  <c:v>15.422105093271718</c:v>
                </c:pt>
                <c:pt idx="2241">
                  <c:v>15.422105093271718</c:v>
                </c:pt>
                <c:pt idx="2242">
                  <c:v>15.426948271861265</c:v>
                </c:pt>
                <c:pt idx="2243">
                  <c:v>15.431649004021692</c:v>
                </c:pt>
                <c:pt idx="2244">
                  <c:v>15.436492182611113</c:v>
                </c:pt>
                <c:pt idx="2245">
                  <c:v>15.436492182611113</c:v>
                </c:pt>
                <c:pt idx="2246">
                  <c:v>15.441335361200663</c:v>
                </c:pt>
                <c:pt idx="2247">
                  <c:v>15.446036093361085</c:v>
                </c:pt>
                <c:pt idx="2248">
                  <c:v>15.450879271950509</c:v>
                </c:pt>
                <c:pt idx="2249">
                  <c:v>15.450879271950509</c:v>
                </c:pt>
                <c:pt idx="2250">
                  <c:v>15.455722450540057</c:v>
                </c:pt>
                <c:pt idx="2251">
                  <c:v>15.460423182700483</c:v>
                </c:pt>
                <c:pt idx="2252">
                  <c:v>15.465266361290031</c:v>
                </c:pt>
                <c:pt idx="2253">
                  <c:v>15.470109539879452</c:v>
                </c:pt>
                <c:pt idx="2254">
                  <c:v>15.474810272039878</c:v>
                </c:pt>
                <c:pt idx="2255">
                  <c:v>15.474810272039878</c:v>
                </c:pt>
                <c:pt idx="2256">
                  <c:v>15.479653450629428</c:v>
                </c:pt>
                <c:pt idx="2257">
                  <c:v>15.48449662921885</c:v>
                </c:pt>
                <c:pt idx="2258">
                  <c:v>15.489197361379274</c:v>
                </c:pt>
                <c:pt idx="2259">
                  <c:v>15.494040539968822</c:v>
                </c:pt>
                <c:pt idx="2260">
                  <c:v>15.498883718558243</c:v>
                </c:pt>
                <c:pt idx="2261">
                  <c:v>15.50358445071867</c:v>
                </c:pt>
                <c:pt idx="2262">
                  <c:v>15.513270807897641</c:v>
                </c:pt>
                <c:pt idx="2263">
                  <c:v>15.517971540058065</c:v>
                </c:pt>
                <c:pt idx="2264">
                  <c:v>15.522814718647613</c:v>
                </c:pt>
                <c:pt idx="2265">
                  <c:v>15.522814718647613</c:v>
                </c:pt>
                <c:pt idx="2266">
                  <c:v>15.527657897237162</c:v>
                </c:pt>
                <c:pt idx="2267">
                  <c:v>15.532358629397461</c:v>
                </c:pt>
                <c:pt idx="2268">
                  <c:v>15.53720180798701</c:v>
                </c:pt>
                <c:pt idx="2269">
                  <c:v>15.542044986576558</c:v>
                </c:pt>
                <c:pt idx="2270">
                  <c:v>15.542044986576558</c:v>
                </c:pt>
                <c:pt idx="2271">
                  <c:v>15.546745718736984</c:v>
                </c:pt>
                <c:pt idx="2272">
                  <c:v>15.551588897326406</c:v>
                </c:pt>
                <c:pt idx="2273">
                  <c:v>15.556432075915952</c:v>
                </c:pt>
                <c:pt idx="2274">
                  <c:v>15.561275254505375</c:v>
                </c:pt>
                <c:pt idx="2275">
                  <c:v>15.561275254505375</c:v>
                </c:pt>
                <c:pt idx="2276">
                  <c:v>15.5659759866658</c:v>
                </c:pt>
                <c:pt idx="2277">
                  <c:v>15.575662343844897</c:v>
                </c:pt>
                <c:pt idx="2278">
                  <c:v>15.575662343844897</c:v>
                </c:pt>
                <c:pt idx="2279">
                  <c:v>15.580363076005197</c:v>
                </c:pt>
                <c:pt idx="2280">
                  <c:v>15.585206254594745</c:v>
                </c:pt>
                <c:pt idx="2281">
                  <c:v>15.585206254594745</c:v>
                </c:pt>
                <c:pt idx="2282">
                  <c:v>15.590049433184294</c:v>
                </c:pt>
                <c:pt idx="2283">
                  <c:v>15.590049433184294</c:v>
                </c:pt>
                <c:pt idx="2284">
                  <c:v>15.594750165344591</c:v>
                </c:pt>
                <c:pt idx="2285">
                  <c:v>15.594750165344591</c:v>
                </c:pt>
                <c:pt idx="2286">
                  <c:v>15.59959334393414</c:v>
                </c:pt>
                <c:pt idx="2287">
                  <c:v>15.604436522523688</c:v>
                </c:pt>
                <c:pt idx="2288">
                  <c:v>15.609137254684114</c:v>
                </c:pt>
                <c:pt idx="2289">
                  <c:v>15.613980433273536</c:v>
                </c:pt>
                <c:pt idx="2290">
                  <c:v>15.618823611863085</c:v>
                </c:pt>
                <c:pt idx="2291">
                  <c:v>15.62352434402351</c:v>
                </c:pt>
                <c:pt idx="2292">
                  <c:v>15.628367522612933</c:v>
                </c:pt>
                <c:pt idx="2293">
                  <c:v>15.633210701202479</c:v>
                </c:pt>
                <c:pt idx="2294">
                  <c:v>15.637911433362905</c:v>
                </c:pt>
                <c:pt idx="2295">
                  <c:v>15.642754611952327</c:v>
                </c:pt>
                <c:pt idx="2296">
                  <c:v>15.647597790541875</c:v>
                </c:pt>
                <c:pt idx="2297">
                  <c:v>15.647597790541875</c:v>
                </c:pt>
                <c:pt idx="2298">
                  <c:v>15.652298522702299</c:v>
                </c:pt>
                <c:pt idx="2299">
                  <c:v>15.657141701291851</c:v>
                </c:pt>
                <c:pt idx="2300">
                  <c:v>15.657141701291851</c:v>
                </c:pt>
                <c:pt idx="2301">
                  <c:v>15.661984879881272</c:v>
                </c:pt>
                <c:pt idx="2302">
                  <c:v>15.661984879881272</c:v>
                </c:pt>
                <c:pt idx="2303">
                  <c:v>15.666685612041698</c:v>
                </c:pt>
                <c:pt idx="2304">
                  <c:v>15.666685612041698</c:v>
                </c:pt>
                <c:pt idx="2305">
                  <c:v>15.671528790631244</c:v>
                </c:pt>
                <c:pt idx="2306">
                  <c:v>15.676371969220668</c:v>
                </c:pt>
                <c:pt idx="2307">
                  <c:v>15.681072701381092</c:v>
                </c:pt>
                <c:pt idx="2308">
                  <c:v>15.68591587997064</c:v>
                </c:pt>
                <c:pt idx="2309">
                  <c:v>15.68591587997064</c:v>
                </c:pt>
                <c:pt idx="2310">
                  <c:v>15.690759058560062</c:v>
                </c:pt>
                <c:pt idx="2311">
                  <c:v>15.695459790720488</c:v>
                </c:pt>
                <c:pt idx="2312">
                  <c:v>15.700302969310037</c:v>
                </c:pt>
                <c:pt idx="2313">
                  <c:v>15.700302969310037</c:v>
                </c:pt>
                <c:pt idx="2314">
                  <c:v>15.705146147899585</c:v>
                </c:pt>
                <c:pt idx="2315">
                  <c:v>15.705146147899585</c:v>
                </c:pt>
                <c:pt idx="2316">
                  <c:v>15.709846880059882</c:v>
                </c:pt>
                <c:pt idx="2317">
                  <c:v>15.714690058649433</c:v>
                </c:pt>
                <c:pt idx="2318">
                  <c:v>15.714690058649433</c:v>
                </c:pt>
                <c:pt idx="2319">
                  <c:v>15.719533237238979</c:v>
                </c:pt>
                <c:pt idx="2320">
                  <c:v>15.719533237238979</c:v>
                </c:pt>
                <c:pt idx="2321">
                  <c:v>15.724233969399281</c:v>
                </c:pt>
                <c:pt idx="2322">
                  <c:v>15.729077147988827</c:v>
                </c:pt>
                <c:pt idx="2323">
                  <c:v>15.733920326578378</c:v>
                </c:pt>
                <c:pt idx="2324">
                  <c:v>15.733920326578378</c:v>
                </c:pt>
                <c:pt idx="2325">
                  <c:v>15.7387635051678</c:v>
                </c:pt>
                <c:pt idx="2326">
                  <c:v>15.748307415917772</c:v>
                </c:pt>
                <c:pt idx="2327">
                  <c:v>15.753150594507193</c:v>
                </c:pt>
                <c:pt idx="2328">
                  <c:v>15.75785132666762</c:v>
                </c:pt>
                <c:pt idx="2329">
                  <c:v>15.75785132666762</c:v>
                </c:pt>
                <c:pt idx="2330">
                  <c:v>15.762694505257167</c:v>
                </c:pt>
                <c:pt idx="2331">
                  <c:v>15.772238416007015</c:v>
                </c:pt>
                <c:pt idx="2332">
                  <c:v>15.777081594596565</c:v>
                </c:pt>
                <c:pt idx="2333">
                  <c:v>15.781924773186111</c:v>
                </c:pt>
                <c:pt idx="2334">
                  <c:v>15.786625505346409</c:v>
                </c:pt>
                <c:pt idx="2335">
                  <c:v>15.791468683935959</c:v>
                </c:pt>
                <c:pt idx="2336">
                  <c:v>15.796311862525506</c:v>
                </c:pt>
                <c:pt idx="2337">
                  <c:v>15.801012594685933</c:v>
                </c:pt>
                <c:pt idx="2338">
                  <c:v>15.805855773275354</c:v>
                </c:pt>
                <c:pt idx="2339">
                  <c:v>15.810698951864904</c:v>
                </c:pt>
                <c:pt idx="2340">
                  <c:v>15.815399684025326</c:v>
                </c:pt>
                <c:pt idx="2341">
                  <c:v>15.820242862614748</c:v>
                </c:pt>
                <c:pt idx="2342">
                  <c:v>15.825086041204299</c:v>
                </c:pt>
                <c:pt idx="2343">
                  <c:v>15.829786773364726</c:v>
                </c:pt>
                <c:pt idx="2344">
                  <c:v>15.834629951954147</c:v>
                </c:pt>
                <c:pt idx="2345">
                  <c:v>15.839473130543693</c:v>
                </c:pt>
                <c:pt idx="2346">
                  <c:v>15.844173862704119</c:v>
                </c:pt>
                <c:pt idx="2347">
                  <c:v>15.849017041293671</c:v>
                </c:pt>
                <c:pt idx="2348">
                  <c:v>15.853860219883092</c:v>
                </c:pt>
                <c:pt idx="2349">
                  <c:v>15.858560952043515</c:v>
                </c:pt>
                <c:pt idx="2350">
                  <c:v>15.858560952043515</c:v>
                </c:pt>
                <c:pt idx="2351">
                  <c:v>15.863404130633064</c:v>
                </c:pt>
                <c:pt idx="2352">
                  <c:v>15.868247309222486</c:v>
                </c:pt>
                <c:pt idx="2353">
                  <c:v>15.868247309222486</c:v>
                </c:pt>
                <c:pt idx="2354">
                  <c:v>15.872948041382912</c:v>
                </c:pt>
                <c:pt idx="2355">
                  <c:v>15.877791219972458</c:v>
                </c:pt>
                <c:pt idx="2356">
                  <c:v>15.877791219972458</c:v>
                </c:pt>
                <c:pt idx="2357">
                  <c:v>15.882634398561882</c:v>
                </c:pt>
                <c:pt idx="2358">
                  <c:v>15.882634398561882</c:v>
                </c:pt>
                <c:pt idx="2359">
                  <c:v>15.887335130722306</c:v>
                </c:pt>
                <c:pt idx="2360">
                  <c:v>15.892178309311854</c:v>
                </c:pt>
                <c:pt idx="2361">
                  <c:v>15.892178309311854</c:v>
                </c:pt>
                <c:pt idx="2362">
                  <c:v>15.897021487901403</c:v>
                </c:pt>
                <c:pt idx="2363">
                  <c:v>15.901722220061702</c:v>
                </c:pt>
                <c:pt idx="2364">
                  <c:v>15.906565398651251</c:v>
                </c:pt>
                <c:pt idx="2365">
                  <c:v>15.911408577240799</c:v>
                </c:pt>
                <c:pt idx="2366">
                  <c:v>15.911408577240799</c:v>
                </c:pt>
                <c:pt idx="2367">
                  <c:v>15.916109309401099</c:v>
                </c:pt>
                <c:pt idx="2368">
                  <c:v>15.920952487990647</c:v>
                </c:pt>
                <c:pt idx="2369">
                  <c:v>15.920952487990647</c:v>
                </c:pt>
                <c:pt idx="2370">
                  <c:v>15.925795666580193</c:v>
                </c:pt>
                <c:pt idx="2371">
                  <c:v>15.930638845169616</c:v>
                </c:pt>
                <c:pt idx="2372">
                  <c:v>15.935339577330041</c:v>
                </c:pt>
                <c:pt idx="2373">
                  <c:v>15.935339577330041</c:v>
                </c:pt>
                <c:pt idx="2374">
                  <c:v>15.940182755919592</c:v>
                </c:pt>
                <c:pt idx="2375">
                  <c:v>15.940182755919592</c:v>
                </c:pt>
                <c:pt idx="2376">
                  <c:v>15.945025934509014</c:v>
                </c:pt>
                <c:pt idx="2377">
                  <c:v>15.94972666666944</c:v>
                </c:pt>
                <c:pt idx="2378">
                  <c:v>15.954569845258986</c:v>
                </c:pt>
                <c:pt idx="2379">
                  <c:v>15.954569845258986</c:v>
                </c:pt>
                <c:pt idx="2380">
                  <c:v>15.959413023848533</c:v>
                </c:pt>
                <c:pt idx="2381">
                  <c:v>15.964113756008834</c:v>
                </c:pt>
                <c:pt idx="2382">
                  <c:v>15.968956934598381</c:v>
                </c:pt>
                <c:pt idx="2383">
                  <c:v>15.968956934598381</c:v>
                </c:pt>
                <c:pt idx="2384">
                  <c:v>15.973800113187931</c:v>
                </c:pt>
                <c:pt idx="2385">
                  <c:v>15.973800113187931</c:v>
                </c:pt>
                <c:pt idx="2386">
                  <c:v>15.978500845348357</c:v>
                </c:pt>
                <c:pt idx="2387">
                  <c:v>15.983344023937779</c:v>
                </c:pt>
                <c:pt idx="2388">
                  <c:v>15.983344023937779</c:v>
                </c:pt>
                <c:pt idx="2389">
                  <c:v>15.988187202527326</c:v>
                </c:pt>
                <c:pt idx="2390">
                  <c:v>15.988187202527326</c:v>
                </c:pt>
                <c:pt idx="2391">
                  <c:v>15.988187202527326</c:v>
                </c:pt>
                <c:pt idx="2392">
                  <c:v>15.992887934687751</c:v>
                </c:pt>
                <c:pt idx="2393">
                  <c:v>15.992887934687751</c:v>
                </c:pt>
                <c:pt idx="2394">
                  <c:v>15.997731113277174</c:v>
                </c:pt>
                <c:pt idx="2395">
                  <c:v>16.002574291866722</c:v>
                </c:pt>
                <c:pt idx="2396">
                  <c:v>16.007275024027145</c:v>
                </c:pt>
                <c:pt idx="2397">
                  <c:v>16.007275024027145</c:v>
                </c:pt>
                <c:pt idx="2398">
                  <c:v>16.01211820261657</c:v>
                </c:pt>
                <c:pt idx="2399">
                  <c:v>16.016961381206119</c:v>
                </c:pt>
                <c:pt idx="2400">
                  <c:v>16.021662113366546</c:v>
                </c:pt>
                <c:pt idx="2401">
                  <c:v>16.026505291955967</c:v>
                </c:pt>
                <c:pt idx="2402">
                  <c:v>16.031348470545513</c:v>
                </c:pt>
                <c:pt idx="2403">
                  <c:v>16.031348470545513</c:v>
                </c:pt>
                <c:pt idx="2404">
                  <c:v>16.036049202705939</c:v>
                </c:pt>
                <c:pt idx="2405">
                  <c:v>16.040892381295485</c:v>
                </c:pt>
                <c:pt idx="2406">
                  <c:v>16.045735559884907</c:v>
                </c:pt>
                <c:pt idx="2407">
                  <c:v>16.050436292045333</c:v>
                </c:pt>
                <c:pt idx="2408">
                  <c:v>16.055279470634883</c:v>
                </c:pt>
                <c:pt idx="2409">
                  <c:v>16.060122649224304</c:v>
                </c:pt>
                <c:pt idx="2410">
                  <c:v>16.064823381384727</c:v>
                </c:pt>
                <c:pt idx="2411">
                  <c:v>16.06966655997428</c:v>
                </c:pt>
                <c:pt idx="2412">
                  <c:v>16.074509738563702</c:v>
                </c:pt>
                <c:pt idx="2413">
                  <c:v>16.079210470724128</c:v>
                </c:pt>
                <c:pt idx="2414">
                  <c:v>16.079210470724128</c:v>
                </c:pt>
                <c:pt idx="2415">
                  <c:v>16.084053649313674</c:v>
                </c:pt>
                <c:pt idx="2416">
                  <c:v>16.088896827903223</c:v>
                </c:pt>
                <c:pt idx="2417">
                  <c:v>16.093597560063522</c:v>
                </c:pt>
                <c:pt idx="2418">
                  <c:v>16.098440738653068</c:v>
                </c:pt>
                <c:pt idx="2419">
                  <c:v>16.103283917242617</c:v>
                </c:pt>
                <c:pt idx="2420">
                  <c:v>16.108127095832039</c:v>
                </c:pt>
                <c:pt idx="2421">
                  <c:v>16.108127095832039</c:v>
                </c:pt>
                <c:pt idx="2422">
                  <c:v>16.112827827992465</c:v>
                </c:pt>
                <c:pt idx="2423">
                  <c:v>16.117671006582015</c:v>
                </c:pt>
                <c:pt idx="2424">
                  <c:v>16.117671006582015</c:v>
                </c:pt>
                <c:pt idx="2425">
                  <c:v>16.122514185171436</c:v>
                </c:pt>
                <c:pt idx="2426">
                  <c:v>16.122514185171436</c:v>
                </c:pt>
                <c:pt idx="2427">
                  <c:v>16.127214917331859</c:v>
                </c:pt>
                <c:pt idx="2428">
                  <c:v>16.132058095921412</c:v>
                </c:pt>
                <c:pt idx="2429">
                  <c:v>16.132058095921412</c:v>
                </c:pt>
                <c:pt idx="2430">
                  <c:v>16.13690127451083</c:v>
                </c:pt>
                <c:pt idx="2431">
                  <c:v>16.141602006671256</c:v>
                </c:pt>
                <c:pt idx="2432">
                  <c:v>16.141602006671256</c:v>
                </c:pt>
                <c:pt idx="2433">
                  <c:v>16.141602006671256</c:v>
                </c:pt>
                <c:pt idx="2434">
                  <c:v>16.146445185260806</c:v>
                </c:pt>
                <c:pt idx="2435">
                  <c:v>16.146445185260806</c:v>
                </c:pt>
                <c:pt idx="2436">
                  <c:v>16.146445185260806</c:v>
                </c:pt>
                <c:pt idx="2437">
                  <c:v>16.151288363850352</c:v>
                </c:pt>
                <c:pt idx="2438">
                  <c:v>16.151288363850352</c:v>
                </c:pt>
                <c:pt idx="2439">
                  <c:v>16.155989096010654</c:v>
                </c:pt>
                <c:pt idx="2440">
                  <c:v>16.1608322746002</c:v>
                </c:pt>
                <c:pt idx="2441">
                  <c:v>16.1608322746002</c:v>
                </c:pt>
                <c:pt idx="2442">
                  <c:v>16.165675453189749</c:v>
                </c:pt>
                <c:pt idx="2443">
                  <c:v>16.170376185350172</c:v>
                </c:pt>
                <c:pt idx="2444">
                  <c:v>16.170376185350172</c:v>
                </c:pt>
                <c:pt idx="2445">
                  <c:v>16.175219363939593</c:v>
                </c:pt>
                <c:pt idx="2446">
                  <c:v>16.180062542529146</c:v>
                </c:pt>
                <c:pt idx="2447">
                  <c:v>16.184763274689573</c:v>
                </c:pt>
                <c:pt idx="2448">
                  <c:v>16.184763274689573</c:v>
                </c:pt>
                <c:pt idx="2449">
                  <c:v>16.189606453278994</c:v>
                </c:pt>
                <c:pt idx="2450">
                  <c:v>16.19444963186854</c:v>
                </c:pt>
                <c:pt idx="2451">
                  <c:v>16.19444963186854</c:v>
                </c:pt>
                <c:pt idx="2452">
                  <c:v>16.199150364028966</c:v>
                </c:pt>
                <c:pt idx="2453">
                  <c:v>16.203993542618388</c:v>
                </c:pt>
                <c:pt idx="2454">
                  <c:v>16.208836721207934</c:v>
                </c:pt>
                <c:pt idx="2455">
                  <c:v>16.208836721207934</c:v>
                </c:pt>
                <c:pt idx="2456">
                  <c:v>16.21353745336836</c:v>
                </c:pt>
                <c:pt idx="2457">
                  <c:v>16.218380631957782</c:v>
                </c:pt>
                <c:pt idx="2458">
                  <c:v>16.223223810547331</c:v>
                </c:pt>
                <c:pt idx="2459">
                  <c:v>16.227924542707758</c:v>
                </c:pt>
                <c:pt idx="2460">
                  <c:v>16.232767721297304</c:v>
                </c:pt>
                <c:pt idx="2461">
                  <c:v>16.232767721297304</c:v>
                </c:pt>
                <c:pt idx="2462">
                  <c:v>16.237610899886729</c:v>
                </c:pt>
                <c:pt idx="2463">
                  <c:v>16.242311632047151</c:v>
                </c:pt>
                <c:pt idx="2464">
                  <c:v>16.247154810636701</c:v>
                </c:pt>
                <c:pt idx="2465">
                  <c:v>16.251997989226123</c:v>
                </c:pt>
                <c:pt idx="2466">
                  <c:v>16.256698721386549</c:v>
                </c:pt>
                <c:pt idx="2467">
                  <c:v>16.256698721386549</c:v>
                </c:pt>
                <c:pt idx="2468">
                  <c:v>16.261541899976098</c:v>
                </c:pt>
                <c:pt idx="2469">
                  <c:v>16.26638507856552</c:v>
                </c:pt>
                <c:pt idx="2470">
                  <c:v>16.271085810725943</c:v>
                </c:pt>
                <c:pt idx="2471">
                  <c:v>16.275928989315492</c:v>
                </c:pt>
                <c:pt idx="2472">
                  <c:v>16.275928989315492</c:v>
                </c:pt>
                <c:pt idx="2473">
                  <c:v>16.280772167905038</c:v>
                </c:pt>
                <c:pt idx="2474">
                  <c:v>16.28547290006534</c:v>
                </c:pt>
                <c:pt idx="2475">
                  <c:v>16.290316078654886</c:v>
                </c:pt>
                <c:pt idx="2476">
                  <c:v>16.295159257244439</c:v>
                </c:pt>
                <c:pt idx="2477">
                  <c:v>16.300002435833861</c:v>
                </c:pt>
                <c:pt idx="2478">
                  <c:v>16.300002435833861</c:v>
                </c:pt>
                <c:pt idx="2479">
                  <c:v>16.304703167994287</c:v>
                </c:pt>
                <c:pt idx="2480">
                  <c:v>16.309546346583833</c:v>
                </c:pt>
                <c:pt idx="2481">
                  <c:v>16.309546346583833</c:v>
                </c:pt>
                <c:pt idx="2482">
                  <c:v>16.314389525173254</c:v>
                </c:pt>
                <c:pt idx="2483">
                  <c:v>16.319090257333681</c:v>
                </c:pt>
                <c:pt idx="2484">
                  <c:v>16.319090257333681</c:v>
                </c:pt>
                <c:pt idx="2485">
                  <c:v>16.323933435923227</c:v>
                </c:pt>
                <c:pt idx="2486">
                  <c:v>16.328776614512776</c:v>
                </c:pt>
                <c:pt idx="2487">
                  <c:v>16.328776614512776</c:v>
                </c:pt>
                <c:pt idx="2488">
                  <c:v>16.328776614512776</c:v>
                </c:pt>
                <c:pt idx="2489">
                  <c:v>16.333477346673074</c:v>
                </c:pt>
                <c:pt idx="2490">
                  <c:v>16.333477346673074</c:v>
                </c:pt>
                <c:pt idx="2491">
                  <c:v>16.338320525262624</c:v>
                </c:pt>
                <c:pt idx="2492">
                  <c:v>16.338320525262624</c:v>
                </c:pt>
                <c:pt idx="2493">
                  <c:v>16.343163703852174</c:v>
                </c:pt>
                <c:pt idx="2494">
                  <c:v>16.343163703852174</c:v>
                </c:pt>
                <c:pt idx="2495">
                  <c:v>16.347864436012468</c:v>
                </c:pt>
                <c:pt idx="2496">
                  <c:v>16.347864436012468</c:v>
                </c:pt>
                <c:pt idx="2497">
                  <c:v>16.352707614602021</c:v>
                </c:pt>
                <c:pt idx="2498">
                  <c:v>16.352707614602021</c:v>
                </c:pt>
                <c:pt idx="2499">
                  <c:v>16.357550793191567</c:v>
                </c:pt>
                <c:pt idx="2500">
                  <c:v>16.357550793191567</c:v>
                </c:pt>
                <c:pt idx="2501">
                  <c:v>16.362251525351994</c:v>
                </c:pt>
                <c:pt idx="2502">
                  <c:v>16.367094703941415</c:v>
                </c:pt>
                <c:pt idx="2503">
                  <c:v>16.371937882530965</c:v>
                </c:pt>
                <c:pt idx="2504">
                  <c:v>16.371937882530965</c:v>
                </c:pt>
                <c:pt idx="2505">
                  <c:v>16.376638614691387</c:v>
                </c:pt>
                <c:pt idx="2506">
                  <c:v>16.381481793280809</c:v>
                </c:pt>
                <c:pt idx="2507">
                  <c:v>16.386324971870359</c:v>
                </c:pt>
                <c:pt idx="2508">
                  <c:v>16.386324971870359</c:v>
                </c:pt>
                <c:pt idx="2509">
                  <c:v>16.391025704030785</c:v>
                </c:pt>
                <c:pt idx="2510">
                  <c:v>16.395868882620206</c:v>
                </c:pt>
                <c:pt idx="2511">
                  <c:v>16.400712061209752</c:v>
                </c:pt>
                <c:pt idx="2512">
                  <c:v>16.405412793370179</c:v>
                </c:pt>
                <c:pt idx="2513">
                  <c:v>16.4102559719596</c:v>
                </c:pt>
                <c:pt idx="2514">
                  <c:v>16.4102559719596</c:v>
                </c:pt>
                <c:pt idx="2515">
                  <c:v>16.41509915054915</c:v>
                </c:pt>
                <c:pt idx="2516">
                  <c:v>16.419799882709576</c:v>
                </c:pt>
                <c:pt idx="2517">
                  <c:v>16.419799882709576</c:v>
                </c:pt>
                <c:pt idx="2518">
                  <c:v>16.424643061299125</c:v>
                </c:pt>
                <c:pt idx="2519">
                  <c:v>16.429486239888547</c:v>
                </c:pt>
                <c:pt idx="2520">
                  <c:v>16.434186972048973</c:v>
                </c:pt>
                <c:pt idx="2521">
                  <c:v>16.434186972048973</c:v>
                </c:pt>
                <c:pt idx="2522">
                  <c:v>16.439030150638519</c:v>
                </c:pt>
                <c:pt idx="2523">
                  <c:v>16.443873329227941</c:v>
                </c:pt>
                <c:pt idx="2524">
                  <c:v>16.443873329227941</c:v>
                </c:pt>
                <c:pt idx="2525">
                  <c:v>16.443873329227941</c:v>
                </c:pt>
                <c:pt idx="2526">
                  <c:v>16.448574061388367</c:v>
                </c:pt>
                <c:pt idx="2527">
                  <c:v>16.448574061388367</c:v>
                </c:pt>
                <c:pt idx="2528">
                  <c:v>16.453417239977913</c:v>
                </c:pt>
                <c:pt idx="2529">
                  <c:v>16.453417239977913</c:v>
                </c:pt>
                <c:pt idx="2530">
                  <c:v>16.458260418567335</c:v>
                </c:pt>
                <c:pt idx="2531">
                  <c:v>16.458260418567335</c:v>
                </c:pt>
                <c:pt idx="2532">
                  <c:v>16.462961150727761</c:v>
                </c:pt>
                <c:pt idx="2533">
                  <c:v>16.46780432931731</c:v>
                </c:pt>
                <c:pt idx="2534">
                  <c:v>16.46780432931731</c:v>
                </c:pt>
                <c:pt idx="2535">
                  <c:v>16.47264750790686</c:v>
                </c:pt>
                <c:pt idx="2536">
                  <c:v>16.477348240067158</c:v>
                </c:pt>
                <c:pt idx="2537">
                  <c:v>16.477348240067158</c:v>
                </c:pt>
                <c:pt idx="2538">
                  <c:v>16.482191418656708</c:v>
                </c:pt>
                <c:pt idx="2539">
                  <c:v>16.487034597246254</c:v>
                </c:pt>
                <c:pt idx="2540">
                  <c:v>16.491877775835675</c:v>
                </c:pt>
                <c:pt idx="2541">
                  <c:v>16.496578507996102</c:v>
                </c:pt>
                <c:pt idx="2542">
                  <c:v>16.501421686585651</c:v>
                </c:pt>
                <c:pt idx="2543">
                  <c:v>16.506264865175073</c:v>
                </c:pt>
                <c:pt idx="2544">
                  <c:v>16.510965597335499</c:v>
                </c:pt>
                <c:pt idx="2545">
                  <c:v>16.510965597335499</c:v>
                </c:pt>
                <c:pt idx="2546">
                  <c:v>16.515808775925045</c:v>
                </c:pt>
                <c:pt idx="2547">
                  <c:v>16.520651954514594</c:v>
                </c:pt>
                <c:pt idx="2548">
                  <c:v>16.520651954514594</c:v>
                </c:pt>
                <c:pt idx="2549">
                  <c:v>16.525352686674893</c:v>
                </c:pt>
                <c:pt idx="2550">
                  <c:v>16.530195865264442</c:v>
                </c:pt>
                <c:pt idx="2551">
                  <c:v>16.535039043853992</c:v>
                </c:pt>
                <c:pt idx="2552">
                  <c:v>16.535039043853992</c:v>
                </c:pt>
                <c:pt idx="2553">
                  <c:v>16.53973977601429</c:v>
                </c:pt>
                <c:pt idx="2554">
                  <c:v>16.53973977601429</c:v>
                </c:pt>
                <c:pt idx="2555">
                  <c:v>16.54458295460384</c:v>
                </c:pt>
                <c:pt idx="2556">
                  <c:v>16.54458295460384</c:v>
                </c:pt>
                <c:pt idx="2557">
                  <c:v>16.549426133193386</c:v>
                </c:pt>
                <c:pt idx="2558">
                  <c:v>16.549426133193386</c:v>
                </c:pt>
                <c:pt idx="2559">
                  <c:v>16.549426133193386</c:v>
                </c:pt>
                <c:pt idx="2560">
                  <c:v>16.554126865353812</c:v>
                </c:pt>
                <c:pt idx="2561">
                  <c:v>16.554126865353812</c:v>
                </c:pt>
                <c:pt idx="2562">
                  <c:v>16.558970043943233</c:v>
                </c:pt>
                <c:pt idx="2563">
                  <c:v>16.558970043943233</c:v>
                </c:pt>
                <c:pt idx="2564">
                  <c:v>16.563813222532779</c:v>
                </c:pt>
                <c:pt idx="2565">
                  <c:v>16.563813222532779</c:v>
                </c:pt>
                <c:pt idx="2566">
                  <c:v>16.563813222532779</c:v>
                </c:pt>
                <c:pt idx="2567">
                  <c:v>16.568513954693206</c:v>
                </c:pt>
                <c:pt idx="2568">
                  <c:v>16.568513954693206</c:v>
                </c:pt>
                <c:pt idx="2569">
                  <c:v>16.573357133282627</c:v>
                </c:pt>
                <c:pt idx="2570">
                  <c:v>16.573357133282627</c:v>
                </c:pt>
                <c:pt idx="2571">
                  <c:v>16.57820031187218</c:v>
                </c:pt>
                <c:pt idx="2572">
                  <c:v>16.57820031187218</c:v>
                </c:pt>
                <c:pt idx="2573">
                  <c:v>16.582901044032603</c:v>
                </c:pt>
                <c:pt idx="2574">
                  <c:v>16.587744222622028</c:v>
                </c:pt>
                <c:pt idx="2575">
                  <c:v>16.592587401211574</c:v>
                </c:pt>
                <c:pt idx="2576">
                  <c:v>16.597288133372</c:v>
                </c:pt>
                <c:pt idx="2577">
                  <c:v>16.602131311961546</c:v>
                </c:pt>
                <c:pt idx="2578">
                  <c:v>16.606974490550968</c:v>
                </c:pt>
                <c:pt idx="2579">
                  <c:v>16.611675222711394</c:v>
                </c:pt>
                <c:pt idx="2580">
                  <c:v>16.616518401300944</c:v>
                </c:pt>
                <c:pt idx="2581">
                  <c:v>16.621361579890365</c:v>
                </c:pt>
                <c:pt idx="2582">
                  <c:v>16.626062312050788</c:v>
                </c:pt>
                <c:pt idx="2583">
                  <c:v>16.635748669229759</c:v>
                </c:pt>
                <c:pt idx="2584">
                  <c:v>16.640449401390185</c:v>
                </c:pt>
                <c:pt idx="2585">
                  <c:v>16.645292579979735</c:v>
                </c:pt>
                <c:pt idx="2586">
                  <c:v>16.650135758569157</c:v>
                </c:pt>
                <c:pt idx="2587">
                  <c:v>16.654836490729583</c:v>
                </c:pt>
                <c:pt idx="2588">
                  <c:v>16.654836490729583</c:v>
                </c:pt>
                <c:pt idx="2589">
                  <c:v>16.659679669319129</c:v>
                </c:pt>
                <c:pt idx="2590">
                  <c:v>16.664522847908678</c:v>
                </c:pt>
                <c:pt idx="2591">
                  <c:v>16.6693660264981</c:v>
                </c:pt>
                <c:pt idx="2592">
                  <c:v>16.674066758658526</c:v>
                </c:pt>
                <c:pt idx="2593">
                  <c:v>16.678909937248072</c:v>
                </c:pt>
                <c:pt idx="2594">
                  <c:v>16.683753115837494</c:v>
                </c:pt>
                <c:pt idx="2595">
                  <c:v>16.68845384799792</c:v>
                </c:pt>
                <c:pt idx="2596">
                  <c:v>16.693297026587469</c:v>
                </c:pt>
                <c:pt idx="2597">
                  <c:v>16.698140205176891</c:v>
                </c:pt>
                <c:pt idx="2598">
                  <c:v>16.698140205176891</c:v>
                </c:pt>
                <c:pt idx="2599">
                  <c:v>16.702840937337314</c:v>
                </c:pt>
                <c:pt idx="2600">
                  <c:v>16.702840937337314</c:v>
                </c:pt>
                <c:pt idx="2601">
                  <c:v>16.707684115926867</c:v>
                </c:pt>
                <c:pt idx="2602">
                  <c:v>16.707684115926867</c:v>
                </c:pt>
                <c:pt idx="2603">
                  <c:v>16.712527294516413</c:v>
                </c:pt>
                <c:pt idx="2604">
                  <c:v>16.712527294516413</c:v>
                </c:pt>
                <c:pt idx="2605">
                  <c:v>16.717228026676715</c:v>
                </c:pt>
                <c:pt idx="2606">
                  <c:v>16.717228026676715</c:v>
                </c:pt>
                <c:pt idx="2607">
                  <c:v>16.722071205266261</c:v>
                </c:pt>
                <c:pt idx="2608">
                  <c:v>16.722071205266261</c:v>
                </c:pt>
                <c:pt idx="2609">
                  <c:v>16.722071205266261</c:v>
                </c:pt>
                <c:pt idx="2610">
                  <c:v>16.722071205266261</c:v>
                </c:pt>
                <c:pt idx="2611">
                  <c:v>16.722071205266261</c:v>
                </c:pt>
                <c:pt idx="2612">
                  <c:v>16.722071205266261</c:v>
                </c:pt>
                <c:pt idx="2613">
                  <c:v>16.72691438385581</c:v>
                </c:pt>
                <c:pt idx="2614">
                  <c:v>16.72691438385581</c:v>
                </c:pt>
                <c:pt idx="2615">
                  <c:v>16.72691438385581</c:v>
                </c:pt>
                <c:pt idx="2616">
                  <c:v>16.72691438385581</c:v>
                </c:pt>
                <c:pt idx="2617">
                  <c:v>16.731615116016108</c:v>
                </c:pt>
                <c:pt idx="2618">
                  <c:v>16.731615116016108</c:v>
                </c:pt>
                <c:pt idx="2619">
                  <c:v>16.731615116016108</c:v>
                </c:pt>
                <c:pt idx="2620">
                  <c:v>16.731615116016108</c:v>
                </c:pt>
                <c:pt idx="2621">
                  <c:v>16.736458294605654</c:v>
                </c:pt>
                <c:pt idx="2622">
                  <c:v>16.736458294605654</c:v>
                </c:pt>
                <c:pt idx="2623">
                  <c:v>16.736458294605654</c:v>
                </c:pt>
                <c:pt idx="2624">
                  <c:v>16.741301473195204</c:v>
                </c:pt>
                <c:pt idx="2625">
                  <c:v>16.741301473195204</c:v>
                </c:pt>
                <c:pt idx="2626">
                  <c:v>16.74600220535563</c:v>
                </c:pt>
                <c:pt idx="2627">
                  <c:v>16.74600220535563</c:v>
                </c:pt>
                <c:pt idx="2628">
                  <c:v>16.750845383945052</c:v>
                </c:pt>
                <c:pt idx="2629">
                  <c:v>16.750845383945052</c:v>
                </c:pt>
                <c:pt idx="2630">
                  <c:v>16.755688562534601</c:v>
                </c:pt>
                <c:pt idx="2631">
                  <c:v>16.755688562534601</c:v>
                </c:pt>
                <c:pt idx="2632">
                  <c:v>16.760389294695027</c:v>
                </c:pt>
                <c:pt idx="2633">
                  <c:v>16.765232473284449</c:v>
                </c:pt>
                <c:pt idx="2634">
                  <c:v>16.765232473284449</c:v>
                </c:pt>
                <c:pt idx="2635">
                  <c:v>16.770075651873995</c:v>
                </c:pt>
                <c:pt idx="2636">
                  <c:v>16.774776384034421</c:v>
                </c:pt>
                <c:pt idx="2637">
                  <c:v>16.779619562623843</c:v>
                </c:pt>
                <c:pt idx="2638">
                  <c:v>16.784462741213392</c:v>
                </c:pt>
                <c:pt idx="2639">
                  <c:v>16.789163473373819</c:v>
                </c:pt>
                <c:pt idx="2640">
                  <c:v>16.794006651963365</c:v>
                </c:pt>
                <c:pt idx="2641">
                  <c:v>16.798849830552786</c:v>
                </c:pt>
                <c:pt idx="2642">
                  <c:v>16.808393741302758</c:v>
                </c:pt>
                <c:pt idx="2643">
                  <c:v>16.813236919892184</c:v>
                </c:pt>
                <c:pt idx="2644">
                  <c:v>16.817937652052606</c:v>
                </c:pt>
                <c:pt idx="2645">
                  <c:v>16.822780830642159</c:v>
                </c:pt>
                <c:pt idx="2646">
                  <c:v>16.827624009231581</c:v>
                </c:pt>
                <c:pt idx="2647">
                  <c:v>16.832324741392004</c:v>
                </c:pt>
                <c:pt idx="2648">
                  <c:v>16.837167919981553</c:v>
                </c:pt>
                <c:pt idx="2649">
                  <c:v>16.842011098570975</c:v>
                </c:pt>
                <c:pt idx="2650">
                  <c:v>16.842011098570975</c:v>
                </c:pt>
                <c:pt idx="2651">
                  <c:v>16.846711830731401</c:v>
                </c:pt>
                <c:pt idx="2652">
                  <c:v>16.851555009320947</c:v>
                </c:pt>
                <c:pt idx="2653">
                  <c:v>16.856398187910496</c:v>
                </c:pt>
                <c:pt idx="2654">
                  <c:v>16.861241366499918</c:v>
                </c:pt>
                <c:pt idx="2655">
                  <c:v>16.865942098660344</c:v>
                </c:pt>
                <c:pt idx="2656">
                  <c:v>16.870785277249894</c:v>
                </c:pt>
                <c:pt idx="2657">
                  <c:v>16.875628455839315</c:v>
                </c:pt>
                <c:pt idx="2658">
                  <c:v>16.880329187999742</c:v>
                </c:pt>
                <c:pt idx="2659">
                  <c:v>16.880329187999742</c:v>
                </c:pt>
                <c:pt idx="2660">
                  <c:v>16.885172366589288</c:v>
                </c:pt>
                <c:pt idx="2661">
                  <c:v>16.885172366589288</c:v>
                </c:pt>
                <c:pt idx="2662">
                  <c:v>16.890015545178709</c:v>
                </c:pt>
                <c:pt idx="2663">
                  <c:v>16.890015545178709</c:v>
                </c:pt>
                <c:pt idx="2664">
                  <c:v>16.894716277339136</c:v>
                </c:pt>
                <c:pt idx="2665">
                  <c:v>16.894716277339136</c:v>
                </c:pt>
                <c:pt idx="2666">
                  <c:v>16.894716277339136</c:v>
                </c:pt>
                <c:pt idx="2667">
                  <c:v>16.899559455928685</c:v>
                </c:pt>
                <c:pt idx="2668">
                  <c:v>16.899559455928685</c:v>
                </c:pt>
                <c:pt idx="2669">
                  <c:v>16.899559455928685</c:v>
                </c:pt>
                <c:pt idx="2670">
                  <c:v>16.904402634518231</c:v>
                </c:pt>
                <c:pt idx="2671">
                  <c:v>16.904402634518231</c:v>
                </c:pt>
                <c:pt idx="2672">
                  <c:v>16.909103366678529</c:v>
                </c:pt>
                <c:pt idx="2673">
                  <c:v>16.909103366678529</c:v>
                </c:pt>
                <c:pt idx="2674">
                  <c:v>16.909103366678529</c:v>
                </c:pt>
                <c:pt idx="2675">
                  <c:v>16.913946545268079</c:v>
                </c:pt>
                <c:pt idx="2676">
                  <c:v>16.913946545268079</c:v>
                </c:pt>
                <c:pt idx="2677">
                  <c:v>16.918789723857628</c:v>
                </c:pt>
                <c:pt idx="2678">
                  <c:v>16.918789723857628</c:v>
                </c:pt>
                <c:pt idx="2679">
                  <c:v>16.923490456017927</c:v>
                </c:pt>
                <c:pt idx="2680">
                  <c:v>16.923490456017927</c:v>
                </c:pt>
                <c:pt idx="2681">
                  <c:v>16.928333634607476</c:v>
                </c:pt>
                <c:pt idx="2682">
                  <c:v>16.928333634607476</c:v>
                </c:pt>
                <c:pt idx="2683">
                  <c:v>16.928333634607476</c:v>
                </c:pt>
                <c:pt idx="2684">
                  <c:v>16.933176813197026</c:v>
                </c:pt>
                <c:pt idx="2685">
                  <c:v>16.937877545357448</c:v>
                </c:pt>
                <c:pt idx="2686">
                  <c:v>16.94272072394687</c:v>
                </c:pt>
                <c:pt idx="2687">
                  <c:v>16.94272072394687</c:v>
                </c:pt>
                <c:pt idx="2688">
                  <c:v>16.94756390253642</c:v>
                </c:pt>
                <c:pt idx="2689">
                  <c:v>16.952264634696846</c:v>
                </c:pt>
                <c:pt idx="2690">
                  <c:v>16.957107813286267</c:v>
                </c:pt>
                <c:pt idx="2691">
                  <c:v>16.961950991875813</c:v>
                </c:pt>
                <c:pt idx="2692">
                  <c:v>16.96665172403624</c:v>
                </c:pt>
                <c:pt idx="2693">
                  <c:v>16.96665172403624</c:v>
                </c:pt>
                <c:pt idx="2694">
                  <c:v>16.971494902625661</c:v>
                </c:pt>
                <c:pt idx="2695">
                  <c:v>16.971494902625661</c:v>
                </c:pt>
                <c:pt idx="2696">
                  <c:v>16.976338081215207</c:v>
                </c:pt>
                <c:pt idx="2697">
                  <c:v>16.981038813375633</c:v>
                </c:pt>
                <c:pt idx="2698">
                  <c:v>16.985881991965186</c:v>
                </c:pt>
                <c:pt idx="2699">
                  <c:v>16.990725170554608</c:v>
                </c:pt>
                <c:pt idx="2700">
                  <c:v>16.995425902715034</c:v>
                </c:pt>
                <c:pt idx="2701">
                  <c:v>17.00026908130458</c:v>
                </c:pt>
                <c:pt idx="2702">
                  <c:v>17.005112259894002</c:v>
                </c:pt>
                <c:pt idx="2703">
                  <c:v>17.009812992054428</c:v>
                </c:pt>
                <c:pt idx="2704">
                  <c:v>17.009812992054428</c:v>
                </c:pt>
                <c:pt idx="2705">
                  <c:v>17.014656170643974</c:v>
                </c:pt>
                <c:pt idx="2706">
                  <c:v>17.019499349233396</c:v>
                </c:pt>
                <c:pt idx="2707">
                  <c:v>17.019499349233396</c:v>
                </c:pt>
                <c:pt idx="2708">
                  <c:v>17.024200081393822</c:v>
                </c:pt>
                <c:pt idx="2709">
                  <c:v>17.029043259983371</c:v>
                </c:pt>
                <c:pt idx="2710">
                  <c:v>17.033886438572917</c:v>
                </c:pt>
                <c:pt idx="2711">
                  <c:v>17.033886438572917</c:v>
                </c:pt>
                <c:pt idx="2712">
                  <c:v>17.038729617162343</c:v>
                </c:pt>
                <c:pt idx="2713">
                  <c:v>17.038729617162343</c:v>
                </c:pt>
                <c:pt idx="2714">
                  <c:v>17.038729617162343</c:v>
                </c:pt>
                <c:pt idx="2715">
                  <c:v>17.043430349322765</c:v>
                </c:pt>
                <c:pt idx="2716">
                  <c:v>17.043430349322765</c:v>
                </c:pt>
                <c:pt idx="2717">
                  <c:v>17.043430349322765</c:v>
                </c:pt>
                <c:pt idx="2718">
                  <c:v>17.048273527912315</c:v>
                </c:pt>
                <c:pt idx="2719">
                  <c:v>17.048273527912315</c:v>
                </c:pt>
                <c:pt idx="2720">
                  <c:v>17.048273527912315</c:v>
                </c:pt>
                <c:pt idx="2721">
                  <c:v>17.048273527912315</c:v>
                </c:pt>
                <c:pt idx="2722">
                  <c:v>17.048273527912315</c:v>
                </c:pt>
                <c:pt idx="2723">
                  <c:v>17.053116706501736</c:v>
                </c:pt>
                <c:pt idx="2724">
                  <c:v>17.053116706501736</c:v>
                </c:pt>
                <c:pt idx="2725">
                  <c:v>17.053116706501736</c:v>
                </c:pt>
                <c:pt idx="2726">
                  <c:v>17.053116706501736</c:v>
                </c:pt>
                <c:pt idx="2727">
                  <c:v>17.057817438662163</c:v>
                </c:pt>
                <c:pt idx="2728">
                  <c:v>17.057817438662163</c:v>
                </c:pt>
                <c:pt idx="2729">
                  <c:v>17.057817438662163</c:v>
                </c:pt>
                <c:pt idx="2730">
                  <c:v>17.057817438662163</c:v>
                </c:pt>
                <c:pt idx="2731">
                  <c:v>17.057817438662163</c:v>
                </c:pt>
                <c:pt idx="2732">
                  <c:v>17.062660617251712</c:v>
                </c:pt>
                <c:pt idx="2733">
                  <c:v>17.062660617251712</c:v>
                </c:pt>
                <c:pt idx="2734">
                  <c:v>17.062660617251712</c:v>
                </c:pt>
                <c:pt idx="2735">
                  <c:v>17.062660617251712</c:v>
                </c:pt>
                <c:pt idx="2736">
                  <c:v>17.067503795841134</c:v>
                </c:pt>
                <c:pt idx="2737">
                  <c:v>17.067503795841134</c:v>
                </c:pt>
                <c:pt idx="2738">
                  <c:v>17.07220452800156</c:v>
                </c:pt>
                <c:pt idx="2739">
                  <c:v>17.077047706591106</c:v>
                </c:pt>
                <c:pt idx="2740">
                  <c:v>17.077047706591106</c:v>
                </c:pt>
                <c:pt idx="2741">
                  <c:v>17.081890885180528</c:v>
                </c:pt>
                <c:pt idx="2742">
                  <c:v>17.086591617340954</c:v>
                </c:pt>
                <c:pt idx="2743">
                  <c:v>17.086591617340954</c:v>
                </c:pt>
                <c:pt idx="2744">
                  <c:v>17.0914347959305</c:v>
                </c:pt>
                <c:pt idx="2745">
                  <c:v>17.096277974520053</c:v>
                </c:pt>
                <c:pt idx="2746">
                  <c:v>17.100978706680348</c:v>
                </c:pt>
                <c:pt idx="2747">
                  <c:v>17.105821885269901</c:v>
                </c:pt>
                <c:pt idx="2748">
                  <c:v>17.110665063859447</c:v>
                </c:pt>
                <c:pt idx="2749">
                  <c:v>17.115365796019745</c:v>
                </c:pt>
                <c:pt idx="2750">
                  <c:v>17.115365796019745</c:v>
                </c:pt>
                <c:pt idx="2751">
                  <c:v>17.120208974609294</c:v>
                </c:pt>
                <c:pt idx="2752">
                  <c:v>17.12505215319884</c:v>
                </c:pt>
                <c:pt idx="2753">
                  <c:v>17.134596063948688</c:v>
                </c:pt>
                <c:pt idx="2754">
                  <c:v>17.134596063948688</c:v>
                </c:pt>
                <c:pt idx="2755">
                  <c:v>17.144139974698664</c:v>
                </c:pt>
                <c:pt idx="2756">
                  <c:v>17.148983153288086</c:v>
                </c:pt>
                <c:pt idx="2757">
                  <c:v>17.153826331877635</c:v>
                </c:pt>
                <c:pt idx="2758">
                  <c:v>17.158527064038058</c:v>
                </c:pt>
                <c:pt idx="2759">
                  <c:v>17.158527064038058</c:v>
                </c:pt>
                <c:pt idx="2760">
                  <c:v>17.163370242627483</c:v>
                </c:pt>
                <c:pt idx="2761">
                  <c:v>17.168213421217029</c:v>
                </c:pt>
                <c:pt idx="2762">
                  <c:v>17.168213421217029</c:v>
                </c:pt>
                <c:pt idx="2763">
                  <c:v>17.172914153377455</c:v>
                </c:pt>
                <c:pt idx="2764">
                  <c:v>17.172914153377455</c:v>
                </c:pt>
                <c:pt idx="2765">
                  <c:v>17.177757331967005</c:v>
                </c:pt>
                <c:pt idx="2766">
                  <c:v>17.182600510556426</c:v>
                </c:pt>
                <c:pt idx="2767">
                  <c:v>17.187301242716849</c:v>
                </c:pt>
                <c:pt idx="2768">
                  <c:v>17.187301242716849</c:v>
                </c:pt>
                <c:pt idx="2769">
                  <c:v>17.192144421306399</c:v>
                </c:pt>
                <c:pt idx="2770">
                  <c:v>17.19698759989582</c:v>
                </c:pt>
                <c:pt idx="2771">
                  <c:v>17.19698759989582</c:v>
                </c:pt>
                <c:pt idx="2772">
                  <c:v>17.201688332056246</c:v>
                </c:pt>
                <c:pt idx="2773">
                  <c:v>17.201688332056246</c:v>
                </c:pt>
                <c:pt idx="2774">
                  <c:v>17.206531510645792</c:v>
                </c:pt>
                <c:pt idx="2775">
                  <c:v>17.211374689235214</c:v>
                </c:pt>
                <c:pt idx="2776">
                  <c:v>17.211374689235214</c:v>
                </c:pt>
                <c:pt idx="2777">
                  <c:v>17.211374689235214</c:v>
                </c:pt>
                <c:pt idx="2778">
                  <c:v>17.211374689235214</c:v>
                </c:pt>
                <c:pt idx="2779">
                  <c:v>17.21607542139564</c:v>
                </c:pt>
                <c:pt idx="2780">
                  <c:v>17.21607542139564</c:v>
                </c:pt>
                <c:pt idx="2781">
                  <c:v>17.21607542139564</c:v>
                </c:pt>
                <c:pt idx="2782">
                  <c:v>17.22091859998519</c:v>
                </c:pt>
                <c:pt idx="2783">
                  <c:v>17.22091859998519</c:v>
                </c:pt>
                <c:pt idx="2784">
                  <c:v>17.225761778574739</c:v>
                </c:pt>
                <c:pt idx="2785">
                  <c:v>17.225761778574739</c:v>
                </c:pt>
                <c:pt idx="2786">
                  <c:v>17.230604957164161</c:v>
                </c:pt>
                <c:pt idx="2787">
                  <c:v>17.230604957164161</c:v>
                </c:pt>
                <c:pt idx="2788">
                  <c:v>17.235305689324587</c:v>
                </c:pt>
                <c:pt idx="2789">
                  <c:v>17.235305689324587</c:v>
                </c:pt>
                <c:pt idx="2790">
                  <c:v>17.240148867914133</c:v>
                </c:pt>
                <c:pt idx="2791">
                  <c:v>17.240148867914133</c:v>
                </c:pt>
                <c:pt idx="2792">
                  <c:v>17.244992046503555</c:v>
                </c:pt>
                <c:pt idx="2793">
                  <c:v>17.244992046503555</c:v>
                </c:pt>
                <c:pt idx="2794">
                  <c:v>17.244992046503555</c:v>
                </c:pt>
                <c:pt idx="2795">
                  <c:v>17.249692778663981</c:v>
                </c:pt>
                <c:pt idx="2796">
                  <c:v>17.254535957253527</c:v>
                </c:pt>
                <c:pt idx="2797">
                  <c:v>17.254535957253527</c:v>
                </c:pt>
                <c:pt idx="2798">
                  <c:v>17.259379135842948</c:v>
                </c:pt>
                <c:pt idx="2799">
                  <c:v>17.264079868003375</c:v>
                </c:pt>
                <c:pt idx="2800">
                  <c:v>17.268923046592924</c:v>
                </c:pt>
                <c:pt idx="2801">
                  <c:v>17.268923046592924</c:v>
                </c:pt>
                <c:pt idx="2802">
                  <c:v>17.273766225182349</c:v>
                </c:pt>
                <c:pt idx="2803">
                  <c:v>17.278466957342772</c:v>
                </c:pt>
                <c:pt idx="2804">
                  <c:v>17.278466957342772</c:v>
                </c:pt>
                <c:pt idx="2805">
                  <c:v>17.283310135932322</c:v>
                </c:pt>
                <c:pt idx="2806">
                  <c:v>17.288153314521871</c:v>
                </c:pt>
                <c:pt idx="2807">
                  <c:v>17.292854046682169</c:v>
                </c:pt>
                <c:pt idx="2808">
                  <c:v>17.292854046682169</c:v>
                </c:pt>
                <c:pt idx="2809">
                  <c:v>17.297697225271715</c:v>
                </c:pt>
                <c:pt idx="2810">
                  <c:v>17.297697225271715</c:v>
                </c:pt>
                <c:pt idx="2811">
                  <c:v>17.297697225271715</c:v>
                </c:pt>
                <c:pt idx="2812">
                  <c:v>17.302540403861265</c:v>
                </c:pt>
                <c:pt idx="2813">
                  <c:v>17.302540403861265</c:v>
                </c:pt>
                <c:pt idx="2814">
                  <c:v>17.307241136021563</c:v>
                </c:pt>
                <c:pt idx="2815">
                  <c:v>17.307241136021563</c:v>
                </c:pt>
                <c:pt idx="2816">
                  <c:v>17.307241136021563</c:v>
                </c:pt>
                <c:pt idx="2817">
                  <c:v>17.307241136021563</c:v>
                </c:pt>
                <c:pt idx="2818">
                  <c:v>17.312084314611113</c:v>
                </c:pt>
                <c:pt idx="2819">
                  <c:v>17.312084314611113</c:v>
                </c:pt>
                <c:pt idx="2820">
                  <c:v>17.316927493200659</c:v>
                </c:pt>
                <c:pt idx="2821">
                  <c:v>17.316927493200659</c:v>
                </c:pt>
                <c:pt idx="2822">
                  <c:v>17.316927493200659</c:v>
                </c:pt>
                <c:pt idx="2823">
                  <c:v>17.316927493200659</c:v>
                </c:pt>
                <c:pt idx="2824">
                  <c:v>17.321628225361085</c:v>
                </c:pt>
                <c:pt idx="2825">
                  <c:v>17.321628225361085</c:v>
                </c:pt>
                <c:pt idx="2826">
                  <c:v>17.326471403950507</c:v>
                </c:pt>
                <c:pt idx="2827">
                  <c:v>17.326471403950507</c:v>
                </c:pt>
                <c:pt idx="2828">
                  <c:v>17.331314582540056</c:v>
                </c:pt>
                <c:pt idx="2829">
                  <c:v>17.331314582540056</c:v>
                </c:pt>
                <c:pt idx="2830">
                  <c:v>17.336015314700482</c:v>
                </c:pt>
                <c:pt idx="2831">
                  <c:v>17.336015314700482</c:v>
                </c:pt>
                <c:pt idx="2832">
                  <c:v>17.340858493289904</c:v>
                </c:pt>
                <c:pt idx="2833">
                  <c:v>17.340858493289904</c:v>
                </c:pt>
                <c:pt idx="2834">
                  <c:v>17.345701671879453</c:v>
                </c:pt>
                <c:pt idx="2835">
                  <c:v>17.35040240403988</c:v>
                </c:pt>
                <c:pt idx="2836">
                  <c:v>17.355245582629301</c:v>
                </c:pt>
                <c:pt idx="2837">
                  <c:v>17.360088761218847</c:v>
                </c:pt>
                <c:pt idx="2838">
                  <c:v>17.364789493379273</c:v>
                </c:pt>
                <c:pt idx="2839">
                  <c:v>17.369632671968819</c:v>
                </c:pt>
                <c:pt idx="2840">
                  <c:v>17.374475850558241</c:v>
                </c:pt>
                <c:pt idx="2841">
                  <c:v>17.374475850558241</c:v>
                </c:pt>
                <c:pt idx="2842">
                  <c:v>17.379176582718667</c:v>
                </c:pt>
                <c:pt idx="2843">
                  <c:v>17.384019761308217</c:v>
                </c:pt>
                <c:pt idx="2844">
                  <c:v>17.388862939897642</c:v>
                </c:pt>
                <c:pt idx="2845">
                  <c:v>17.388862939897642</c:v>
                </c:pt>
                <c:pt idx="2846">
                  <c:v>17.393563672058061</c:v>
                </c:pt>
                <c:pt idx="2847">
                  <c:v>17.393563672058061</c:v>
                </c:pt>
                <c:pt idx="2848">
                  <c:v>17.398406850647614</c:v>
                </c:pt>
                <c:pt idx="2849">
                  <c:v>17.403250029237036</c:v>
                </c:pt>
                <c:pt idx="2850">
                  <c:v>17.407950761397462</c:v>
                </c:pt>
                <c:pt idx="2851">
                  <c:v>17.407950761397462</c:v>
                </c:pt>
                <c:pt idx="2852">
                  <c:v>17.412793939987008</c:v>
                </c:pt>
                <c:pt idx="2853">
                  <c:v>17.412793939987008</c:v>
                </c:pt>
                <c:pt idx="2854">
                  <c:v>17.417637118576557</c:v>
                </c:pt>
                <c:pt idx="2855">
                  <c:v>17.417637118576557</c:v>
                </c:pt>
                <c:pt idx="2856">
                  <c:v>17.422480297165979</c:v>
                </c:pt>
                <c:pt idx="2857">
                  <c:v>17.422480297165979</c:v>
                </c:pt>
                <c:pt idx="2858">
                  <c:v>17.427181029326405</c:v>
                </c:pt>
                <c:pt idx="2859">
                  <c:v>17.427181029326405</c:v>
                </c:pt>
                <c:pt idx="2860">
                  <c:v>17.432024207915951</c:v>
                </c:pt>
                <c:pt idx="2861">
                  <c:v>17.432024207915951</c:v>
                </c:pt>
                <c:pt idx="2862">
                  <c:v>17.436867386505373</c:v>
                </c:pt>
                <c:pt idx="2863">
                  <c:v>17.436867386505373</c:v>
                </c:pt>
                <c:pt idx="2864">
                  <c:v>17.441568118665799</c:v>
                </c:pt>
                <c:pt idx="2865">
                  <c:v>17.441568118665799</c:v>
                </c:pt>
                <c:pt idx="2866">
                  <c:v>17.446411297255349</c:v>
                </c:pt>
                <c:pt idx="2867">
                  <c:v>17.45125447584477</c:v>
                </c:pt>
                <c:pt idx="2868">
                  <c:v>17.455955208005197</c:v>
                </c:pt>
                <c:pt idx="2869">
                  <c:v>17.455955208005197</c:v>
                </c:pt>
                <c:pt idx="2870">
                  <c:v>17.460798386594746</c:v>
                </c:pt>
                <c:pt idx="2871">
                  <c:v>17.465641565184168</c:v>
                </c:pt>
                <c:pt idx="2872">
                  <c:v>17.47034229734459</c:v>
                </c:pt>
                <c:pt idx="2873">
                  <c:v>17.47518547593414</c:v>
                </c:pt>
                <c:pt idx="2874">
                  <c:v>17.47518547593414</c:v>
                </c:pt>
                <c:pt idx="2875">
                  <c:v>17.480028654523686</c:v>
                </c:pt>
                <c:pt idx="2876">
                  <c:v>17.484729386683988</c:v>
                </c:pt>
                <c:pt idx="2877">
                  <c:v>17.484729386683988</c:v>
                </c:pt>
                <c:pt idx="2878">
                  <c:v>17.489572565273534</c:v>
                </c:pt>
                <c:pt idx="2879">
                  <c:v>17.494415743863087</c:v>
                </c:pt>
                <c:pt idx="2880">
                  <c:v>17.499116476023506</c:v>
                </c:pt>
                <c:pt idx="2881">
                  <c:v>17.503959654612931</c:v>
                </c:pt>
                <c:pt idx="2882">
                  <c:v>17.503959654612931</c:v>
                </c:pt>
                <c:pt idx="2883">
                  <c:v>17.508802833202481</c:v>
                </c:pt>
                <c:pt idx="2884">
                  <c:v>17.508802833202481</c:v>
                </c:pt>
                <c:pt idx="2885">
                  <c:v>17.513503565362907</c:v>
                </c:pt>
                <c:pt idx="2886">
                  <c:v>17.513503565362907</c:v>
                </c:pt>
                <c:pt idx="2887">
                  <c:v>17.518346743952328</c:v>
                </c:pt>
                <c:pt idx="2888">
                  <c:v>17.518346743952328</c:v>
                </c:pt>
                <c:pt idx="2889">
                  <c:v>17.518346743952328</c:v>
                </c:pt>
                <c:pt idx="2890">
                  <c:v>17.523189922541874</c:v>
                </c:pt>
                <c:pt idx="2891">
                  <c:v>17.523189922541874</c:v>
                </c:pt>
                <c:pt idx="2892">
                  <c:v>17.527890654702301</c:v>
                </c:pt>
                <c:pt idx="2893">
                  <c:v>17.527890654702301</c:v>
                </c:pt>
                <c:pt idx="2894">
                  <c:v>17.527890654702301</c:v>
                </c:pt>
                <c:pt idx="2895">
                  <c:v>17.527890654702301</c:v>
                </c:pt>
                <c:pt idx="2896">
                  <c:v>17.527890654702301</c:v>
                </c:pt>
                <c:pt idx="2897">
                  <c:v>17.527890654702301</c:v>
                </c:pt>
                <c:pt idx="2898">
                  <c:v>17.532733833291722</c:v>
                </c:pt>
                <c:pt idx="2899">
                  <c:v>17.532733833291722</c:v>
                </c:pt>
                <c:pt idx="2900">
                  <c:v>17.532733833291722</c:v>
                </c:pt>
                <c:pt idx="2901">
                  <c:v>17.532733833291722</c:v>
                </c:pt>
                <c:pt idx="2902">
                  <c:v>17.532733833291722</c:v>
                </c:pt>
                <c:pt idx="2903">
                  <c:v>17.532733833291722</c:v>
                </c:pt>
                <c:pt idx="2904">
                  <c:v>17.532733833291722</c:v>
                </c:pt>
                <c:pt idx="2905">
                  <c:v>17.532733833291722</c:v>
                </c:pt>
                <c:pt idx="2906">
                  <c:v>17.532733833291722</c:v>
                </c:pt>
                <c:pt idx="2907">
                  <c:v>17.537577011881268</c:v>
                </c:pt>
                <c:pt idx="2908">
                  <c:v>17.537577011881268</c:v>
                </c:pt>
                <c:pt idx="2909">
                  <c:v>17.537577011881268</c:v>
                </c:pt>
                <c:pt idx="2910">
                  <c:v>17.542277744041694</c:v>
                </c:pt>
                <c:pt idx="2911">
                  <c:v>17.542277744041694</c:v>
                </c:pt>
                <c:pt idx="2912">
                  <c:v>17.547120922631116</c:v>
                </c:pt>
                <c:pt idx="2913">
                  <c:v>17.547120922631116</c:v>
                </c:pt>
                <c:pt idx="2914">
                  <c:v>17.551964101220666</c:v>
                </c:pt>
                <c:pt idx="2915">
                  <c:v>17.551964101220666</c:v>
                </c:pt>
                <c:pt idx="2916">
                  <c:v>17.556664833381092</c:v>
                </c:pt>
                <c:pt idx="2917">
                  <c:v>17.556664833381092</c:v>
                </c:pt>
                <c:pt idx="2918">
                  <c:v>17.561508011970641</c:v>
                </c:pt>
                <c:pt idx="2919">
                  <c:v>17.566351190560063</c:v>
                </c:pt>
                <c:pt idx="2920">
                  <c:v>17.566351190560063</c:v>
                </c:pt>
                <c:pt idx="2921">
                  <c:v>17.571051922720489</c:v>
                </c:pt>
                <c:pt idx="2922">
                  <c:v>17.575895101310035</c:v>
                </c:pt>
                <c:pt idx="2923">
                  <c:v>17.575895101310035</c:v>
                </c:pt>
                <c:pt idx="2924">
                  <c:v>17.580738279899457</c:v>
                </c:pt>
                <c:pt idx="2925">
                  <c:v>17.585439012059883</c:v>
                </c:pt>
                <c:pt idx="2926">
                  <c:v>17.585439012059883</c:v>
                </c:pt>
                <c:pt idx="2927">
                  <c:v>17.590282190649432</c:v>
                </c:pt>
                <c:pt idx="2928">
                  <c:v>17.595125369238854</c:v>
                </c:pt>
                <c:pt idx="2929">
                  <c:v>17.595125369238854</c:v>
                </c:pt>
                <c:pt idx="2930">
                  <c:v>17.5999685478284</c:v>
                </c:pt>
                <c:pt idx="2931">
                  <c:v>17.5999685478284</c:v>
                </c:pt>
                <c:pt idx="2932">
                  <c:v>17.604669279988826</c:v>
                </c:pt>
                <c:pt idx="2933">
                  <c:v>17.604669279988826</c:v>
                </c:pt>
                <c:pt idx="2934">
                  <c:v>17.609512458578372</c:v>
                </c:pt>
                <c:pt idx="2935">
                  <c:v>17.609512458578372</c:v>
                </c:pt>
                <c:pt idx="2936">
                  <c:v>17.614355637167797</c:v>
                </c:pt>
                <c:pt idx="2937">
                  <c:v>17.614355637167797</c:v>
                </c:pt>
                <c:pt idx="2938">
                  <c:v>17.61905636932822</c:v>
                </c:pt>
                <c:pt idx="2939">
                  <c:v>17.623899547917773</c:v>
                </c:pt>
                <c:pt idx="2940">
                  <c:v>17.623899547917773</c:v>
                </c:pt>
                <c:pt idx="2941">
                  <c:v>17.628742726507195</c:v>
                </c:pt>
                <c:pt idx="2942">
                  <c:v>17.633443458667621</c:v>
                </c:pt>
                <c:pt idx="2943">
                  <c:v>17.638286637257167</c:v>
                </c:pt>
                <c:pt idx="2944">
                  <c:v>17.643129815846589</c:v>
                </c:pt>
                <c:pt idx="2945">
                  <c:v>17.643129815846589</c:v>
                </c:pt>
                <c:pt idx="2946">
                  <c:v>17.647830548007015</c:v>
                </c:pt>
                <c:pt idx="2947">
                  <c:v>17.652673726596561</c:v>
                </c:pt>
                <c:pt idx="2948">
                  <c:v>17.65751690518611</c:v>
                </c:pt>
                <c:pt idx="2949">
                  <c:v>17.65751690518611</c:v>
                </c:pt>
                <c:pt idx="2950">
                  <c:v>17.662217637346409</c:v>
                </c:pt>
                <c:pt idx="2951">
                  <c:v>17.667060815935958</c:v>
                </c:pt>
                <c:pt idx="2952">
                  <c:v>17.667060815935958</c:v>
                </c:pt>
                <c:pt idx="2953">
                  <c:v>17.671903994525508</c:v>
                </c:pt>
                <c:pt idx="2954">
                  <c:v>17.676604726685802</c:v>
                </c:pt>
                <c:pt idx="2955">
                  <c:v>17.681447905275355</c:v>
                </c:pt>
                <c:pt idx="2956">
                  <c:v>17.681447905275355</c:v>
                </c:pt>
                <c:pt idx="2957">
                  <c:v>17.686291083864901</c:v>
                </c:pt>
                <c:pt idx="2958">
                  <c:v>17.686291083864901</c:v>
                </c:pt>
                <c:pt idx="2959">
                  <c:v>17.690991816025328</c:v>
                </c:pt>
                <c:pt idx="2960">
                  <c:v>17.690991816025328</c:v>
                </c:pt>
                <c:pt idx="2961">
                  <c:v>17.695834994614749</c:v>
                </c:pt>
                <c:pt idx="2962">
                  <c:v>17.695834994614749</c:v>
                </c:pt>
                <c:pt idx="2963">
                  <c:v>17.695834994614749</c:v>
                </c:pt>
                <c:pt idx="2964">
                  <c:v>17.700678173204299</c:v>
                </c:pt>
                <c:pt idx="2965">
                  <c:v>17.700678173204299</c:v>
                </c:pt>
                <c:pt idx="2966">
                  <c:v>17.700678173204299</c:v>
                </c:pt>
                <c:pt idx="2967">
                  <c:v>17.700678173204299</c:v>
                </c:pt>
                <c:pt idx="2968">
                  <c:v>17.700678173204299</c:v>
                </c:pt>
                <c:pt idx="2969">
                  <c:v>17.700678173204299</c:v>
                </c:pt>
                <c:pt idx="2970">
                  <c:v>17.695834994614749</c:v>
                </c:pt>
                <c:pt idx="2971">
                  <c:v>17.695834994614749</c:v>
                </c:pt>
                <c:pt idx="2972">
                  <c:v>17.695834994614749</c:v>
                </c:pt>
                <c:pt idx="2973">
                  <c:v>17.695834994614749</c:v>
                </c:pt>
                <c:pt idx="2974">
                  <c:v>17.700678173204299</c:v>
                </c:pt>
                <c:pt idx="2975">
                  <c:v>17.700678173204299</c:v>
                </c:pt>
                <c:pt idx="2976">
                  <c:v>17.700678173204299</c:v>
                </c:pt>
                <c:pt idx="2977">
                  <c:v>17.700678173204299</c:v>
                </c:pt>
                <c:pt idx="2978">
                  <c:v>17.700678173204299</c:v>
                </c:pt>
                <c:pt idx="2979">
                  <c:v>17.705378905364725</c:v>
                </c:pt>
                <c:pt idx="2980">
                  <c:v>17.705378905364725</c:v>
                </c:pt>
                <c:pt idx="2981">
                  <c:v>17.710222083954147</c:v>
                </c:pt>
                <c:pt idx="2982">
                  <c:v>17.715065262543693</c:v>
                </c:pt>
                <c:pt idx="2983">
                  <c:v>17.719765994704119</c:v>
                </c:pt>
                <c:pt idx="2984">
                  <c:v>17.719765994704119</c:v>
                </c:pt>
                <c:pt idx="2985">
                  <c:v>17.72460917329354</c:v>
                </c:pt>
                <c:pt idx="2986">
                  <c:v>17.72945235188309</c:v>
                </c:pt>
                <c:pt idx="2987">
                  <c:v>17.734153084043513</c:v>
                </c:pt>
                <c:pt idx="2988">
                  <c:v>17.734153084043513</c:v>
                </c:pt>
                <c:pt idx="2989">
                  <c:v>17.738996262632938</c:v>
                </c:pt>
                <c:pt idx="2990">
                  <c:v>17.743839441222487</c:v>
                </c:pt>
                <c:pt idx="2991">
                  <c:v>17.74854017338291</c:v>
                </c:pt>
                <c:pt idx="2992">
                  <c:v>17.74854017338291</c:v>
                </c:pt>
                <c:pt idx="2993">
                  <c:v>17.75338335197246</c:v>
                </c:pt>
                <c:pt idx="2994">
                  <c:v>17.758226530561881</c:v>
                </c:pt>
                <c:pt idx="2995">
                  <c:v>17.762927262722307</c:v>
                </c:pt>
                <c:pt idx="2996">
                  <c:v>17.767770441311853</c:v>
                </c:pt>
                <c:pt idx="2997">
                  <c:v>17.772613619901275</c:v>
                </c:pt>
                <c:pt idx="2998">
                  <c:v>17.777314352061701</c:v>
                </c:pt>
                <c:pt idx="2999">
                  <c:v>17.777314352061701</c:v>
                </c:pt>
                <c:pt idx="3000">
                  <c:v>17.782157530651247</c:v>
                </c:pt>
                <c:pt idx="3001">
                  <c:v>17.787000709240669</c:v>
                </c:pt>
                <c:pt idx="3002">
                  <c:v>17.791843887830222</c:v>
                </c:pt>
                <c:pt idx="3003">
                  <c:v>17.791843887830222</c:v>
                </c:pt>
                <c:pt idx="3004">
                  <c:v>17.796544619990648</c:v>
                </c:pt>
                <c:pt idx="3005">
                  <c:v>17.796544619990648</c:v>
                </c:pt>
                <c:pt idx="3006">
                  <c:v>17.801387798580194</c:v>
                </c:pt>
                <c:pt idx="3007">
                  <c:v>17.801387798580194</c:v>
                </c:pt>
                <c:pt idx="3008">
                  <c:v>17.806230977169616</c:v>
                </c:pt>
                <c:pt idx="3009">
                  <c:v>17.806230977169616</c:v>
                </c:pt>
                <c:pt idx="3010">
                  <c:v>17.810931709330042</c:v>
                </c:pt>
                <c:pt idx="3011">
                  <c:v>17.810931709330042</c:v>
                </c:pt>
                <c:pt idx="3012">
                  <c:v>17.815774887919588</c:v>
                </c:pt>
                <c:pt idx="3013">
                  <c:v>17.815774887919588</c:v>
                </c:pt>
                <c:pt idx="3014">
                  <c:v>17.820618066509009</c:v>
                </c:pt>
                <c:pt idx="3015">
                  <c:v>17.825318798669436</c:v>
                </c:pt>
                <c:pt idx="3016">
                  <c:v>17.830161977258985</c:v>
                </c:pt>
                <c:pt idx="3017">
                  <c:v>17.835005155848407</c:v>
                </c:pt>
                <c:pt idx="3018">
                  <c:v>17.839705888008833</c:v>
                </c:pt>
                <c:pt idx="3019">
                  <c:v>17.844549066598383</c:v>
                </c:pt>
                <c:pt idx="3020">
                  <c:v>17.849392245187932</c:v>
                </c:pt>
                <c:pt idx="3021">
                  <c:v>17.854092977348227</c:v>
                </c:pt>
                <c:pt idx="3022">
                  <c:v>17.858936155937776</c:v>
                </c:pt>
                <c:pt idx="3023">
                  <c:v>17.858936155937776</c:v>
                </c:pt>
                <c:pt idx="3024">
                  <c:v>17.863779334527326</c:v>
                </c:pt>
                <c:pt idx="3025">
                  <c:v>17.868480066687624</c:v>
                </c:pt>
                <c:pt idx="3026">
                  <c:v>17.868480066687624</c:v>
                </c:pt>
                <c:pt idx="3027">
                  <c:v>17.868480066687624</c:v>
                </c:pt>
                <c:pt idx="3028">
                  <c:v>17.873323245277174</c:v>
                </c:pt>
                <c:pt idx="3029">
                  <c:v>17.873323245277174</c:v>
                </c:pt>
                <c:pt idx="3030">
                  <c:v>17.87816642386672</c:v>
                </c:pt>
                <c:pt idx="3031">
                  <c:v>17.87816642386672</c:v>
                </c:pt>
                <c:pt idx="3032">
                  <c:v>17.882867156027146</c:v>
                </c:pt>
                <c:pt idx="3033">
                  <c:v>17.882867156027146</c:v>
                </c:pt>
                <c:pt idx="3034">
                  <c:v>17.882867156027146</c:v>
                </c:pt>
                <c:pt idx="3035">
                  <c:v>17.882867156027146</c:v>
                </c:pt>
                <c:pt idx="3036">
                  <c:v>17.882867156027146</c:v>
                </c:pt>
                <c:pt idx="3037">
                  <c:v>17.887710334616568</c:v>
                </c:pt>
                <c:pt idx="3038">
                  <c:v>17.887710334616568</c:v>
                </c:pt>
                <c:pt idx="3039">
                  <c:v>17.887710334616568</c:v>
                </c:pt>
                <c:pt idx="3040">
                  <c:v>17.887710334616568</c:v>
                </c:pt>
                <c:pt idx="3041">
                  <c:v>17.887710334616568</c:v>
                </c:pt>
                <c:pt idx="3042">
                  <c:v>17.887710334616568</c:v>
                </c:pt>
                <c:pt idx="3043">
                  <c:v>17.887710334616568</c:v>
                </c:pt>
                <c:pt idx="3044">
                  <c:v>17.887710334616568</c:v>
                </c:pt>
                <c:pt idx="3045">
                  <c:v>17.892553513206114</c:v>
                </c:pt>
                <c:pt idx="3046">
                  <c:v>17.892553513206114</c:v>
                </c:pt>
                <c:pt idx="3047">
                  <c:v>17.892553513206114</c:v>
                </c:pt>
                <c:pt idx="3048">
                  <c:v>17.89725424536654</c:v>
                </c:pt>
                <c:pt idx="3049">
                  <c:v>17.89725424536654</c:v>
                </c:pt>
                <c:pt idx="3050">
                  <c:v>17.89725424536654</c:v>
                </c:pt>
                <c:pt idx="3051">
                  <c:v>17.902097423955961</c:v>
                </c:pt>
                <c:pt idx="3052">
                  <c:v>17.902097423955961</c:v>
                </c:pt>
                <c:pt idx="3053">
                  <c:v>17.906940602545514</c:v>
                </c:pt>
                <c:pt idx="3054">
                  <c:v>17.906940602545514</c:v>
                </c:pt>
                <c:pt idx="3055">
                  <c:v>17.911641334705941</c:v>
                </c:pt>
                <c:pt idx="3056">
                  <c:v>17.916484513295362</c:v>
                </c:pt>
                <c:pt idx="3057">
                  <c:v>17.916484513295362</c:v>
                </c:pt>
                <c:pt idx="3058">
                  <c:v>17.921327691884908</c:v>
                </c:pt>
                <c:pt idx="3059">
                  <c:v>17.926028424045334</c:v>
                </c:pt>
                <c:pt idx="3060">
                  <c:v>17.926028424045334</c:v>
                </c:pt>
                <c:pt idx="3061">
                  <c:v>17.93087160263488</c:v>
                </c:pt>
                <c:pt idx="3062">
                  <c:v>17.935714781224302</c:v>
                </c:pt>
                <c:pt idx="3063">
                  <c:v>17.940415513384728</c:v>
                </c:pt>
                <c:pt idx="3064">
                  <c:v>17.945258691974278</c:v>
                </c:pt>
                <c:pt idx="3065">
                  <c:v>17.945258691974278</c:v>
                </c:pt>
                <c:pt idx="3066">
                  <c:v>17.950101870563699</c:v>
                </c:pt>
                <c:pt idx="3067">
                  <c:v>17.950101870563699</c:v>
                </c:pt>
                <c:pt idx="3068">
                  <c:v>17.954802602724122</c:v>
                </c:pt>
                <c:pt idx="3069">
                  <c:v>17.954802602724122</c:v>
                </c:pt>
                <c:pt idx="3070">
                  <c:v>17.959645781313672</c:v>
                </c:pt>
                <c:pt idx="3071">
                  <c:v>17.959645781313672</c:v>
                </c:pt>
                <c:pt idx="3072">
                  <c:v>17.964488959903097</c:v>
                </c:pt>
                <c:pt idx="3073">
                  <c:v>17.964488959903097</c:v>
                </c:pt>
                <c:pt idx="3074">
                  <c:v>17.969332138492643</c:v>
                </c:pt>
                <c:pt idx="3075">
                  <c:v>17.969332138492643</c:v>
                </c:pt>
                <c:pt idx="3076">
                  <c:v>17.974032870653069</c:v>
                </c:pt>
                <c:pt idx="3077">
                  <c:v>17.978876049242491</c:v>
                </c:pt>
                <c:pt idx="3078">
                  <c:v>17.978876049242491</c:v>
                </c:pt>
                <c:pt idx="3079">
                  <c:v>17.98371922783204</c:v>
                </c:pt>
                <c:pt idx="3080">
                  <c:v>17.98371922783204</c:v>
                </c:pt>
                <c:pt idx="3081">
                  <c:v>17.988419959992466</c:v>
                </c:pt>
                <c:pt idx="3082">
                  <c:v>17.988419959992466</c:v>
                </c:pt>
                <c:pt idx="3083">
                  <c:v>17.993263138582012</c:v>
                </c:pt>
                <c:pt idx="3084">
                  <c:v>17.993263138582012</c:v>
                </c:pt>
                <c:pt idx="3085">
                  <c:v>17.993263138582012</c:v>
                </c:pt>
                <c:pt idx="3086">
                  <c:v>17.998106317171434</c:v>
                </c:pt>
                <c:pt idx="3087">
                  <c:v>17.998106317171434</c:v>
                </c:pt>
                <c:pt idx="3088">
                  <c:v>18.00280704933186</c:v>
                </c:pt>
                <c:pt idx="3089">
                  <c:v>18.00280704933186</c:v>
                </c:pt>
                <c:pt idx="3090">
                  <c:v>18.007650227921406</c:v>
                </c:pt>
                <c:pt idx="3091">
                  <c:v>18.007650227921406</c:v>
                </c:pt>
                <c:pt idx="3092">
                  <c:v>18.012493406510828</c:v>
                </c:pt>
                <c:pt idx="3093">
                  <c:v>18.012493406510828</c:v>
                </c:pt>
                <c:pt idx="3094">
                  <c:v>18.017194138671254</c:v>
                </c:pt>
                <c:pt idx="3095">
                  <c:v>18.017194138671254</c:v>
                </c:pt>
                <c:pt idx="3096">
                  <c:v>18.022037317260807</c:v>
                </c:pt>
                <c:pt idx="3097">
                  <c:v>18.022037317260807</c:v>
                </c:pt>
                <c:pt idx="3098">
                  <c:v>18.026880495850229</c:v>
                </c:pt>
                <c:pt idx="3099">
                  <c:v>18.026880495850229</c:v>
                </c:pt>
                <c:pt idx="3100">
                  <c:v>18.026880495850229</c:v>
                </c:pt>
                <c:pt idx="3101">
                  <c:v>18.031581228010651</c:v>
                </c:pt>
                <c:pt idx="3102">
                  <c:v>18.031581228010651</c:v>
                </c:pt>
                <c:pt idx="3103">
                  <c:v>18.036424406600201</c:v>
                </c:pt>
                <c:pt idx="3104">
                  <c:v>18.041267585189747</c:v>
                </c:pt>
                <c:pt idx="3105">
                  <c:v>18.041267585189747</c:v>
                </c:pt>
                <c:pt idx="3106">
                  <c:v>18.045968317350049</c:v>
                </c:pt>
                <c:pt idx="3107">
                  <c:v>18.050811495939595</c:v>
                </c:pt>
                <c:pt idx="3108">
                  <c:v>18.050811495939595</c:v>
                </c:pt>
                <c:pt idx="3109">
                  <c:v>18.055654674529144</c:v>
                </c:pt>
                <c:pt idx="3110">
                  <c:v>18.060355406689443</c:v>
                </c:pt>
                <c:pt idx="3111">
                  <c:v>18.060355406689443</c:v>
                </c:pt>
                <c:pt idx="3112">
                  <c:v>18.065198585278988</c:v>
                </c:pt>
                <c:pt idx="3113">
                  <c:v>18.065198585278988</c:v>
                </c:pt>
                <c:pt idx="3114">
                  <c:v>18.065198585278988</c:v>
                </c:pt>
                <c:pt idx="3115">
                  <c:v>18.070041763868542</c:v>
                </c:pt>
                <c:pt idx="3116">
                  <c:v>18.074742496028964</c:v>
                </c:pt>
                <c:pt idx="3117">
                  <c:v>18.074742496028964</c:v>
                </c:pt>
                <c:pt idx="3118">
                  <c:v>18.074742496028964</c:v>
                </c:pt>
                <c:pt idx="3119">
                  <c:v>18.079585674618389</c:v>
                </c:pt>
                <c:pt idx="3120">
                  <c:v>18.079585674618389</c:v>
                </c:pt>
                <c:pt idx="3121">
                  <c:v>18.084428853207935</c:v>
                </c:pt>
                <c:pt idx="3122">
                  <c:v>18.084428853207935</c:v>
                </c:pt>
                <c:pt idx="3123">
                  <c:v>18.089129585368362</c:v>
                </c:pt>
                <c:pt idx="3124">
                  <c:v>18.093972763957783</c:v>
                </c:pt>
                <c:pt idx="3125">
                  <c:v>18.093972763957783</c:v>
                </c:pt>
                <c:pt idx="3126">
                  <c:v>18.098815942547329</c:v>
                </c:pt>
                <c:pt idx="3127">
                  <c:v>18.103516674707755</c:v>
                </c:pt>
                <c:pt idx="3128">
                  <c:v>18.108359853297177</c:v>
                </c:pt>
                <c:pt idx="3129">
                  <c:v>18.108359853297177</c:v>
                </c:pt>
                <c:pt idx="3130">
                  <c:v>18.113203031886727</c:v>
                </c:pt>
                <c:pt idx="3131">
                  <c:v>18.113203031886727</c:v>
                </c:pt>
                <c:pt idx="3132">
                  <c:v>18.117903764047153</c:v>
                </c:pt>
                <c:pt idx="3133">
                  <c:v>18.117903764047153</c:v>
                </c:pt>
                <c:pt idx="3134">
                  <c:v>18.122746942636699</c:v>
                </c:pt>
                <c:pt idx="3135">
                  <c:v>18.122746942636699</c:v>
                </c:pt>
                <c:pt idx="3136">
                  <c:v>18.12759012122612</c:v>
                </c:pt>
                <c:pt idx="3137">
                  <c:v>18.12759012122612</c:v>
                </c:pt>
                <c:pt idx="3138">
                  <c:v>18.132290853386547</c:v>
                </c:pt>
                <c:pt idx="3139">
                  <c:v>18.137134031976096</c:v>
                </c:pt>
                <c:pt idx="3140">
                  <c:v>18.137134031976096</c:v>
                </c:pt>
                <c:pt idx="3141">
                  <c:v>18.141977210565518</c:v>
                </c:pt>
                <c:pt idx="3142">
                  <c:v>18.141977210565518</c:v>
                </c:pt>
                <c:pt idx="3143">
                  <c:v>18.146677942725944</c:v>
                </c:pt>
                <c:pt idx="3144">
                  <c:v>18.146677942725944</c:v>
                </c:pt>
                <c:pt idx="3145">
                  <c:v>18.151521121315493</c:v>
                </c:pt>
                <c:pt idx="3146">
                  <c:v>18.151521121315493</c:v>
                </c:pt>
                <c:pt idx="3147">
                  <c:v>18.156364299904915</c:v>
                </c:pt>
                <c:pt idx="3148">
                  <c:v>18.161207478494461</c:v>
                </c:pt>
                <c:pt idx="3149">
                  <c:v>18.161207478494461</c:v>
                </c:pt>
                <c:pt idx="3150">
                  <c:v>18.161207478494461</c:v>
                </c:pt>
                <c:pt idx="3151">
                  <c:v>18.165908210654887</c:v>
                </c:pt>
                <c:pt idx="3152">
                  <c:v>18.165908210654887</c:v>
                </c:pt>
                <c:pt idx="3153">
                  <c:v>18.165908210654887</c:v>
                </c:pt>
                <c:pt idx="3154">
                  <c:v>18.170751389244309</c:v>
                </c:pt>
                <c:pt idx="3155">
                  <c:v>18.170751389244309</c:v>
                </c:pt>
                <c:pt idx="3156">
                  <c:v>18.175594567833855</c:v>
                </c:pt>
                <c:pt idx="3157">
                  <c:v>18.175594567833855</c:v>
                </c:pt>
                <c:pt idx="3158">
                  <c:v>18.180295299994281</c:v>
                </c:pt>
                <c:pt idx="3159">
                  <c:v>18.180295299994281</c:v>
                </c:pt>
                <c:pt idx="3160">
                  <c:v>18.185138478583831</c:v>
                </c:pt>
                <c:pt idx="3161">
                  <c:v>18.185138478583831</c:v>
                </c:pt>
                <c:pt idx="3162">
                  <c:v>18.185138478583831</c:v>
                </c:pt>
                <c:pt idx="3163">
                  <c:v>18.189981657173256</c:v>
                </c:pt>
                <c:pt idx="3164">
                  <c:v>18.189981657173256</c:v>
                </c:pt>
                <c:pt idx="3165">
                  <c:v>18.189981657173256</c:v>
                </c:pt>
                <c:pt idx="3166">
                  <c:v>18.189981657173256</c:v>
                </c:pt>
                <c:pt idx="3167">
                  <c:v>18.194682389333678</c:v>
                </c:pt>
                <c:pt idx="3168">
                  <c:v>18.194682389333678</c:v>
                </c:pt>
                <c:pt idx="3169">
                  <c:v>18.199525567923228</c:v>
                </c:pt>
                <c:pt idx="3170">
                  <c:v>18.199525567923228</c:v>
                </c:pt>
                <c:pt idx="3171">
                  <c:v>18.20436874651265</c:v>
                </c:pt>
                <c:pt idx="3172">
                  <c:v>18.20436874651265</c:v>
                </c:pt>
                <c:pt idx="3173">
                  <c:v>18.20436874651265</c:v>
                </c:pt>
                <c:pt idx="3174">
                  <c:v>18.209069478673076</c:v>
                </c:pt>
                <c:pt idx="3175">
                  <c:v>18.209069478673076</c:v>
                </c:pt>
                <c:pt idx="3176">
                  <c:v>18.209069478673076</c:v>
                </c:pt>
                <c:pt idx="3177">
                  <c:v>18.213912657262622</c:v>
                </c:pt>
                <c:pt idx="3178">
                  <c:v>18.213912657262622</c:v>
                </c:pt>
                <c:pt idx="3179">
                  <c:v>18.213912657262622</c:v>
                </c:pt>
                <c:pt idx="3180">
                  <c:v>18.218755835852043</c:v>
                </c:pt>
                <c:pt idx="3181">
                  <c:v>18.218755835852043</c:v>
                </c:pt>
                <c:pt idx="3182">
                  <c:v>18.218755835852043</c:v>
                </c:pt>
                <c:pt idx="3183">
                  <c:v>18.22345656801247</c:v>
                </c:pt>
                <c:pt idx="3184">
                  <c:v>18.22345656801247</c:v>
                </c:pt>
                <c:pt idx="3185">
                  <c:v>18.228299746602019</c:v>
                </c:pt>
                <c:pt idx="3186">
                  <c:v>18.228299746602019</c:v>
                </c:pt>
                <c:pt idx="3187">
                  <c:v>18.228299746602019</c:v>
                </c:pt>
                <c:pt idx="3188">
                  <c:v>18.233142925191565</c:v>
                </c:pt>
                <c:pt idx="3189">
                  <c:v>18.233142925191565</c:v>
                </c:pt>
                <c:pt idx="3190">
                  <c:v>18.237843657351863</c:v>
                </c:pt>
                <c:pt idx="3191">
                  <c:v>18.237843657351863</c:v>
                </c:pt>
                <c:pt idx="3192">
                  <c:v>18.237843657351863</c:v>
                </c:pt>
                <c:pt idx="3193">
                  <c:v>18.242686835941413</c:v>
                </c:pt>
                <c:pt idx="3194">
                  <c:v>18.242686835941413</c:v>
                </c:pt>
                <c:pt idx="3195">
                  <c:v>18.242686835941413</c:v>
                </c:pt>
                <c:pt idx="3196">
                  <c:v>18.242686835941413</c:v>
                </c:pt>
                <c:pt idx="3197">
                  <c:v>18.247530014530962</c:v>
                </c:pt>
                <c:pt idx="3198">
                  <c:v>18.247530014530962</c:v>
                </c:pt>
                <c:pt idx="3199">
                  <c:v>18.247530014530962</c:v>
                </c:pt>
                <c:pt idx="3200">
                  <c:v>18.252230746691261</c:v>
                </c:pt>
                <c:pt idx="3201">
                  <c:v>18.252230746691261</c:v>
                </c:pt>
                <c:pt idx="3202">
                  <c:v>18.252230746691261</c:v>
                </c:pt>
                <c:pt idx="3203">
                  <c:v>18.25707392528081</c:v>
                </c:pt>
                <c:pt idx="3204">
                  <c:v>18.25707392528081</c:v>
                </c:pt>
                <c:pt idx="3205">
                  <c:v>18.26191710387036</c:v>
                </c:pt>
                <c:pt idx="3206">
                  <c:v>18.26191710387036</c:v>
                </c:pt>
                <c:pt idx="3207">
                  <c:v>18.26191710387036</c:v>
                </c:pt>
                <c:pt idx="3208">
                  <c:v>18.266617836030786</c:v>
                </c:pt>
                <c:pt idx="3209">
                  <c:v>18.266617836030786</c:v>
                </c:pt>
                <c:pt idx="3210">
                  <c:v>18.271461014620208</c:v>
                </c:pt>
                <c:pt idx="3211">
                  <c:v>18.276304193209754</c:v>
                </c:pt>
                <c:pt idx="3212">
                  <c:v>18.276304193209754</c:v>
                </c:pt>
                <c:pt idx="3213">
                  <c:v>18.28100492537018</c:v>
                </c:pt>
                <c:pt idx="3214">
                  <c:v>18.28100492537018</c:v>
                </c:pt>
                <c:pt idx="3215">
                  <c:v>18.285848103959601</c:v>
                </c:pt>
                <c:pt idx="3216">
                  <c:v>18.290691282549147</c:v>
                </c:pt>
                <c:pt idx="3217">
                  <c:v>18.290691282549147</c:v>
                </c:pt>
                <c:pt idx="3218">
                  <c:v>18.295392014709574</c:v>
                </c:pt>
                <c:pt idx="3219">
                  <c:v>18.295392014709574</c:v>
                </c:pt>
                <c:pt idx="3220">
                  <c:v>18.300235193298995</c:v>
                </c:pt>
                <c:pt idx="3221">
                  <c:v>18.305078371888548</c:v>
                </c:pt>
                <c:pt idx="3222">
                  <c:v>18.305078371888548</c:v>
                </c:pt>
                <c:pt idx="3223">
                  <c:v>18.309779104048967</c:v>
                </c:pt>
                <c:pt idx="3224">
                  <c:v>18.309779104048967</c:v>
                </c:pt>
                <c:pt idx="3225">
                  <c:v>18.314622282638521</c:v>
                </c:pt>
                <c:pt idx="3226">
                  <c:v>18.314622282638521</c:v>
                </c:pt>
                <c:pt idx="3227">
                  <c:v>18.319465461227942</c:v>
                </c:pt>
                <c:pt idx="3228">
                  <c:v>18.324166193388368</c:v>
                </c:pt>
                <c:pt idx="3229">
                  <c:v>18.324166193388368</c:v>
                </c:pt>
                <c:pt idx="3230">
                  <c:v>18.329009371977914</c:v>
                </c:pt>
                <c:pt idx="3231">
                  <c:v>18.329009371977914</c:v>
                </c:pt>
                <c:pt idx="3232">
                  <c:v>18.333852550567336</c:v>
                </c:pt>
                <c:pt idx="3233">
                  <c:v>18.333852550567336</c:v>
                </c:pt>
                <c:pt idx="3234">
                  <c:v>18.338695729156886</c:v>
                </c:pt>
                <c:pt idx="3235">
                  <c:v>18.338695729156886</c:v>
                </c:pt>
                <c:pt idx="3236">
                  <c:v>18.338695729156886</c:v>
                </c:pt>
                <c:pt idx="3237">
                  <c:v>18.338695729156886</c:v>
                </c:pt>
                <c:pt idx="3238">
                  <c:v>18.338695729156886</c:v>
                </c:pt>
                <c:pt idx="3239">
                  <c:v>18.338695729156886</c:v>
                </c:pt>
                <c:pt idx="3240">
                  <c:v>18.338695729156886</c:v>
                </c:pt>
                <c:pt idx="3241">
                  <c:v>18.343396461317308</c:v>
                </c:pt>
                <c:pt idx="3242">
                  <c:v>18.343396461317308</c:v>
                </c:pt>
                <c:pt idx="3243">
                  <c:v>18.343396461317308</c:v>
                </c:pt>
                <c:pt idx="3244">
                  <c:v>18.343396461317308</c:v>
                </c:pt>
                <c:pt idx="3245">
                  <c:v>18.34823963990673</c:v>
                </c:pt>
                <c:pt idx="3246">
                  <c:v>18.34823963990673</c:v>
                </c:pt>
                <c:pt idx="3247">
                  <c:v>18.353082818496279</c:v>
                </c:pt>
                <c:pt idx="3248">
                  <c:v>18.353082818496279</c:v>
                </c:pt>
                <c:pt idx="3249">
                  <c:v>18.353082818496279</c:v>
                </c:pt>
                <c:pt idx="3250">
                  <c:v>18.357783550656706</c:v>
                </c:pt>
                <c:pt idx="3251">
                  <c:v>18.357783550656706</c:v>
                </c:pt>
                <c:pt idx="3252">
                  <c:v>18.362626729246127</c:v>
                </c:pt>
                <c:pt idx="3253">
                  <c:v>18.362626729246127</c:v>
                </c:pt>
                <c:pt idx="3254">
                  <c:v>18.362626729246127</c:v>
                </c:pt>
                <c:pt idx="3255">
                  <c:v>18.362626729246127</c:v>
                </c:pt>
                <c:pt idx="3256">
                  <c:v>18.362626729246127</c:v>
                </c:pt>
                <c:pt idx="3257">
                  <c:v>18.362626729246127</c:v>
                </c:pt>
                <c:pt idx="3258">
                  <c:v>18.367469907835677</c:v>
                </c:pt>
                <c:pt idx="3259">
                  <c:v>18.367469907835677</c:v>
                </c:pt>
                <c:pt idx="3260">
                  <c:v>18.367469907835677</c:v>
                </c:pt>
                <c:pt idx="3261">
                  <c:v>18.372170639996103</c:v>
                </c:pt>
                <c:pt idx="3262">
                  <c:v>18.377013818585649</c:v>
                </c:pt>
                <c:pt idx="3263">
                  <c:v>18.377013818585649</c:v>
                </c:pt>
                <c:pt idx="3264">
                  <c:v>18.38185699717507</c:v>
                </c:pt>
                <c:pt idx="3265">
                  <c:v>18.38185699717507</c:v>
                </c:pt>
                <c:pt idx="3266">
                  <c:v>18.386557729335497</c:v>
                </c:pt>
                <c:pt idx="3267">
                  <c:v>18.391400907925046</c:v>
                </c:pt>
                <c:pt idx="3268">
                  <c:v>18.391400907925046</c:v>
                </c:pt>
                <c:pt idx="3269">
                  <c:v>18.396244086514468</c:v>
                </c:pt>
                <c:pt idx="3270">
                  <c:v>18.396244086514468</c:v>
                </c:pt>
                <c:pt idx="3271">
                  <c:v>18.396244086514468</c:v>
                </c:pt>
                <c:pt idx="3272">
                  <c:v>18.400944818674894</c:v>
                </c:pt>
                <c:pt idx="3273">
                  <c:v>18.400944818674894</c:v>
                </c:pt>
                <c:pt idx="3274">
                  <c:v>18.40578799726444</c:v>
                </c:pt>
                <c:pt idx="3275">
                  <c:v>18.410631175853862</c:v>
                </c:pt>
                <c:pt idx="3276">
                  <c:v>18.410631175853862</c:v>
                </c:pt>
                <c:pt idx="3277">
                  <c:v>18.415331908014288</c:v>
                </c:pt>
                <c:pt idx="3278">
                  <c:v>18.420175086603837</c:v>
                </c:pt>
                <c:pt idx="3279">
                  <c:v>18.425018265193387</c:v>
                </c:pt>
                <c:pt idx="3280">
                  <c:v>18.425018265193387</c:v>
                </c:pt>
                <c:pt idx="3281">
                  <c:v>18.429718997353682</c:v>
                </c:pt>
                <c:pt idx="3282">
                  <c:v>18.429718997353682</c:v>
                </c:pt>
                <c:pt idx="3283">
                  <c:v>18.434562175943235</c:v>
                </c:pt>
                <c:pt idx="3284">
                  <c:v>18.434562175943235</c:v>
                </c:pt>
                <c:pt idx="3285">
                  <c:v>18.434562175943235</c:v>
                </c:pt>
                <c:pt idx="3286">
                  <c:v>18.434562175943235</c:v>
                </c:pt>
                <c:pt idx="3287">
                  <c:v>18.434562175943235</c:v>
                </c:pt>
                <c:pt idx="3288">
                  <c:v>18.434562175943235</c:v>
                </c:pt>
                <c:pt idx="3289">
                  <c:v>18.439405354532781</c:v>
                </c:pt>
                <c:pt idx="3290">
                  <c:v>18.439405354532781</c:v>
                </c:pt>
                <c:pt idx="3291">
                  <c:v>18.439405354532781</c:v>
                </c:pt>
                <c:pt idx="3292">
                  <c:v>18.439405354532781</c:v>
                </c:pt>
                <c:pt idx="3293">
                  <c:v>18.439405354532781</c:v>
                </c:pt>
                <c:pt idx="3294">
                  <c:v>18.439405354532781</c:v>
                </c:pt>
                <c:pt idx="3295">
                  <c:v>18.439405354532781</c:v>
                </c:pt>
                <c:pt idx="3296">
                  <c:v>18.439405354532781</c:v>
                </c:pt>
                <c:pt idx="3297">
                  <c:v>18.439405354532781</c:v>
                </c:pt>
                <c:pt idx="3298">
                  <c:v>18.444106086693083</c:v>
                </c:pt>
                <c:pt idx="3299">
                  <c:v>18.444106086693083</c:v>
                </c:pt>
                <c:pt idx="3300">
                  <c:v>18.444106086693083</c:v>
                </c:pt>
                <c:pt idx="3301">
                  <c:v>18.448949265282629</c:v>
                </c:pt>
                <c:pt idx="3302">
                  <c:v>18.448949265282629</c:v>
                </c:pt>
                <c:pt idx="3303">
                  <c:v>18.448949265282629</c:v>
                </c:pt>
                <c:pt idx="3304">
                  <c:v>18.448949265282629</c:v>
                </c:pt>
                <c:pt idx="3305">
                  <c:v>18.453792443872175</c:v>
                </c:pt>
                <c:pt idx="3306">
                  <c:v>18.453792443872175</c:v>
                </c:pt>
                <c:pt idx="3307">
                  <c:v>18.458493176032601</c:v>
                </c:pt>
                <c:pt idx="3308">
                  <c:v>18.463336354622022</c:v>
                </c:pt>
                <c:pt idx="3309">
                  <c:v>18.468179533211572</c:v>
                </c:pt>
                <c:pt idx="3310">
                  <c:v>18.472880265371998</c:v>
                </c:pt>
                <c:pt idx="3311">
                  <c:v>18.47772344396142</c:v>
                </c:pt>
                <c:pt idx="3312">
                  <c:v>18.482566622550969</c:v>
                </c:pt>
                <c:pt idx="3313">
                  <c:v>18.482566622550969</c:v>
                </c:pt>
                <c:pt idx="3314">
                  <c:v>18.487267354711395</c:v>
                </c:pt>
                <c:pt idx="3315">
                  <c:v>18.496953711890363</c:v>
                </c:pt>
                <c:pt idx="3316">
                  <c:v>18.496953711890363</c:v>
                </c:pt>
                <c:pt idx="3317">
                  <c:v>18.501654444050789</c:v>
                </c:pt>
                <c:pt idx="3318">
                  <c:v>18.506497622640339</c:v>
                </c:pt>
                <c:pt idx="3319">
                  <c:v>18.51134080122976</c:v>
                </c:pt>
                <c:pt idx="3320">
                  <c:v>18.516041533390183</c:v>
                </c:pt>
                <c:pt idx="3321">
                  <c:v>18.516041533390183</c:v>
                </c:pt>
                <c:pt idx="3322">
                  <c:v>18.520884711979733</c:v>
                </c:pt>
                <c:pt idx="3323">
                  <c:v>18.520884711979733</c:v>
                </c:pt>
                <c:pt idx="3324">
                  <c:v>18.520884711979733</c:v>
                </c:pt>
                <c:pt idx="3325">
                  <c:v>18.520884711979733</c:v>
                </c:pt>
                <c:pt idx="3326">
                  <c:v>18.520884711979733</c:v>
                </c:pt>
                <c:pt idx="3327">
                  <c:v>18.525727890569154</c:v>
                </c:pt>
                <c:pt idx="3328">
                  <c:v>18.525727890569154</c:v>
                </c:pt>
                <c:pt idx="3329">
                  <c:v>18.525727890569154</c:v>
                </c:pt>
                <c:pt idx="3330">
                  <c:v>18.525727890569154</c:v>
                </c:pt>
                <c:pt idx="3331">
                  <c:v>18.525727890569154</c:v>
                </c:pt>
                <c:pt idx="3332">
                  <c:v>18.525727890569154</c:v>
                </c:pt>
                <c:pt idx="3333">
                  <c:v>18.525727890569154</c:v>
                </c:pt>
                <c:pt idx="3334">
                  <c:v>18.525727890569154</c:v>
                </c:pt>
                <c:pt idx="3335">
                  <c:v>18.525727890569154</c:v>
                </c:pt>
                <c:pt idx="3336">
                  <c:v>18.525727890569154</c:v>
                </c:pt>
                <c:pt idx="3337">
                  <c:v>18.525727890569154</c:v>
                </c:pt>
                <c:pt idx="3338">
                  <c:v>18.525727890569154</c:v>
                </c:pt>
                <c:pt idx="3339">
                  <c:v>18.525727890569154</c:v>
                </c:pt>
                <c:pt idx="3340">
                  <c:v>18.525727890569154</c:v>
                </c:pt>
                <c:pt idx="3341">
                  <c:v>18.525727890569154</c:v>
                </c:pt>
                <c:pt idx="3342">
                  <c:v>18.530571069158704</c:v>
                </c:pt>
                <c:pt idx="3343">
                  <c:v>18.530571069158704</c:v>
                </c:pt>
                <c:pt idx="3344">
                  <c:v>18.530571069158704</c:v>
                </c:pt>
                <c:pt idx="3345">
                  <c:v>18.530571069158704</c:v>
                </c:pt>
                <c:pt idx="3346">
                  <c:v>18.535271801319126</c:v>
                </c:pt>
                <c:pt idx="3347">
                  <c:v>18.535271801319126</c:v>
                </c:pt>
                <c:pt idx="3348">
                  <c:v>18.540114979908552</c:v>
                </c:pt>
                <c:pt idx="3349">
                  <c:v>18.544958158498101</c:v>
                </c:pt>
                <c:pt idx="3350">
                  <c:v>18.544958158498101</c:v>
                </c:pt>
                <c:pt idx="3351">
                  <c:v>18.549658890658527</c:v>
                </c:pt>
                <c:pt idx="3352">
                  <c:v>18.549658890658527</c:v>
                </c:pt>
                <c:pt idx="3353">
                  <c:v>18.554502069248073</c:v>
                </c:pt>
                <c:pt idx="3354">
                  <c:v>18.559345247837495</c:v>
                </c:pt>
                <c:pt idx="3355">
                  <c:v>18.564045979997921</c:v>
                </c:pt>
                <c:pt idx="3356">
                  <c:v>18.568889158587467</c:v>
                </c:pt>
                <c:pt idx="3357">
                  <c:v>18.573732337176889</c:v>
                </c:pt>
                <c:pt idx="3358">
                  <c:v>18.578433069337315</c:v>
                </c:pt>
                <c:pt idx="3359">
                  <c:v>18.583276247926864</c:v>
                </c:pt>
                <c:pt idx="3360">
                  <c:v>18.588119426516286</c:v>
                </c:pt>
                <c:pt idx="3361">
                  <c:v>18.588119426516286</c:v>
                </c:pt>
                <c:pt idx="3362">
                  <c:v>18.592820158676709</c:v>
                </c:pt>
                <c:pt idx="3363">
                  <c:v>18.597663337266262</c:v>
                </c:pt>
                <c:pt idx="3364">
                  <c:v>18.597663337266262</c:v>
                </c:pt>
                <c:pt idx="3365">
                  <c:v>18.602506515855683</c:v>
                </c:pt>
                <c:pt idx="3366">
                  <c:v>18.60720724801611</c:v>
                </c:pt>
                <c:pt idx="3367">
                  <c:v>18.60720724801611</c:v>
                </c:pt>
                <c:pt idx="3368">
                  <c:v>18.612050426605656</c:v>
                </c:pt>
                <c:pt idx="3369">
                  <c:v>18.612050426605656</c:v>
                </c:pt>
                <c:pt idx="3370">
                  <c:v>18.612050426605656</c:v>
                </c:pt>
                <c:pt idx="3371">
                  <c:v>18.616893605195205</c:v>
                </c:pt>
                <c:pt idx="3372">
                  <c:v>18.616893605195205</c:v>
                </c:pt>
                <c:pt idx="3373">
                  <c:v>18.621594337355504</c:v>
                </c:pt>
                <c:pt idx="3374">
                  <c:v>18.621594337355504</c:v>
                </c:pt>
                <c:pt idx="3375">
                  <c:v>18.621594337355504</c:v>
                </c:pt>
                <c:pt idx="3376">
                  <c:v>18.626437515945049</c:v>
                </c:pt>
                <c:pt idx="3377">
                  <c:v>18.631280694534599</c:v>
                </c:pt>
                <c:pt idx="3378">
                  <c:v>18.631280694534599</c:v>
                </c:pt>
                <c:pt idx="3379">
                  <c:v>18.635981426694897</c:v>
                </c:pt>
                <c:pt idx="3380">
                  <c:v>18.635981426694897</c:v>
                </c:pt>
                <c:pt idx="3381">
                  <c:v>18.635981426694897</c:v>
                </c:pt>
                <c:pt idx="3382">
                  <c:v>18.635981426694897</c:v>
                </c:pt>
                <c:pt idx="3383">
                  <c:v>18.635981426694897</c:v>
                </c:pt>
                <c:pt idx="3384">
                  <c:v>18.640824605284447</c:v>
                </c:pt>
                <c:pt idx="3385">
                  <c:v>18.640824605284447</c:v>
                </c:pt>
                <c:pt idx="3386">
                  <c:v>18.640824605284447</c:v>
                </c:pt>
                <c:pt idx="3387">
                  <c:v>18.640824605284447</c:v>
                </c:pt>
                <c:pt idx="3388">
                  <c:v>18.645667783873996</c:v>
                </c:pt>
                <c:pt idx="3389">
                  <c:v>18.645667783873996</c:v>
                </c:pt>
                <c:pt idx="3390">
                  <c:v>18.645667783873996</c:v>
                </c:pt>
                <c:pt idx="3391">
                  <c:v>18.650368516034419</c:v>
                </c:pt>
                <c:pt idx="3392">
                  <c:v>18.650368516034419</c:v>
                </c:pt>
                <c:pt idx="3393">
                  <c:v>18.650368516034419</c:v>
                </c:pt>
                <c:pt idx="3394">
                  <c:v>18.655211694623844</c:v>
                </c:pt>
                <c:pt idx="3395">
                  <c:v>18.655211694623844</c:v>
                </c:pt>
                <c:pt idx="3396">
                  <c:v>18.655211694623844</c:v>
                </c:pt>
                <c:pt idx="3397">
                  <c:v>18.66005487321339</c:v>
                </c:pt>
                <c:pt idx="3398">
                  <c:v>18.66005487321339</c:v>
                </c:pt>
                <c:pt idx="3399">
                  <c:v>18.664755605373816</c:v>
                </c:pt>
                <c:pt idx="3400">
                  <c:v>18.664755605373816</c:v>
                </c:pt>
                <c:pt idx="3401">
                  <c:v>18.669598783963238</c:v>
                </c:pt>
                <c:pt idx="3402">
                  <c:v>18.669598783963238</c:v>
                </c:pt>
                <c:pt idx="3403">
                  <c:v>18.669598783963238</c:v>
                </c:pt>
                <c:pt idx="3404">
                  <c:v>18.674441962552788</c:v>
                </c:pt>
                <c:pt idx="3405">
                  <c:v>18.674441962552788</c:v>
                </c:pt>
                <c:pt idx="3406">
                  <c:v>18.679142694713214</c:v>
                </c:pt>
                <c:pt idx="3407">
                  <c:v>18.679142694713214</c:v>
                </c:pt>
                <c:pt idx="3408">
                  <c:v>18.683985873302635</c:v>
                </c:pt>
                <c:pt idx="3409">
                  <c:v>18.683985873302635</c:v>
                </c:pt>
                <c:pt idx="3410">
                  <c:v>18.688829051892181</c:v>
                </c:pt>
                <c:pt idx="3411">
                  <c:v>18.688829051892181</c:v>
                </c:pt>
                <c:pt idx="3412">
                  <c:v>18.693529784052608</c:v>
                </c:pt>
                <c:pt idx="3413">
                  <c:v>18.693529784052608</c:v>
                </c:pt>
                <c:pt idx="3414">
                  <c:v>18.698372962642154</c:v>
                </c:pt>
                <c:pt idx="3415">
                  <c:v>18.698372962642154</c:v>
                </c:pt>
                <c:pt idx="3416">
                  <c:v>18.703216141231575</c:v>
                </c:pt>
                <c:pt idx="3417">
                  <c:v>18.707916873392001</c:v>
                </c:pt>
                <c:pt idx="3418">
                  <c:v>18.707916873392001</c:v>
                </c:pt>
                <c:pt idx="3419">
                  <c:v>18.712760051981554</c:v>
                </c:pt>
                <c:pt idx="3420">
                  <c:v>18.712760051981554</c:v>
                </c:pt>
                <c:pt idx="3421">
                  <c:v>18.712760051981554</c:v>
                </c:pt>
                <c:pt idx="3422">
                  <c:v>18.717603230570976</c:v>
                </c:pt>
                <c:pt idx="3423">
                  <c:v>18.717603230570976</c:v>
                </c:pt>
                <c:pt idx="3424">
                  <c:v>18.717603230570976</c:v>
                </c:pt>
                <c:pt idx="3425">
                  <c:v>18.717603230570976</c:v>
                </c:pt>
                <c:pt idx="3426">
                  <c:v>18.722446409160522</c:v>
                </c:pt>
                <c:pt idx="3427">
                  <c:v>18.722446409160522</c:v>
                </c:pt>
                <c:pt idx="3428">
                  <c:v>18.722446409160522</c:v>
                </c:pt>
                <c:pt idx="3429">
                  <c:v>18.722446409160522</c:v>
                </c:pt>
                <c:pt idx="3430">
                  <c:v>18.727147141320948</c:v>
                </c:pt>
                <c:pt idx="3431">
                  <c:v>18.727147141320948</c:v>
                </c:pt>
                <c:pt idx="3432">
                  <c:v>18.73199031991037</c:v>
                </c:pt>
                <c:pt idx="3433">
                  <c:v>18.73199031991037</c:v>
                </c:pt>
                <c:pt idx="3434">
                  <c:v>18.73199031991037</c:v>
                </c:pt>
                <c:pt idx="3435">
                  <c:v>18.736833498499916</c:v>
                </c:pt>
                <c:pt idx="3436">
                  <c:v>18.736833498499916</c:v>
                </c:pt>
                <c:pt idx="3437">
                  <c:v>18.741534230660342</c:v>
                </c:pt>
                <c:pt idx="3438">
                  <c:v>18.741534230660342</c:v>
                </c:pt>
                <c:pt idx="3439">
                  <c:v>18.741534230660342</c:v>
                </c:pt>
                <c:pt idx="3440">
                  <c:v>18.746377409249892</c:v>
                </c:pt>
                <c:pt idx="3441">
                  <c:v>18.746377409249892</c:v>
                </c:pt>
                <c:pt idx="3442">
                  <c:v>18.746377409249892</c:v>
                </c:pt>
                <c:pt idx="3443">
                  <c:v>18.751220587839313</c:v>
                </c:pt>
                <c:pt idx="3444">
                  <c:v>18.751220587839313</c:v>
                </c:pt>
                <c:pt idx="3445">
                  <c:v>18.755921319999739</c:v>
                </c:pt>
                <c:pt idx="3446">
                  <c:v>18.760764498589285</c:v>
                </c:pt>
                <c:pt idx="3447">
                  <c:v>18.760764498589285</c:v>
                </c:pt>
                <c:pt idx="3448">
                  <c:v>18.765607677178711</c:v>
                </c:pt>
                <c:pt idx="3449">
                  <c:v>18.770308409339133</c:v>
                </c:pt>
                <c:pt idx="3450">
                  <c:v>18.770308409339133</c:v>
                </c:pt>
                <c:pt idx="3451">
                  <c:v>18.775151587928683</c:v>
                </c:pt>
                <c:pt idx="3452">
                  <c:v>18.775151587928683</c:v>
                </c:pt>
                <c:pt idx="3453">
                  <c:v>18.779994766518104</c:v>
                </c:pt>
                <c:pt idx="3454">
                  <c:v>18.779994766518104</c:v>
                </c:pt>
                <c:pt idx="3455">
                  <c:v>18.784695498678531</c:v>
                </c:pt>
                <c:pt idx="3456">
                  <c:v>18.784695498678531</c:v>
                </c:pt>
                <c:pt idx="3457">
                  <c:v>18.78953867726808</c:v>
                </c:pt>
                <c:pt idx="3458">
                  <c:v>18.78953867726808</c:v>
                </c:pt>
                <c:pt idx="3459">
                  <c:v>18.794381855857502</c:v>
                </c:pt>
                <c:pt idx="3460">
                  <c:v>18.794381855857502</c:v>
                </c:pt>
                <c:pt idx="3461">
                  <c:v>18.799082588017924</c:v>
                </c:pt>
                <c:pt idx="3462">
                  <c:v>18.799082588017924</c:v>
                </c:pt>
                <c:pt idx="3463">
                  <c:v>18.799082588017924</c:v>
                </c:pt>
                <c:pt idx="3464">
                  <c:v>18.803925766607474</c:v>
                </c:pt>
                <c:pt idx="3465">
                  <c:v>18.80876894519702</c:v>
                </c:pt>
                <c:pt idx="3466">
                  <c:v>18.80876894519702</c:v>
                </c:pt>
                <c:pt idx="3467">
                  <c:v>18.813469677357322</c:v>
                </c:pt>
                <c:pt idx="3468">
                  <c:v>18.813469677357322</c:v>
                </c:pt>
                <c:pt idx="3469">
                  <c:v>18.818312855946868</c:v>
                </c:pt>
                <c:pt idx="3470">
                  <c:v>18.818312855946868</c:v>
                </c:pt>
                <c:pt idx="3471">
                  <c:v>18.823156034536421</c:v>
                </c:pt>
                <c:pt idx="3472">
                  <c:v>18.823156034536421</c:v>
                </c:pt>
                <c:pt idx="3473">
                  <c:v>18.827856766696847</c:v>
                </c:pt>
                <c:pt idx="3474">
                  <c:v>18.827856766696847</c:v>
                </c:pt>
                <c:pt idx="3475">
                  <c:v>18.832699945286265</c:v>
                </c:pt>
                <c:pt idx="3476">
                  <c:v>18.832699945286265</c:v>
                </c:pt>
                <c:pt idx="3477">
                  <c:v>18.837543123875815</c:v>
                </c:pt>
                <c:pt idx="3478">
                  <c:v>18.837543123875815</c:v>
                </c:pt>
                <c:pt idx="3479">
                  <c:v>18.842243856036241</c:v>
                </c:pt>
                <c:pt idx="3480">
                  <c:v>18.842243856036241</c:v>
                </c:pt>
                <c:pt idx="3481">
                  <c:v>18.847087034625662</c:v>
                </c:pt>
                <c:pt idx="3482">
                  <c:v>18.847087034625662</c:v>
                </c:pt>
                <c:pt idx="3483">
                  <c:v>18.847087034625662</c:v>
                </c:pt>
                <c:pt idx="3484">
                  <c:v>18.851930213215208</c:v>
                </c:pt>
                <c:pt idx="3485">
                  <c:v>18.851930213215208</c:v>
                </c:pt>
                <c:pt idx="3486">
                  <c:v>18.851930213215208</c:v>
                </c:pt>
                <c:pt idx="3487">
                  <c:v>18.856630945375635</c:v>
                </c:pt>
                <c:pt idx="3488">
                  <c:v>18.856630945375635</c:v>
                </c:pt>
                <c:pt idx="3489">
                  <c:v>18.861474123965056</c:v>
                </c:pt>
                <c:pt idx="3490">
                  <c:v>18.861474123965056</c:v>
                </c:pt>
                <c:pt idx="3491">
                  <c:v>18.861474123965056</c:v>
                </c:pt>
                <c:pt idx="3492">
                  <c:v>18.861474123965056</c:v>
                </c:pt>
                <c:pt idx="3493">
                  <c:v>18.866317302554606</c:v>
                </c:pt>
                <c:pt idx="3494">
                  <c:v>18.866317302554606</c:v>
                </c:pt>
                <c:pt idx="3495">
                  <c:v>18.866317302554606</c:v>
                </c:pt>
                <c:pt idx="3496">
                  <c:v>18.866317302554606</c:v>
                </c:pt>
                <c:pt idx="3497">
                  <c:v>18.871018034715028</c:v>
                </c:pt>
                <c:pt idx="3498">
                  <c:v>18.871018034715028</c:v>
                </c:pt>
                <c:pt idx="3499">
                  <c:v>18.871018034715028</c:v>
                </c:pt>
                <c:pt idx="3500">
                  <c:v>18.87586121330445</c:v>
                </c:pt>
                <c:pt idx="3501">
                  <c:v>18.87586121330445</c:v>
                </c:pt>
                <c:pt idx="3502">
                  <c:v>18.880704391894003</c:v>
                </c:pt>
                <c:pt idx="3503">
                  <c:v>18.880704391894003</c:v>
                </c:pt>
                <c:pt idx="3504">
                  <c:v>18.885405124054426</c:v>
                </c:pt>
                <c:pt idx="3505">
                  <c:v>18.885405124054426</c:v>
                </c:pt>
                <c:pt idx="3506">
                  <c:v>18.890248302643975</c:v>
                </c:pt>
                <c:pt idx="3507">
                  <c:v>18.890248302643975</c:v>
                </c:pt>
                <c:pt idx="3508">
                  <c:v>18.895091481233397</c:v>
                </c:pt>
                <c:pt idx="3509">
                  <c:v>18.895091481233397</c:v>
                </c:pt>
                <c:pt idx="3510">
                  <c:v>18.899934659822947</c:v>
                </c:pt>
                <c:pt idx="3511">
                  <c:v>18.899934659822947</c:v>
                </c:pt>
                <c:pt idx="3512">
                  <c:v>18.899934659822947</c:v>
                </c:pt>
                <c:pt idx="3513">
                  <c:v>18.904635391983369</c:v>
                </c:pt>
                <c:pt idx="3514">
                  <c:v>18.909478570572791</c:v>
                </c:pt>
                <c:pt idx="3515">
                  <c:v>18.909478570572791</c:v>
                </c:pt>
                <c:pt idx="3516">
                  <c:v>18.909478570572791</c:v>
                </c:pt>
                <c:pt idx="3517">
                  <c:v>18.91432174916234</c:v>
                </c:pt>
                <c:pt idx="3518">
                  <c:v>18.91432174916234</c:v>
                </c:pt>
                <c:pt idx="3519">
                  <c:v>18.919022481322767</c:v>
                </c:pt>
                <c:pt idx="3520">
                  <c:v>18.919022481322767</c:v>
                </c:pt>
                <c:pt idx="3521">
                  <c:v>18.923865659912188</c:v>
                </c:pt>
                <c:pt idx="3522">
                  <c:v>18.923865659912188</c:v>
                </c:pt>
                <c:pt idx="3523">
                  <c:v>18.923865659912188</c:v>
                </c:pt>
                <c:pt idx="3524">
                  <c:v>18.928708838501734</c:v>
                </c:pt>
                <c:pt idx="3525">
                  <c:v>18.928708838501734</c:v>
                </c:pt>
                <c:pt idx="3526">
                  <c:v>18.928708838501734</c:v>
                </c:pt>
                <c:pt idx="3527">
                  <c:v>18.928708838501734</c:v>
                </c:pt>
                <c:pt idx="3528">
                  <c:v>18.928708838501734</c:v>
                </c:pt>
                <c:pt idx="3529">
                  <c:v>18.93340957066216</c:v>
                </c:pt>
                <c:pt idx="3530">
                  <c:v>18.93340957066216</c:v>
                </c:pt>
                <c:pt idx="3531">
                  <c:v>18.93340957066216</c:v>
                </c:pt>
                <c:pt idx="3532">
                  <c:v>18.93340957066216</c:v>
                </c:pt>
                <c:pt idx="3533">
                  <c:v>18.93825274925171</c:v>
                </c:pt>
                <c:pt idx="3534">
                  <c:v>18.93825274925171</c:v>
                </c:pt>
                <c:pt idx="3535">
                  <c:v>18.93825274925171</c:v>
                </c:pt>
                <c:pt idx="3536">
                  <c:v>18.93825274925171</c:v>
                </c:pt>
                <c:pt idx="3537">
                  <c:v>18.93825274925171</c:v>
                </c:pt>
                <c:pt idx="3538">
                  <c:v>18.93825274925171</c:v>
                </c:pt>
                <c:pt idx="3539">
                  <c:v>18.93825274925171</c:v>
                </c:pt>
                <c:pt idx="3540">
                  <c:v>18.93825274925171</c:v>
                </c:pt>
                <c:pt idx="3541">
                  <c:v>18.93825274925171</c:v>
                </c:pt>
                <c:pt idx="3542">
                  <c:v>18.93825274925171</c:v>
                </c:pt>
                <c:pt idx="3543">
                  <c:v>18.93825274925171</c:v>
                </c:pt>
                <c:pt idx="3544">
                  <c:v>18.943095927841131</c:v>
                </c:pt>
                <c:pt idx="3545">
                  <c:v>18.943095927841131</c:v>
                </c:pt>
                <c:pt idx="3546">
                  <c:v>18.943095927841131</c:v>
                </c:pt>
                <c:pt idx="3547">
                  <c:v>18.947796660001558</c:v>
                </c:pt>
                <c:pt idx="3548">
                  <c:v>18.952639838591107</c:v>
                </c:pt>
                <c:pt idx="3549">
                  <c:v>18.952639838591107</c:v>
                </c:pt>
                <c:pt idx="3550">
                  <c:v>18.957483017180529</c:v>
                </c:pt>
                <c:pt idx="3551">
                  <c:v>18.957483017180529</c:v>
                </c:pt>
                <c:pt idx="3552">
                  <c:v>18.962183749340955</c:v>
                </c:pt>
                <c:pt idx="3553">
                  <c:v>18.962183749340955</c:v>
                </c:pt>
                <c:pt idx="3554">
                  <c:v>18.967026927930501</c:v>
                </c:pt>
                <c:pt idx="3555">
                  <c:v>18.971870106519923</c:v>
                </c:pt>
                <c:pt idx="3556">
                  <c:v>18.976570838680349</c:v>
                </c:pt>
                <c:pt idx="3557">
                  <c:v>18.981414017269895</c:v>
                </c:pt>
                <c:pt idx="3558">
                  <c:v>18.981414017269895</c:v>
                </c:pt>
                <c:pt idx="3559">
                  <c:v>18.986257195859444</c:v>
                </c:pt>
                <c:pt idx="3560">
                  <c:v>18.990957928019743</c:v>
                </c:pt>
                <c:pt idx="3561">
                  <c:v>18.995801106609292</c:v>
                </c:pt>
                <c:pt idx="3562">
                  <c:v>19.000644285198842</c:v>
                </c:pt>
                <c:pt idx="3563">
                  <c:v>19.00534501735914</c:v>
                </c:pt>
                <c:pt idx="3564">
                  <c:v>19.01018819594869</c:v>
                </c:pt>
                <c:pt idx="3565">
                  <c:v>19.015031374538236</c:v>
                </c:pt>
                <c:pt idx="3566">
                  <c:v>19.019732106698662</c:v>
                </c:pt>
                <c:pt idx="3567">
                  <c:v>19.024575285288083</c:v>
                </c:pt>
                <c:pt idx="3568">
                  <c:v>19.024575285288083</c:v>
                </c:pt>
                <c:pt idx="3569">
                  <c:v>19.029418463877633</c:v>
                </c:pt>
                <c:pt idx="3570">
                  <c:v>19.029418463877633</c:v>
                </c:pt>
                <c:pt idx="3571">
                  <c:v>19.029418463877633</c:v>
                </c:pt>
                <c:pt idx="3572">
                  <c:v>19.029418463877633</c:v>
                </c:pt>
                <c:pt idx="3573">
                  <c:v>19.024575285288083</c:v>
                </c:pt>
                <c:pt idx="3574">
                  <c:v>19.024575285288083</c:v>
                </c:pt>
                <c:pt idx="3575">
                  <c:v>19.024575285288083</c:v>
                </c:pt>
                <c:pt idx="3576">
                  <c:v>19.029418463877633</c:v>
                </c:pt>
                <c:pt idx="3577">
                  <c:v>19.029418463877633</c:v>
                </c:pt>
                <c:pt idx="3578">
                  <c:v>19.029418463877633</c:v>
                </c:pt>
                <c:pt idx="3579">
                  <c:v>19.029418463877633</c:v>
                </c:pt>
                <c:pt idx="3580">
                  <c:v>19.029418463877633</c:v>
                </c:pt>
                <c:pt idx="3581">
                  <c:v>19.029418463877633</c:v>
                </c:pt>
                <c:pt idx="3582">
                  <c:v>19.029418463877633</c:v>
                </c:pt>
                <c:pt idx="3583">
                  <c:v>19.029418463877633</c:v>
                </c:pt>
                <c:pt idx="3584">
                  <c:v>19.024575285288083</c:v>
                </c:pt>
                <c:pt idx="3585">
                  <c:v>19.024575285288083</c:v>
                </c:pt>
                <c:pt idx="3586">
                  <c:v>19.024575285288083</c:v>
                </c:pt>
                <c:pt idx="3587">
                  <c:v>19.024575285288083</c:v>
                </c:pt>
                <c:pt idx="3588">
                  <c:v>19.019732106698662</c:v>
                </c:pt>
                <c:pt idx="3589">
                  <c:v>19.019732106698662</c:v>
                </c:pt>
                <c:pt idx="3590">
                  <c:v>19.019732106698662</c:v>
                </c:pt>
                <c:pt idx="3591">
                  <c:v>19.019732106698662</c:v>
                </c:pt>
                <c:pt idx="3592">
                  <c:v>19.024575285288083</c:v>
                </c:pt>
                <c:pt idx="3593">
                  <c:v>19.024575285288083</c:v>
                </c:pt>
                <c:pt idx="3594">
                  <c:v>19.024575285288083</c:v>
                </c:pt>
                <c:pt idx="3595">
                  <c:v>19.029418463877633</c:v>
                </c:pt>
                <c:pt idx="3596">
                  <c:v>19.034119196038059</c:v>
                </c:pt>
                <c:pt idx="3597">
                  <c:v>19.038962374627481</c:v>
                </c:pt>
                <c:pt idx="3598">
                  <c:v>19.043805553217027</c:v>
                </c:pt>
                <c:pt idx="3599">
                  <c:v>19.043805553217027</c:v>
                </c:pt>
                <c:pt idx="3600">
                  <c:v>19.048506285377453</c:v>
                </c:pt>
                <c:pt idx="3601">
                  <c:v>19.053349463966875</c:v>
                </c:pt>
                <c:pt idx="3602">
                  <c:v>19.058192642556424</c:v>
                </c:pt>
                <c:pt idx="3603">
                  <c:v>19.06289337471685</c:v>
                </c:pt>
                <c:pt idx="3604">
                  <c:v>19.06289337471685</c:v>
                </c:pt>
                <c:pt idx="3605">
                  <c:v>19.06289337471685</c:v>
                </c:pt>
                <c:pt idx="3606">
                  <c:v>19.067736553306272</c:v>
                </c:pt>
                <c:pt idx="3607">
                  <c:v>19.067736553306272</c:v>
                </c:pt>
                <c:pt idx="3608">
                  <c:v>19.072579731895821</c:v>
                </c:pt>
                <c:pt idx="3609">
                  <c:v>19.077280464056244</c:v>
                </c:pt>
                <c:pt idx="3610">
                  <c:v>19.082123642645794</c:v>
                </c:pt>
                <c:pt idx="3611">
                  <c:v>19.086966821235215</c:v>
                </c:pt>
                <c:pt idx="3612">
                  <c:v>19.086966821235215</c:v>
                </c:pt>
                <c:pt idx="3613">
                  <c:v>19.091809999824761</c:v>
                </c:pt>
                <c:pt idx="3614">
                  <c:v>19.096510731985187</c:v>
                </c:pt>
                <c:pt idx="3615">
                  <c:v>19.101353910574609</c:v>
                </c:pt>
                <c:pt idx="3616">
                  <c:v>19.106197089164162</c:v>
                </c:pt>
                <c:pt idx="3617">
                  <c:v>19.106197089164162</c:v>
                </c:pt>
                <c:pt idx="3618">
                  <c:v>19.110897821324585</c:v>
                </c:pt>
                <c:pt idx="3619">
                  <c:v>19.110897821324585</c:v>
                </c:pt>
                <c:pt idx="3620">
                  <c:v>19.110897821324585</c:v>
                </c:pt>
                <c:pt idx="3621">
                  <c:v>19.115740999914006</c:v>
                </c:pt>
                <c:pt idx="3622">
                  <c:v>19.115740999914006</c:v>
                </c:pt>
                <c:pt idx="3623">
                  <c:v>19.115740999914006</c:v>
                </c:pt>
                <c:pt idx="3624">
                  <c:v>19.115740999914006</c:v>
                </c:pt>
                <c:pt idx="3625">
                  <c:v>19.120584178503556</c:v>
                </c:pt>
                <c:pt idx="3626">
                  <c:v>19.120584178503556</c:v>
                </c:pt>
                <c:pt idx="3627">
                  <c:v>19.120584178503556</c:v>
                </c:pt>
                <c:pt idx="3628">
                  <c:v>19.120584178503556</c:v>
                </c:pt>
                <c:pt idx="3629">
                  <c:v>19.120584178503556</c:v>
                </c:pt>
                <c:pt idx="3630">
                  <c:v>19.120584178503556</c:v>
                </c:pt>
                <c:pt idx="3631">
                  <c:v>19.125284910663982</c:v>
                </c:pt>
                <c:pt idx="3632">
                  <c:v>19.125284910663982</c:v>
                </c:pt>
                <c:pt idx="3633">
                  <c:v>19.125284910663982</c:v>
                </c:pt>
                <c:pt idx="3634">
                  <c:v>19.130128089253528</c:v>
                </c:pt>
                <c:pt idx="3635">
                  <c:v>19.130128089253528</c:v>
                </c:pt>
                <c:pt idx="3636">
                  <c:v>19.130128089253528</c:v>
                </c:pt>
                <c:pt idx="3637">
                  <c:v>19.130128089253528</c:v>
                </c:pt>
                <c:pt idx="3638">
                  <c:v>19.13497126784295</c:v>
                </c:pt>
                <c:pt idx="3639">
                  <c:v>19.13497126784295</c:v>
                </c:pt>
                <c:pt idx="3640">
                  <c:v>19.13497126784295</c:v>
                </c:pt>
                <c:pt idx="3641">
                  <c:v>19.13497126784295</c:v>
                </c:pt>
                <c:pt idx="3642">
                  <c:v>19.13497126784295</c:v>
                </c:pt>
                <c:pt idx="3643">
                  <c:v>19.13497126784295</c:v>
                </c:pt>
                <c:pt idx="3644">
                  <c:v>19.139672000003376</c:v>
                </c:pt>
                <c:pt idx="3645">
                  <c:v>19.139672000003376</c:v>
                </c:pt>
                <c:pt idx="3646">
                  <c:v>19.139672000003376</c:v>
                </c:pt>
                <c:pt idx="3647">
                  <c:v>19.144515178592926</c:v>
                </c:pt>
                <c:pt idx="3648">
                  <c:v>19.149358357182347</c:v>
                </c:pt>
                <c:pt idx="3649">
                  <c:v>19.149358357182347</c:v>
                </c:pt>
                <c:pt idx="3650">
                  <c:v>19.15405908934277</c:v>
                </c:pt>
                <c:pt idx="3651">
                  <c:v>19.15405908934277</c:v>
                </c:pt>
                <c:pt idx="3652">
                  <c:v>19.158902267932319</c:v>
                </c:pt>
                <c:pt idx="3653">
                  <c:v>19.158902267932319</c:v>
                </c:pt>
                <c:pt idx="3654">
                  <c:v>19.163745446521741</c:v>
                </c:pt>
                <c:pt idx="3655">
                  <c:v>19.168446178682167</c:v>
                </c:pt>
                <c:pt idx="3656">
                  <c:v>19.168446178682167</c:v>
                </c:pt>
                <c:pt idx="3657">
                  <c:v>19.173289357271717</c:v>
                </c:pt>
                <c:pt idx="3658">
                  <c:v>19.173289357271717</c:v>
                </c:pt>
                <c:pt idx="3659">
                  <c:v>19.178132535861266</c:v>
                </c:pt>
                <c:pt idx="3660">
                  <c:v>19.182833268021565</c:v>
                </c:pt>
                <c:pt idx="3661">
                  <c:v>19.182833268021565</c:v>
                </c:pt>
                <c:pt idx="3662">
                  <c:v>19.182833268021565</c:v>
                </c:pt>
                <c:pt idx="3663">
                  <c:v>19.18767644661111</c:v>
                </c:pt>
                <c:pt idx="3664">
                  <c:v>19.18767644661111</c:v>
                </c:pt>
                <c:pt idx="3665">
                  <c:v>19.18767644661111</c:v>
                </c:pt>
                <c:pt idx="3666">
                  <c:v>19.18767644661111</c:v>
                </c:pt>
                <c:pt idx="3667">
                  <c:v>19.19251962520066</c:v>
                </c:pt>
                <c:pt idx="3668">
                  <c:v>19.19251962520066</c:v>
                </c:pt>
                <c:pt idx="3669">
                  <c:v>19.19251962520066</c:v>
                </c:pt>
                <c:pt idx="3670">
                  <c:v>19.19251962520066</c:v>
                </c:pt>
                <c:pt idx="3671">
                  <c:v>19.19251962520066</c:v>
                </c:pt>
                <c:pt idx="3672">
                  <c:v>19.19251962520066</c:v>
                </c:pt>
                <c:pt idx="3673">
                  <c:v>19.18767644661111</c:v>
                </c:pt>
                <c:pt idx="3674">
                  <c:v>19.18767644661111</c:v>
                </c:pt>
                <c:pt idx="3675">
                  <c:v>19.18767644661111</c:v>
                </c:pt>
                <c:pt idx="3676">
                  <c:v>19.18767644661111</c:v>
                </c:pt>
                <c:pt idx="3677">
                  <c:v>19.18767644661111</c:v>
                </c:pt>
                <c:pt idx="3678">
                  <c:v>19.19251962520066</c:v>
                </c:pt>
                <c:pt idx="3679">
                  <c:v>19.19251962520066</c:v>
                </c:pt>
                <c:pt idx="3680">
                  <c:v>19.19251962520066</c:v>
                </c:pt>
                <c:pt idx="3681">
                  <c:v>19.19251962520066</c:v>
                </c:pt>
                <c:pt idx="3682">
                  <c:v>19.19251962520066</c:v>
                </c:pt>
                <c:pt idx="3683">
                  <c:v>19.19251962520066</c:v>
                </c:pt>
                <c:pt idx="3684">
                  <c:v>19.19251962520066</c:v>
                </c:pt>
                <c:pt idx="3685">
                  <c:v>19.197220357360958</c:v>
                </c:pt>
                <c:pt idx="3686">
                  <c:v>19.197220357360958</c:v>
                </c:pt>
                <c:pt idx="3687">
                  <c:v>19.197220357360958</c:v>
                </c:pt>
                <c:pt idx="3688">
                  <c:v>19.197220357360958</c:v>
                </c:pt>
                <c:pt idx="3689">
                  <c:v>19.202063535950508</c:v>
                </c:pt>
                <c:pt idx="3690">
                  <c:v>19.202063535950508</c:v>
                </c:pt>
                <c:pt idx="3691">
                  <c:v>19.206906714540054</c:v>
                </c:pt>
                <c:pt idx="3692">
                  <c:v>19.206906714540054</c:v>
                </c:pt>
                <c:pt idx="3693">
                  <c:v>19.21160744670048</c:v>
                </c:pt>
                <c:pt idx="3694">
                  <c:v>19.21160744670048</c:v>
                </c:pt>
                <c:pt idx="3695">
                  <c:v>19.216450625289902</c:v>
                </c:pt>
                <c:pt idx="3696">
                  <c:v>19.216450625289902</c:v>
                </c:pt>
                <c:pt idx="3697">
                  <c:v>19.221293803879451</c:v>
                </c:pt>
                <c:pt idx="3698">
                  <c:v>19.225994536039874</c:v>
                </c:pt>
                <c:pt idx="3699">
                  <c:v>19.225994536039874</c:v>
                </c:pt>
                <c:pt idx="3700">
                  <c:v>19.230837714629299</c:v>
                </c:pt>
                <c:pt idx="3701">
                  <c:v>19.230837714629299</c:v>
                </c:pt>
                <c:pt idx="3702">
                  <c:v>19.235680893218849</c:v>
                </c:pt>
                <c:pt idx="3703">
                  <c:v>19.235680893218849</c:v>
                </c:pt>
                <c:pt idx="3704">
                  <c:v>19.240381625379275</c:v>
                </c:pt>
                <c:pt idx="3705">
                  <c:v>19.240381625379275</c:v>
                </c:pt>
                <c:pt idx="3706">
                  <c:v>19.245224803968696</c:v>
                </c:pt>
                <c:pt idx="3707">
                  <c:v>19.245224803968696</c:v>
                </c:pt>
                <c:pt idx="3708">
                  <c:v>19.250067982558242</c:v>
                </c:pt>
                <c:pt idx="3709">
                  <c:v>19.250067982558242</c:v>
                </c:pt>
                <c:pt idx="3710">
                  <c:v>19.250067982558242</c:v>
                </c:pt>
                <c:pt idx="3711">
                  <c:v>19.254768714718669</c:v>
                </c:pt>
                <c:pt idx="3712">
                  <c:v>19.254768714718669</c:v>
                </c:pt>
                <c:pt idx="3713">
                  <c:v>19.259611893308215</c:v>
                </c:pt>
                <c:pt idx="3714">
                  <c:v>19.259611893308215</c:v>
                </c:pt>
                <c:pt idx="3715">
                  <c:v>19.264455071897636</c:v>
                </c:pt>
                <c:pt idx="3716">
                  <c:v>19.264455071897636</c:v>
                </c:pt>
                <c:pt idx="3717">
                  <c:v>19.264455071897636</c:v>
                </c:pt>
                <c:pt idx="3718">
                  <c:v>19.269298250487186</c:v>
                </c:pt>
                <c:pt idx="3719">
                  <c:v>19.269298250487186</c:v>
                </c:pt>
                <c:pt idx="3720">
                  <c:v>19.269298250487186</c:v>
                </c:pt>
                <c:pt idx="3721">
                  <c:v>19.269298250487186</c:v>
                </c:pt>
                <c:pt idx="3722">
                  <c:v>19.273998982647612</c:v>
                </c:pt>
                <c:pt idx="3723">
                  <c:v>19.273998982647612</c:v>
                </c:pt>
                <c:pt idx="3724">
                  <c:v>19.273998982647612</c:v>
                </c:pt>
                <c:pt idx="3725">
                  <c:v>19.278842161237034</c:v>
                </c:pt>
                <c:pt idx="3726">
                  <c:v>19.278842161237034</c:v>
                </c:pt>
                <c:pt idx="3727">
                  <c:v>19.278842161237034</c:v>
                </c:pt>
                <c:pt idx="3728">
                  <c:v>19.278842161237034</c:v>
                </c:pt>
                <c:pt idx="3729">
                  <c:v>19.278842161237034</c:v>
                </c:pt>
                <c:pt idx="3730">
                  <c:v>19.278842161237034</c:v>
                </c:pt>
                <c:pt idx="3731">
                  <c:v>19.278842161237034</c:v>
                </c:pt>
                <c:pt idx="3732">
                  <c:v>19.283685339826583</c:v>
                </c:pt>
                <c:pt idx="3733">
                  <c:v>19.283685339826583</c:v>
                </c:pt>
                <c:pt idx="3734">
                  <c:v>19.283685339826583</c:v>
                </c:pt>
                <c:pt idx="3735">
                  <c:v>19.283685339826583</c:v>
                </c:pt>
                <c:pt idx="3736">
                  <c:v>19.283685339826583</c:v>
                </c:pt>
                <c:pt idx="3737">
                  <c:v>19.283685339826583</c:v>
                </c:pt>
                <c:pt idx="3738">
                  <c:v>19.283685339826583</c:v>
                </c:pt>
                <c:pt idx="3739">
                  <c:v>19.278842161237034</c:v>
                </c:pt>
                <c:pt idx="3740">
                  <c:v>19.278842161237034</c:v>
                </c:pt>
                <c:pt idx="3741">
                  <c:v>19.278842161237034</c:v>
                </c:pt>
                <c:pt idx="3742">
                  <c:v>19.283685339826583</c:v>
                </c:pt>
                <c:pt idx="3743">
                  <c:v>19.283685339826583</c:v>
                </c:pt>
                <c:pt idx="3744">
                  <c:v>19.283685339826583</c:v>
                </c:pt>
                <c:pt idx="3745">
                  <c:v>19.283685339826583</c:v>
                </c:pt>
                <c:pt idx="3746">
                  <c:v>19.283685339826583</c:v>
                </c:pt>
                <c:pt idx="3747">
                  <c:v>19.278842161237034</c:v>
                </c:pt>
                <c:pt idx="3748">
                  <c:v>19.283685339826583</c:v>
                </c:pt>
                <c:pt idx="3749">
                  <c:v>19.283685339826583</c:v>
                </c:pt>
                <c:pt idx="3750">
                  <c:v>19.283685339826583</c:v>
                </c:pt>
                <c:pt idx="3751">
                  <c:v>19.283685339826583</c:v>
                </c:pt>
                <c:pt idx="3752">
                  <c:v>19.283685339826583</c:v>
                </c:pt>
                <c:pt idx="3753">
                  <c:v>19.288386071987009</c:v>
                </c:pt>
                <c:pt idx="3754">
                  <c:v>19.288386071987009</c:v>
                </c:pt>
                <c:pt idx="3755">
                  <c:v>19.288386071987009</c:v>
                </c:pt>
                <c:pt idx="3756">
                  <c:v>19.288386071987009</c:v>
                </c:pt>
                <c:pt idx="3757">
                  <c:v>19.288386071987009</c:v>
                </c:pt>
                <c:pt idx="3758">
                  <c:v>19.288386071987009</c:v>
                </c:pt>
                <c:pt idx="3759">
                  <c:v>19.293229250576431</c:v>
                </c:pt>
                <c:pt idx="3760">
                  <c:v>19.293229250576431</c:v>
                </c:pt>
                <c:pt idx="3761">
                  <c:v>19.298072429165977</c:v>
                </c:pt>
                <c:pt idx="3762">
                  <c:v>19.298072429165977</c:v>
                </c:pt>
                <c:pt idx="3763">
                  <c:v>19.298072429165977</c:v>
                </c:pt>
                <c:pt idx="3764">
                  <c:v>19.302773161326403</c:v>
                </c:pt>
                <c:pt idx="3765">
                  <c:v>19.302773161326403</c:v>
                </c:pt>
                <c:pt idx="3766">
                  <c:v>19.307616339915825</c:v>
                </c:pt>
                <c:pt idx="3767">
                  <c:v>19.307616339915825</c:v>
                </c:pt>
                <c:pt idx="3768">
                  <c:v>19.312459518505374</c:v>
                </c:pt>
                <c:pt idx="3769">
                  <c:v>19.312459518505374</c:v>
                </c:pt>
                <c:pt idx="3770">
                  <c:v>19.3171602506658</c:v>
                </c:pt>
                <c:pt idx="3771">
                  <c:v>19.3171602506658</c:v>
                </c:pt>
                <c:pt idx="3772">
                  <c:v>19.322003429255346</c:v>
                </c:pt>
                <c:pt idx="3773">
                  <c:v>19.322003429255346</c:v>
                </c:pt>
                <c:pt idx="3774">
                  <c:v>19.322003429255346</c:v>
                </c:pt>
                <c:pt idx="3775">
                  <c:v>19.326846607844768</c:v>
                </c:pt>
                <c:pt idx="3776">
                  <c:v>19.326846607844768</c:v>
                </c:pt>
                <c:pt idx="3777">
                  <c:v>19.326846607844768</c:v>
                </c:pt>
                <c:pt idx="3778">
                  <c:v>19.331547340005194</c:v>
                </c:pt>
                <c:pt idx="3779">
                  <c:v>19.331547340005194</c:v>
                </c:pt>
                <c:pt idx="3780">
                  <c:v>19.331547340005194</c:v>
                </c:pt>
                <c:pt idx="3781">
                  <c:v>19.33639051859474</c:v>
                </c:pt>
                <c:pt idx="3782">
                  <c:v>19.341233697184165</c:v>
                </c:pt>
                <c:pt idx="3783">
                  <c:v>19.341233697184165</c:v>
                </c:pt>
                <c:pt idx="3784">
                  <c:v>19.341233697184165</c:v>
                </c:pt>
                <c:pt idx="3785">
                  <c:v>19.345934429344588</c:v>
                </c:pt>
                <c:pt idx="3786">
                  <c:v>19.345934429344588</c:v>
                </c:pt>
                <c:pt idx="3787">
                  <c:v>19.350777607934141</c:v>
                </c:pt>
                <c:pt idx="3788">
                  <c:v>19.350777607934141</c:v>
                </c:pt>
                <c:pt idx="3789">
                  <c:v>19.355620786523563</c:v>
                </c:pt>
                <c:pt idx="3790">
                  <c:v>19.355620786523563</c:v>
                </c:pt>
                <c:pt idx="3791">
                  <c:v>19.355620786523563</c:v>
                </c:pt>
                <c:pt idx="3792">
                  <c:v>19.360321518683985</c:v>
                </c:pt>
                <c:pt idx="3793">
                  <c:v>19.360321518683985</c:v>
                </c:pt>
                <c:pt idx="3794">
                  <c:v>19.360321518683985</c:v>
                </c:pt>
                <c:pt idx="3795">
                  <c:v>19.360321518683985</c:v>
                </c:pt>
                <c:pt idx="3796">
                  <c:v>19.365164697273535</c:v>
                </c:pt>
                <c:pt idx="3797">
                  <c:v>19.365164697273535</c:v>
                </c:pt>
                <c:pt idx="3798">
                  <c:v>19.365164697273535</c:v>
                </c:pt>
                <c:pt idx="3799">
                  <c:v>19.370007875863081</c:v>
                </c:pt>
                <c:pt idx="3800">
                  <c:v>19.370007875863081</c:v>
                </c:pt>
                <c:pt idx="3801">
                  <c:v>19.374708608023383</c:v>
                </c:pt>
                <c:pt idx="3802">
                  <c:v>19.374708608023383</c:v>
                </c:pt>
                <c:pt idx="3803">
                  <c:v>19.374708608023383</c:v>
                </c:pt>
                <c:pt idx="3804">
                  <c:v>19.374708608023383</c:v>
                </c:pt>
                <c:pt idx="3805">
                  <c:v>19.374708608023383</c:v>
                </c:pt>
                <c:pt idx="3806">
                  <c:v>19.374708608023383</c:v>
                </c:pt>
                <c:pt idx="3807">
                  <c:v>19.374708608023383</c:v>
                </c:pt>
                <c:pt idx="3808">
                  <c:v>19.374708608023383</c:v>
                </c:pt>
                <c:pt idx="3809">
                  <c:v>19.374708608023383</c:v>
                </c:pt>
                <c:pt idx="3810">
                  <c:v>19.379551786612929</c:v>
                </c:pt>
                <c:pt idx="3811">
                  <c:v>19.379551786612929</c:v>
                </c:pt>
                <c:pt idx="3812">
                  <c:v>19.379551786612929</c:v>
                </c:pt>
                <c:pt idx="3813">
                  <c:v>19.379551786612929</c:v>
                </c:pt>
                <c:pt idx="3814">
                  <c:v>19.379551786612929</c:v>
                </c:pt>
                <c:pt idx="3815">
                  <c:v>19.384394965202478</c:v>
                </c:pt>
                <c:pt idx="3816">
                  <c:v>19.384394965202478</c:v>
                </c:pt>
                <c:pt idx="3817">
                  <c:v>19.384394965202478</c:v>
                </c:pt>
                <c:pt idx="3818">
                  <c:v>19.389095697362777</c:v>
                </c:pt>
                <c:pt idx="3819">
                  <c:v>19.389095697362777</c:v>
                </c:pt>
                <c:pt idx="3820">
                  <c:v>19.389095697362777</c:v>
                </c:pt>
                <c:pt idx="3821">
                  <c:v>19.393938875952323</c:v>
                </c:pt>
                <c:pt idx="3822">
                  <c:v>19.393938875952323</c:v>
                </c:pt>
                <c:pt idx="3823">
                  <c:v>19.393938875952323</c:v>
                </c:pt>
                <c:pt idx="3824">
                  <c:v>19.398782054541876</c:v>
                </c:pt>
                <c:pt idx="3825">
                  <c:v>19.398782054541876</c:v>
                </c:pt>
                <c:pt idx="3826">
                  <c:v>19.403482786702302</c:v>
                </c:pt>
                <c:pt idx="3827">
                  <c:v>19.403482786702302</c:v>
                </c:pt>
                <c:pt idx="3828">
                  <c:v>19.408325965291723</c:v>
                </c:pt>
                <c:pt idx="3829">
                  <c:v>19.408325965291723</c:v>
                </c:pt>
                <c:pt idx="3830">
                  <c:v>19.408325965291723</c:v>
                </c:pt>
                <c:pt idx="3831">
                  <c:v>19.413169143881269</c:v>
                </c:pt>
                <c:pt idx="3832">
                  <c:v>19.413169143881269</c:v>
                </c:pt>
                <c:pt idx="3833">
                  <c:v>19.413169143881269</c:v>
                </c:pt>
                <c:pt idx="3834">
                  <c:v>19.413169143881269</c:v>
                </c:pt>
                <c:pt idx="3835">
                  <c:v>19.413169143881269</c:v>
                </c:pt>
                <c:pt idx="3836">
                  <c:v>19.417869876041696</c:v>
                </c:pt>
                <c:pt idx="3837">
                  <c:v>19.417869876041696</c:v>
                </c:pt>
                <c:pt idx="3838">
                  <c:v>19.417869876041696</c:v>
                </c:pt>
                <c:pt idx="3839">
                  <c:v>19.417869876041696</c:v>
                </c:pt>
                <c:pt idx="3840">
                  <c:v>19.417869876041696</c:v>
                </c:pt>
                <c:pt idx="3841">
                  <c:v>19.417869876041696</c:v>
                </c:pt>
                <c:pt idx="3842">
                  <c:v>19.422713054631117</c:v>
                </c:pt>
                <c:pt idx="3843">
                  <c:v>19.422713054631117</c:v>
                </c:pt>
                <c:pt idx="3844">
                  <c:v>19.422713054631117</c:v>
                </c:pt>
                <c:pt idx="3845">
                  <c:v>19.422713054631117</c:v>
                </c:pt>
                <c:pt idx="3846">
                  <c:v>19.422713054631117</c:v>
                </c:pt>
                <c:pt idx="3847">
                  <c:v>19.427556233220667</c:v>
                </c:pt>
                <c:pt idx="3848">
                  <c:v>19.427556233220667</c:v>
                </c:pt>
                <c:pt idx="3849">
                  <c:v>19.427556233220667</c:v>
                </c:pt>
                <c:pt idx="3850">
                  <c:v>19.427556233220667</c:v>
                </c:pt>
                <c:pt idx="3851">
                  <c:v>19.432256965381089</c:v>
                </c:pt>
                <c:pt idx="3852">
                  <c:v>19.432256965381089</c:v>
                </c:pt>
                <c:pt idx="3853">
                  <c:v>19.437100143970511</c:v>
                </c:pt>
                <c:pt idx="3854">
                  <c:v>19.437100143970511</c:v>
                </c:pt>
                <c:pt idx="3855">
                  <c:v>19.441943322560061</c:v>
                </c:pt>
                <c:pt idx="3856">
                  <c:v>19.441943322560061</c:v>
                </c:pt>
                <c:pt idx="3857">
                  <c:v>19.441943322560061</c:v>
                </c:pt>
                <c:pt idx="3858">
                  <c:v>19.446644054720487</c:v>
                </c:pt>
                <c:pt idx="3859">
                  <c:v>19.446644054720487</c:v>
                </c:pt>
                <c:pt idx="3860">
                  <c:v>19.446644054720487</c:v>
                </c:pt>
                <c:pt idx="3861">
                  <c:v>19.446644054720487</c:v>
                </c:pt>
                <c:pt idx="3862">
                  <c:v>19.446644054720487</c:v>
                </c:pt>
                <c:pt idx="3863">
                  <c:v>19.446644054720487</c:v>
                </c:pt>
                <c:pt idx="3864">
                  <c:v>19.446644054720487</c:v>
                </c:pt>
                <c:pt idx="3865">
                  <c:v>19.446644054720487</c:v>
                </c:pt>
                <c:pt idx="3866">
                  <c:v>19.446644054720487</c:v>
                </c:pt>
                <c:pt idx="3867">
                  <c:v>19.446644054720487</c:v>
                </c:pt>
                <c:pt idx="3868">
                  <c:v>19.446644054720487</c:v>
                </c:pt>
                <c:pt idx="3869">
                  <c:v>19.446644054720487</c:v>
                </c:pt>
                <c:pt idx="3870">
                  <c:v>19.446644054720487</c:v>
                </c:pt>
                <c:pt idx="3871">
                  <c:v>19.446644054720487</c:v>
                </c:pt>
                <c:pt idx="3872">
                  <c:v>19.446644054720487</c:v>
                </c:pt>
                <c:pt idx="3873">
                  <c:v>19.446644054720487</c:v>
                </c:pt>
                <c:pt idx="3874">
                  <c:v>19.446644054720487</c:v>
                </c:pt>
                <c:pt idx="3875">
                  <c:v>19.446644054720487</c:v>
                </c:pt>
                <c:pt idx="3876">
                  <c:v>19.446644054720487</c:v>
                </c:pt>
                <c:pt idx="3877">
                  <c:v>19.446644054720487</c:v>
                </c:pt>
                <c:pt idx="3878">
                  <c:v>19.446644054720487</c:v>
                </c:pt>
                <c:pt idx="3879">
                  <c:v>19.441943322560061</c:v>
                </c:pt>
                <c:pt idx="3880">
                  <c:v>19.446644054720487</c:v>
                </c:pt>
                <c:pt idx="3881">
                  <c:v>19.446644054720487</c:v>
                </c:pt>
                <c:pt idx="3882">
                  <c:v>19.446644054720487</c:v>
                </c:pt>
                <c:pt idx="3883">
                  <c:v>19.446644054720487</c:v>
                </c:pt>
                <c:pt idx="3884">
                  <c:v>19.451487233310033</c:v>
                </c:pt>
                <c:pt idx="3885">
                  <c:v>19.451487233310033</c:v>
                </c:pt>
                <c:pt idx="3886">
                  <c:v>19.456330411899458</c:v>
                </c:pt>
                <c:pt idx="3887">
                  <c:v>19.456330411899458</c:v>
                </c:pt>
                <c:pt idx="3888">
                  <c:v>19.461173590489008</c:v>
                </c:pt>
                <c:pt idx="3889">
                  <c:v>19.461173590489008</c:v>
                </c:pt>
                <c:pt idx="3890">
                  <c:v>19.46587432264943</c:v>
                </c:pt>
                <c:pt idx="3891">
                  <c:v>19.470717501238852</c:v>
                </c:pt>
                <c:pt idx="3892">
                  <c:v>19.470717501238852</c:v>
                </c:pt>
                <c:pt idx="3893">
                  <c:v>19.470717501238852</c:v>
                </c:pt>
                <c:pt idx="3894">
                  <c:v>19.475560679828401</c:v>
                </c:pt>
                <c:pt idx="3895">
                  <c:v>19.475560679828401</c:v>
                </c:pt>
                <c:pt idx="3896">
                  <c:v>19.475560679828401</c:v>
                </c:pt>
                <c:pt idx="3897">
                  <c:v>19.480261411988828</c:v>
                </c:pt>
                <c:pt idx="3898">
                  <c:v>19.480261411988828</c:v>
                </c:pt>
                <c:pt idx="3899">
                  <c:v>19.485104590578249</c:v>
                </c:pt>
                <c:pt idx="3900">
                  <c:v>19.485104590578249</c:v>
                </c:pt>
                <c:pt idx="3901">
                  <c:v>19.485104590578249</c:v>
                </c:pt>
                <c:pt idx="3902">
                  <c:v>19.489947769167795</c:v>
                </c:pt>
                <c:pt idx="3903">
                  <c:v>19.489947769167795</c:v>
                </c:pt>
                <c:pt idx="3904">
                  <c:v>19.489947769167795</c:v>
                </c:pt>
                <c:pt idx="3905">
                  <c:v>19.489947769167795</c:v>
                </c:pt>
                <c:pt idx="3906">
                  <c:v>19.489947769167795</c:v>
                </c:pt>
                <c:pt idx="3907">
                  <c:v>19.494648501328221</c:v>
                </c:pt>
                <c:pt idx="3908">
                  <c:v>19.494648501328221</c:v>
                </c:pt>
                <c:pt idx="3909">
                  <c:v>19.494648501328221</c:v>
                </c:pt>
                <c:pt idx="3910">
                  <c:v>19.494648501328221</c:v>
                </c:pt>
                <c:pt idx="3911">
                  <c:v>19.494648501328221</c:v>
                </c:pt>
                <c:pt idx="3912">
                  <c:v>19.494648501328221</c:v>
                </c:pt>
                <c:pt idx="3913">
                  <c:v>19.499491679917643</c:v>
                </c:pt>
                <c:pt idx="3914">
                  <c:v>19.499491679917643</c:v>
                </c:pt>
                <c:pt idx="3915">
                  <c:v>19.499491679917643</c:v>
                </c:pt>
                <c:pt idx="3916">
                  <c:v>19.499491679917643</c:v>
                </c:pt>
                <c:pt idx="3917">
                  <c:v>19.499491679917643</c:v>
                </c:pt>
                <c:pt idx="3918">
                  <c:v>19.504334858507189</c:v>
                </c:pt>
                <c:pt idx="3919">
                  <c:v>19.504334858507189</c:v>
                </c:pt>
                <c:pt idx="3920">
                  <c:v>19.509035590667615</c:v>
                </c:pt>
                <c:pt idx="3921">
                  <c:v>19.509035590667615</c:v>
                </c:pt>
                <c:pt idx="3922">
                  <c:v>19.509035590667615</c:v>
                </c:pt>
                <c:pt idx="3923">
                  <c:v>19.509035590667615</c:v>
                </c:pt>
                <c:pt idx="3924">
                  <c:v>19.513878769257168</c:v>
                </c:pt>
                <c:pt idx="3925">
                  <c:v>19.513878769257168</c:v>
                </c:pt>
                <c:pt idx="3926">
                  <c:v>19.513878769257168</c:v>
                </c:pt>
                <c:pt idx="3927">
                  <c:v>19.51872194784659</c:v>
                </c:pt>
                <c:pt idx="3928">
                  <c:v>19.51872194784659</c:v>
                </c:pt>
                <c:pt idx="3929">
                  <c:v>19.523422680007016</c:v>
                </c:pt>
                <c:pt idx="3930">
                  <c:v>19.523422680007016</c:v>
                </c:pt>
                <c:pt idx="3931">
                  <c:v>19.528265858596562</c:v>
                </c:pt>
                <c:pt idx="3932">
                  <c:v>19.528265858596562</c:v>
                </c:pt>
                <c:pt idx="3933">
                  <c:v>19.528265858596562</c:v>
                </c:pt>
                <c:pt idx="3934">
                  <c:v>19.533109037185984</c:v>
                </c:pt>
                <c:pt idx="3935">
                  <c:v>19.533109037185984</c:v>
                </c:pt>
                <c:pt idx="3936">
                  <c:v>19.53780976934641</c:v>
                </c:pt>
                <c:pt idx="3937">
                  <c:v>19.53780976934641</c:v>
                </c:pt>
                <c:pt idx="3938">
                  <c:v>19.53780976934641</c:v>
                </c:pt>
                <c:pt idx="3939">
                  <c:v>19.542652947935956</c:v>
                </c:pt>
                <c:pt idx="3940">
                  <c:v>19.547496126525377</c:v>
                </c:pt>
                <c:pt idx="3941">
                  <c:v>19.547496126525377</c:v>
                </c:pt>
                <c:pt idx="3942">
                  <c:v>19.552196858685804</c:v>
                </c:pt>
                <c:pt idx="3943">
                  <c:v>19.552196858685804</c:v>
                </c:pt>
                <c:pt idx="3944">
                  <c:v>19.552196858685804</c:v>
                </c:pt>
                <c:pt idx="3945">
                  <c:v>19.552196858685804</c:v>
                </c:pt>
                <c:pt idx="3946">
                  <c:v>19.557040037275353</c:v>
                </c:pt>
                <c:pt idx="3947">
                  <c:v>19.557040037275353</c:v>
                </c:pt>
                <c:pt idx="3948">
                  <c:v>19.557040037275353</c:v>
                </c:pt>
                <c:pt idx="3949">
                  <c:v>19.561883215864903</c:v>
                </c:pt>
                <c:pt idx="3950">
                  <c:v>19.561883215864903</c:v>
                </c:pt>
                <c:pt idx="3951">
                  <c:v>19.566583948025201</c:v>
                </c:pt>
                <c:pt idx="3952">
                  <c:v>19.566583948025201</c:v>
                </c:pt>
                <c:pt idx="3953">
                  <c:v>19.571427126614751</c:v>
                </c:pt>
                <c:pt idx="3954">
                  <c:v>19.571427126614751</c:v>
                </c:pt>
                <c:pt idx="3955">
                  <c:v>19.571427126614751</c:v>
                </c:pt>
                <c:pt idx="3956">
                  <c:v>19.571427126614751</c:v>
                </c:pt>
                <c:pt idx="3957">
                  <c:v>19.571427126614751</c:v>
                </c:pt>
                <c:pt idx="3958">
                  <c:v>19.571427126614751</c:v>
                </c:pt>
                <c:pt idx="3959">
                  <c:v>19.576270305204297</c:v>
                </c:pt>
                <c:pt idx="3960">
                  <c:v>19.576270305204297</c:v>
                </c:pt>
                <c:pt idx="3961">
                  <c:v>19.576270305204297</c:v>
                </c:pt>
                <c:pt idx="3962">
                  <c:v>19.576270305204297</c:v>
                </c:pt>
                <c:pt idx="3963">
                  <c:v>19.576270305204297</c:v>
                </c:pt>
                <c:pt idx="3964">
                  <c:v>19.576270305204297</c:v>
                </c:pt>
                <c:pt idx="3965">
                  <c:v>19.576270305204297</c:v>
                </c:pt>
                <c:pt idx="3966">
                  <c:v>19.576270305204297</c:v>
                </c:pt>
                <c:pt idx="3967">
                  <c:v>19.576270305204297</c:v>
                </c:pt>
                <c:pt idx="3968">
                  <c:v>19.576270305204297</c:v>
                </c:pt>
                <c:pt idx="3969">
                  <c:v>19.580971037364595</c:v>
                </c:pt>
                <c:pt idx="3970">
                  <c:v>19.580971037364595</c:v>
                </c:pt>
                <c:pt idx="3971">
                  <c:v>19.585814215954144</c:v>
                </c:pt>
                <c:pt idx="3972">
                  <c:v>19.585814215954144</c:v>
                </c:pt>
                <c:pt idx="3973">
                  <c:v>19.585814215954144</c:v>
                </c:pt>
                <c:pt idx="3974">
                  <c:v>19.590657394543694</c:v>
                </c:pt>
                <c:pt idx="3975">
                  <c:v>19.590657394543694</c:v>
                </c:pt>
                <c:pt idx="3976">
                  <c:v>19.590657394543694</c:v>
                </c:pt>
                <c:pt idx="3977">
                  <c:v>19.590657394543694</c:v>
                </c:pt>
                <c:pt idx="3978">
                  <c:v>19.590657394543694</c:v>
                </c:pt>
                <c:pt idx="3979">
                  <c:v>19.590657394543694</c:v>
                </c:pt>
                <c:pt idx="3980">
                  <c:v>19.590657394543694</c:v>
                </c:pt>
                <c:pt idx="3981">
                  <c:v>19.59535812670412</c:v>
                </c:pt>
                <c:pt idx="3982">
                  <c:v>19.59535812670412</c:v>
                </c:pt>
                <c:pt idx="3983">
                  <c:v>19.59535812670412</c:v>
                </c:pt>
                <c:pt idx="3984">
                  <c:v>19.59535812670412</c:v>
                </c:pt>
                <c:pt idx="3985">
                  <c:v>19.59535812670412</c:v>
                </c:pt>
                <c:pt idx="3986">
                  <c:v>19.600201305293542</c:v>
                </c:pt>
                <c:pt idx="3987">
                  <c:v>19.600201305293542</c:v>
                </c:pt>
                <c:pt idx="3988">
                  <c:v>19.600201305293542</c:v>
                </c:pt>
                <c:pt idx="3989">
                  <c:v>19.605044483883088</c:v>
                </c:pt>
                <c:pt idx="3990">
                  <c:v>19.605044483883088</c:v>
                </c:pt>
                <c:pt idx="3991">
                  <c:v>19.609745216043514</c:v>
                </c:pt>
                <c:pt idx="3992">
                  <c:v>19.609745216043514</c:v>
                </c:pt>
                <c:pt idx="3993">
                  <c:v>19.609745216043514</c:v>
                </c:pt>
                <c:pt idx="3994">
                  <c:v>19.609745216043514</c:v>
                </c:pt>
                <c:pt idx="3995">
                  <c:v>19.609745216043514</c:v>
                </c:pt>
                <c:pt idx="3996">
                  <c:v>19.609745216043514</c:v>
                </c:pt>
                <c:pt idx="3997">
                  <c:v>19.609745216043514</c:v>
                </c:pt>
                <c:pt idx="3998">
                  <c:v>19.609745216043514</c:v>
                </c:pt>
                <c:pt idx="3999">
                  <c:v>19.609745216043514</c:v>
                </c:pt>
                <c:pt idx="4000">
                  <c:v>19.609745216043514</c:v>
                </c:pt>
                <c:pt idx="4001">
                  <c:v>19.609745216043514</c:v>
                </c:pt>
                <c:pt idx="4002">
                  <c:v>19.609745216043514</c:v>
                </c:pt>
                <c:pt idx="4003">
                  <c:v>19.609745216043514</c:v>
                </c:pt>
                <c:pt idx="4004">
                  <c:v>19.609745216043514</c:v>
                </c:pt>
                <c:pt idx="4005">
                  <c:v>19.609745216043514</c:v>
                </c:pt>
                <c:pt idx="4006">
                  <c:v>19.614588394632936</c:v>
                </c:pt>
                <c:pt idx="4007">
                  <c:v>19.614588394632936</c:v>
                </c:pt>
                <c:pt idx="4008">
                  <c:v>19.614588394632936</c:v>
                </c:pt>
                <c:pt idx="4009">
                  <c:v>19.619431573222482</c:v>
                </c:pt>
                <c:pt idx="4010">
                  <c:v>19.619431573222482</c:v>
                </c:pt>
                <c:pt idx="4011">
                  <c:v>19.624132305382908</c:v>
                </c:pt>
                <c:pt idx="4012">
                  <c:v>19.624132305382908</c:v>
                </c:pt>
                <c:pt idx="4013">
                  <c:v>19.624132305382908</c:v>
                </c:pt>
                <c:pt idx="4014">
                  <c:v>19.624132305382908</c:v>
                </c:pt>
                <c:pt idx="4015">
                  <c:v>19.624132305382908</c:v>
                </c:pt>
                <c:pt idx="4016">
                  <c:v>19.624132305382908</c:v>
                </c:pt>
                <c:pt idx="4017">
                  <c:v>19.624132305382908</c:v>
                </c:pt>
                <c:pt idx="4018">
                  <c:v>19.624132305382908</c:v>
                </c:pt>
                <c:pt idx="4019">
                  <c:v>19.624132305382908</c:v>
                </c:pt>
                <c:pt idx="4020">
                  <c:v>19.624132305382908</c:v>
                </c:pt>
                <c:pt idx="4021">
                  <c:v>19.624132305382908</c:v>
                </c:pt>
                <c:pt idx="4022">
                  <c:v>19.624132305382908</c:v>
                </c:pt>
                <c:pt idx="4023">
                  <c:v>19.624132305382908</c:v>
                </c:pt>
                <c:pt idx="4024">
                  <c:v>19.624132305382908</c:v>
                </c:pt>
                <c:pt idx="4025">
                  <c:v>19.628975483972329</c:v>
                </c:pt>
                <c:pt idx="4026">
                  <c:v>19.628975483972329</c:v>
                </c:pt>
                <c:pt idx="4027">
                  <c:v>19.628975483972329</c:v>
                </c:pt>
                <c:pt idx="4028">
                  <c:v>19.628975483972329</c:v>
                </c:pt>
                <c:pt idx="4029">
                  <c:v>19.633818662561882</c:v>
                </c:pt>
                <c:pt idx="4030">
                  <c:v>19.633818662561882</c:v>
                </c:pt>
                <c:pt idx="4031">
                  <c:v>19.633818662561882</c:v>
                </c:pt>
                <c:pt idx="4032">
                  <c:v>19.633818662561882</c:v>
                </c:pt>
                <c:pt idx="4033">
                  <c:v>19.638661841151428</c:v>
                </c:pt>
                <c:pt idx="4034">
                  <c:v>19.638661841151428</c:v>
                </c:pt>
                <c:pt idx="4035">
                  <c:v>19.638661841151428</c:v>
                </c:pt>
                <c:pt idx="4036">
                  <c:v>19.638661841151428</c:v>
                </c:pt>
                <c:pt idx="4037">
                  <c:v>19.643362573311855</c:v>
                </c:pt>
                <c:pt idx="4038">
                  <c:v>19.643362573311855</c:v>
                </c:pt>
                <c:pt idx="4039">
                  <c:v>19.643362573311855</c:v>
                </c:pt>
                <c:pt idx="4040">
                  <c:v>19.648205751901276</c:v>
                </c:pt>
                <c:pt idx="4041">
                  <c:v>19.648205751901276</c:v>
                </c:pt>
                <c:pt idx="4042">
                  <c:v>19.648205751901276</c:v>
                </c:pt>
                <c:pt idx="4043">
                  <c:v>19.653048930490822</c:v>
                </c:pt>
                <c:pt idx="4044">
                  <c:v>19.653048930490822</c:v>
                </c:pt>
                <c:pt idx="4045">
                  <c:v>19.657749662651248</c:v>
                </c:pt>
                <c:pt idx="4046">
                  <c:v>19.657749662651248</c:v>
                </c:pt>
                <c:pt idx="4047">
                  <c:v>19.657749662651248</c:v>
                </c:pt>
                <c:pt idx="4048">
                  <c:v>19.657749662651248</c:v>
                </c:pt>
                <c:pt idx="4049">
                  <c:v>19.657749662651248</c:v>
                </c:pt>
                <c:pt idx="4050">
                  <c:v>19.66259284124067</c:v>
                </c:pt>
                <c:pt idx="4051">
                  <c:v>19.66259284124067</c:v>
                </c:pt>
                <c:pt idx="4052">
                  <c:v>19.66259284124067</c:v>
                </c:pt>
                <c:pt idx="4053">
                  <c:v>19.66743601983022</c:v>
                </c:pt>
                <c:pt idx="4054">
                  <c:v>19.66743601983022</c:v>
                </c:pt>
                <c:pt idx="4055">
                  <c:v>19.66743601983022</c:v>
                </c:pt>
                <c:pt idx="4056">
                  <c:v>19.66743601983022</c:v>
                </c:pt>
                <c:pt idx="4057">
                  <c:v>19.66743601983022</c:v>
                </c:pt>
                <c:pt idx="4058">
                  <c:v>19.66743601983022</c:v>
                </c:pt>
                <c:pt idx="4059">
                  <c:v>19.672136751990646</c:v>
                </c:pt>
                <c:pt idx="4060">
                  <c:v>19.672136751990646</c:v>
                </c:pt>
                <c:pt idx="4061">
                  <c:v>19.672136751990646</c:v>
                </c:pt>
                <c:pt idx="4062">
                  <c:v>19.672136751990646</c:v>
                </c:pt>
                <c:pt idx="4063">
                  <c:v>19.676979930580064</c:v>
                </c:pt>
                <c:pt idx="4064">
                  <c:v>19.676979930580064</c:v>
                </c:pt>
                <c:pt idx="4065">
                  <c:v>19.676979930580064</c:v>
                </c:pt>
                <c:pt idx="4066">
                  <c:v>19.676979930580064</c:v>
                </c:pt>
                <c:pt idx="4067">
                  <c:v>19.676979930580064</c:v>
                </c:pt>
                <c:pt idx="4068">
                  <c:v>19.676979930580064</c:v>
                </c:pt>
                <c:pt idx="4069">
                  <c:v>19.676979930580064</c:v>
                </c:pt>
                <c:pt idx="4070">
                  <c:v>19.681823109169617</c:v>
                </c:pt>
                <c:pt idx="4071">
                  <c:v>19.681823109169617</c:v>
                </c:pt>
                <c:pt idx="4072">
                  <c:v>19.681823109169617</c:v>
                </c:pt>
                <c:pt idx="4073">
                  <c:v>19.68652384133004</c:v>
                </c:pt>
                <c:pt idx="4074">
                  <c:v>19.68652384133004</c:v>
                </c:pt>
                <c:pt idx="4075">
                  <c:v>19.68652384133004</c:v>
                </c:pt>
                <c:pt idx="4076">
                  <c:v>19.691367019919465</c:v>
                </c:pt>
                <c:pt idx="4077">
                  <c:v>19.691367019919465</c:v>
                </c:pt>
                <c:pt idx="4078">
                  <c:v>19.691367019919465</c:v>
                </c:pt>
                <c:pt idx="4079">
                  <c:v>19.691367019919465</c:v>
                </c:pt>
                <c:pt idx="4080">
                  <c:v>19.696210198509011</c:v>
                </c:pt>
                <c:pt idx="4081">
                  <c:v>19.696210198509011</c:v>
                </c:pt>
                <c:pt idx="4082">
                  <c:v>19.696210198509011</c:v>
                </c:pt>
                <c:pt idx="4083">
                  <c:v>19.696210198509011</c:v>
                </c:pt>
                <c:pt idx="4084">
                  <c:v>19.696210198509011</c:v>
                </c:pt>
                <c:pt idx="4085">
                  <c:v>19.696210198509011</c:v>
                </c:pt>
                <c:pt idx="4086">
                  <c:v>19.696210198509011</c:v>
                </c:pt>
                <c:pt idx="4087">
                  <c:v>19.700910930669437</c:v>
                </c:pt>
                <c:pt idx="4088">
                  <c:v>19.700910930669437</c:v>
                </c:pt>
                <c:pt idx="4089">
                  <c:v>19.700910930669437</c:v>
                </c:pt>
                <c:pt idx="4090">
                  <c:v>19.700910930669437</c:v>
                </c:pt>
                <c:pt idx="4091">
                  <c:v>19.705754109258987</c:v>
                </c:pt>
                <c:pt idx="4092">
                  <c:v>19.705754109258987</c:v>
                </c:pt>
                <c:pt idx="4093">
                  <c:v>19.705754109258987</c:v>
                </c:pt>
                <c:pt idx="4094">
                  <c:v>19.710597287848408</c:v>
                </c:pt>
                <c:pt idx="4095">
                  <c:v>19.710597287848408</c:v>
                </c:pt>
                <c:pt idx="4096">
                  <c:v>19.710597287848408</c:v>
                </c:pt>
                <c:pt idx="4097">
                  <c:v>19.710597287848408</c:v>
                </c:pt>
                <c:pt idx="4098">
                  <c:v>19.710597287848408</c:v>
                </c:pt>
                <c:pt idx="4099">
                  <c:v>19.710597287848408</c:v>
                </c:pt>
                <c:pt idx="4100">
                  <c:v>19.710597287848408</c:v>
                </c:pt>
                <c:pt idx="4101">
                  <c:v>19.710597287848408</c:v>
                </c:pt>
                <c:pt idx="4102">
                  <c:v>19.710597287848408</c:v>
                </c:pt>
                <c:pt idx="4103">
                  <c:v>19.710597287848408</c:v>
                </c:pt>
                <c:pt idx="4104">
                  <c:v>19.710597287848408</c:v>
                </c:pt>
                <c:pt idx="4105">
                  <c:v>19.710597287848408</c:v>
                </c:pt>
                <c:pt idx="4106">
                  <c:v>19.710597287848408</c:v>
                </c:pt>
                <c:pt idx="4107">
                  <c:v>19.710597287848408</c:v>
                </c:pt>
                <c:pt idx="4108">
                  <c:v>19.710597287848408</c:v>
                </c:pt>
                <c:pt idx="4109">
                  <c:v>19.710597287848408</c:v>
                </c:pt>
                <c:pt idx="4110">
                  <c:v>19.715298020008831</c:v>
                </c:pt>
                <c:pt idx="4111">
                  <c:v>19.715298020008831</c:v>
                </c:pt>
                <c:pt idx="4112">
                  <c:v>19.715298020008831</c:v>
                </c:pt>
                <c:pt idx="4113">
                  <c:v>19.715298020008831</c:v>
                </c:pt>
                <c:pt idx="4114">
                  <c:v>19.72014119859838</c:v>
                </c:pt>
                <c:pt idx="4115">
                  <c:v>19.72014119859838</c:v>
                </c:pt>
                <c:pt idx="4116">
                  <c:v>19.724984377187802</c:v>
                </c:pt>
                <c:pt idx="4117">
                  <c:v>19.729685109348228</c:v>
                </c:pt>
                <c:pt idx="4118">
                  <c:v>19.734528287937774</c:v>
                </c:pt>
                <c:pt idx="4119">
                  <c:v>19.739371466527196</c:v>
                </c:pt>
                <c:pt idx="4120">
                  <c:v>19.744072198687622</c:v>
                </c:pt>
                <c:pt idx="4121">
                  <c:v>19.748915377277172</c:v>
                </c:pt>
                <c:pt idx="4122">
                  <c:v>19.753758555866721</c:v>
                </c:pt>
                <c:pt idx="4123">
                  <c:v>19.758459288027019</c:v>
                </c:pt>
                <c:pt idx="4124">
                  <c:v>19.763302466616569</c:v>
                </c:pt>
                <c:pt idx="4125">
                  <c:v>19.763302466616569</c:v>
                </c:pt>
                <c:pt idx="4126">
                  <c:v>19.768145645206115</c:v>
                </c:pt>
                <c:pt idx="4127">
                  <c:v>19.772846377366417</c:v>
                </c:pt>
                <c:pt idx="4128">
                  <c:v>19.777689555955963</c:v>
                </c:pt>
                <c:pt idx="4129">
                  <c:v>19.782532734545509</c:v>
                </c:pt>
                <c:pt idx="4130">
                  <c:v>19.787233466705935</c:v>
                </c:pt>
                <c:pt idx="4131">
                  <c:v>19.787233466705935</c:v>
                </c:pt>
                <c:pt idx="4132">
                  <c:v>19.787233466705935</c:v>
                </c:pt>
                <c:pt idx="4133">
                  <c:v>19.792076645295356</c:v>
                </c:pt>
                <c:pt idx="4134">
                  <c:v>19.792076645295356</c:v>
                </c:pt>
                <c:pt idx="4135">
                  <c:v>19.79691982388491</c:v>
                </c:pt>
                <c:pt idx="4136">
                  <c:v>19.79691982388491</c:v>
                </c:pt>
                <c:pt idx="4137">
                  <c:v>19.79691982388491</c:v>
                </c:pt>
                <c:pt idx="4138">
                  <c:v>19.79691982388491</c:v>
                </c:pt>
                <c:pt idx="4139">
                  <c:v>19.792076645295356</c:v>
                </c:pt>
                <c:pt idx="4140">
                  <c:v>19.792076645295356</c:v>
                </c:pt>
                <c:pt idx="4141">
                  <c:v>19.792076645295356</c:v>
                </c:pt>
                <c:pt idx="4142">
                  <c:v>19.787233466705935</c:v>
                </c:pt>
                <c:pt idx="4143">
                  <c:v>19.787233466705935</c:v>
                </c:pt>
                <c:pt idx="4144">
                  <c:v>19.782532734545509</c:v>
                </c:pt>
                <c:pt idx="4145">
                  <c:v>19.782532734545509</c:v>
                </c:pt>
                <c:pt idx="4146">
                  <c:v>19.777689555955963</c:v>
                </c:pt>
                <c:pt idx="4147">
                  <c:v>19.777689555955963</c:v>
                </c:pt>
                <c:pt idx="4148">
                  <c:v>19.772846377366417</c:v>
                </c:pt>
                <c:pt idx="4149">
                  <c:v>19.772846377366417</c:v>
                </c:pt>
                <c:pt idx="4150">
                  <c:v>19.772846377366417</c:v>
                </c:pt>
                <c:pt idx="4151">
                  <c:v>19.772846377366417</c:v>
                </c:pt>
                <c:pt idx="4152">
                  <c:v>19.768145645206115</c:v>
                </c:pt>
                <c:pt idx="4153">
                  <c:v>19.768145645206115</c:v>
                </c:pt>
                <c:pt idx="4154">
                  <c:v>19.768145645206115</c:v>
                </c:pt>
                <c:pt idx="4155">
                  <c:v>19.768145645206115</c:v>
                </c:pt>
                <c:pt idx="4156">
                  <c:v>19.768145645206115</c:v>
                </c:pt>
                <c:pt idx="4157">
                  <c:v>19.768145645206115</c:v>
                </c:pt>
                <c:pt idx="4158">
                  <c:v>19.768145645206115</c:v>
                </c:pt>
                <c:pt idx="4159">
                  <c:v>19.772846377366417</c:v>
                </c:pt>
                <c:pt idx="4160">
                  <c:v>19.772846377366417</c:v>
                </c:pt>
                <c:pt idx="4161">
                  <c:v>19.772846377366417</c:v>
                </c:pt>
                <c:pt idx="4162">
                  <c:v>19.777689555955963</c:v>
                </c:pt>
                <c:pt idx="4163">
                  <c:v>19.777689555955963</c:v>
                </c:pt>
                <c:pt idx="4164">
                  <c:v>19.782532734545509</c:v>
                </c:pt>
                <c:pt idx="4165">
                  <c:v>19.782532734545509</c:v>
                </c:pt>
                <c:pt idx="4166">
                  <c:v>19.787233466705935</c:v>
                </c:pt>
                <c:pt idx="4167">
                  <c:v>19.787233466705935</c:v>
                </c:pt>
                <c:pt idx="4168">
                  <c:v>19.792076645295356</c:v>
                </c:pt>
                <c:pt idx="4169">
                  <c:v>19.792076645295356</c:v>
                </c:pt>
                <c:pt idx="4170">
                  <c:v>19.79691982388491</c:v>
                </c:pt>
                <c:pt idx="4171">
                  <c:v>19.79691982388491</c:v>
                </c:pt>
                <c:pt idx="4172">
                  <c:v>19.79691982388491</c:v>
                </c:pt>
                <c:pt idx="4173">
                  <c:v>19.801620556045332</c:v>
                </c:pt>
                <c:pt idx="4174">
                  <c:v>19.801620556045332</c:v>
                </c:pt>
                <c:pt idx="4175">
                  <c:v>19.801620556045332</c:v>
                </c:pt>
                <c:pt idx="4176">
                  <c:v>19.806463734634757</c:v>
                </c:pt>
                <c:pt idx="4177">
                  <c:v>19.806463734634757</c:v>
                </c:pt>
                <c:pt idx="4178">
                  <c:v>19.811306913224303</c:v>
                </c:pt>
                <c:pt idx="4179">
                  <c:v>19.811306913224303</c:v>
                </c:pt>
                <c:pt idx="4180">
                  <c:v>19.811306913224303</c:v>
                </c:pt>
                <c:pt idx="4181">
                  <c:v>19.81600764538473</c:v>
                </c:pt>
                <c:pt idx="4182">
                  <c:v>19.81600764538473</c:v>
                </c:pt>
                <c:pt idx="4183">
                  <c:v>19.81600764538473</c:v>
                </c:pt>
                <c:pt idx="4184">
                  <c:v>19.820850823974151</c:v>
                </c:pt>
                <c:pt idx="4185">
                  <c:v>19.820850823974151</c:v>
                </c:pt>
                <c:pt idx="4186">
                  <c:v>19.820850823974151</c:v>
                </c:pt>
                <c:pt idx="4187">
                  <c:v>19.820850823974151</c:v>
                </c:pt>
                <c:pt idx="4188">
                  <c:v>19.820850823974151</c:v>
                </c:pt>
                <c:pt idx="4189">
                  <c:v>19.825694002563697</c:v>
                </c:pt>
                <c:pt idx="4190">
                  <c:v>19.825694002563697</c:v>
                </c:pt>
                <c:pt idx="4191">
                  <c:v>19.825694002563697</c:v>
                </c:pt>
                <c:pt idx="4192">
                  <c:v>19.825694002563697</c:v>
                </c:pt>
                <c:pt idx="4193">
                  <c:v>19.830537181153247</c:v>
                </c:pt>
                <c:pt idx="4194">
                  <c:v>19.830537181153247</c:v>
                </c:pt>
                <c:pt idx="4195">
                  <c:v>19.830537181153247</c:v>
                </c:pt>
                <c:pt idx="4196">
                  <c:v>19.830537181153247</c:v>
                </c:pt>
                <c:pt idx="4197">
                  <c:v>19.835237913313673</c:v>
                </c:pt>
                <c:pt idx="4198">
                  <c:v>19.835237913313673</c:v>
                </c:pt>
                <c:pt idx="4199">
                  <c:v>19.835237913313673</c:v>
                </c:pt>
                <c:pt idx="4200">
                  <c:v>19.840081091903095</c:v>
                </c:pt>
                <c:pt idx="4201">
                  <c:v>19.840081091903095</c:v>
                </c:pt>
                <c:pt idx="4202">
                  <c:v>19.840081091903095</c:v>
                </c:pt>
                <c:pt idx="4203">
                  <c:v>19.840081091903095</c:v>
                </c:pt>
                <c:pt idx="4204">
                  <c:v>19.844924270492641</c:v>
                </c:pt>
                <c:pt idx="4205">
                  <c:v>19.844924270492641</c:v>
                </c:pt>
                <c:pt idx="4206">
                  <c:v>19.844924270492641</c:v>
                </c:pt>
                <c:pt idx="4207">
                  <c:v>19.844924270492641</c:v>
                </c:pt>
                <c:pt idx="4208">
                  <c:v>19.844924270492641</c:v>
                </c:pt>
                <c:pt idx="4209">
                  <c:v>19.844924270492641</c:v>
                </c:pt>
                <c:pt idx="4210">
                  <c:v>19.849625002653067</c:v>
                </c:pt>
                <c:pt idx="4211">
                  <c:v>19.849625002653067</c:v>
                </c:pt>
                <c:pt idx="4212">
                  <c:v>19.849625002653067</c:v>
                </c:pt>
                <c:pt idx="4213">
                  <c:v>19.849625002653067</c:v>
                </c:pt>
                <c:pt idx="4214">
                  <c:v>19.849625002653067</c:v>
                </c:pt>
                <c:pt idx="4215">
                  <c:v>19.854468181242488</c:v>
                </c:pt>
                <c:pt idx="4216">
                  <c:v>19.854468181242488</c:v>
                </c:pt>
                <c:pt idx="4217">
                  <c:v>19.854468181242488</c:v>
                </c:pt>
                <c:pt idx="4218">
                  <c:v>19.854468181242488</c:v>
                </c:pt>
                <c:pt idx="4219">
                  <c:v>19.859311359832038</c:v>
                </c:pt>
                <c:pt idx="4220">
                  <c:v>19.859311359832038</c:v>
                </c:pt>
                <c:pt idx="4221">
                  <c:v>19.859311359832038</c:v>
                </c:pt>
                <c:pt idx="4222">
                  <c:v>19.859311359832038</c:v>
                </c:pt>
                <c:pt idx="4223">
                  <c:v>19.864012091992464</c:v>
                </c:pt>
                <c:pt idx="4224">
                  <c:v>19.864012091992464</c:v>
                </c:pt>
                <c:pt idx="4225">
                  <c:v>19.868855270581886</c:v>
                </c:pt>
                <c:pt idx="4226">
                  <c:v>19.868855270581886</c:v>
                </c:pt>
                <c:pt idx="4227">
                  <c:v>19.868855270581886</c:v>
                </c:pt>
                <c:pt idx="4228">
                  <c:v>19.873698449171435</c:v>
                </c:pt>
                <c:pt idx="4229">
                  <c:v>19.873698449171435</c:v>
                </c:pt>
                <c:pt idx="4230">
                  <c:v>19.878399181331861</c:v>
                </c:pt>
                <c:pt idx="4231">
                  <c:v>19.878399181331861</c:v>
                </c:pt>
                <c:pt idx="4232">
                  <c:v>19.878399181331861</c:v>
                </c:pt>
                <c:pt idx="4233">
                  <c:v>19.878399181331861</c:v>
                </c:pt>
                <c:pt idx="4234">
                  <c:v>19.878399181331861</c:v>
                </c:pt>
                <c:pt idx="4235">
                  <c:v>19.883242359921407</c:v>
                </c:pt>
                <c:pt idx="4236">
                  <c:v>19.883242359921407</c:v>
                </c:pt>
                <c:pt idx="4237">
                  <c:v>19.883242359921407</c:v>
                </c:pt>
                <c:pt idx="4238">
                  <c:v>19.883242359921407</c:v>
                </c:pt>
                <c:pt idx="4239">
                  <c:v>19.883242359921407</c:v>
                </c:pt>
                <c:pt idx="4240">
                  <c:v>19.883242359921407</c:v>
                </c:pt>
                <c:pt idx="4241">
                  <c:v>19.883242359921407</c:v>
                </c:pt>
                <c:pt idx="4242">
                  <c:v>19.883242359921407</c:v>
                </c:pt>
                <c:pt idx="4243">
                  <c:v>19.883242359921407</c:v>
                </c:pt>
                <c:pt idx="4244">
                  <c:v>19.883242359921407</c:v>
                </c:pt>
                <c:pt idx="4245">
                  <c:v>19.888085538510829</c:v>
                </c:pt>
                <c:pt idx="4246">
                  <c:v>19.888085538510829</c:v>
                </c:pt>
                <c:pt idx="4247">
                  <c:v>19.888085538510829</c:v>
                </c:pt>
                <c:pt idx="4248">
                  <c:v>19.888085538510829</c:v>
                </c:pt>
                <c:pt idx="4249">
                  <c:v>19.888085538510829</c:v>
                </c:pt>
                <c:pt idx="4250">
                  <c:v>19.888085538510829</c:v>
                </c:pt>
                <c:pt idx="4251">
                  <c:v>19.888085538510829</c:v>
                </c:pt>
                <c:pt idx="4252">
                  <c:v>19.888085538510829</c:v>
                </c:pt>
                <c:pt idx="4253">
                  <c:v>19.888085538510829</c:v>
                </c:pt>
                <c:pt idx="4254">
                  <c:v>19.888085538510829</c:v>
                </c:pt>
                <c:pt idx="4255">
                  <c:v>19.888085538510829</c:v>
                </c:pt>
                <c:pt idx="4256">
                  <c:v>19.888085538510829</c:v>
                </c:pt>
                <c:pt idx="4257">
                  <c:v>19.892786270671255</c:v>
                </c:pt>
                <c:pt idx="4258">
                  <c:v>19.892786270671255</c:v>
                </c:pt>
                <c:pt idx="4259">
                  <c:v>19.892786270671255</c:v>
                </c:pt>
                <c:pt idx="4260">
                  <c:v>19.892786270671255</c:v>
                </c:pt>
                <c:pt idx="4261">
                  <c:v>19.897629449260801</c:v>
                </c:pt>
                <c:pt idx="4262">
                  <c:v>19.897629449260801</c:v>
                </c:pt>
                <c:pt idx="4263">
                  <c:v>19.902472627850223</c:v>
                </c:pt>
                <c:pt idx="4264">
                  <c:v>19.902472627850223</c:v>
                </c:pt>
                <c:pt idx="4265">
                  <c:v>19.902472627850223</c:v>
                </c:pt>
                <c:pt idx="4266">
                  <c:v>19.902472627850223</c:v>
                </c:pt>
                <c:pt idx="4267">
                  <c:v>19.902472627850223</c:v>
                </c:pt>
                <c:pt idx="4268">
                  <c:v>19.907173360010649</c:v>
                </c:pt>
                <c:pt idx="4269">
                  <c:v>19.907173360010649</c:v>
                </c:pt>
                <c:pt idx="4270">
                  <c:v>19.907173360010649</c:v>
                </c:pt>
                <c:pt idx="4271">
                  <c:v>19.907173360010649</c:v>
                </c:pt>
                <c:pt idx="4272">
                  <c:v>19.907173360010649</c:v>
                </c:pt>
                <c:pt idx="4273">
                  <c:v>19.907173360010649</c:v>
                </c:pt>
                <c:pt idx="4274">
                  <c:v>19.907173360010649</c:v>
                </c:pt>
                <c:pt idx="4275">
                  <c:v>19.907173360010649</c:v>
                </c:pt>
                <c:pt idx="4276">
                  <c:v>19.907173360010649</c:v>
                </c:pt>
                <c:pt idx="4277">
                  <c:v>19.907173360010649</c:v>
                </c:pt>
                <c:pt idx="4278">
                  <c:v>19.907173360010649</c:v>
                </c:pt>
                <c:pt idx="4279">
                  <c:v>19.907173360010649</c:v>
                </c:pt>
                <c:pt idx="4280">
                  <c:v>19.907173360010649</c:v>
                </c:pt>
                <c:pt idx="4281">
                  <c:v>19.907173360010649</c:v>
                </c:pt>
                <c:pt idx="4282">
                  <c:v>19.907173360010649</c:v>
                </c:pt>
                <c:pt idx="4283">
                  <c:v>19.907173360010649</c:v>
                </c:pt>
                <c:pt idx="4284">
                  <c:v>19.912016538600199</c:v>
                </c:pt>
                <c:pt idx="4285">
                  <c:v>19.912016538600199</c:v>
                </c:pt>
                <c:pt idx="4286">
                  <c:v>19.912016538600199</c:v>
                </c:pt>
                <c:pt idx="4287">
                  <c:v>19.912016538600199</c:v>
                </c:pt>
                <c:pt idx="4288">
                  <c:v>19.907173360010649</c:v>
                </c:pt>
                <c:pt idx="4289">
                  <c:v>19.907173360010649</c:v>
                </c:pt>
                <c:pt idx="4290">
                  <c:v>19.907173360010649</c:v>
                </c:pt>
                <c:pt idx="4291">
                  <c:v>19.907173360010649</c:v>
                </c:pt>
                <c:pt idx="4292">
                  <c:v>19.907173360010649</c:v>
                </c:pt>
                <c:pt idx="4293">
                  <c:v>19.907173360010649</c:v>
                </c:pt>
                <c:pt idx="4294">
                  <c:v>19.907173360010649</c:v>
                </c:pt>
                <c:pt idx="4295">
                  <c:v>19.907173360010649</c:v>
                </c:pt>
                <c:pt idx="4296">
                  <c:v>19.907173360010649</c:v>
                </c:pt>
                <c:pt idx="4297">
                  <c:v>19.907173360010649</c:v>
                </c:pt>
                <c:pt idx="4298">
                  <c:v>19.912016538600199</c:v>
                </c:pt>
                <c:pt idx="4299">
                  <c:v>19.912016538600199</c:v>
                </c:pt>
                <c:pt idx="4300">
                  <c:v>19.912016538600199</c:v>
                </c:pt>
                <c:pt idx="4301">
                  <c:v>19.912016538600199</c:v>
                </c:pt>
                <c:pt idx="4302">
                  <c:v>19.912016538600199</c:v>
                </c:pt>
                <c:pt idx="4303">
                  <c:v>19.916859717189624</c:v>
                </c:pt>
                <c:pt idx="4304">
                  <c:v>19.916859717189624</c:v>
                </c:pt>
                <c:pt idx="4305">
                  <c:v>19.916859717189624</c:v>
                </c:pt>
                <c:pt idx="4306">
                  <c:v>19.916859717189624</c:v>
                </c:pt>
                <c:pt idx="4307">
                  <c:v>19.916859717189624</c:v>
                </c:pt>
                <c:pt idx="4308">
                  <c:v>19.916859717189624</c:v>
                </c:pt>
                <c:pt idx="4309">
                  <c:v>19.916859717189624</c:v>
                </c:pt>
                <c:pt idx="4310">
                  <c:v>19.921560449350043</c:v>
                </c:pt>
                <c:pt idx="4311">
                  <c:v>19.921560449350043</c:v>
                </c:pt>
                <c:pt idx="4312">
                  <c:v>19.921560449350043</c:v>
                </c:pt>
                <c:pt idx="4313">
                  <c:v>19.921560449350043</c:v>
                </c:pt>
                <c:pt idx="4314">
                  <c:v>19.926403627939596</c:v>
                </c:pt>
                <c:pt idx="4315">
                  <c:v>19.926403627939596</c:v>
                </c:pt>
                <c:pt idx="4316">
                  <c:v>19.926403627939596</c:v>
                </c:pt>
                <c:pt idx="4317">
                  <c:v>19.926403627939596</c:v>
                </c:pt>
                <c:pt idx="4318">
                  <c:v>19.931246806529018</c:v>
                </c:pt>
                <c:pt idx="4319">
                  <c:v>19.931246806529018</c:v>
                </c:pt>
                <c:pt idx="4320">
                  <c:v>19.931246806529018</c:v>
                </c:pt>
                <c:pt idx="4321">
                  <c:v>19.931246806529018</c:v>
                </c:pt>
                <c:pt idx="4322">
                  <c:v>19.931246806529018</c:v>
                </c:pt>
                <c:pt idx="4323">
                  <c:v>19.931246806529018</c:v>
                </c:pt>
                <c:pt idx="4324">
                  <c:v>19.931246806529018</c:v>
                </c:pt>
                <c:pt idx="4325">
                  <c:v>19.935947538689444</c:v>
                </c:pt>
                <c:pt idx="4326">
                  <c:v>19.935947538689444</c:v>
                </c:pt>
                <c:pt idx="4327">
                  <c:v>19.935947538689444</c:v>
                </c:pt>
                <c:pt idx="4328">
                  <c:v>19.94079071727899</c:v>
                </c:pt>
                <c:pt idx="4329">
                  <c:v>19.94079071727899</c:v>
                </c:pt>
                <c:pt idx="4330">
                  <c:v>19.94079071727899</c:v>
                </c:pt>
                <c:pt idx="4331">
                  <c:v>19.94079071727899</c:v>
                </c:pt>
                <c:pt idx="4332">
                  <c:v>19.94079071727899</c:v>
                </c:pt>
                <c:pt idx="4333">
                  <c:v>19.94079071727899</c:v>
                </c:pt>
                <c:pt idx="4334">
                  <c:v>19.94079071727899</c:v>
                </c:pt>
                <c:pt idx="4335">
                  <c:v>19.94079071727899</c:v>
                </c:pt>
                <c:pt idx="4336">
                  <c:v>19.94079071727899</c:v>
                </c:pt>
                <c:pt idx="4337">
                  <c:v>19.94079071727899</c:v>
                </c:pt>
                <c:pt idx="4338">
                  <c:v>19.94079071727899</c:v>
                </c:pt>
                <c:pt idx="4339">
                  <c:v>19.94079071727899</c:v>
                </c:pt>
                <c:pt idx="4340">
                  <c:v>19.94079071727899</c:v>
                </c:pt>
                <c:pt idx="4341">
                  <c:v>19.94079071727899</c:v>
                </c:pt>
                <c:pt idx="4342">
                  <c:v>19.94079071727899</c:v>
                </c:pt>
                <c:pt idx="4343">
                  <c:v>19.94079071727899</c:v>
                </c:pt>
                <c:pt idx="4344">
                  <c:v>19.945633895868539</c:v>
                </c:pt>
                <c:pt idx="4345">
                  <c:v>19.945633895868539</c:v>
                </c:pt>
                <c:pt idx="4346">
                  <c:v>19.945633895868539</c:v>
                </c:pt>
                <c:pt idx="4347">
                  <c:v>19.945633895868539</c:v>
                </c:pt>
                <c:pt idx="4348">
                  <c:v>19.945633895868539</c:v>
                </c:pt>
                <c:pt idx="4349">
                  <c:v>19.950334628028838</c:v>
                </c:pt>
                <c:pt idx="4350">
                  <c:v>19.950334628028838</c:v>
                </c:pt>
                <c:pt idx="4351">
                  <c:v>19.950334628028838</c:v>
                </c:pt>
                <c:pt idx="4352">
                  <c:v>19.950334628028838</c:v>
                </c:pt>
                <c:pt idx="4353">
                  <c:v>19.950334628028838</c:v>
                </c:pt>
                <c:pt idx="4354">
                  <c:v>19.950334628028838</c:v>
                </c:pt>
                <c:pt idx="4355">
                  <c:v>19.950334628028838</c:v>
                </c:pt>
                <c:pt idx="4356">
                  <c:v>19.950334628028838</c:v>
                </c:pt>
                <c:pt idx="4357">
                  <c:v>19.950334628028838</c:v>
                </c:pt>
                <c:pt idx="4358">
                  <c:v>19.950334628028838</c:v>
                </c:pt>
                <c:pt idx="4359">
                  <c:v>19.950334628028838</c:v>
                </c:pt>
                <c:pt idx="4360">
                  <c:v>19.950334628028838</c:v>
                </c:pt>
                <c:pt idx="4361">
                  <c:v>19.950334628028838</c:v>
                </c:pt>
                <c:pt idx="4362">
                  <c:v>19.950334628028838</c:v>
                </c:pt>
                <c:pt idx="4363">
                  <c:v>19.955177806618384</c:v>
                </c:pt>
                <c:pt idx="4364">
                  <c:v>19.955177806618384</c:v>
                </c:pt>
                <c:pt idx="4365">
                  <c:v>19.950334628028838</c:v>
                </c:pt>
                <c:pt idx="4366">
                  <c:v>19.950334628028838</c:v>
                </c:pt>
                <c:pt idx="4367">
                  <c:v>19.950334628028838</c:v>
                </c:pt>
                <c:pt idx="4368">
                  <c:v>19.950334628028838</c:v>
                </c:pt>
                <c:pt idx="4369">
                  <c:v>19.950334628028838</c:v>
                </c:pt>
                <c:pt idx="4370">
                  <c:v>19.950334628028838</c:v>
                </c:pt>
                <c:pt idx="4371">
                  <c:v>19.950334628028838</c:v>
                </c:pt>
                <c:pt idx="4372">
                  <c:v>19.950334628028838</c:v>
                </c:pt>
                <c:pt idx="4373">
                  <c:v>19.955177806618384</c:v>
                </c:pt>
                <c:pt idx="4374">
                  <c:v>19.955177806618384</c:v>
                </c:pt>
                <c:pt idx="4375">
                  <c:v>19.955177806618384</c:v>
                </c:pt>
                <c:pt idx="4376">
                  <c:v>19.955177806618384</c:v>
                </c:pt>
                <c:pt idx="4377">
                  <c:v>19.955177806618384</c:v>
                </c:pt>
                <c:pt idx="4378">
                  <c:v>19.955177806618384</c:v>
                </c:pt>
                <c:pt idx="4379">
                  <c:v>19.955177806618384</c:v>
                </c:pt>
                <c:pt idx="4380">
                  <c:v>19.960020985207933</c:v>
                </c:pt>
                <c:pt idx="4381">
                  <c:v>19.964721717368231</c:v>
                </c:pt>
                <c:pt idx="4382">
                  <c:v>19.964721717368231</c:v>
                </c:pt>
                <c:pt idx="4383">
                  <c:v>19.969564895957781</c:v>
                </c:pt>
                <c:pt idx="4384">
                  <c:v>19.97440807454733</c:v>
                </c:pt>
                <c:pt idx="4385">
                  <c:v>19.97440807454733</c:v>
                </c:pt>
                <c:pt idx="4386">
                  <c:v>19.979108806707757</c:v>
                </c:pt>
                <c:pt idx="4387">
                  <c:v>19.979108806707757</c:v>
                </c:pt>
                <c:pt idx="4388">
                  <c:v>19.983951985297178</c:v>
                </c:pt>
                <c:pt idx="4389">
                  <c:v>19.983951985297178</c:v>
                </c:pt>
                <c:pt idx="4390">
                  <c:v>19.983951985297178</c:v>
                </c:pt>
                <c:pt idx="4391">
                  <c:v>19.988795163886728</c:v>
                </c:pt>
                <c:pt idx="4392">
                  <c:v>19.988795163886728</c:v>
                </c:pt>
                <c:pt idx="4393">
                  <c:v>19.99349589604715</c:v>
                </c:pt>
                <c:pt idx="4394">
                  <c:v>19.99349589604715</c:v>
                </c:pt>
                <c:pt idx="4395">
                  <c:v>19.99349589604715</c:v>
                </c:pt>
                <c:pt idx="4396">
                  <c:v>19.99349589604715</c:v>
                </c:pt>
                <c:pt idx="4397">
                  <c:v>19.99349589604715</c:v>
                </c:pt>
                <c:pt idx="4398">
                  <c:v>19.99349589604715</c:v>
                </c:pt>
                <c:pt idx="4399">
                  <c:v>19.998339074636572</c:v>
                </c:pt>
                <c:pt idx="4400">
                  <c:v>19.998339074636572</c:v>
                </c:pt>
                <c:pt idx="4401">
                  <c:v>19.998339074636572</c:v>
                </c:pt>
                <c:pt idx="4402">
                  <c:v>19.998339074636572</c:v>
                </c:pt>
                <c:pt idx="4403">
                  <c:v>19.998339074636572</c:v>
                </c:pt>
                <c:pt idx="4404">
                  <c:v>19.998339074636572</c:v>
                </c:pt>
                <c:pt idx="4405">
                  <c:v>19.998339074636572</c:v>
                </c:pt>
                <c:pt idx="4406">
                  <c:v>20.003182253226122</c:v>
                </c:pt>
                <c:pt idx="4407">
                  <c:v>20.003182253226122</c:v>
                </c:pt>
                <c:pt idx="4408">
                  <c:v>20.003182253226122</c:v>
                </c:pt>
                <c:pt idx="4409">
                  <c:v>20.003182253226122</c:v>
                </c:pt>
                <c:pt idx="4410">
                  <c:v>20.003182253226122</c:v>
                </c:pt>
                <c:pt idx="4411">
                  <c:v>20.003182253226122</c:v>
                </c:pt>
                <c:pt idx="4412">
                  <c:v>20.003182253226122</c:v>
                </c:pt>
                <c:pt idx="4413">
                  <c:v>20.007882985386548</c:v>
                </c:pt>
                <c:pt idx="4414">
                  <c:v>20.007882985386548</c:v>
                </c:pt>
                <c:pt idx="4415">
                  <c:v>20.007882985386548</c:v>
                </c:pt>
                <c:pt idx="4416">
                  <c:v>20.012726163975969</c:v>
                </c:pt>
                <c:pt idx="4417">
                  <c:v>20.012726163975969</c:v>
                </c:pt>
                <c:pt idx="4418">
                  <c:v>20.012726163975969</c:v>
                </c:pt>
                <c:pt idx="4419">
                  <c:v>20.017569342565515</c:v>
                </c:pt>
                <c:pt idx="4420">
                  <c:v>20.017569342565515</c:v>
                </c:pt>
                <c:pt idx="4421">
                  <c:v>20.017569342565515</c:v>
                </c:pt>
                <c:pt idx="4422">
                  <c:v>20.022412521155069</c:v>
                </c:pt>
                <c:pt idx="4423">
                  <c:v>20.022412521155069</c:v>
                </c:pt>
                <c:pt idx="4424">
                  <c:v>20.022412521155069</c:v>
                </c:pt>
                <c:pt idx="4425">
                  <c:v>20.027113253315488</c:v>
                </c:pt>
                <c:pt idx="4426">
                  <c:v>20.027113253315488</c:v>
                </c:pt>
                <c:pt idx="4427">
                  <c:v>20.027113253315488</c:v>
                </c:pt>
                <c:pt idx="4428">
                  <c:v>20.027113253315488</c:v>
                </c:pt>
                <c:pt idx="4429">
                  <c:v>20.027113253315488</c:v>
                </c:pt>
                <c:pt idx="4430">
                  <c:v>20.022412521155069</c:v>
                </c:pt>
                <c:pt idx="4431">
                  <c:v>20.027113253315488</c:v>
                </c:pt>
                <c:pt idx="4432">
                  <c:v>20.027113253315488</c:v>
                </c:pt>
                <c:pt idx="4433">
                  <c:v>20.027113253315488</c:v>
                </c:pt>
                <c:pt idx="4434">
                  <c:v>20.027113253315488</c:v>
                </c:pt>
                <c:pt idx="4435">
                  <c:v>20.027113253315488</c:v>
                </c:pt>
                <c:pt idx="4436">
                  <c:v>20.027113253315488</c:v>
                </c:pt>
                <c:pt idx="4437">
                  <c:v>20.027113253315488</c:v>
                </c:pt>
                <c:pt idx="4438">
                  <c:v>20.027113253315488</c:v>
                </c:pt>
                <c:pt idx="4439">
                  <c:v>20.027113253315488</c:v>
                </c:pt>
                <c:pt idx="4440">
                  <c:v>20.022412521155069</c:v>
                </c:pt>
                <c:pt idx="4441">
                  <c:v>20.022412521155069</c:v>
                </c:pt>
                <c:pt idx="4442">
                  <c:v>20.022412521155069</c:v>
                </c:pt>
                <c:pt idx="4443">
                  <c:v>20.022412521155069</c:v>
                </c:pt>
                <c:pt idx="4444">
                  <c:v>20.027113253315488</c:v>
                </c:pt>
                <c:pt idx="4445">
                  <c:v>20.027113253315488</c:v>
                </c:pt>
                <c:pt idx="4446">
                  <c:v>20.031956431904913</c:v>
                </c:pt>
                <c:pt idx="4447">
                  <c:v>20.031956431904913</c:v>
                </c:pt>
                <c:pt idx="4448">
                  <c:v>20.036799610494462</c:v>
                </c:pt>
                <c:pt idx="4449">
                  <c:v>20.036799610494462</c:v>
                </c:pt>
                <c:pt idx="4450">
                  <c:v>20.041500342654889</c:v>
                </c:pt>
                <c:pt idx="4451">
                  <c:v>20.041500342654889</c:v>
                </c:pt>
                <c:pt idx="4452">
                  <c:v>20.041500342654889</c:v>
                </c:pt>
                <c:pt idx="4453">
                  <c:v>20.04634352124431</c:v>
                </c:pt>
                <c:pt idx="4454">
                  <c:v>20.04634352124431</c:v>
                </c:pt>
                <c:pt idx="4455">
                  <c:v>20.04634352124431</c:v>
                </c:pt>
                <c:pt idx="4456">
                  <c:v>20.04634352124431</c:v>
                </c:pt>
                <c:pt idx="4457">
                  <c:v>20.04634352124431</c:v>
                </c:pt>
                <c:pt idx="4458">
                  <c:v>20.04634352124431</c:v>
                </c:pt>
                <c:pt idx="4459">
                  <c:v>20.051186699833856</c:v>
                </c:pt>
                <c:pt idx="4460">
                  <c:v>20.051186699833856</c:v>
                </c:pt>
                <c:pt idx="4461">
                  <c:v>20.051186699833856</c:v>
                </c:pt>
                <c:pt idx="4462">
                  <c:v>20.051186699833856</c:v>
                </c:pt>
                <c:pt idx="4463">
                  <c:v>20.051186699833856</c:v>
                </c:pt>
                <c:pt idx="4464">
                  <c:v>20.055887431994282</c:v>
                </c:pt>
                <c:pt idx="4465">
                  <c:v>20.055887431994282</c:v>
                </c:pt>
                <c:pt idx="4466">
                  <c:v>20.055887431994282</c:v>
                </c:pt>
                <c:pt idx="4467">
                  <c:v>20.055887431994282</c:v>
                </c:pt>
                <c:pt idx="4468">
                  <c:v>20.055887431994282</c:v>
                </c:pt>
                <c:pt idx="4469">
                  <c:v>20.055887431994282</c:v>
                </c:pt>
                <c:pt idx="4470">
                  <c:v>20.055887431994282</c:v>
                </c:pt>
                <c:pt idx="4471">
                  <c:v>20.055887431994282</c:v>
                </c:pt>
                <c:pt idx="4472">
                  <c:v>20.055887431994282</c:v>
                </c:pt>
                <c:pt idx="4473">
                  <c:v>20.055887431994282</c:v>
                </c:pt>
                <c:pt idx="4474">
                  <c:v>20.055887431994282</c:v>
                </c:pt>
                <c:pt idx="4475">
                  <c:v>20.055887431994282</c:v>
                </c:pt>
                <c:pt idx="4476">
                  <c:v>20.055887431994282</c:v>
                </c:pt>
                <c:pt idx="4477">
                  <c:v>20.055887431994282</c:v>
                </c:pt>
                <c:pt idx="4478">
                  <c:v>20.055887431994282</c:v>
                </c:pt>
                <c:pt idx="4479">
                  <c:v>20.060730610583704</c:v>
                </c:pt>
                <c:pt idx="4480">
                  <c:v>20.060730610583704</c:v>
                </c:pt>
                <c:pt idx="4481">
                  <c:v>20.060730610583704</c:v>
                </c:pt>
                <c:pt idx="4482">
                  <c:v>20.060730610583704</c:v>
                </c:pt>
                <c:pt idx="4483">
                  <c:v>20.060730610583704</c:v>
                </c:pt>
                <c:pt idx="4484">
                  <c:v>20.06557378917325</c:v>
                </c:pt>
                <c:pt idx="4485">
                  <c:v>20.06557378917325</c:v>
                </c:pt>
                <c:pt idx="4486">
                  <c:v>20.06557378917325</c:v>
                </c:pt>
                <c:pt idx="4487">
                  <c:v>20.06557378917325</c:v>
                </c:pt>
                <c:pt idx="4488">
                  <c:v>20.060730610583704</c:v>
                </c:pt>
                <c:pt idx="4489">
                  <c:v>20.060730610583704</c:v>
                </c:pt>
                <c:pt idx="4490">
                  <c:v>20.06557378917325</c:v>
                </c:pt>
                <c:pt idx="4491">
                  <c:v>20.06557378917325</c:v>
                </c:pt>
                <c:pt idx="4492">
                  <c:v>20.06557378917325</c:v>
                </c:pt>
                <c:pt idx="4493">
                  <c:v>20.06557378917325</c:v>
                </c:pt>
                <c:pt idx="4494">
                  <c:v>20.06557378917325</c:v>
                </c:pt>
                <c:pt idx="4495">
                  <c:v>20.06557378917325</c:v>
                </c:pt>
                <c:pt idx="4496">
                  <c:v>20.070274521333676</c:v>
                </c:pt>
                <c:pt idx="4497">
                  <c:v>20.070274521333676</c:v>
                </c:pt>
                <c:pt idx="4498">
                  <c:v>20.070274521333676</c:v>
                </c:pt>
                <c:pt idx="4499">
                  <c:v>20.070274521333676</c:v>
                </c:pt>
                <c:pt idx="4500">
                  <c:v>20.070274521333676</c:v>
                </c:pt>
                <c:pt idx="4501">
                  <c:v>20.070274521333676</c:v>
                </c:pt>
                <c:pt idx="4502">
                  <c:v>20.070274521333676</c:v>
                </c:pt>
                <c:pt idx="4503">
                  <c:v>20.075117699923226</c:v>
                </c:pt>
                <c:pt idx="4504">
                  <c:v>20.075117699923226</c:v>
                </c:pt>
                <c:pt idx="4505">
                  <c:v>20.075117699923226</c:v>
                </c:pt>
                <c:pt idx="4506">
                  <c:v>20.075117699923226</c:v>
                </c:pt>
                <c:pt idx="4507">
                  <c:v>20.075117699923226</c:v>
                </c:pt>
                <c:pt idx="4508">
                  <c:v>20.079960878512647</c:v>
                </c:pt>
                <c:pt idx="4509">
                  <c:v>20.079960878512647</c:v>
                </c:pt>
                <c:pt idx="4510">
                  <c:v>20.084661610673074</c:v>
                </c:pt>
                <c:pt idx="4511">
                  <c:v>20.089504789262623</c:v>
                </c:pt>
                <c:pt idx="4512">
                  <c:v>20.089504789262623</c:v>
                </c:pt>
                <c:pt idx="4513">
                  <c:v>20.094347967852045</c:v>
                </c:pt>
                <c:pt idx="4514">
                  <c:v>20.094347967852045</c:v>
                </c:pt>
                <c:pt idx="4515">
                  <c:v>20.099048700012471</c:v>
                </c:pt>
                <c:pt idx="4516">
                  <c:v>20.099048700012471</c:v>
                </c:pt>
                <c:pt idx="4517">
                  <c:v>20.099048700012471</c:v>
                </c:pt>
                <c:pt idx="4518">
                  <c:v>20.099048700012471</c:v>
                </c:pt>
                <c:pt idx="4519">
                  <c:v>20.103891878602017</c:v>
                </c:pt>
                <c:pt idx="4520">
                  <c:v>20.103891878602017</c:v>
                </c:pt>
                <c:pt idx="4521">
                  <c:v>20.103891878602017</c:v>
                </c:pt>
                <c:pt idx="4522">
                  <c:v>20.103891878602017</c:v>
                </c:pt>
                <c:pt idx="4523">
                  <c:v>20.103891878602017</c:v>
                </c:pt>
                <c:pt idx="4524">
                  <c:v>20.103891878602017</c:v>
                </c:pt>
                <c:pt idx="4525">
                  <c:v>20.103891878602017</c:v>
                </c:pt>
                <c:pt idx="4526">
                  <c:v>20.103891878602017</c:v>
                </c:pt>
                <c:pt idx="4527">
                  <c:v>20.103891878602017</c:v>
                </c:pt>
                <c:pt idx="4528">
                  <c:v>20.103891878602017</c:v>
                </c:pt>
                <c:pt idx="4529">
                  <c:v>20.103891878602017</c:v>
                </c:pt>
                <c:pt idx="4530">
                  <c:v>20.108735057191439</c:v>
                </c:pt>
                <c:pt idx="4531">
                  <c:v>20.108735057191439</c:v>
                </c:pt>
                <c:pt idx="4532">
                  <c:v>20.108735057191439</c:v>
                </c:pt>
                <c:pt idx="4533">
                  <c:v>20.108735057191439</c:v>
                </c:pt>
                <c:pt idx="4534">
                  <c:v>20.108735057191439</c:v>
                </c:pt>
                <c:pt idx="4535">
                  <c:v>20.108735057191439</c:v>
                </c:pt>
                <c:pt idx="4536">
                  <c:v>20.108735057191439</c:v>
                </c:pt>
                <c:pt idx="4537">
                  <c:v>20.108735057191439</c:v>
                </c:pt>
                <c:pt idx="4538">
                  <c:v>20.108735057191439</c:v>
                </c:pt>
                <c:pt idx="4539">
                  <c:v>20.108735057191439</c:v>
                </c:pt>
                <c:pt idx="4540">
                  <c:v>20.108735057191439</c:v>
                </c:pt>
                <c:pt idx="4541">
                  <c:v>20.113435789351865</c:v>
                </c:pt>
                <c:pt idx="4542">
                  <c:v>20.113435789351865</c:v>
                </c:pt>
                <c:pt idx="4543">
                  <c:v>20.113435789351865</c:v>
                </c:pt>
                <c:pt idx="4544">
                  <c:v>20.113435789351865</c:v>
                </c:pt>
                <c:pt idx="4545">
                  <c:v>20.113435789351865</c:v>
                </c:pt>
                <c:pt idx="4546">
                  <c:v>20.118278967941414</c:v>
                </c:pt>
                <c:pt idx="4547">
                  <c:v>20.118278967941414</c:v>
                </c:pt>
                <c:pt idx="4548">
                  <c:v>20.118278967941414</c:v>
                </c:pt>
                <c:pt idx="4549">
                  <c:v>20.118278967941414</c:v>
                </c:pt>
                <c:pt idx="4550">
                  <c:v>20.123122146530836</c:v>
                </c:pt>
                <c:pt idx="4551">
                  <c:v>20.123122146530836</c:v>
                </c:pt>
                <c:pt idx="4552">
                  <c:v>20.123122146530836</c:v>
                </c:pt>
                <c:pt idx="4553">
                  <c:v>20.123122146530836</c:v>
                </c:pt>
                <c:pt idx="4554">
                  <c:v>20.123122146530836</c:v>
                </c:pt>
                <c:pt idx="4555">
                  <c:v>20.127822878691262</c:v>
                </c:pt>
                <c:pt idx="4556">
                  <c:v>20.127822878691262</c:v>
                </c:pt>
                <c:pt idx="4557">
                  <c:v>20.127822878691262</c:v>
                </c:pt>
                <c:pt idx="4558">
                  <c:v>20.127822878691262</c:v>
                </c:pt>
                <c:pt idx="4559">
                  <c:v>20.132666057280808</c:v>
                </c:pt>
                <c:pt idx="4560">
                  <c:v>20.132666057280808</c:v>
                </c:pt>
                <c:pt idx="4561">
                  <c:v>20.132666057280808</c:v>
                </c:pt>
                <c:pt idx="4562">
                  <c:v>20.132666057280808</c:v>
                </c:pt>
                <c:pt idx="4563">
                  <c:v>20.132666057280808</c:v>
                </c:pt>
                <c:pt idx="4564">
                  <c:v>20.132666057280808</c:v>
                </c:pt>
                <c:pt idx="4565">
                  <c:v>20.132666057280808</c:v>
                </c:pt>
                <c:pt idx="4566">
                  <c:v>20.132666057280808</c:v>
                </c:pt>
                <c:pt idx="4567">
                  <c:v>20.132666057280808</c:v>
                </c:pt>
                <c:pt idx="4568">
                  <c:v>20.132666057280808</c:v>
                </c:pt>
                <c:pt idx="4569">
                  <c:v>20.132666057280808</c:v>
                </c:pt>
                <c:pt idx="4570">
                  <c:v>20.137509235870358</c:v>
                </c:pt>
                <c:pt idx="4571">
                  <c:v>20.137509235870358</c:v>
                </c:pt>
                <c:pt idx="4572">
                  <c:v>20.137509235870358</c:v>
                </c:pt>
                <c:pt idx="4573">
                  <c:v>20.142209968030656</c:v>
                </c:pt>
                <c:pt idx="4574">
                  <c:v>20.142209968030656</c:v>
                </c:pt>
                <c:pt idx="4575">
                  <c:v>20.142209968030656</c:v>
                </c:pt>
                <c:pt idx="4576">
                  <c:v>20.142209968030656</c:v>
                </c:pt>
                <c:pt idx="4577">
                  <c:v>20.142209968030656</c:v>
                </c:pt>
                <c:pt idx="4578">
                  <c:v>20.142209968030656</c:v>
                </c:pt>
                <c:pt idx="4579">
                  <c:v>20.147053146620205</c:v>
                </c:pt>
                <c:pt idx="4580">
                  <c:v>20.147053146620205</c:v>
                </c:pt>
                <c:pt idx="4581">
                  <c:v>20.147053146620205</c:v>
                </c:pt>
                <c:pt idx="4582">
                  <c:v>20.147053146620205</c:v>
                </c:pt>
                <c:pt idx="4583">
                  <c:v>20.147053146620205</c:v>
                </c:pt>
                <c:pt idx="4584">
                  <c:v>20.147053146620205</c:v>
                </c:pt>
                <c:pt idx="4585">
                  <c:v>20.151896325209755</c:v>
                </c:pt>
                <c:pt idx="4586">
                  <c:v>20.151896325209755</c:v>
                </c:pt>
                <c:pt idx="4587">
                  <c:v>20.151896325209755</c:v>
                </c:pt>
                <c:pt idx="4588">
                  <c:v>20.151896325209755</c:v>
                </c:pt>
                <c:pt idx="4589">
                  <c:v>20.151896325209755</c:v>
                </c:pt>
                <c:pt idx="4590">
                  <c:v>20.156597057370181</c:v>
                </c:pt>
                <c:pt idx="4591">
                  <c:v>20.156597057370181</c:v>
                </c:pt>
                <c:pt idx="4592">
                  <c:v>20.161440235959603</c:v>
                </c:pt>
                <c:pt idx="4593">
                  <c:v>20.161440235959603</c:v>
                </c:pt>
                <c:pt idx="4594">
                  <c:v>20.161440235959603</c:v>
                </c:pt>
                <c:pt idx="4595">
                  <c:v>20.161440235959603</c:v>
                </c:pt>
                <c:pt idx="4596">
                  <c:v>20.161440235959603</c:v>
                </c:pt>
                <c:pt idx="4597">
                  <c:v>20.161440235959603</c:v>
                </c:pt>
                <c:pt idx="4598">
                  <c:v>20.161440235959603</c:v>
                </c:pt>
                <c:pt idx="4599">
                  <c:v>20.161440235959603</c:v>
                </c:pt>
                <c:pt idx="4600">
                  <c:v>20.161440235959603</c:v>
                </c:pt>
                <c:pt idx="4601">
                  <c:v>20.161440235959603</c:v>
                </c:pt>
                <c:pt idx="4602">
                  <c:v>20.161440235959603</c:v>
                </c:pt>
                <c:pt idx="4603">
                  <c:v>20.166283414549149</c:v>
                </c:pt>
                <c:pt idx="4604">
                  <c:v>20.166283414549149</c:v>
                </c:pt>
                <c:pt idx="4605">
                  <c:v>20.170984146709575</c:v>
                </c:pt>
                <c:pt idx="4606">
                  <c:v>20.170984146709575</c:v>
                </c:pt>
                <c:pt idx="4607">
                  <c:v>20.170984146709575</c:v>
                </c:pt>
                <c:pt idx="4608">
                  <c:v>20.175827325298997</c:v>
                </c:pt>
                <c:pt idx="4609">
                  <c:v>20.175827325298997</c:v>
                </c:pt>
                <c:pt idx="4610">
                  <c:v>20.175827325298997</c:v>
                </c:pt>
                <c:pt idx="4611">
                  <c:v>20.180670503888543</c:v>
                </c:pt>
                <c:pt idx="4612">
                  <c:v>20.180670503888543</c:v>
                </c:pt>
                <c:pt idx="4613">
                  <c:v>20.180670503888543</c:v>
                </c:pt>
                <c:pt idx="4614">
                  <c:v>20.180670503888543</c:v>
                </c:pt>
                <c:pt idx="4615">
                  <c:v>20.180670503888543</c:v>
                </c:pt>
                <c:pt idx="4616">
                  <c:v>20.185371236048969</c:v>
                </c:pt>
                <c:pt idx="4617">
                  <c:v>20.185371236048969</c:v>
                </c:pt>
                <c:pt idx="4618">
                  <c:v>20.185371236048969</c:v>
                </c:pt>
                <c:pt idx="4619">
                  <c:v>20.185371236048969</c:v>
                </c:pt>
                <c:pt idx="4620">
                  <c:v>20.19021441463839</c:v>
                </c:pt>
                <c:pt idx="4621">
                  <c:v>20.19021441463839</c:v>
                </c:pt>
                <c:pt idx="4622">
                  <c:v>20.19021441463839</c:v>
                </c:pt>
                <c:pt idx="4623">
                  <c:v>20.19505759322794</c:v>
                </c:pt>
                <c:pt idx="4624">
                  <c:v>20.19505759322794</c:v>
                </c:pt>
                <c:pt idx="4625">
                  <c:v>20.199900771817489</c:v>
                </c:pt>
                <c:pt idx="4626">
                  <c:v>20.199900771817489</c:v>
                </c:pt>
                <c:pt idx="4627">
                  <c:v>20.199900771817489</c:v>
                </c:pt>
                <c:pt idx="4628">
                  <c:v>20.199900771817489</c:v>
                </c:pt>
                <c:pt idx="4629">
                  <c:v>20.199900771817489</c:v>
                </c:pt>
                <c:pt idx="4630">
                  <c:v>20.199900771817489</c:v>
                </c:pt>
                <c:pt idx="4631">
                  <c:v>20.199900771817489</c:v>
                </c:pt>
                <c:pt idx="4632">
                  <c:v>20.199900771817489</c:v>
                </c:pt>
                <c:pt idx="4633">
                  <c:v>20.204601503977784</c:v>
                </c:pt>
                <c:pt idx="4634">
                  <c:v>20.199900771817489</c:v>
                </c:pt>
                <c:pt idx="4635">
                  <c:v>20.199900771817489</c:v>
                </c:pt>
                <c:pt idx="4636">
                  <c:v>20.199900771817489</c:v>
                </c:pt>
                <c:pt idx="4637">
                  <c:v>20.199900771817489</c:v>
                </c:pt>
                <c:pt idx="4638">
                  <c:v>20.199900771817489</c:v>
                </c:pt>
                <c:pt idx="4639">
                  <c:v>20.199900771817489</c:v>
                </c:pt>
                <c:pt idx="4640">
                  <c:v>20.199900771817489</c:v>
                </c:pt>
                <c:pt idx="4641">
                  <c:v>20.199900771817489</c:v>
                </c:pt>
                <c:pt idx="4642">
                  <c:v>20.19505759322794</c:v>
                </c:pt>
                <c:pt idx="4643">
                  <c:v>20.19505759322794</c:v>
                </c:pt>
                <c:pt idx="4644">
                  <c:v>20.19505759322794</c:v>
                </c:pt>
                <c:pt idx="4645">
                  <c:v>20.19505759322794</c:v>
                </c:pt>
                <c:pt idx="4646">
                  <c:v>20.19505759322794</c:v>
                </c:pt>
                <c:pt idx="4647">
                  <c:v>20.19505759322794</c:v>
                </c:pt>
                <c:pt idx="4648">
                  <c:v>20.19505759322794</c:v>
                </c:pt>
                <c:pt idx="4649">
                  <c:v>20.19505759322794</c:v>
                </c:pt>
                <c:pt idx="4650">
                  <c:v>20.19505759322794</c:v>
                </c:pt>
                <c:pt idx="4651">
                  <c:v>20.19505759322794</c:v>
                </c:pt>
                <c:pt idx="4652">
                  <c:v>20.19505759322794</c:v>
                </c:pt>
                <c:pt idx="4653">
                  <c:v>20.19505759322794</c:v>
                </c:pt>
                <c:pt idx="4654">
                  <c:v>20.19505759322794</c:v>
                </c:pt>
                <c:pt idx="4655">
                  <c:v>20.19505759322794</c:v>
                </c:pt>
                <c:pt idx="4656">
                  <c:v>20.19505759322794</c:v>
                </c:pt>
                <c:pt idx="4657">
                  <c:v>20.19505759322794</c:v>
                </c:pt>
                <c:pt idx="4658">
                  <c:v>20.199900771817489</c:v>
                </c:pt>
                <c:pt idx="4659">
                  <c:v>20.199900771817489</c:v>
                </c:pt>
                <c:pt idx="4660">
                  <c:v>20.199900771817489</c:v>
                </c:pt>
                <c:pt idx="4661">
                  <c:v>20.199900771817489</c:v>
                </c:pt>
                <c:pt idx="4662">
                  <c:v>20.204601503977784</c:v>
                </c:pt>
                <c:pt idx="4663">
                  <c:v>20.204601503977784</c:v>
                </c:pt>
                <c:pt idx="4664">
                  <c:v>20.204601503977784</c:v>
                </c:pt>
                <c:pt idx="4665">
                  <c:v>20.209444682567337</c:v>
                </c:pt>
                <c:pt idx="4666">
                  <c:v>20.209444682567337</c:v>
                </c:pt>
                <c:pt idx="4667">
                  <c:v>20.209444682567337</c:v>
                </c:pt>
                <c:pt idx="4668">
                  <c:v>20.214287861156883</c:v>
                </c:pt>
                <c:pt idx="4669">
                  <c:v>20.214287861156883</c:v>
                </c:pt>
                <c:pt idx="4670">
                  <c:v>20.214287861156883</c:v>
                </c:pt>
                <c:pt idx="4671">
                  <c:v>20.214287861156883</c:v>
                </c:pt>
                <c:pt idx="4672">
                  <c:v>20.214287861156883</c:v>
                </c:pt>
                <c:pt idx="4673">
                  <c:v>20.214287861156883</c:v>
                </c:pt>
                <c:pt idx="4674">
                  <c:v>20.214287861156883</c:v>
                </c:pt>
                <c:pt idx="4675">
                  <c:v>20.218988593317309</c:v>
                </c:pt>
                <c:pt idx="4676">
                  <c:v>20.218988593317309</c:v>
                </c:pt>
                <c:pt idx="4677">
                  <c:v>20.218988593317309</c:v>
                </c:pt>
                <c:pt idx="4678">
                  <c:v>20.218988593317309</c:v>
                </c:pt>
                <c:pt idx="4679">
                  <c:v>20.218988593317309</c:v>
                </c:pt>
                <c:pt idx="4680">
                  <c:v>20.218988593317309</c:v>
                </c:pt>
                <c:pt idx="4681">
                  <c:v>20.218988593317309</c:v>
                </c:pt>
                <c:pt idx="4682">
                  <c:v>20.218988593317309</c:v>
                </c:pt>
                <c:pt idx="4683">
                  <c:v>20.218988593317309</c:v>
                </c:pt>
                <c:pt idx="4684">
                  <c:v>20.214287861156883</c:v>
                </c:pt>
                <c:pt idx="4685">
                  <c:v>20.214287861156883</c:v>
                </c:pt>
                <c:pt idx="4686">
                  <c:v>20.214287861156883</c:v>
                </c:pt>
                <c:pt idx="4687">
                  <c:v>20.214287861156883</c:v>
                </c:pt>
                <c:pt idx="4688">
                  <c:v>20.214287861156883</c:v>
                </c:pt>
                <c:pt idx="4689">
                  <c:v>20.214287861156883</c:v>
                </c:pt>
                <c:pt idx="4690">
                  <c:v>20.214287861156883</c:v>
                </c:pt>
                <c:pt idx="4691">
                  <c:v>20.209444682567337</c:v>
                </c:pt>
                <c:pt idx="4692">
                  <c:v>20.209444682567337</c:v>
                </c:pt>
                <c:pt idx="4693">
                  <c:v>20.209444682567337</c:v>
                </c:pt>
                <c:pt idx="4694">
                  <c:v>20.209444682567337</c:v>
                </c:pt>
                <c:pt idx="4695">
                  <c:v>20.209444682567337</c:v>
                </c:pt>
                <c:pt idx="4696">
                  <c:v>20.209444682567337</c:v>
                </c:pt>
                <c:pt idx="4697">
                  <c:v>20.214287861156883</c:v>
                </c:pt>
                <c:pt idx="4698">
                  <c:v>20.214287861156883</c:v>
                </c:pt>
                <c:pt idx="4699">
                  <c:v>20.209444682567337</c:v>
                </c:pt>
                <c:pt idx="4700">
                  <c:v>20.209444682567337</c:v>
                </c:pt>
                <c:pt idx="4701">
                  <c:v>20.209444682567337</c:v>
                </c:pt>
                <c:pt idx="4702">
                  <c:v>20.209444682567337</c:v>
                </c:pt>
                <c:pt idx="4703">
                  <c:v>20.209444682567337</c:v>
                </c:pt>
                <c:pt idx="4704">
                  <c:v>20.209444682567337</c:v>
                </c:pt>
                <c:pt idx="4705">
                  <c:v>20.214287861156883</c:v>
                </c:pt>
                <c:pt idx="4706">
                  <c:v>20.214287861156883</c:v>
                </c:pt>
                <c:pt idx="4707">
                  <c:v>20.214287861156883</c:v>
                </c:pt>
                <c:pt idx="4708">
                  <c:v>20.214287861156883</c:v>
                </c:pt>
                <c:pt idx="4709">
                  <c:v>20.214287861156883</c:v>
                </c:pt>
                <c:pt idx="4710">
                  <c:v>20.218988593317309</c:v>
                </c:pt>
                <c:pt idx="4711">
                  <c:v>20.218988593317309</c:v>
                </c:pt>
                <c:pt idx="4712">
                  <c:v>20.223831771906731</c:v>
                </c:pt>
                <c:pt idx="4713">
                  <c:v>20.223831771906731</c:v>
                </c:pt>
                <c:pt idx="4714">
                  <c:v>20.223831771906731</c:v>
                </c:pt>
                <c:pt idx="4715">
                  <c:v>20.223831771906731</c:v>
                </c:pt>
                <c:pt idx="4716">
                  <c:v>20.223831771906731</c:v>
                </c:pt>
                <c:pt idx="4717">
                  <c:v>20.228674950496281</c:v>
                </c:pt>
                <c:pt idx="4718">
                  <c:v>20.228674950496281</c:v>
                </c:pt>
                <c:pt idx="4719">
                  <c:v>20.228674950496281</c:v>
                </c:pt>
                <c:pt idx="4720">
                  <c:v>20.233375682656703</c:v>
                </c:pt>
                <c:pt idx="4721">
                  <c:v>20.233375682656703</c:v>
                </c:pt>
                <c:pt idx="4722">
                  <c:v>20.233375682656703</c:v>
                </c:pt>
                <c:pt idx="4723">
                  <c:v>20.233375682656703</c:v>
                </c:pt>
                <c:pt idx="4724">
                  <c:v>20.233375682656703</c:v>
                </c:pt>
                <c:pt idx="4725">
                  <c:v>20.238218861246125</c:v>
                </c:pt>
                <c:pt idx="4726">
                  <c:v>20.238218861246125</c:v>
                </c:pt>
                <c:pt idx="4727">
                  <c:v>20.238218861246125</c:v>
                </c:pt>
                <c:pt idx="4728">
                  <c:v>20.243062039835674</c:v>
                </c:pt>
                <c:pt idx="4729">
                  <c:v>20.243062039835674</c:v>
                </c:pt>
                <c:pt idx="4730">
                  <c:v>20.243062039835674</c:v>
                </c:pt>
                <c:pt idx="4731">
                  <c:v>20.247762771996101</c:v>
                </c:pt>
                <c:pt idx="4732">
                  <c:v>20.247762771996101</c:v>
                </c:pt>
                <c:pt idx="4733">
                  <c:v>20.247762771996101</c:v>
                </c:pt>
                <c:pt idx="4734">
                  <c:v>20.252605950585522</c:v>
                </c:pt>
                <c:pt idx="4735">
                  <c:v>20.252605950585522</c:v>
                </c:pt>
                <c:pt idx="4736">
                  <c:v>20.252605950585522</c:v>
                </c:pt>
                <c:pt idx="4737">
                  <c:v>20.252605950585522</c:v>
                </c:pt>
                <c:pt idx="4738">
                  <c:v>20.257449129175072</c:v>
                </c:pt>
                <c:pt idx="4739">
                  <c:v>20.257449129175072</c:v>
                </c:pt>
                <c:pt idx="4740">
                  <c:v>20.257449129175072</c:v>
                </c:pt>
                <c:pt idx="4741">
                  <c:v>20.257449129175072</c:v>
                </c:pt>
                <c:pt idx="4742">
                  <c:v>20.262149861335494</c:v>
                </c:pt>
                <c:pt idx="4743">
                  <c:v>20.262149861335494</c:v>
                </c:pt>
                <c:pt idx="4744">
                  <c:v>20.262149861335494</c:v>
                </c:pt>
                <c:pt idx="4745">
                  <c:v>20.262149861335494</c:v>
                </c:pt>
                <c:pt idx="4746">
                  <c:v>20.262149861335494</c:v>
                </c:pt>
                <c:pt idx="4747">
                  <c:v>20.262149861335494</c:v>
                </c:pt>
                <c:pt idx="4748">
                  <c:v>20.262149861335494</c:v>
                </c:pt>
                <c:pt idx="4749">
                  <c:v>20.262149861335494</c:v>
                </c:pt>
                <c:pt idx="4750">
                  <c:v>20.262149861335494</c:v>
                </c:pt>
                <c:pt idx="4751">
                  <c:v>20.262149861335494</c:v>
                </c:pt>
                <c:pt idx="4752">
                  <c:v>20.262149861335494</c:v>
                </c:pt>
                <c:pt idx="4753">
                  <c:v>20.262149861335494</c:v>
                </c:pt>
                <c:pt idx="4754">
                  <c:v>20.262149861335494</c:v>
                </c:pt>
                <c:pt idx="4755">
                  <c:v>20.262149861335494</c:v>
                </c:pt>
                <c:pt idx="4756">
                  <c:v>20.262149861335494</c:v>
                </c:pt>
                <c:pt idx="4757">
                  <c:v>20.257449129175072</c:v>
                </c:pt>
                <c:pt idx="4758">
                  <c:v>20.257449129175072</c:v>
                </c:pt>
                <c:pt idx="4759">
                  <c:v>20.257449129175072</c:v>
                </c:pt>
                <c:pt idx="4760">
                  <c:v>20.257449129175072</c:v>
                </c:pt>
                <c:pt idx="4761">
                  <c:v>20.257449129175072</c:v>
                </c:pt>
                <c:pt idx="4762">
                  <c:v>20.257449129175072</c:v>
                </c:pt>
                <c:pt idx="4763">
                  <c:v>20.257449129175072</c:v>
                </c:pt>
                <c:pt idx="4764">
                  <c:v>20.257449129175072</c:v>
                </c:pt>
                <c:pt idx="4765">
                  <c:v>20.257449129175072</c:v>
                </c:pt>
                <c:pt idx="4766">
                  <c:v>20.257449129175072</c:v>
                </c:pt>
                <c:pt idx="4767">
                  <c:v>20.257449129175072</c:v>
                </c:pt>
                <c:pt idx="4768">
                  <c:v>20.257449129175072</c:v>
                </c:pt>
                <c:pt idx="4769">
                  <c:v>20.257449129175072</c:v>
                </c:pt>
                <c:pt idx="4770">
                  <c:v>20.257449129175072</c:v>
                </c:pt>
                <c:pt idx="4771">
                  <c:v>20.257449129175072</c:v>
                </c:pt>
                <c:pt idx="4772">
                  <c:v>20.257449129175072</c:v>
                </c:pt>
                <c:pt idx="4773">
                  <c:v>20.257449129175072</c:v>
                </c:pt>
                <c:pt idx="4774">
                  <c:v>20.262149861335494</c:v>
                </c:pt>
                <c:pt idx="4775">
                  <c:v>20.262149861335494</c:v>
                </c:pt>
                <c:pt idx="4776">
                  <c:v>20.262149861335494</c:v>
                </c:pt>
                <c:pt idx="4777">
                  <c:v>20.262149861335494</c:v>
                </c:pt>
                <c:pt idx="4778">
                  <c:v>20.262149861335494</c:v>
                </c:pt>
                <c:pt idx="4779">
                  <c:v>20.262149861335494</c:v>
                </c:pt>
                <c:pt idx="4780">
                  <c:v>20.262149861335494</c:v>
                </c:pt>
                <c:pt idx="4781">
                  <c:v>20.262149861335494</c:v>
                </c:pt>
                <c:pt idx="4782">
                  <c:v>20.262149861335494</c:v>
                </c:pt>
                <c:pt idx="4783">
                  <c:v>20.266993039925048</c:v>
                </c:pt>
                <c:pt idx="4784">
                  <c:v>20.266993039925048</c:v>
                </c:pt>
                <c:pt idx="4785">
                  <c:v>20.266993039925048</c:v>
                </c:pt>
                <c:pt idx="4786">
                  <c:v>20.266993039925048</c:v>
                </c:pt>
                <c:pt idx="4787">
                  <c:v>20.266993039925048</c:v>
                </c:pt>
                <c:pt idx="4788">
                  <c:v>20.271836218514469</c:v>
                </c:pt>
                <c:pt idx="4789">
                  <c:v>20.271836218514469</c:v>
                </c:pt>
                <c:pt idx="4790">
                  <c:v>20.271836218514469</c:v>
                </c:pt>
                <c:pt idx="4791">
                  <c:v>20.271836218514469</c:v>
                </c:pt>
                <c:pt idx="4792">
                  <c:v>20.276536950674892</c:v>
                </c:pt>
                <c:pt idx="4793">
                  <c:v>20.276536950674892</c:v>
                </c:pt>
                <c:pt idx="4794">
                  <c:v>20.276536950674892</c:v>
                </c:pt>
                <c:pt idx="4795">
                  <c:v>20.276536950674892</c:v>
                </c:pt>
                <c:pt idx="4796">
                  <c:v>20.281380129264441</c:v>
                </c:pt>
                <c:pt idx="4797">
                  <c:v>20.281380129264441</c:v>
                </c:pt>
                <c:pt idx="4798">
                  <c:v>20.281380129264441</c:v>
                </c:pt>
                <c:pt idx="4799">
                  <c:v>20.286223307853863</c:v>
                </c:pt>
                <c:pt idx="4800">
                  <c:v>20.286223307853863</c:v>
                </c:pt>
                <c:pt idx="4801">
                  <c:v>20.290924040014289</c:v>
                </c:pt>
                <c:pt idx="4802">
                  <c:v>20.290924040014289</c:v>
                </c:pt>
                <c:pt idx="4803">
                  <c:v>20.295767218603835</c:v>
                </c:pt>
                <c:pt idx="4804">
                  <c:v>20.295767218603835</c:v>
                </c:pt>
                <c:pt idx="4805">
                  <c:v>20.300610397193257</c:v>
                </c:pt>
                <c:pt idx="4806">
                  <c:v>20.300610397193257</c:v>
                </c:pt>
                <c:pt idx="4807">
                  <c:v>20.300610397193257</c:v>
                </c:pt>
                <c:pt idx="4808">
                  <c:v>20.300610397193257</c:v>
                </c:pt>
                <c:pt idx="4809">
                  <c:v>20.300610397193257</c:v>
                </c:pt>
                <c:pt idx="4810">
                  <c:v>20.300610397193257</c:v>
                </c:pt>
                <c:pt idx="4811">
                  <c:v>20.295767218603835</c:v>
                </c:pt>
                <c:pt idx="4812">
                  <c:v>20.295767218603835</c:v>
                </c:pt>
                <c:pt idx="4813">
                  <c:v>20.295767218603835</c:v>
                </c:pt>
                <c:pt idx="4814">
                  <c:v>20.295767218603835</c:v>
                </c:pt>
                <c:pt idx="4815">
                  <c:v>20.295767218603835</c:v>
                </c:pt>
                <c:pt idx="4816">
                  <c:v>20.295767218603835</c:v>
                </c:pt>
                <c:pt idx="4817">
                  <c:v>20.300610397193257</c:v>
                </c:pt>
                <c:pt idx="4818">
                  <c:v>20.300610397193257</c:v>
                </c:pt>
                <c:pt idx="4819">
                  <c:v>20.300610397193257</c:v>
                </c:pt>
                <c:pt idx="4820">
                  <c:v>20.300610397193257</c:v>
                </c:pt>
                <c:pt idx="4821">
                  <c:v>20.305311129353683</c:v>
                </c:pt>
                <c:pt idx="4822">
                  <c:v>20.305311129353683</c:v>
                </c:pt>
                <c:pt idx="4823">
                  <c:v>20.305311129353683</c:v>
                </c:pt>
                <c:pt idx="4824">
                  <c:v>20.300610397193257</c:v>
                </c:pt>
                <c:pt idx="4825">
                  <c:v>20.300610397193257</c:v>
                </c:pt>
                <c:pt idx="4826">
                  <c:v>20.300610397193257</c:v>
                </c:pt>
                <c:pt idx="4827">
                  <c:v>20.300610397193257</c:v>
                </c:pt>
                <c:pt idx="4828">
                  <c:v>20.300610397193257</c:v>
                </c:pt>
                <c:pt idx="4829">
                  <c:v>20.300610397193257</c:v>
                </c:pt>
                <c:pt idx="4830">
                  <c:v>20.300610397193257</c:v>
                </c:pt>
                <c:pt idx="4831">
                  <c:v>20.300610397193257</c:v>
                </c:pt>
                <c:pt idx="4832">
                  <c:v>20.300610397193257</c:v>
                </c:pt>
                <c:pt idx="4833">
                  <c:v>20.300610397193257</c:v>
                </c:pt>
                <c:pt idx="4834">
                  <c:v>20.300610397193257</c:v>
                </c:pt>
                <c:pt idx="4835">
                  <c:v>20.305311129353683</c:v>
                </c:pt>
                <c:pt idx="4836">
                  <c:v>20.305311129353683</c:v>
                </c:pt>
                <c:pt idx="4837">
                  <c:v>20.305311129353683</c:v>
                </c:pt>
                <c:pt idx="4838">
                  <c:v>20.305311129353683</c:v>
                </c:pt>
                <c:pt idx="4839">
                  <c:v>20.305311129353683</c:v>
                </c:pt>
                <c:pt idx="4840">
                  <c:v>20.305311129353683</c:v>
                </c:pt>
                <c:pt idx="4841">
                  <c:v>20.305311129353683</c:v>
                </c:pt>
                <c:pt idx="4842">
                  <c:v>20.300610397193257</c:v>
                </c:pt>
                <c:pt idx="4843">
                  <c:v>20.300610397193257</c:v>
                </c:pt>
                <c:pt idx="4844">
                  <c:v>20.300610397193257</c:v>
                </c:pt>
                <c:pt idx="4845">
                  <c:v>20.300610397193257</c:v>
                </c:pt>
                <c:pt idx="4846">
                  <c:v>20.300610397193257</c:v>
                </c:pt>
                <c:pt idx="4847">
                  <c:v>20.295767218603835</c:v>
                </c:pt>
                <c:pt idx="4848">
                  <c:v>20.295767218603835</c:v>
                </c:pt>
                <c:pt idx="4849">
                  <c:v>20.295767218603835</c:v>
                </c:pt>
                <c:pt idx="4850">
                  <c:v>20.295767218603835</c:v>
                </c:pt>
                <c:pt idx="4851">
                  <c:v>20.295767218603835</c:v>
                </c:pt>
                <c:pt idx="4852">
                  <c:v>20.300610397193257</c:v>
                </c:pt>
                <c:pt idx="4853">
                  <c:v>20.300610397193257</c:v>
                </c:pt>
                <c:pt idx="4854">
                  <c:v>20.295767218603835</c:v>
                </c:pt>
                <c:pt idx="4855">
                  <c:v>20.295767218603835</c:v>
                </c:pt>
                <c:pt idx="4856">
                  <c:v>20.295767218603835</c:v>
                </c:pt>
                <c:pt idx="4857">
                  <c:v>20.295767218603835</c:v>
                </c:pt>
                <c:pt idx="4858">
                  <c:v>20.295767218603835</c:v>
                </c:pt>
                <c:pt idx="4859">
                  <c:v>20.295767218603835</c:v>
                </c:pt>
                <c:pt idx="4860">
                  <c:v>20.295767218603835</c:v>
                </c:pt>
                <c:pt idx="4861">
                  <c:v>20.300610397193257</c:v>
                </c:pt>
                <c:pt idx="4862">
                  <c:v>20.300610397193257</c:v>
                </c:pt>
                <c:pt idx="4863">
                  <c:v>20.305311129353683</c:v>
                </c:pt>
                <c:pt idx="4864">
                  <c:v>20.305311129353683</c:v>
                </c:pt>
                <c:pt idx="4865">
                  <c:v>20.305311129353683</c:v>
                </c:pt>
                <c:pt idx="4866">
                  <c:v>20.310154307943229</c:v>
                </c:pt>
                <c:pt idx="4867">
                  <c:v>20.310154307943229</c:v>
                </c:pt>
                <c:pt idx="4868">
                  <c:v>20.314997486532782</c:v>
                </c:pt>
                <c:pt idx="4869">
                  <c:v>20.319698218693077</c:v>
                </c:pt>
                <c:pt idx="4870">
                  <c:v>20.32454139728263</c:v>
                </c:pt>
                <c:pt idx="4871">
                  <c:v>20.329384575872176</c:v>
                </c:pt>
                <c:pt idx="4872">
                  <c:v>20.334085308032478</c:v>
                </c:pt>
                <c:pt idx="4873">
                  <c:v>20.334085308032478</c:v>
                </c:pt>
                <c:pt idx="4874">
                  <c:v>20.338928486622024</c:v>
                </c:pt>
                <c:pt idx="4875">
                  <c:v>20.338928486622024</c:v>
                </c:pt>
                <c:pt idx="4876">
                  <c:v>20.338928486622024</c:v>
                </c:pt>
                <c:pt idx="4877">
                  <c:v>20.338928486622024</c:v>
                </c:pt>
                <c:pt idx="4878">
                  <c:v>20.34377166521157</c:v>
                </c:pt>
                <c:pt idx="4879">
                  <c:v>20.34377166521157</c:v>
                </c:pt>
                <c:pt idx="4880">
                  <c:v>20.34377166521157</c:v>
                </c:pt>
                <c:pt idx="4881">
                  <c:v>20.34377166521157</c:v>
                </c:pt>
                <c:pt idx="4882">
                  <c:v>20.34377166521157</c:v>
                </c:pt>
                <c:pt idx="4883">
                  <c:v>20.348472397371996</c:v>
                </c:pt>
                <c:pt idx="4884">
                  <c:v>20.348472397371996</c:v>
                </c:pt>
                <c:pt idx="4885">
                  <c:v>20.348472397371996</c:v>
                </c:pt>
                <c:pt idx="4886">
                  <c:v>20.348472397371996</c:v>
                </c:pt>
                <c:pt idx="4887">
                  <c:v>20.348472397371996</c:v>
                </c:pt>
                <c:pt idx="4888">
                  <c:v>20.348472397371996</c:v>
                </c:pt>
                <c:pt idx="4889">
                  <c:v>20.348472397371996</c:v>
                </c:pt>
                <c:pt idx="4890">
                  <c:v>20.348472397371996</c:v>
                </c:pt>
                <c:pt idx="4891">
                  <c:v>20.348472397371996</c:v>
                </c:pt>
                <c:pt idx="4892">
                  <c:v>20.353315575961417</c:v>
                </c:pt>
                <c:pt idx="4893">
                  <c:v>20.353315575961417</c:v>
                </c:pt>
                <c:pt idx="4894">
                  <c:v>20.353315575961417</c:v>
                </c:pt>
                <c:pt idx="4895">
                  <c:v>20.348472397371996</c:v>
                </c:pt>
                <c:pt idx="4896">
                  <c:v>20.348472397371996</c:v>
                </c:pt>
                <c:pt idx="4897">
                  <c:v>20.348472397371996</c:v>
                </c:pt>
                <c:pt idx="4898">
                  <c:v>20.348472397371996</c:v>
                </c:pt>
                <c:pt idx="4899">
                  <c:v>20.348472397371996</c:v>
                </c:pt>
                <c:pt idx="4900">
                  <c:v>20.348472397371996</c:v>
                </c:pt>
                <c:pt idx="4901">
                  <c:v>20.348472397371996</c:v>
                </c:pt>
                <c:pt idx="4902">
                  <c:v>20.348472397371996</c:v>
                </c:pt>
                <c:pt idx="4903">
                  <c:v>20.353315575961417</c:v>
                </c:pt>
                <c:pt idx="4904">
                  <c:v>20.353315575961417</c:v>
                </c:pt>
                <c:pt idx="4905">
                  <c:v>20.353315575961417</c:v>
                </c:pt>
                <c:pt idx="4906">
                  <c:v>20.348472397371996</c:v>
                </c:pt>
                <c:pt idx="4907">
                  <c:v>20.348472397371996</c:v>
                </c:pt>
                <c:pt idx="4908">
                  <c:v>20.348472397371996</c:v>
                </c:pt>
                <c:pt idx="4909">
                  <c:v>20.348472397371996</c:v>
                </c:pt>
                <c:pt idx="4910">
                  <c:v>20.353315575961417</c:v>
                </c:pt>
                <c:pt idx="4911">
                  <c:v>20.353315575961417</c:v>
                </c:pt>
                <c:pt idx="4912">
                  <c:v>20.353315575961417</c:v>
                </c:pt>
                <c:pt idx="4913">
                  <c:v>20.353315575961417</c:v>
                </c:pt>
                <c:pt idx="4914">
                  <c:v>20.353315575961417</c:v>
                </c:pt>
                <c:pt idx="4915">
                  <c:v>20.353315575961417</c:v>
                </c:pt>
                <c:pt idx="4916">
                  <c:v>20.353315575961417</c:v>
                </c:pt>
                <c:pt idx="4917">
                  <c:v>20.353315575961417</c:v>
                </c:pt>
                <c:pt idx="4918">
                  <c:v>20.353315575961417</c:v>
                </c:pt>
                <c:pt idx="4919">
                  <c:v>20.353315575961417</c:v>
                </c:pt>
                <c:pt idx="4920">
                  <c:v>20.358158754550967</c:v>
                </c:pt>
                <c:pt idx="4921">
                  <c:v>20.358158754550967</c:v>
                </c:pt>
                <c:pt idx="4922">
                  <c:v>20.358158754550967</c:v>
                </c:pt>
                <c:pt idx="4923">
                  <c:v>20.362859486711393</c:v>
                </c:pt>
                <c:pt idx="4924">
                  <c:v>20.362859486711393</c:v>
                </c:pt>
                <c:pt idx="4925">
                  <c:v>20.362859486711393</c:v>
                </c:pt>
                <c:pt idx="4926">
                  <c:v>20.367702665300815</c:v>
                </c:pt>
                <c:pt idx="4927">
                  <c:v>20.367702665300815</c:v>
                </c:pt>
                <c:pt idx="4928">
                  <c:v>20.367702665300815</c:v>
                </c:pt>
                <c:pt idx="4929">
                  <c:v>20.367702665300815</c:v>
                </c:pt>
                <c:pt idx="4930">
                  <c:v>20.372545843890364</c:v>
                </c:pt>
                <c:pt idx="4931">
                  <c:v>20.372545843890364</c:v>
                </c:pt>
                <c:pt idx="4932">
                  <c:v>20.372545843890364</c:v>
                </c:pt>
                <c:pt idx="4933">
                  <c:v>20.377246576050787</c:v>
                </c:pt>
                <c:pt idx="4934">
                  <c:v>20.377246576050787</c:v>
                </c:pt>
                <c:pt idx="4935">
                  <c:v>20.382089754640212</c:v>
                </c:pt>
                <c:pt idx="4936">
                  <c:v>20.382089754640212</c:v>
                </c:pt>
                <c:pt idx="4937">
                  <c:v>20.382089754640212</c:v>
                </c:pt>
                <c:pt idx="4938">
                  <c:v>20.382089754640212</c:v>
                </c:pt>
                <c:pt idx="4939">
                  <c:v>20.382089754640212</c:v>
                </c:pt>
                <c:pt idx="4940">
                  <c:v>20.382089754640212</c:v>
                </c:pt>
                <c:pt idx="4941">
                  <c:v>20.382089754640212</c:v>
                </c:pt>
                <c:pt idx="4942">
                  <c:v>20.382089754640212</c:v>
                </c:pt>
                <c:pt idx="4943">
                  <c:v>20.377246576050787</c:v>
                </c:pt>
                <c:pt idx="4944">
                  <c:v>20.377246576050787</c:v>
                </c:pt>
                <c:pt idx="4945">
                  <c:v>20.377246576050787</c:v>
                </c:pt>
                <c:pt idx="4946">
                  <c:v>20.377246576050787</c:v>
                </c:pt>
                <c:pt idx="4947">
                  <c:v>20.377246576050787</c:v>
                </c:pt>
                <c:pt idx="4948">
                  <c:v>20.372545843890364</c:v>
                </c:pt>
                <c:pt idx="4949">
                  <c:v>20.372545843890364</c:v>
                </c:pt>
                <c:pt idx="4950">
                  <c:v>20.372545843890364</c:v>
                </c:pt>
                <c:pt idx="4951">
                  <c:v>20.372545843890364</c:v>
                </c:pt>
                <c:pt idx="4952">
                  <c:v>20.372545843890364</c:v>
                </c:pt>
                <c:pt idx="4953">
                  <c:v>20.372545843890364</c:v>
                </c:pt>
                <c:pt idx="4954">
                  <c:v>20.372545843890364</c:v>
                </c:pt>
                <c:pt idx="4955">
                  <c:v>20.372545843890364</c:v>
                </c:pt>
                <c:pt idx="4956">
                  <c:v>20.377246576050787</c:v>
                </c:pt>
                <c:pt idx="4957">
                  <c:v>20.377246576050787</c:v>
                </c:pt>
                <c:pt idx="4958">
                  <c:v>20.377246576050787</c:v>
                </c:pt>
                <c:pt idx="4959">
                  <c:v>20.382089754640212</c:v>
                </c:pt>
                <c:pt idx="4960">
                  <c:v>20.382089754640212</c:v>
                </c:pt>
                <c:pt idx="4961">
                  <c:v>20.382089754640212</c:v>
                </c:pt>
                <c:pt idx="4962">
                  <c:v>20.382089754640212</c:v>
                </c:pt>
                <c:pt idx="4963">
                  <c:v>20.386932933229758</c:v>
                </c:pt>
                <c:pt idx="4964">
                  <c:v>20.386932933229758</c:v>
                </c:pt>
                <c:pt idx="4965">
                  <c:v>20.386932933229758</c:v>
                </c:pt>
                <c:pt idx="4966">
                  <c:v>20.391776111819308</c:v>
                </c:pt>
                <c:pt idx="4967">
                  <c:v>20.391776111819308</c:v>
                </c:pt>
                <c:pt idx="4968">
                  <c:v>20.391776111819308</c:v>
                </c:pt>
                <c:pt idx="4969">
                  <c:v>20.396476843979606</c:v>
                </c:pt>
                <c:pt idx="4970">
                  <c:v>20.396476843979606</c:v>
                </c:pt>
                <c:pt idx="4971">
                  <c:v>20.401320022569156</c:v>
                </c:pt>
                <c:pt idx="4972">
                  <c:v>20.401320022569156</c:v>
                </c:pt>
                <c:pt idx="4973">
                  <c:v>20.401320022569156</c:v>
                </c:pt>
                <c:pt idx="4974">
                  <c:v>20.406163201158702</c:v>
                </c:pt>
                <c:pt idx="4975">
                  <c:v>20.406163201158702</c:v>
                </c:pt>
                <c:pt idx="4976">
                  <c:v>20.406163201158702</c:v>
                </c:pt>
                <c:pt idx="4977">
                  <c:v>20.406163201158702</c:v>
                </c:pt>
                <c:pt idx="4978">
                  <c:v>20.406163201158702</c:v>
                </c:pt>
                <c:pt idx="4979">
                  <c:v>20.406163201158702</c:v>
                </c:pt>
                <c:pt idx="4980">
                  <c:v>20.406163201158702</c:v>
                </c:pt>
                <c:pt idx="4981">
                  <c:v>20.410863933319128</c:v>
                </c:pt>
                <c:pt idx="4982">
                  <c:v>20.410863933319128</c:v>
                </c:pt>
                <c:pt idx="4983">
                  <c:v>20.410863933319128</c:v>
                </c:pt>
                <c:pt idx="4984">
                  <c:v>20.410863933319128</c:v>
                </c:pt>
                <c:pt idx="4985">
                  <c:v>20.410863933319128</c:v>
                </c:pt>
                <c:pt idx="4986">
                  <c:v>20.410863933319128</c:v>
                </c:pt>
                <c:pt idx="4987">
                  <c:v>20.410863933319128</c:v>
                </c:pt>
                <c:pt idx="4988">
                  <c:v>20.415707111908549</c:v>
                </c:pt>
                <c:pt idx="4989">
                  <c:v>20.415707111908549</c:v>
                </c:pt>
                <c:pt idx="4990">
                  <c:v>20.415707111908549</c:v>
                </c:pt>
                <c:pt idx="4991">
                  <c:v>20.420550290498095</c:v>
                </c:pt>
                <c:pt idx="4992">
                  <c:v>20.420550290498095</c:v>
                </c:pt>
                <c:pt idx="4993">
                  <c:v>20.420550290498095</c:v>
                </c:pt>
                <c:pt idx="4994">
                  <c:v>20.425251022658522</c:v>
                </c:pt>
                <c:pt idx="4995">
                  <c:v>20.425251022658522</c:v>
                </c:pt>
                <c:pt idx="4996">
                  <c:v>20.425251022658522</c:v>
                </c:pt>
                <c:pt idx="4997">
                  <c:v>20.425251022658522</c:v>
                </c:pt>
                <c:pt idx="4998">
                  <c:v>20.425251022658522</c:v>
                </c:pt>
                <c:pt idx="4999">
                  <c:v>20.430094201247943</c:v>
                </c:pt>
                <c:pt idx="5000">
                  <c:v>20.430094201247943</c:v>
                </c:pt>
                <c:pt idx="5001">
                  <c:v>20.430094201247943</c:v>
                </c:pt>
                <c:pt idx="5002">
                  <c:v>20.434937379837496</c:v>
                </c:pt>
                <c:pt idx="5003">
                  <c:v>20.434937379837496</c:v>
                </c:pt>
                <c:pt idx="5004">
                  <c:v>20.434937379837496</c:v>
                </c:pt>
                <c:pt idx="5005">
                  <c:v>20.434937379837496</c:v>
                </c:pt>
                <c:pt idx="5006">
                  <c:v>20.434937379837496</c:v>
                </c:pt>
                <c:pt idx="5007">
                  <c:v>20.434937379837496</c:v>
                </c:pt>
                <c:pt idx="5008">
                  <c:v>20.434937379837496</c:v>
                </c:pt>
                <c:pt idx="5009">
                  <c:v>20.434937379837496</c:v>
                </c:pt>
                <c:pt idx="5010">
                  <c:v>20.434937379837496</c:v>
                </c:pt>
                <c:pt idx="5011">
                  <c:v>20.434937379837496</c:v>
                </c:pt>
                <c:pt idx="5012">
                  <c:v>20.434937379837496</c:v>
                </c:pt>
                <c:pt idx="5013">
                  <c:v>20.434937379837496</c:v>
                </c:pt>
                <c:pt idx="5014">
                  <c:v>20.434937379837496</c:v>
                </c:pt>
                <c:pt idx="5015">
                  <c:v>20.434937379837496</c:v>
                </c:pt>
                <c:pt idx="5016">
                  <c:v>20.434937379837496</c:v>
                </c:pt>
                <c:pt idx="5017">
                  <c:v>20.430094201247943</c:v>
                </c:pt>
                <c:pt idx="5018">
                  <c:v>20.430094201247943</c:v>
                </c:pt>
                <c:pt idx="5019">
                  <c:v>20.430094201247943</c:v>
                </c:pt>
                <c:pt idx="5020">
                  <c:v>20.430094201247943</c:v>
                </c:pt>
                <c:pt idx="5021">
                  <c:v>20.425251022658522</c:v>
                </c:pt>
                <c:pt idx="5022">
                  <c:v>20.430094201247943</c:v>
                </c:pt>
                <c:pt idx="5023">
                  <c:v>20.430094201247943</c:v>
                </c:pt>
                <c:pt idx="5024">
                  <c:v>20.430094201247943</c:v>
                </c:pt>
                <c:pt idx="5025">
                  <c:v>20.430094201247943</c:v>
                </c:pt>
                <c:pt idx="5026">
                  <c:v>20.430094201247943</c:v>
                </c:pt>
                <c:pt idx="5027">
                  <c:v>20.430094201247943</c:v>
                </c:pt>
                <c:pt idx="5028">
                  <c:v>20.430094201247943</c:v>
                </c:pt>
                <c:pt idx="5029">
                  <c:v>20.430094201247943</c:v>
                </c:pt>
                <c:pt idx="5030">
                  <c:v>20.430094201247943</c:v>
                </c:pt>
                <c:pt idx="5031">
                  <c:v>20.430094201247943</c:v>
                </c:pt>
                <c:pt idx="5032">
                  <c:v>20.430094201247943</c:v>
                </c:pt>
                <c:pt idx="5033">
                  <c:v>20.430094201247943</c:v>
                </c:pt>
                <c:pt idx="5034">
                  <c:v>20.434937379837496</c:v>
                </c:pt>
                <c:pt idx="5035">
                  <c:v>20.434937379837496</c:v>
                </c:pt>
                <c:pt idx="5036">
                  <c:v>20.434937379837496</c:v>
                </c:pt>
                <c:pt idx="5037">
                  <c:v>20.434937379837496</c:v>
                </c:pt>
                <c:pt idx="5038">
                  <c:v>20.434937379837496</c:v>
                </c:pt>
                <c:pt idx="5039">
                  <c:v>20.434937379837496</c:v>
                </c:pt>
                <c:pt idx="5040">
                  <c:v>20.434937379837496</c:v>
                </c:pt>
                <c:pt idx="5041">
                  <c:v>20.434937379837496</c:v>
                </c:pt>
                <c:pt idx="5042">
                  <c:v>20.434937379837496</c:v>
                </c:pt>
                <c:pt idx="5043">
                  <c:v>20.439638111997922</c:v>
                </c:pt>
                <c:pt idx="5044">
                  <c:v>20.439638111997922</c:v>
                </c:pt>
                <c:pt idx="5045">
                  <c:v>20.439638111997922</c:v>
                </c:pt>
                <c:pt idx="5046">
                  <c:v>20.444481290587344</c:v>
                </c:pt>
                <c:pt idx="5047">
                  <c:v>20.444481290587344</c:v>
                </c:pt>
                <c:pt idx="5048">
                  <c:v>20.444481290587344</c:v>
                </c:pt>
                <c:pt idx="5049">
                  <c:v>20.444481290587344</c:v>
                </c:pt>
                <c:pt idx="5050">
                  <c:v>20.444481290587344</c:v>
                </c:pt>
                <c:pt idx="5051">
                  <c:v>20.444481290587344</c:v>
                </c:pt>
                <c:pt idx="5052">
                  <c:v>20.444481290587344</c:v>
                </c:pt>
                <c:pt idx="5053">
                  <c:v>20.444481290587344</c:v>
                </c:pt>
                <c:pt idx="5054">
                  <c:v>20.444481290587344</c:v>
                </c:pt>
                <c:pt idx="5055">
                  <c:v>20.44932446917689</c:v>
                </c:pt>
                <c:pt idx="5056">
                  <c:v>20.44932446917689</c:v>
                </c:pt>
                <c:pt idx="5057">
                  <c:v>20.44932446917689</c:v>
                </c:pt>
                <c:pt idx="5058">
                  <c:v>20.44932446917689</c:v>
                </c:pt>
                <c:pt idx="5059">
                  <c:v>20.454025201337316</c:v>
                </c:pt>
                <c:pt idx="5060">
                  <c:v>20.454025201337316</c:v>
                </c:pt>
                <c:pt idx="5061">
                  <c:v>20.458868379926862</c:v>
                </c:pt>
                <c:pt idx="5062">
                  <c:v>20.458868379926862</c:v>
                </c:pt>
                <c:pt idx="5063">
                  <c:v>20.458868379926862</c:v>
                </c:pt>
                <c:pt idx="5064">
                  <c:v>20.458868379926862</c:v>
                </c:pt>
                <c:pt idx="5065">
                  <c:v>20.463711558516284</c:v>
                </c:pt>
                <c:pt idx="5066">
                  <c:v>20.463711558516284</c:v>
                </c:pt>
                <c:pt idx="5067">
                  <c:v>20.463711558516284</c:v>
                </c:pt>
                <c:pt idx="5068">
                  <c:v>20.463711558516284</c:v>
                </c:pt>
                <c:pt idx="5069">
                  <c:v>20.463711558516284</c:v>
                </c:pt>
                <c:pt idx="5070">
                  <c:v>20.46841229067671</c:v>
                </c:pt>
                <c:pt idx="5071">
                  <c:v>20.46841229067671</c:v>
                </c:pt>
                <c:pt idx="5072">
                  <c:v>20.46841229067671</c:v>
                </c:pt>
                <c:pt idx="5073">
                  <c:v>20.46841229067671</c:v>
                </c:pt>
                <c:pt idx="5074">
                  <c:v>20.463711558516284</c:v>
                </c:pt>
                <c:pt idx="5075">
                  <c:v>20.46841229067671</c:v>
                </c:pt>
                <c:pt idx="5076">
                  <c:v>20.46841229067671</c:v>
                </c:pt>
                <c:pt idx="5077">
                  <c:v>20.46841229067671</c:v>
                </c:pt>
                <c:pt idx="5078">
                  <c:v>20.46841229067671</c:v>
                </c:pt>
                <c:pt idx="5079">
                  <c:v>20.46841229067671</c:v>
                </c:pt>
                <c:pt idx="5080">
                  <c:v>20.46841229067671</c:v>
                </c:pt>
                <c:pt idx="5081">
                  <c:v>20.46841229067671</c:v>
                </c:pt>
                <c:pt idx="5082">
                  <c:v>20.46841229067671</c:v>
                </c:pt>
                <c:pt idx="5083">
                  <c:v>20.46841229067671</c:v>
                </c:pt>
                <c:pt idx="5084">
                  <c:v>20.463711558516284</c:v>
                </c:pt>
                <c:pt idx="5085">
                  <c:v>20.463711558516284</c:v>
                </c:pt>
                <c:pt idx="5086">
                  <c:v>20.463711558516284</c:v>
                </c:pt>
                <c:pt idx="5087">
                  <c:v>20.463711558516284</c:v>
                </c:pt>
                <c:pt idx="5088">
                  <c:v>20.463711558516284</c:v>
                </c:pt>
                <c:pt idx="5089">
                  <c:v>20.463711558516284</c:v>
                </c:pt>
                <c:pt idx="5090">
                  <c:v>20.463711558516284</c:v>
                </c:pt>
                <c:pt idx="5091">
                  <c:v>20.463711558516284</c:v>
                </c:pt>
                <c:pt idx="5092">
                  <c:v>20.463711558516284</c:v>
                </c:pt>
                <c:pt idx="5093">
                  <c:v>20.463711558516284</c:v>
                </c:pt>
                <c:pt idx="5094">
                  <c:v>20.46841229067671</c:v>
                </c:pt>
                <c:pt idx="5095">
                  <c:v>20.46841229067671</c:v>
                </c:pt>
                <c:pt idx="5096">
                  <c:v>20.463711558516284</c:v>
                </c:pt>
                <c:pt idx="5097">
                  <c:v>20.46841229067671</c:v>
                </c:pt>
                <c:pt idx="5098">
                  <c:v>20.46841229067671</c:v>
                </c:pt>
                <c:pt idx="5099">
                  <c:v>20.46841229067671</c:v>
                </c:pt>
                <c:pt idx="5100">
                  <c:v>20.46841229067671</c:v>
                </c:pt>
                <c:pt idx="5101">
                  <c:v>20.46841229067671</c:v>
                </c:pt>
                <c:pt idx="5102">
                  <c:v>20.47325546926626</c:v>
                </c:pt>
                <c:pt idx="5103">
                  <c:v>20.47325546926626</c:v>
                </c:pt>
                <c:pt idx="5104">
                  <c:v>20.47325546926626</c:v>
                </c:pt>
                <c:pt idx="5105">
                  <c:v>20.478098647855681</c:v>
                </c:pt>
                <c:pt idx="5106">
                  <c:v>20.478098647855681</c:v>
                </c:pt>
                <c:pt idx="5107">
                  <c:v>20.478098647855681</c:v>
                </c:pt>
                <c:pt idx="5108">
                  <c:v>20.478098647855681</c:v>
                </c:pt>
                <c:pt idx="5109">
                  <c:v>20.482799380016104</c:v>
                </c:pt>
                <c:pt idx="5110">
                  <c:v>20.482799380016104</c:v>
                </c:pt>
                <c:pt idx="5111">
                  <c:v>20.487642558605653</c:v>
                </c:pt>
                <c:pt idx="5112">
                  <c:v>20.487642558605653</c:v>
                </c:pt>
                <c:pt idx="5113">
                  <c:v>20.487642558605653</c:v>
                </c:pt>
                <c:pt idx="5114">
                  <c:v>20.487642558605653</c:v>
                </c:pt>
                <c:pt idx="5115">
                  <c:v>20.492485737195079</c:v>
                </c:pt>
                <c:pt idx="5116">
                  <c:v>20.492485737195079</c:v>
                </c:pt>
                <c:pt idx="5117">
                  <c:v>20.492485737195079</c:v>
                </c:pt>
                <c:pt idx="5118">
                  <c:v>20.492485737195079</c:v>
                </c:pt>
                <c:pt idx="5119">
                  <c:v>20.492485737195079</c:v>
                </c:pt>
                <c:pt idx="5120">
                  <c:v>20.492485737195079</c:v>
                </c:pt>
                <c:pt idx="5121">
                  <c:v>20.492485737195079</c:v>
                </c:pt>
                <c:pt idx="5122">
                  <c:v>20.492485737195079</c:v>
                </c:pt>
                <c:pt idx="5123">
                  <c:v>20.497186469355501</c:v>
                </c:pt>
                <c:pt idx="5124">
                  <c:v>20.497186469355501</c:v>
                </c:pt>
                <c:pt idx="5125">
                  <c:v>20.497186469355501</c:v>
                </c:pt>
                <c:pt idx="5126">
                  <c:v>20.497186469355501</c:v>
                </c:pt>
                <c:pt idx="5127">
                  <c:v>20.502029647945051</c:v>
                </c:pt>
                <c:pt idx="5128">
                  <c:v>20.502029647945051</c:v>
                </c:pt>
                <c:pt idx="5129">
                  <c:v>20.502029647945051</c:v>
                </c:pt>
                <c:pt idx="5130">
                  <c:v>20.502029647945051</c:v>
                </c:pt>
                <c:pt idx="5131">
                  <c:v>20.5068728265346</c:v>
                </c:pt>
                <c:pt idx="5132">
                  <c:v>20.5068728265346</c:v>
                </c:pt>
                <c:pt idx="5133">
                  <c:v>20.511573558694899</c:v>
                </c:pt>
                <c:pt idx="5134">
                  <c:v>20.511573558694899</c:v>
                </c:pt>
                <c:pt idx="5135">
                  <c:v>20.511573558694899</c:v>
                </c:pt>
                <c:pt idx="5136">
                  <c:v>20.516416737284445</c:v>
                </c:pt>
                <c:pt idx="5137">
                  <c:v>20.516416737284445</c:v>
                </c:pt>
                <c:pt idx="5138">
                  <c:v>20.516416737284445</c:v>
                </c:pt>
                <c:pt idx="5139">
                  <c:v>20.516416737284445</c:v>
                </c:pt>
                <c:pt idx="5140">
                  <c:v>20.516416737284445</c:v>
                </c:pt>
                <c:pt idx="5141">
                  <c:v>20.516416737284445</c:v>
                </c:pt>
                <c:pt idx="5142">
                  <c:v>20.516416737284445</c:v>
                </c:pt>
                <c:pt idx="5143">
                  <c:v>20.516416737284445</c:v>
                </c:pt>
                <c:pt idx="5144">
                  <c:v>20.516416737284445</c:v>
                </c:pt>
                <c:pt idx="5145">
                  <c:v>20.516416737284445</c:v>
                </c:pt>
                <c:pt idx="5146">
                  <c:v>20.516416737284445</c:v>
                </c:pt>
                <c:pt idx="5147">
                  <c:v>20.516416737284445</c:v>
                </c:pt>
                <c:pt idx="5148">
                  <c:v>20.511573558694899</c:v>
                </c:pt>
                <c:pt idx="5149">
                  <c:v>20.511573558694899</c:v>
                </c:pt>
                <c:pt idx="5150">
                  <c:v>20.511573558694899</c:v>
                </c:pt>
                <c:pt idx="5151">
                  <c:v>20.5068728265346</c:v>
                </c:pt>
                <c:pt idx="5152">
                  <c:v>20.5068728265346</c:v>
                </c:pt>
                <c:pt idx="5153">
                  <c:v>20.5068728265346</c:v>
                </c:pt>
                <c:pt idx="5154">
                  <c:v>20.502029647945051</c:v>
                </c:pt>
                <c:pt idx="5155">
                  <c:v>20.502029647945051</c:v>
                </c:pt>
                <c:pt idx="5156">
                  <c:v>20.502029647945051</c:v>
                </c:pt>
                <c:pt idx="5157">
                  <c:v>20.497186469355501</c:v>
                </c:pt>
                <c:pt idx="5158">
                  <c:v>20.497186469355501</c:v>
                </c:pt>
                <c:pt idx="5159">
                  <c:v>20.492485737195079</c:v>
                </c:pt>
                <c:pt idx="5160">
                  <c:v>20.492485737195079</c:v>
                </c:pt>
                <c:pt idx="5161">
                  <c:v>20.492485737195079</c:v>
                </c:pt>
                <c:pt idx="5162">
                  <c:v>20.497186469355501</c:v>
                </c:pt>
                <c:pt idx="5163">
                  <c:v>20.497186469355501</c:v>
                </c:pt>
                <c:pt idx="5164">
                  <c:v>20.497186469355501</c:v>
                </c:pt>
                <c:pt idx="5165">
                  <c:v>20.497186469355501</c:v>
                </c:pt>
                <c:pt idx="5166">
                  <c:v>20.502029647945051</c:v>
                </c:pt>
                <c:pt idx="5167">
                  <c:v>20.502029647945051</c:v>
                </c:pt>
                <c:pt idx="5168">
                  <c:v>20.5068728265346</c:v>
                </c:pt>
                <c:pt idx="5169">
                  <c:v>20.5068728265346</c:v>
                </c:pt>
                <c:pt idx="5170">
                  <c:v>20.511573558694899</c:v>
                </c:pt>
                <c:pt idx="5171">
                  <c:v>20.511573558694899</c:v>
                </c:pt>
                <c:pt idx="5172">
                  <c:v>20.516416737284445</c:v>
                </c:pt>
                <c:pt idx="5173">
                  <c:v>20.521259915873994</c:v>
                </c:pt>
                <c:pt idx="5174">
                  <c:v>20.525960648034292</c:v>
                </c:pt>
                <c:pt idx="5175">
                  <c:v>20.530803826623842</c:v>
                </c:pt>
                <c:pt idx="5176">
                  <c:v>20.535647005213388</c:v>
                </c:pt>
                <c:pt idx="5177">
                  <c:v>20.540347737373814</c:v>
                </c:pt>
                <c:pt idx="5178">
                  <c:v>20.545190915963236</c:v>
                </c:pt>
                <c:pt idx="5179">
                  <c:v>20.545190915963236</c:v>
                </c:pt>
                <c:pt idx="5180">
                  <c:v>20.550034094552789</c:v>
                </c:pt>
                <c:pt idx="5181">
                  <c:v>20.550034094552789</c:v>
                </c:pt>
                <c:pt idx="5182">
                  <c:v>20.550034094552789</c:v>
                </c:pt>
                <c:pt idx="5183">
                  <c:v>20.554734826713212</c:v>
                </c:pt>
                <c:pt idx="5184">
                  <c:v>20.554734826713212</c:v>
                </c:pt>
                <c:pt idx="5185">
                  <c:v>20.559578005302633</c:v>
                </c:pt>
                <c:pt idx="5186">
                  <c:v>20.559578005302633</c:v>
                </c:pt>
                <c:pt idx="5187">
                  <c:v>20.559578005302633</c:v>
                </c:pt>
                <c:pt idx="5188">
                  <c:v>20.554734826713212</c:v>
                </c:pt>
                <c:pt idx="5189">
                  <c:v>20.554734826713212</c:v>
                </c:pt>
                <c:pt idx="5190">
                  <c:v>20.554734826713212</c:v>
                </c:pt>
                <c:pt idx="5191">
                  <c:v>20.554734826713212</c:v>
                </c:pt>
                <c:pt idx="5192">
                  <c:v>20.554734826713212</c:v>
                </c:pt>
                <c:pt idx="5193">
                  <c:v>20.550034094552789</c:v>
                </c:pt>
                <c:pt idx="5194">
                  <c:v>20.550034094552789</c:v>
                </c:pt>
                <c:pt idx="5195">
                  <c:v>20.545190915963236</c:v>
                </c:pt>
                <c:pt idx="5196">
                  <c:v>20.545190915963236</c:v>
                </c:pt>
                <c:pt idx="5197">
                  <c:v>20.540347737373814</c:v>
                </c:pt>
                <c:pt idx="5198">
                  <c:v>20.540347737373814</c:v>
                </c:pt>
                <c:pt idx="5199">
                  <c:v>20.535647005213388</c:v>
                </c:pt>
                <c:pt idx="5200">
                  <c:v>20.535647005213388</c:v>
                </c:pt>
                <c:pt idx="5201">
                  <c:v>20.530803826623842</c:v>
                </c:pt>
                <c:pt idx="5202">
                  <c:v>20.530803826623842</c:v>
                </c:pt>
                <c:pt idx="5203">
                  <c:v>20.530803826623842</c:v>
                </c:pt>
                <c:pt idx="5204">
                  <c:v>20.525960648034292</c:v>
                </c:pt>
                <c:pt idx="5205">
                  <c:v>20.525960648034292</c:v>
                </c:pt>
                <c:pt idx="5206">
                  <c:v>20.525960648034292</c:v>
                </c:pt>
                <c:pt idx="5207">
                  <c:v>20.525960648034292</c:v>
                </c:pt>
                <c:pt idx="5208">
                  <c:v>20.525960648034292</c:v>
                </c:pt>
                <c:pt idx="5209">
                  <c:v>20.525960648034292</c:v>
                </c:pt>
                <c:pt idx="5210">
                  <c:v>20.521259915873994</c:v>
                </c:pt>
                <c:pt idx="5211">
                  <c:v>20.521259915873994</c:v>
                </c:pt>
                <c:pt idx="5212">
                  <c:v>20.521259915873994</c:v>
                </c:pt>
                <c:pt idx="5213">
                  <c:v>20.521259915873994</c:v>
                </c:pt>
                <c:pt idx="5214">
                  <c:v>20.521259915873994</c:v>
                </c:pt>
                <c:pt idx="5215">
                  <c:v>20.525960648034292</c:v>
                </c:pt>
                <c:pt idx="5216">
                  <c:v>20.525960648034292</c:v>
                </c:pt>
                <c:pt idx="5217">
                  <c:v>20.530803826623842</c:v>
                </c:pt>
                <c:pt idx="5218">
                  <c:v>20.530803826623842</c:v>
                </c:pt>
                <c:pt idx="5219">
                  <c:v>20.530803826623842</c:v>
                </c:pt>
                <c:pt idx="5220">
                  <c:v>20.535647005213388</c:v>
                </c:pt>
                <c:pt idx="5221">
                  <c:v>20.535647005213388</c:v>
                </c:pt>
                <c:pt idx="5222">
                  <c:v>20.535647005213388</c:v>
                </c:pt>
                <c:pt idx="5223">
                  <c:v>20.535647005213388</c:v>
                </c:pt>
                <c:pt idx="5224">
                  <c:v>20.540347737373814</c:v>
                </c:pt>
                <c:pt idx="5225">
                  <c:v>20.540347737373814</c:v>
                </c:pt>
                <c:pt idx="5226">
                  <c:v>20.540347737373814</c:v>
                </c:pt>
                <c:pt idx="5227">
                  <c:v>20.545190915963236</c:v>
                </c:pt>
                <c:pt idx="5228">
                  <c:v>20.545190915963236</c:v>
                </c:pt>
                <c:pt idx="5229">
                  <c:v>20.550034094552789</c:v>
                </c:pt>
                <c:pt idx="5230">
                  <c:v>20.550034094552789</c:v>
                </c:pt>
                <c:pt idx="5231">
                  <c:v>20.550034094552789</c:v>
                </c:pt>
                <c:pt idx="5232">
                  <c:v>20.550034094552789</c:v>
                </c:pt>
                <c:pt idx="5233">
                  <c:v>20.554734826713212</c:v>
                </c:pt>
                <c:pt idx="5234">
                  <c:v>20.554734826713212</c:v>
                </c:pt>
                <c:pt idx="5235">
                  <c:v>20.554734826713212</c:v>
                </c:pt>
                <c:pt idx="5236">
                  <c:v>20.559578005302633</c:v>
                </c:pt>
                <c:pt idx="5237">
                  <c:v>20.559578005302633</c:v>
                </c:pt>
                <c:pt idx="5238">
                  <c:v>20.559578005302633</c:v>
                </c:pt>
                <c:pt idx="5239">
                  <c:v>20.559578005302633</c:v>
                </c:pt>
                <c:pt idx="5240">
                  <c:v>20.559578005302633</c:v>
                </c:pt>
                <c:pt idx="5241">
                  <c:v>20.559578005302633</c:v>
                </c:pt>
                <c:pt idx="5242">
                  <c:v>20.559578005302633</c:v>
                </c:pt>
                <c:pt idx="5243">
                  <c:v>20.559578005302633</c:v>
                </c:pt>
                <c:pt idx="5244">
                  <c:v>20.559578005302633</c:v>
                </c:pt>
                <c:pt idx="5245">
                  <c:v>20.559578005302633</c:v>
                </c:pt>
                <c:pt idx="5246">
                  <c:v>20.559578005302633</c:v>
                </c:pt>
                <c:pt idx="5247">
                  <c:v>20.564421183892183</c:v>
                </c:pt>
                <c:pt idx="5248">
                  <c:v>20.564421183892183</c:v>
                </c:pt>
                <c:pt idx="5249">
                  <c:v>20.564421183892183</c:v>
                </c:pt>
                <c:pt idx="5250">
                  <c:v>20.564421183892183</c:v>
                </c:pt>
                <c:pt idx="5251">
                  <c:v>20.564421183892183</c:v>
                </c:pt>
                <c:pt idx="5252">
                  <c:v>20.564421183892183</c:v>
                </c:pt>
                <c:pt idx="5253">
                  <c:v>20.564421183892183</c:v>
                </c:pt>
                <c:pt idx="5254">
                  <c:v>20.564421183892183</c:v>
                </c:pt>
                <c:pt idx="5255">
                  <c:v>20.564421183892183</c:v>
                </c:pt>
                <c:pt idx="5256">
                  <c:v>20.564421183892183</c:v>
                </c:pt>
                <c:pt idx="5257">
                  <c:v>20.569264362481729</c:v>
                </c:pt>
                <c:pt idx="5258">
                  <c:v>20.569264362481729</c:v>
                </c:pt>
                <c:pt idx="5259">
                  <c:v>20.569264362481729</c:v>
                </c:pt>
                <c:pt idx="5260">
                  <c:v>20.569264362481729</c:v>
                </c:pt>
                <c:pt idx="5261">
                  <c:v>20.569264362481729</c:v>
                </c:pt>
                <c:pt idx="5262">
                  <c:v>20.569264362481729</c:v>
                </c:pt>
                <c:pt idx="5263">
                  <c:v>20.569264362481729</c:v>
                </c:pt>
                <c:pt idx="5264">
                  <c:v>20.569264362481729</c:v>
                </c:pt>
                <c:pt idx="5265">
                  <c:v>20.569264362481729</c:v>
                </c:pt>
                <c:pt idx="5266">
                  <c:v>20.57396509464203</c:v>
                </c:pt>
                <c:pt idx="5267">
                  <c:v>20.57396509464203</c:v>
                </c:pt>
                <c:pt idx="5268">
                  <c:v>20.57396509464203</c:v>
                </c:pt>
                <c:pt idx="5269">
                  <c:v>20.57396509464203</c:v>
                </c:pt>
                <c:pt idx="5270">
                  <c:v>20.569264362481729</c:v>
                </c:pt>
                <c:pt idx="5271">
                  <c:v>20.569264362481729</c:v>
                </c:pt>
                <c:pt idx="5272">
                  <c:v>20.569264362481729</c:v>
                </c:pt>
                <c:pt idx="5273">
                  <c:v>20.569264362481729</c:v>
                </c:pt>
                <c:pt idx="5274">
                  <c:v>20.569264362481729</c:v>
                </c:pt>
                <c:pt idx="5275">
                  <c:v>20.57396509464203</c:v>
                </c:pt>
                <c:pt idx="5276">
                  <c:v>20.57396509464203</c:v>
                </c:pt>
                <c:pt idx="5277">
                  <c:v>20.57396509464203</c:v>
                </c:pt>
                <c:pt idx="5278">
                  <c:v>20.57396509464203</c:v>
                </c:pt>
                <c:pt idx="5279">
                  <c:v>20.57396509464203</c:v>
                </c:pt>
                <c:pt idx="5280">
                  <c:v>20.57396509464203</c:v>
                </c:pt>
                <c:pt idx="5281">
                  <c:v>20.57396509464203</c:v>
                </c:pt>
                <c:pt idx="5282">
                  <c:v>20.57396509464203</c:v>
                </c:pt>
                <c:pt idx="5283">
                  <c:v>20.57396509464203</c:v>
                </c:pt>
                <c:pt idx="5284">
                  <c:v>20.57396509464203</c:v>
                </c:pt>
                <c:pt idx="5285">
                  <c:v>20.57396509464203</c:v>
                </c:pt>
                <c:pt idx="5286">
                  <c:v>20.578808273231576</c:v>
                </c:pt>
                <c:pt idx="5287">
                  <c:v>20.578808273231576</c:v>
                </c:pt>
                <c:pt idx="5288">
                  <c:v>20.578808273231576</c:v>
                </c:pt>
                <c:pt idx="5289">
                  <c:v>20.583651451821126</c:v>
                </c:pt>
                <c:pt idx="5290">
                  <c:v>20.578808273231576</c:v>
                </c:pt>
                <c:pt idx="5291">
                  <c:v>20.578808273231576</c:v>
                </c:pt>
                <c:pt idx="5292">
                  <c:v>20.57396509464203</c:v>
                </c:pt>
                <c:pt idx="5293">
                  <c:v>20.57396509464203</c:v>
                </c:pt>
                <c:pt idx="5294">
                  <c:v>20.57396509464203</c:v>
                </c:pt>
                <c:pt idx="5295">
                  <c:v>20.578808273231576</c:v>
                </c:pt>
                <c:pt idx="5296">
                  <c:v>20.578808273231576</c:v>
                </c:pt>
                <c:pt idx="5297">
                  <c:v>20.578808273231576</c:v>
                </c:pt>
                <c:pt idx="5298">
                  <c:v>20.578808273231576</c:v>
                </c:pt>
                <c:pt idx="5299">
                  <c:v>20.578808273231576</c:v>
                </c:pt>
                <c:pt idx="5300">
                  <c:v>20.578808273231576</c:v>
                </c:pt>
                <c:pt idx="5301">
                  <c:v>20.578808273231576</c:v>
                </c:pt>
                <c:pt idx="5302">
                  <c:v>20.578808273231576</c:v>
                </c:pt>
                <c:pt idx="5303">
                  <c:v>20.578808273231576</c:v>
                </c:pt>
                <c:pt idx="5304">
                  <c:v>20.583651451821126</c:v>
                </c:pt>
                <c:pt idx="5305">
                  <c:v>20.583651451821126</c:v>
                </c:pt>
                <c:pt idx="5306">
                  <c:v>20.583651451821126</c:v>
                </c:pt>
                <c:pt idx="5307">
                  <c:v>20.588352183981424</c:v>
                </c:pt>
                <c:pt idx="5308">
                  <c:v>20.588352183981424</c:v>
                </c:pt>
                <c:pt idx="5309">
                  <c:v>20.59319536257097</c:v>
                </c:pt>
                <c:pt idx="5310">
                  <c:v>20.59319536257097</c:v>
                </c:pt>
                <c:pt idx="5311">
                  <c:v>20.59319536257097</c:v>
                </c:pt>
                <c:pt idx="5312">
                  <c:v>20.59319536257097</c:v>
                </c:pt>
                <c:pt idx="5313">
                  <c:v>20.59319536257097</c:v>
                </c:pt>
                <c:pt idx="5314">
                  <c:v>20.59319536257097</c:v>
                </c:pt>
                <c:pt idx="5315">
                  <c:v>20.598038541160523</c:v>
                </c:pt>
                <c:pt idx="5316">
                  <c:v>20.598038541160523</c:v>
                </c:pt>
                <c:pt idx="5317">
                  <c:v>20.602739273320946</c:v>
                </c:pt>
                <c:pt idx="5318">
                  <c:v>20.602739273320946</c:v>
                </c:pt>
                <c:pt idx="5319">
                  <c:v>20.602739273320946</c:v>
                </c:pt>
                <c:pt idx="5320">
                  <c:v>20.602739273320946</c:v>
                </c:pt>
                <c:pt idx="5321">
                  <c:v>20.607582451910371</c:v>
                </c:pt>
                <c:pt idx="5322">
                  <c:v>20.607582451910371</c:v>
                </c:pt>
                <c:pt idx="5323">
                  <c:v>20.607582451910371</c:v>
                </c:pt>
                <c:pt idx="5324">
                  <c:v>20.607582451910371</c:v>
                </c:pt>
                <c:pt idx="5325">
                  <c:v>20.612425630499917</c:v>
                </c:pt>
                <c:pt idx="5326">
                  <c:v>20.612425630499917</c:v>
                </c:pt>
                <c:pt idx="5327">
                  <c:v>20.612425630499917</c:v>
                </c:pt>
                <c:pt idx="5328">
                  <c:v>20.612425630499917</c:v>
                </c:pt>
                <c:pt idx="5329">
                  <c:v>20.612425630499917</c:v>
                </c:pt>
                <c:pt idx="5330">
                  <c:v>20.612425630499917</c:v>
                </c:pt>
                <c:pt idx="5331">
                  <c:v>20.612425630499917</c:v>
                </c:pt>
                <c:pt idx="5332">
                  <c:v>20.612425630499917</c:v>
                </c:pt>
                <c:pt idx="5333">
                  <c:v>20.612425630499917</c:v>
                </c:pt>
                <c:pt idx="5334">
                  <c:v>20.612425630499917</c:v>
                </c:pt>
                <c:pt idx="5335">
                  <c:v>20.612425630499917</c:v>
                </c:pt>
                <c:pt idx="5336">
                  <c:v>20.612425630499917</c:v>
                </c:pt>
                <c:pt idx="5337">
                  <c:v>20.612425630499917</c:v>
                </c:pt>
                <c:pt idx="5338">
                  <c:v>20.612425630499917</c:v>
                </c:pt>
                <c:pt idx="5339">
                  <c:v>20.612425630499917</c:v>
                </c:pt>
                <c:pt idx="5340">
                  <c:v>20.607582451910371</c:v>
                </c:pt>
                <c:pt idx="5341">
                  <c:v>20.607582451910371</c:v>
                </c:pt>
                <c:pt idx="5342">
                  <c:v>20.607582451910371</c:v>
                </c:pt>
                <c:pt idx="5343">
                  <c:v>20.612425630499917</c:v>
                </c:pt>
                <c:pt idx="5344">
                  <c:v>20.612425630499917</c:v>
                </c:pt>
                <c:pt idx="5345">
                  <c:v>20.612425630499917</c:v>
                </c:pt>
                <c:pt idx="5346">
                  <c:v>20.612425630499917</c:v>
                </c:pt>
                <c:pt idx="5347">
                  <c:v>20.612425630499917</c:v>
                </c:pt>
                <c:pt idx="5348">
                  <c:v>20.607582451910371</c:v>
                </c:pt>
                <c:pt idx="5349">
                  <c:v>20.607582451910371</c:v>
                </c:pt>
                <c:pt idx="5350">
                  <c:v>20.602739273320946</c:v>
                </c:pt>
                <c:pt idx="5351">
                  <c:v>20.602739273320946</c:v>
                </c:pt>
                <c:pt idx="5352">
                  <c:v>20.602739273320946</c:v>
                </c:pt>
                <c:pt idx="5353">
                  <c:v>20.598038541160523</c:v>
                </c:pt>
                <c:pt idx="5354">
                  <c:v>20.598038541160523</c:v>
                </c:pt>
                <c:pt idx="5355">
                  <c:v>20.602739273320946</c:v>
                </c:pt>
                <c:pt idx="5356">
                  <c:v>20.602739273320946</c:v>
                </c:pt>
                <c:pt idx="5357">
                  <c:v>20.602739273320946</c:v>
                </c:pt>
                <c:pt idx="5358">
                  <c:v>20.602739273320946</c:v>
                </c:pt>
                <c:pt idx="5359">
                  <c:v>20.602739273320946</c:v>
                </c:pt>
                <c:pt idx="5360">
                  <c:v>20.602739273320946</c:v>
                </c:pt>
                <c:pt idx="5361">
                  <c:v>20.607582451910371</c:v>
                </c:pt>
                <c:pt idx="5362">
                  <c:v>20.607582451910371</c:v>
                </c:pt>
                <c:pt idx="5363">
                  <c:v>20.607582451910371</c:v>
                </c:pt>
                <c:pt idx="5364">
                  <c:v>20.607582451910371</c:v>
                </c:pt>
                <c:pt idx="5365">
                  <c:v>20.607582451910371</c:v>
                </c:pt>
                <c:pt idx="5366">
                  <c:v>20.612425630499917</c:v>
                </c:pt>
                <c:pt idx="5367">
                  <c:v>20.612425630499917</c:v>
                </c:pt>
                <c:pt idx="5368">
                  <c:v>20.612425630499917</c:v>
                </c:pt>
                <c:pt idx="5369">
                  <c:v>20.612425630499917</c:v>
                </c:pt>
                <c:pt idx="5370">
                  <c:v>20.612425630499917</c:v>
                </c:pt>
                <c:pt idx="5371">
                  <c:v>20.612425630499917</c:v>
                </c:pt>
                <c:pt idx="5372">
                  <c:v>20.612425630499917</c:v>
                </c:pt>
                <c:pt idx="5373">
                  <c:v>20.612425630499917</c:v>
                </c:pt>
                <c:pt idx="5374">
                  <c:v>20.617126362660343</c:v>
                </c:pt>
                <c:pt idx="5375">
                  <c:v>20.617126362660343</c:v>
                </c:pt>
                <c:pt idx="5376">
                  <c:v>20.617126362660343</c:v>
                </c:pt>
                <c:pt idx="5377">
                  <c:v>20.621969541249765</c:v>
                </c:pt>
                <c:pt idx="5378">
                  <c:v>20.621969541249765</c:v>
                </c:pt>
                <c:pt idx="5379">
                  <c:v>20.621969541249765</c:v>
                </c:pt>
                <c:pt idx="5380">
                  <c:v>20.621969541249765</c:v>
                </c:pt>
                <c:pt idx="5381">
                  <c:v>20.621969541249765</c:v>
                </c:pt>
                <c:pt idx="5382">
                  <c:v>20.617126362660343</c:v>
                </c:pt>
                <c:pt idx="5383">
                  <c:v>20.617126362660343</c:v>
                </c:pt>
                <c:pt idx="5384">
                  <c:v>20.617126362660343</c:v>
                </c:pt>
                <c:pt idx="5385">
                  <c:v>20.617126362660343</c:v>
                </c:pt>
                <c:pt idx="5386">
                  <c:v>20.617126362660343</c:v>
                </c:pt>
                <c:pt idx="5387">
                  <c:v>20.617126362660343</c:v>
                </c:pt>
                <c:pt idx="5388">
                  <c:v>20.612425630499917</c:v>
                </c:pt>
                <c:pt idx="5389">
                  <c:v>20.612425630499917</c:v>
                </c:pt>
                <c:pt idx="5390">
                  <c:v>20.612425630499917</c:v>
                </c:pt>
                <c:pt idx="5391">
                  <c:v>20.612425630499917</c:v>
                </c:pt>
                <c:pt idx="5392">
                  <c:v>20.612425630499917</c:v>
                </c:pt>
                <c:pt idx="5393">
                  <c:v>20.612425630499917</c:v>
                </c:pt>
                <c:pt idx="5394">
                  <c:v>20.612425630499917</c:v>
                </c:pt>
                <c:pt idx="5395">
                  <c:v>20.612425630499917</c:v>
                </c:pt>
                <c:pt idx="5396">
                  <c:v>20.612425630499917</c:v>
                </c:pt>
                <c:pt idx="5397">
                  <c:v>20.612425630499917</c:v>
                </c:pt>
                <c:pt idx="5398">
                  <c:v>20.612425630499917</c:v>
                </c:pt>
                <c:pt idx="5399">
                  <c:v>20.617126362660343</c:v>
                </c:pt>
                <c:pt idx="5400">
                  <c:v>20.617126362660343</c:v>
                </c:pt>
                <c:pt idx="5401">
                  <c:v>20.617126362660343</c:v>
                </c:pt>
                <c:pt idx="5402">
                  <c:v>20.617126362660343</c:v>
                </c:pt>
                <c:pt idx="5403">
                  <c:v>20.621969541249765</c:v>
                </c:pt>
                <c:pt idx="5404">
                  <c:v>20.621969541249765</c:v>
                </c:pt>
                <c:pt idx="5405">
                  <c:v>20.621969541249765</c:v>
                </c:pt>
                <c:pt idx="5406">
                  <c:v>20.626812719839311</c:v>
                </c:pt>
                <c:pt idx="5407">
                  <c:v>20.626812719839311</c:v>
                </c:pt>
                <c:pt idx="5408">
                  <c:v>20.626812719839311</c:v>
                </c:pt>
                <c:pt idx="5409">
                  <c:v>20.626812719839311</c:v>
                </c:pt>
                <c:pt idx="5410">
                  <c:v>20.631513451999737</c:v>
                </c:pt>
                <c:pt idx="5411">
                  <c:v>20.631513451999737</c:v>
                </c:pt>
                <c:pt idx="5412">
                  <c:v>20.631513451999737</c:v>
                </c:pt>
                <c:pt idx="5413">
                  <c:v>20.636356630589159</c:v>
                </c:pt>
                <c:pt idx="5414">
                  <c:v>20.636356630589159</c:v>
                </c:pt>
                <c:pt idx="5415">
                  <c:v>20.641199809178708</c:v>
                </c:pt>
                <c:pt idx="5416">
                  <c:v>20.641199809178708</c:v>
                </c:pt>
                <c:pt idx="5417">
                  <c:v>20.645900541339135</c:v>
                </c:pt>
                <c:pt idx="5418">
                  <c:v>20.645900541339135</c:v>
                </c:pt>
                <c:pt idx="5419">
                  <c:v>20.645900541339135</c:v>
                </c:pt>
                <c:pt idx="5420">
                  <c:v>20.650743719928681</c:v>
                </c:pt>
                <c:pt idx="5421">
                  <c:v>20.650743719928681</c:v>
                </c:pt>
                <c:pt idx="5422">
                  <c:v>20.650743719928681</c:v>
                </c:pt>
                <c:pt idx="5423">
                  <c:v>20.650743719928681</c:v>
                </c:pt>
                <c:pt idx="5424">
                  <c:v>20.655586898518102</c:v>
                </c:pt>
                <c:pt idx="5425">
                  <c:v>20.655586898518102</c:v>
                </c:pt>
                <c:pt idx="5426">
                  <c:v>20.655586898518102</c:v>
                </c:pt>
                <c:pt idx="5427">
                  <c:v>20.655586898518102</c:v>
                </c:pt>
                <c:pt idx="5428">
                  <c:v>20.650743719928681</c:v>
                </c:pt>
                <c:pt idx="5429">
                  <c:v>20.650743719928681</c:v>
                </c:pt>
                <c:pt idx="5430">
                  <c:v>20.650743719928681</c:v>
                </c:pt>
                <c:pt idx="5431">
                  <c:v>20.650743719928681</c:v>
                </c:pt>
                <c:pt idx="5432">
                  <c:v>20.645900541339135</c:v>
                </c:pt>
                <c:pt idx="5433">
                  <c:v>20.645900541339135</c:v>
                </c:pt>
                <c:pt idx="5434">
                  <c:v>20.645900541339135</c:v>
                </c:pt>
                <c:pt idx="5435">
                  <c:v>20.645900541339135</c:v>
                </c:pt>
                <c:pt idx="5436">
                  <c:v>20.645900541339135</c:v>
                </c:pt>
                <c:pt idx="5437">
                  <c:v>20.641199809178708</c:v>
                </c:pt>
                <c:pt idx="5438">
                  <c:v>20.641199809178708</c:v>
                </c:pt>
                <c:pt idx="5439">
                  <c:v>20.641199809178708</c:v>
                </c:pt>
                <c:pt idx="5440">
                  <c:v>20.636356630589159</c:v>
                </c:pt>
                <c:pt idx="5441">
                  <c:v>20.636356630589159</c:v>
                </c:pt>
                <c:pt idx="5442">
                  <c:v>20.636356630589159</c:v>
                </c:pt>
                <c:pt idx="5443">
                  <c:v>20.631513451999737</c:v>
                </c:pt>
                <c:pt idx="5444">
                  <c:v>20.631513451999737</c:v>
                </c:pt>
                <c:pt idx="5445">
                  <c:v>20.631513451999737</c:v>
                </c:pt>
                <c:pt idx="5446">
                  <c:v>20.626812719839311</c:v>
                </c:pt>
                <c:pt idx="5447">
                  <c:v>20.626812719839311</c:v>
                </c:pt>
                <c:pt idx="5448">
                  <c:v>20.626812719839311</c:v>
                </c:pt>
                <c:pt idx="5449">
                  <c:v>20.626812719839311</c:v>
                </c:pt>
                <c:pt idx="5450">
                  <c:v>20.626812719839311</c:v>
                </c:pt>
                <c:pt idx="5451">
                  <c:v>20.626812719839311</c:v>
                </c:pt>
                <c:pt idx="5452">
                  <c:v>20.626812719839311</c:v>
                </c:pt>
                <c:pt idx="5453">
                  <c:v>20.626812719839311</c:v>
                </c:pt>
                <c:pt idx="5454">
                  <c:v>20.626812719839311</c:v>
                </c:pt>
                <c:pt idx="5455">
                  <c:v>20.631513451999737</c:v>
                </c:pt>
                <c:pt idx="5456">
                  <c:v>20.631513451999737</c:v>
                </c:pt>
                <c:pt idx="5457">
                  <c:v>20.636356630589159</c:v>
                </c:pt>
                <c:pt idx="5458">
                  <c:v>20.641199809178708</c:v>
                </c:pt>
                <c:pt idx="5459">
                  <c:v>20.641199809178708</c:v>
                </c:pt>
                <c:pt idx="5460">
                  <c:v>20.645900541339135</c:v>
                </c:pt>
                <c:pt idx="5461">
                  <c:v>20.650743719928681</c:v>
                </c:pt>
                <c:pt idx="5462">
                  <c:v>20.650743719928681</c:v>
                </c:pt>
                <c:pt idx="5463">
                  <c:v>20.655586898518102</c:v>
                </c:pt>
                <c:pt idx="5464">
                  <c:v>20.660287630678528</c:v>
                </c:pt>
                <c:pt idx="5465">
                  <c:v>20.665130809268078</c:v>
                </c:pt>
                <c:pt idx="5466">
                  <c:v>20.665130809268078</c:v>
                </c:pt>
                <c:pt idx="5467">
                  <c:v>20.6699739878575</c:v>
                </c:pt>
                <c:pt idx="5468">
                  <c:v>20.674674720017926</c:v>
                </c:pt>
                <c:pt idx="5469">
                  <c:v>20.674674720017926</c:v>
                </c:pt>
                <c:pt idx="5470">
                  <c:v>20.679517898607475</c:v>
                </c:pt>
                <c:pt idx="5471">
                  <c:v>20.684361077196897</c:v>
                </c:pt>
                <c:pt idx="5472">
                  <c:v>20.684361077196897</c:v>
                </c:pt>
                <c:pt idx="5473">
                  <c:v>20.689061809357323</c:v>
                </c:pt>
                <c:pt idx="5474">
                  <c:v>20.689061809357323</c:v>
                </c:pt>
                <c:pt idx="5475">
                  <c:v>20.689061809357323</c:v>
                </c:pt>
                <c:pt idx="5476">
                  <c:v>20.693904987946869</c:v>
                </c:pt>
                <c:pt idx="5477">
                  <c:v>20.693904987946869</c:v>
                </c:pt>
                <c:pt idx="5478">
                  <c:v>20.693904987946869</c:v>
                </c:pt>
                <c:pt idx="5479">
                  <c:v>20.698748166536415</c:v>
                </c:pt>
                <c:pt idx="5480">
                  <c:v>20.698748166536415</c:v>
                </c:pt>
                <c:pt idx="5481">
                  <c:v>20.693904987946869</c:v>
                </c:pt>
                <c:pt idx="5482">
                  <c:v>20.693904987946869</c:v>
                </c:pt>
                <c:pt idx="5483">
                  <c:v>20.693904987946869</c:v>
                </c:pt>
                <c:pt idx="5484">
                  <c:v>20.689061809357323</c:v>
                </c:pt>
                <c:pt idx="5485">
                  <c:v>20.689061809357323</c:v>
                </c:pt>
                <c:pt idx="5486">
                  <c:v>20.689061809357323</c:v>
                </c:pt>
                <c:pt idx="5487">
                  <c:v>20.684361077196897</c:v>
                </c:pt>
                <c:pt idx="5488">
                  <c:v>20.684361077196897</c:v>
                </c:pt>
                <c:pt idx="5489">
                  <c:v>20.679517898607475</c:v>
                </c:pt>
                <c:pt idx="5490">
                  <c:v>20.679517898607475</c:v>
                </c:pt>
                <c:pt idx="5491">
                  <c:v>20.679517898607475</c:v>
                </c:pt>
                <c:pt idx="5492">
                  <c:v>20.679517898607475</c:v>
                </c:pt>
                <c:pt idx="5493">
                  <c:v>20.679517898607475</c:v>
                </c:pt>
                <c:pt idx="5494">
                  <c:v>20.679517898607475</c:v>
                </c:pt>
                <c:pt idx="5495">
                  <c:v>20.674674720017926</c:v>
                </c:pt>
                <c:pt idx="5496">
                  <c:v>20.674674720017926</c:v>
                </c:pt>
                <c:pt idx="5497">
                  <c:v>20.674674720017926</c:v>
                </c:pt>
                <c:pt idx="5498">
                  <c:v>20.674674720017926</c:v>
                </c:pt>
                <c:pt idx="5499">
                  <c:v>20.674674720017926</c:v>
                </c:pt>
                <c:pt idx="5500">
                  <c:v>20.674674720017926</c:v>
                </c:pt>
                <c:pt idx="5501">
                  <c:v>20.674674720017926</c:v>
                </c:pt>
                <c:pt idx="5502">
                  <c:v>20.674674720017926</c:v>
                </c:pt>
                <c:pt idx="5503">
                  <c:v>20.674674720017926</c:v>
                </c:pt>
                <c:pt idx="5504">
                  <c:v>20.674674720017926</c:v>
                </c:pt>
                <c:pt idx="5505">
                  <c:v>20.674674720017926</c:v>
                </c:pt>
                <c:pt idx="5506">
                  <c:v>20.674674720017926</c:v>
                </c:pt>
                <c:pt idx="5507">
                  <c:v>20.674674720017926</c:v>
                </c:pt>
                <c:pt idx="5508">
                  <c:v>20.674674720017926</c:v>
                </c:pt>
                <c:pt idx="5509">
                  <c:v>20.679517898607475</c:v>
                </c:pt>
                <c:pt idx="5510">
                  <c:v>20.679517898607475</c:v>
                </c:pt>
                <c:pt idx="5511">
                  <c:v>20.679517898607475</c:v>
                </c:pt>
                <c:pt idx="5512">
                  <c:v>20.684361077196897</c:v>
                </c:pt>
                <c:pt idx="5513">
                  <c:v>20.684361077196897</c:v>
                </c:pt>
                <c:pt idx="5514">
                  <c:v>20.684361077196897</c:v>
                </c:pt>
                <c:pt idx="5515">
                  <c:v>20.689061809357323</c:v>
                </c:pt>
                <c:pt idx="5516">
                  <c:v>20.689061809357323</c:v>
                </c:pt>
                <c:pt idx="5517">
                  <c:v>20.689061809357323</c:v>
                </c:pt>
                <c:pt idx="5518">
                  <c:v>20.693904987946869</c:v>
                </c:pt>
                <c:pt idx="5519">
                  <c:v>20.693904987946869</c:v>
                </c:pt>
                <c:pt idx="5520">
                  <c:v>20.693904987946869</c:v>
                </c:pt>
                <c:pt idx="5521">
                  <c:v>20.698748166536415</c:v>
                </c:pt>
                <c:pt idx="5522">
                  <c:v>20.698748166536415</c:v>
                </c:pt>
                <c:pt idx="5523">
                  <c:v>20.698748166536415</c:v>
                </c:pt>
                <c:pt idx="5524">
                  <c:v>20.698748166536415</c:v>
                </c:pt>
                <c:pt idx="5525">
                  <c:v>20.698748166536415</c:v>
                </c:pt>
                <c:pt idx="5526">
                  <c:v>20.703448898696717</c:v>
                </c:pt>
                <c:pt idx="5527">
                  <c:v>20.703448898696717</c:v>
                </c:pt>
                <c:pt idx="5528">
                  <c:v>20.703448898696717</c:v>
                </c:pt>
                <c:pt idx="5529">
                  <c:v>20.703448898696717</c:v>
                </c:pt>
                <c:pt idx="5530">
                  <c:v>20.703448898696717</c:v>
                </c:pt>
                <c:pt idx="5531">
                  <c:v>20.703448898696717</c:v>
                </c:pt>
                <c:pt idx="5532">
                  <c:v>20.703448898696717</c:v>
                </c:pt>
                <c:pt idx="5533">
                  <c:v>20.703448898696717</c:v>
                </c:pt>
                <c:pt idx="5534">
                  <c:v>20.703448898696717</c:v>
                </c:pt>
                <c:pt idx="5535">
                  <c:v>20.703448898696717</c:v>
                </c:pt>
                <c:pt idx="5536">
                  <c:v>20.703448898696717</c:v>
                </c:pt>
                <c:pt idx="5537">
                  <c:v>20.703448898696717</c:v>
                </c:pt>
                <c:pt idx="5538">
                  <c:v>20.703448898696717</c:v>
                </c:pt>
                <c:pt idx="5539">
                  <c:v>20.703448898696717</c:v>
                </c:pt>
                <c:pt idx="5540">
                  <c:v>20.703448898696717</c:v>
                </c:pt>
                <c:pt idx="5541">
                  <c:v>20.703448898696717</c:v>
                </c:pt>
                <c:pt idx="5542">
                  <c:v>20.698748166536415</c:v>
                </c:pt>
                <c:pt idx="5543">
                  <c:v>20.698748166536415</c:v>
                </c:pt>
                <c:pt idx="5544">
                  <c:v>20.693904987946869</c:v>
                </c:pt>
                <c:pt idx="5545">
                  <c:v>20.693904987946869</c:v>
                </c:pt>
                <c:pt idx="5546">
                  <c:v>20.693904987946869</c:v>
                </c:pt>
                <c:pt idx="5547">
                  <c:v>20.693904987946869</c:v>
                </c:pt>
                <c:pt idx="5548">
                  <c:v>20.693904987946869</c:v>
                </c:pt>
                <c:pt idx="5549">
                  <c:v>20.693904987946869</c:v>
                </c:pt>
                <c:pt idx="5550">
                  <c:v>20.698748166536415</c:v>
                </c:pt>
                <c:pt idx="5551">
                  <c:v>20.698748166536415</c:v>
                </c:pt>
                <c:pt idx="5552">
                  <c:v>20.698748166536415</c:v>
                </c:pt>
                <c:pt idx="5553">
                  <c:v>20.703448898696717</c:v>
                </c:pt>
                <c:pt idx="5554">
                  <c:v>20.703448898696717</c:v>
                </c:pt>
                <c:pt idx="5555">
                  <c:v>20.708292077286263</c:v>
                </c:pt>
                <c:pt idx="5556">
                  <c:v>20.708292077286263</c:v>
                </c:pt>
                <c:pt idx="5557">
                  <c:v>20.708292077286263</c:v>
                </c:pt>
                <c:pt idx="5558">
                  <c:v>20.708292077286263</c:v>
                </c:pt>
                <c:pt idx="5559">
                  <c:v>20.708292077286263</c:v>
                </c:pt>
                <c:pt idx="5560">
                  <c:v>20.708292077286263</c:v>
                </c:pt>
                <c:pt idx="5561">
                  <c:v>20.713135255875812</c:v>
                </c:pt>
                <c:pt idx="5562">
                  <c:v>20.713135255875812</c:v>
                </c:pt>
                <c:pt idx="5563">
                  <c:v>20.713135255875812</c:v>
                </c:pt>
                <c:pt idx="5564">
                  <c:v>20.717835988036111</c:v>
                </c:pt>
                <c:pt idx="5565">
                  <c:v>20.717835988036111</c:v>
                </c:pt>
                <c:pt idx="5566">
                  <c:v>20.717835988036111</c:v>
                </c:pt>
                <c:pt idx="5567">
                  <c:v>20.717835988036111</c:v>
                </c:pt>
                <c:pt idx="5568">
                  <c:v>20.72267916662566</c:v>
                </c:pt>
                <c:pt idx="5569">
                  <c:v>20.72267916662566</c:v>
                </c:pt>
                <c:pt idx="5570">
                  <c:v>20.72267916662566</c:v>
                </c:pt>
                <c:pt idx="5571">
                  <c:v>20.72267916662566</c:v>
                </c:pt>
                <c:pt idx="5572">
                  <c:v>20.72267916662566</c:v>
                </c:pt>
                <c:pt idx="5573">
                  <c:v>20.72267916662566</c:v>
                </c:pt>
                <c:pt idx="5574">
                  <c:v>20.717835988036111</c:v>
                </c:pt>
                <c:pt idx="5575">
                  <c:v>20.717835988036111</c:v>
                </c:pt>
                <c:pt idx="5576">
                  <c:v>20.717835988036111</c:v>
                </c:pt>
                <c:pt idx="5577">
                  <c:v>20.717835988036111</c:v>
                </c:pt>
                <c:pt idx="5578">
                  <c:v>20.717835988036111</c:v>
                </c:pt>
                <c:pt idx="5579">
                  <c:v>20.717835988036111</c:v>
                </c:pt>
                <c:pt idx="5580">
                  <c:v>20.717835988036111</c:v>
                </c:pt>
                <c:pt idx="5581">
                  <c:v>20.717835988036111</c:v>
                </c:pt>
                <c:pt idx="5582">
                  <c:v>20.717835988036111</c:v>
                </c:pt>
                <c:pt idx="5583">
                  <c:v>20.717835988036111</c:v>
                </c:pt>
                <c:pt idx="5584">
                  <c:v>20.717835988036111</c:v>
                </c:pt>
                <c:pt idx="5585">
                  <c:v>20.72267916662566</c:v>
                </c:pt>
                <c:pt idx="5586">
                  <c:v>20.72267916662566</c:v>
                </c:pt>
                <c:pt idx="5587">
                  <c:v>20.72267916662566</c:v>
                </c:pt>
                <c:pt idx="5588">
                  <c:v>20.72267916662566</c:v>
                </c:pt>
                <c:pt idx="5589">
                  <c:v>20.72267916662566</c:v>
                </c:pt>
                <c:pt idx="5590">
                  <c:v>20.72267916662566</c:v>
                </c:pt>
                <c:pt idx="5591">
                  <c:v>20.72752234521521</c:v>
                </c:pt>
                <c:pt idx="5592">
                  <c:v>20.72752234521521</c:v>
                </c:pt>
                <c:pt idx="5593">
                  <c:v>20.72752234521521</c:v>
                </c:pt>
                <c:pt idx="5594">
                  <c:v>20.72752234521521</c:v>
                </c:pt>
                <c:pt idx="5595">
                  <c:v>20.732223077375636</c:v>
                </c:pt>
                <c:pt idx="5596">
                  <c:v>20.732223077375636</c:v>
                </c:pt>
                <c:pt idx="5597">
                  <c:v>20.737066255965058</c:v>
                </c:pt>
                <c:pt idx="5598">
                  <c:v>20.737066255965058</c:v>
                </c:pt>
                <c:pt idx="5599">
                  <c:v>20.741909434554604</c:v>
                </c:pt>
                <c:pt idx="5600">
                  <c:v>20.741909434554604</c:v>
                </c:pt>
                <c:pt idx="5601">
                  <c:v>20.74661016671503</c:v>
                </c:pt>
                <c:pt idx="5602">
                  <c:v>20.74661016671503</c:v>
                </c:pt>
                <c:pt idx="5603">
                  <c:v>20.74661016671503</c:v>
                </c:pt>
                <c:pt idx="5604">
                  <c:v>20.74661016671503</c:v>
                </c:pt>
                <c:pt idx="5605">
                  <c:v>20.751453345304451</c:v>
                </c:pt>
                <c:pt idx="5606">
                  <c:v>20.751453345304451</c:v>
                </c:pt>
                <c:pt idx="5607">
                  <c:v>20.751453345304451</c:v>
                </c:pt>
                <c:pt idx="5608">
                  <c:v>20.751453345304451</c:v>
                </c:pt>
                <c:pt idx="5609">
                  <c:v>20.751453345304451</c:v>
                </c:pt>
                <c:pt idx="5610">
                  <c:v>20.751453345304451</c:v>
                </c:pt>
                <c:pt idx="5611">
                  <c:v>20.751453345304451</c:v>
                </c:pt>
                <c:pt idx="5612">
                  <c:v>20.751453345304451</c:v>
                </c:pt>
                <c:pt idx="5613">
                  <c:v>20.751453345304451</c:v>
                </c:pt>
                <c:pt idx="5614">
                  <c:v>20.751453345304451</c:v>
                </c:pt>
                <c:pt idx="5615">
                  <c:v>20.751453345304451</c:v>
                </c:pt>
                <c:pt idx="5616">
                  <c:v>20.751453345304451</c:v>
                </c:pt>
                <c:pt idx="5617">
                  <c:v>20.751453345304451</c:v>
                </c:pt>
                <c:pt idx="5618">
                  <c:v>20.751453345304451</c:v>
                </c:pt>
                <c:pt idx="5619">
                  <c:v>20.751453345304451</c:v>
                </c:pt>
                <c:pt idx="5620">
                  <c:v>20.756296523894001</c:v>
                </c:pt>
                <c:pt idx="5621">
                  <c:v>20.756296523894001</c:v>
                </c:pt>
                <c:pt idx="5622">
                  <c:v>20.756296523894001</c:v>
                </c:pt>
                <c:pt idx="5623">
                  <c:v>20.756296523894001</c:v>
                </c:pt>
                <c:pt idx="5624">
                  <c:v>20.756296523894001</c:v>
                </c:pt>
                <c:pt idx="5625">
                  <c:v>20.756296523894001</c:v>
                </c:pt>
                <c:pt idx="5626">
                  <c:v>20.756296523894001</c:v>
                </c:pt>
                <c:pt idx="5627">
                  <c:v>20.756296523894001</c:v>
                </c:pt>
                <c:pt idx="5628">
                  <c:v>20.756296523894001</c:v>
                </c:pt>
                <c:pt idx="5629">
                  <c:v>20.761139702483547</c:v>
                </c:pt>
                <c:pt idx="5630">
                  <c:v>20.761139702483547</c:v>
                </c:pt>
                <c:pt idx="5631">
                  <c:v>20.761139702483547</c:v>
                </c:pt>
                <c:pt idx="5632">
                  <c:v>20.761139702483547</c:v>
                </c:pt>
                <c:pt idx="5633">
                  <c:v>20.765840434643845</c:v>
                </c:pt>
                <c:pt idx="5634">
                  <c:v>20.765840434643845</c:v>
                </c:pt>
                <c:pt idx="5635">
                  <c:v>20.765840434643845</c:v>
                </c:pt>
                <c:pt idx="5636">
                  <c:v>20.765840434643845</c:v>
                </c:pt>
                <c:pt idx="5637">
                  <c:v>20.765840434643845</c:v>
                </c:pt>
                <c:pt idx="5638">
                  <c:v>20.765840434643845</c:v>
                </c:pt>
                <c:pt idx="5639">
                  <c:v>20.770683613233395</c:v>
                </c:pt>
                <c:pt idx="5640">
                  <c:v>20.765840434643845</c:v>
                </c:pt>
                <c:pt idx="5641">
                  <c:v>20.765840434643845</c:v>
                </c:pt>
                <c:pt idx="5642">
                  <c:v>20.765840434643845</c:v>
                </c:pt>
                <c:pt idx="5643">
                  <c:v>20.765840434643845</c:v>
                </c:pt>
                <c:pt idx="5644">
                  <c:v>20.765840434643845</c:v>
                </c:pt>
                <c:pt idx="5645">
                  <c:v>20.765840434643845</c:v>
                </c:pt>
                <c:pt idx="5646">
                  <c:v>20.765840434643845</c:v>
                </c:pt>
                <c:pt idx="5647">
                  <c:v>20.765840434643845</c:v>
                </c:pt>
                <c:pt idx="5648">
                  <c:v>20.765840434643845</c:v>
                </c:pt>
                <c:pt idx="5649">
                  <c:v>20.761139702483547</c:v>
                </c:pt>
                <c:pt idx="5650">
                  <c:v>20.761139702483547</c:v>
                </c:pt>
                <c:pt idx="5651">
                  <c:v>20.761139702483547</c:v>
                </c:pt>
                <c:pt idx="5652">
                  <c:v>20.761139702483547</c:v>
                </c:pt>
                <c:pt idx="5653">
                  <c:v>20.756296523894001</c:v>
                </c:pt>
                <c:pt idx="5654">
                  <c:v>20.756296523894001</c:v>
                </c:pt>
                <c:pt idx="5655">
                  <c:v>20.756296523894001</c:v>
                </c:pt>
                <c:pt idx="5656">
                  <c:v>20.756296523894001</c:v>
                </c:pt>
                <c:pt idx="5657">
                  <c:v>20.756296523894001</c:v>
                </c:pt>
                <c:pt idx="5658">
                  <c:v>20.751453345304451</c:v>
                </c:pt>
                <c:pt idx="5659">
                  <c:v>20.751453345304451</c:v>
                </c:pt>
                <c:pt idx="5660">
                  <c:v>20.751453345304451</c:v>
                </c:pt>
                <c:pt idx="5661">
                  <c:v>20.751453345304451</c:v>
                </c:pt>
                <c:pt idx="5662">
                  <c:v>20.751453345304451</c:v>
                </c:pt>
                <c:pt idx="5663">
                  <c:v>20.74661016671503</c:v>
                </c:pt>
                <c:pt idx="5664">
                  <c:v>20.74661016671503</c:v>
                </c:pt>
                <c:pt idx="5665">
                  <c:v>20.74661016671503</c:v>
                </c:pt>
                <c:pt idx="5666">
                  <c:v>20.74661016671503</c:v>
                </c:pt>
                <c:pt idx="5667">
                  <c:v>20.74661016671503</c:v>
                </c:pt>
                <c:pt idx="5668">
                  <c:v>20.74661016671503</c:v>
                </c:pt>
                <c:pt idx="5669">
                  <c:v>20.74661016671503</c:v>
                </c:pt>
                <c:pt idx="5670">
                  <c:v>20.74661016671503</c:v>
                </c:pt>
                <c:pt idx="5671">
                  <c:v>20.74661016671503</c:v>
                </c:pt>
                <c:pt idx="5672">
                  <c:v>20.74661016671503</c:v>
                </c:pt>
                <c:pt idx="5673">
                  <c:v>20.74661016671503</c:v>
                </c:pt>
                <c:pt idx="5674">
                  <c:v>20.74661016671503</c:v>
                </c:pt>
                <c:pt idx="5675">
                  <c:v>20.74661016671503</c:v>
                </c:pt>
                <c:pt idx="5676">
                  <c:v>20.74661016671503</c:v>
                </c:pt>
                <c:pt idx="5677">
                  <c:v>20.74661016671503</c:v>
                </c:pt>
                <c:pt idx="5678">
                  <c:v>20.74661016671503</c:v>
                </c:pt>
                <c:pt idx="5679">
                  <c:v>20.751453345304451</c:v>
                </c:pt>
                <c:pt idx="5680">
                  <c:v>20.751453345304451</c:v>
                </c:pt>
                <c:pt idx="5681">
                  <c:v>20.751453345304451</c:v>
                </c:pt>
                <c:pt idx="5682">
                  <c:v>20.751453345304451</c:v>
                </c:pt>
                <c:pt idx="5683">
                  <c:v>20.751453345304451</c:v>
                </c:pt>
                <c:pt idx="5684">
                  <c:v>20.756296523894001</c:v>
                </c:pt>
                <c:pt idx="5685">
                  <c:v>20.756296523894001</c:v>
                </c:pt>
                <c:pt idx="5686">
                  <c:v>20.756296523894001</c:v>
                </c:pt>
                <c:pt idx="5687">
                  <c:v>20.756296523894001</c:v>
                </c:pt>
                <c:pt idx="5688">
                  <c:v>20.761139702483547</c:v>
                </c:pt>
                <c:pt idx="5689">
                  <c:v>20.761139702483547</c:v>
                </c:pt>
                <c:pt idx="5690">
                  <c:v>20.761139702483547</c:v>
                </c:pt>
                <c:pt idx="5691">
                  <c:v>20.761139702483547</c:v>
                </c:pt>
                <c:pt idx="5692">
                  <c:v>20.761139702483547</c:v>
                </c:pt>
                <c:pt idx="5693">
                  <c:v>20.761139702483547</c:v>
                </c:pt>
                <c:pt idx="5694">
                  <c:v>20.761139702483547</c:v>
                </c:pt>
                <c:pt idx="5695">
                  <c:v>20.761139702483547</c:v>
                </c:pt>
                <c:pt idx="5696">
                  <c:v>20.761139702483547</c:v>
                </c:pt>
                <c:pt idx="5697">
                  <c:v>20.761139702483547</c:v>
                </c:pt>
                <c:pt idx="5698">
                  <c:v>20.761139702483547</c:v>
                </c:pt>
                <c:pt idx="5699">
                  <c:v>20.761139702483547</c:v>
                </c:pt>
                <c:pt idx="5700">
                  <c:v>20.765840434643845</c:v>
                </c:pt>
                <c:pt idx="5701">
                  <c:v>20.765840434643845</c:v>
                </c:pt>
                <c:pt idx="5702">
                  <c:v>20.761139702483547</c:v>
                </c:pt>
                <c:pt idx="5703">
                  <c:v>20.761139702483547</c:v>
                </c:pt>
                <c:pt idx="5704">
                  <c:v>20.761139702483547</c:v>
                </c:pt>
                <c:pt idx="5705">
                  <c:v>20.761139702483547</c:v>
                </c:pt>
                <c:pt idx="5706">
                  <c:v>20.761139702483547</c:v>
                </c:pt>
                <c:pt idx="5707">
                  <c:v>20.761139702483547</c:v>
                </c:pt>
                <c:pt idx="5708">
                  <c:v>20.761139702483547</c:v>
                </c:pt>
                <c:pt idx="5709">
                  <c:v>20.761139702483547</c:v>
                </c:pt>
                <c:pt idx="5710">
                  <c:v>20.765840434643845</c:v>
                </c:pt>
                <c:pt idx="5711">
                  <c:v>20.765840434643845</c:v>
                </c:pt>
                <c:pt idx="5712">
                  <c:v>20.765840434643845</c:v>
                </c:pt>
                <c:pt idx="5713">
                  <c:v>20.765840434643845</c:v>
                </c:pt>
                <c:pt idx="5714">
                  <c:v>20.765840434643845</c:v>
                </c:pt>
                <c:pt idx="5715">
                  <c:v>20.770683613233395</c:v>
                </c:pt>
                <c:pt idx="5716">
                  <c:v>20.770683613233395</c:v>
                </c:pt>
                <c:pt idx="5717">
                  <c:v>20.770683613233395</c:v>
                </c:pt>
                <c:pt idx="5718">
                  <c:v>20.770683613233395</c:v>
                </c:pt>
                <c:pt idx="5719">
                  <c:v>20.770683613233395</c:v>
                </c:pt>
                <c:pt idx="5720">
                  <c:v>20.775526791822944</c:v>
                </c:pt>
                <c:pt idx="5721">
                  <c:v>20.775526791822944</c:v>
                </c:pt>
                <c:pt idx="5722">
                  <c:v>20.770683613233395</c:v>
                </c:pt>
                <c:pt idx="5723">
                  <c:v>20.770683613233395</c:v>
                </c:pt>
                <c:pt idx="5724">
                  <c:v>20.770683613233395</c:v>
                </c:pt>
                <c:pt idx="5725">
                  <c:v>20.770683613233395</c:v>
                </c:pt>
                <c:pt idx="5726">
                  <c:v>20.770683613233395</c:v>
                </c:pt>
                <c:pt idx="5727">
                  <c:v>20.770683613233395</c:v>
                </c:pt>
                <c:pt idx="5728">
                  <c:v>20.770683613233395</c:v>
                </c:pt>
                <c:pt idx="5729">
                  <c:v>20.770683613233395</c:v>
                </c:pt>
                <c:pt idx="5730">
                  <c:v>20.770683613233395</c:v>
                </c:pt>
                <c:pt idx="5731">
                  <c:v>20.770683613233395</c:v>
                </c:pt>
                <c:pt idx="5732">
                  <c:v>20.770683613233395</c:v>
                </c:pt>
                <c:pt idx="5733">
                  <c:v>20.770683613233395</c:v>
                </c:pt>
                <c:pt idx="5734">
                  <c:v>20.765840434643845</c:v>
                </c:pt>
                <c:pt idx="5735">
                  <c:v>20.765840434643845</c:v>
                </c:pt>
                <c:pt idx="5736">
                  <c:v>20.765840434643845</c:v>
                </c:pt>
                <c:pt idx="5737">
                  <c:v>20.765840434643845</c:v>
                </c:pt>
                <c:pt idx="5738">
                  <c:v>20.765840434643845</c:v>
                </c:pt>
                <c:pt idx="5739">
                  <c:v>20.765840434643845</c:v>
                </c:pt>
                <c:pt idx="5740">
                  <c:v>20.765840434643845</c:v>
                </c:pt>
                <c:pt idx="5741">
                  <c:v>20.765840434643845</c:v>
                </c:pt>
                <c:pt idx="5742">
                  <c:v>20.765840434643845</c:v>
                </c:pt>
                <c:pt idx="5743">
                  <c:v>20.765840434643845</c:v>
                </c:pt>
                <c:pt idx="5744">
                  <c:v>20.765840434643845</c:v>
                </c:pt>
                <c:pt idx="5745">
                  <c:v>20.761139702483547</c:v>
                </c:pt>
                <c:pt idx="5746">
                  <c:v>20.765840434643845</c:v>
                </c:pt>
                <c:pt idx="5747">
                  <c:v>20.765840434643845</c:v>
                </c:pt>
                <c:pt idx="5748">
                  <c:v>20.770683613233395</c:v>
                </c:pt>
                <c:pt idx="5749">
                  <c:v>20.775526791822944</c:v>
                </c:pt>
                <c:pt idx="5750">
                  <c:v>20.775526791822944</c:v>
                </c:pt>
                <c:pt idx="5751">
                  <c:v>20.775526791822944</c:v>
                </c:pt>
                <c:pt idx="5752">
                  <c:v>20.775526791822944</c:v>
                </c:pt>
                <c:pt idx="5753">
                  <c:v>20.775526791822944</c:v>
                </c:pt>
                <c:pt idx="5754">
                  <c:v>20.78022752398337</c:v>
                </c:pt>
                <c:pt idx="5755">
                  <c:v>20.78022752398337</c:v>
                </c:pt>
                <c:pt idx="5756">
                  <c:v>20.78022752398337</c:v>
                </c:pt>
                <c:pt idx="5757">
                  <c:v>20.785070702572792</c:v>
                </c:pt>
                <c:pt idx="5758">
                  <c:v>20.785070702572792</c:v>
                </c:pt>
                <c:pt idx="5759">
                  <c:v>20.789913881162342</c:v>
                </c:pt>
                <c:pt idx="5760">
                  <c:v>20.789913881162342</c:v>
                </c:pt>
                <c:pt idx="5761">
                  <c:v>20.789913881162342</c:v>
                </c:pt>
                <c:pt idx="5762">
                  <c:v>20.789913881162342</c:v>
                </c:pt>
                <c:pt idx="5763">
                  <c:v>20.789913881162342</c:v>
                </c:pt>
                <c:pt idx="5764">
                  <c:v>20.789913881162342</c:v>
                </c:pt>
                <c:pt idx="5765">
                  <c:v>20.794614613322764</c:v>
                </c:pt>
                <c:pt idx="5766">
                  <c:v>20.794614613322764</c:v>
                </c:pt>
                <c:pt idx="5767">
                  <c:v>20.794614613322764</c:v>
                </c:pt>
                <c:pt idx="5768">
                  <c:v>20.794614613322764</c:v>
                </c:pt>
                <c:pt idx="5769">
                  <c:v>20.794614613322764</c:v>
                </c:pt>
                <c:pt idx="5770">
                  <c:v>20.799457791912186</c:v>
                </c:pt>
                <c:pt idx="5771">
                  <c:v>20.799457791912186</c:v>
                </c:pt>
                <c:pt idx="5772">
                  <c:v>20.799457791912186</c:v>
                </c:pt>
                <c:pt idx="5773">
                  <c:v>20.799457791912186</c:v>
                </c:pt>
                <c:pt idx="5774">
                  <c:v>20.799457791912186</c:v>
                </c:pt>
                <c:pt idx="5775">
                  <c:v>20.794614613322764</c:v>
                </c:pt>
                <c:pt idx="5776">
                  <c:v>20.794614613322764</c:v>
                </c:pt>
                <c:pt idx="5777">
                  <c:v>20.794614613322764</c:v>
                </c:pt>
                <c:pt idx="5778">
                  <c:v>20.794614613322764</c:v>
                </c:pt>
                <c:pt idx="5779">
                  <c:v>20.794614613322764</c:v>
                </c:pt>
                <c:pt idx="5780">
                  <c:v>20.794614613322764</c:v>
                </c:pt>
                <c:pt idx="5781">
                  <c:v>20.794614613322764</c:v>
                </c:pt>
                <c:pt idx="5782">
                  <c:v>20.794614613322764</c:v>
                </c:pt>
                <c:pt idx="5783">
                  <c:v>20.794614613322764</c:v>
                </c:pt>
                <c:pt idx="5784">
                  <c:v>20.789913881162342</c:v>
                </c:pt>
                <c:pt idx="5785">
                  <c:v>20.789913881162342</c:v>
                </c:pt>
                <c:pt idx="5786">
                  <c:v>20.789913881162342</c:v>
                </c:pt>
                <c:pt idx="5787">
                  <c:v>20.789913881162342</c:v>
                </c:pt>
                <c:pt idx="5788">
                  <c:v>20.789913881162342</c:v>
                </c:pt>
                <c:pt idx="5789">
                  <c:v>20.789913881162342</c:v>
                </c:pt>
                <c:pt idx="5790">
                  <c:v>20.794614613322764</c:v>
                </c:pt>
                <c:pt idx="5791">
                  <c:v>20.794614613322764</c:v>
                </c:pt>
                <c:pt idx="5792">
                  <c:v>20.794614613322764</c:v>
                </c:pt>
                <c:pt idx="5793">
                  <c:v>20.794614613322764</c:v>
                </c:pt>
                <c:pt idx="5794">
                  <c:v>20.789913881162342</c:v>
                </c:pt>
                <c:pt idx="5795">
                  <c:v>20.789913881162342</c:v>
                </c:pt>
                <c:pt idx="5796">
                  <c:v>20.789913881162342</c:v>
                </c:pt>
                <c:pt idx="5797">
                  <c:v>20.789913881162342</c:v>
                </c:pt>
                <c:pt idx="5798">
                  <c:v>20.789913881162342</c:v>
                </c:pt>
                <c:pt idx="5799">
                  <c:v>20.789913881162342</c:v>
                </c:pt>
                <c:pt idx="5800">
                  <c:v>20.794614613322764</c:v>
                </c:pt>
                <c:pt idx="5801">
                  <c:v>20.794614613322764</c:v>
                </c:pt>
                <c:pt idx="5802">
                  <c:v>20.794614613322764</c:v>
                </c:pt>
                <c:pt idx="5803">
                  <c:v>20.799457791912186</c:v>
                </c:pt>
                <c:pt idx="5804">
                  <c:v>20.799457791912186</c:v>
                </c:pt>
                <c:pt idx="5805">
                  <c:v>20.799457791912186</c:v>
                </c:pt>
                <c:pt idx="5806">
                  <c:v>20.794614613322764</c:v>
                </c:pt>
                <c:pt idx="5807">
                  <c:v>20.799457791912186</c:v>
                </c:pt>
                <c:pt idx="5808">
                  <c:v>20.799457791912186</c:v>
                </c:pt>
                <c:pt idx="5809">
                  <c:v>20.799457791912186</c:v>
                </c:pt>
                <c:pt idx="5810">
                  <c:v>20.799457791912186</c:v>
                </c:pt>
                <c:pt idx="5811">
                  <c:v>20.799457791912186</c:v>
                </c:pt>
                <c:pt idx="5812">
                  <c:v>20.804300970501735</c:v>
                </c:pt>
                <c:pt idx="5813">
                  <c:v>20.804300970501735</c:v>
                </c:pt>
                <c:pt idx="5814">
                  <c:v>20.804300970501735</c:v>
                </c:pt>
                <c:pt idx="5815">
                  <c:v>20.804300970501735</c:v>
                </c:pt>
                <c:pt idx="5816">
                  <c:v>20.804300970501735</c:v>
                </c:pt>
                <c:pt idx="5817">
                  <c:v>20.804300970501735</c:v>
                </c:pt>
                <c:pt idx="5818">
                  <c:v>20.804300970501735</c:v>
                </c:pt>
                <c:pt idx="5819">
                  <c:v>20.809001702662162</c:v>
                </c:pt>
                <c:pt idx="5820">
                  <c:v>20.809001702662162</c:v>
                </c:pt>
                <c:pt idx="5821">
                  <c:v>20.813844881251583</c:v>
                </c:pt>
                <c:pt idx="5822">
                  <c:v>20.813844881251583</c:v>
                </c:pt>
                <c:pt idx="5823">
                  <c:v>20.818688059841129</c:v>
                </c:pt>
                <c:pt idx="5824">
                  <c:v>20.818688059841129</c:v>
                </c:pt>
                <c:pt idx="5825">
                  <c:v>20.818688059841129</c:v>
                </c:pt>
                <c:pt idx="5826">
                  <c:v>20.818688059841129</c:v>
                </c:pt>
                <c:pt idx="5827">
                  <c:v>20.818688059841129</c:v>
                </c:pt>
                <c:pt idx="5828">
                  <c:v>20.818688059841129</c:v>
                </c:pt>
                <c:pt idx="5829">
                  <c:v>20.818688059841129</c:v>
                </c:pt>
                <c:pt idx="5830">
                  <c:v>20.823388792001555</c:v>
                </c:pt>
                <c:pt idx="5831">
                  <c:v>20.823388792001555</c:v>
                </c:pt>
                <c:pt idx="5832">
                  <c:v>20.823388792001555</c:v>
                </c:pt>
                <c:pt idx="5833">
                  <c:v>20.828231970590977</c:v>
                </c:pt>
                <c:pt idx="5834">
                  <c:v>20.828231970590977</c:v>
                </c:pt>
                <c:pt idx="5835">
                  <c:v>20.828231970590977</c:v>
                </c:pt>
                <c:pt idx="5836">
                  <c:v>20.828231970590977</c:v>
                </c:pt>
                <c:pt idx="5837">
                  <c:v>20.828231970590977</c:v>
                </c:pt>
                <c:pt idx="5838">
                  <c:v>20.828231970590977</c:v>
                </c:pt>
                <c:pt idx="5839">
                  <c:v>20.823388792001555</c:v>
                </c:pt>
                <c:pt idx="5840">
                  <c:v>20.823388792001555</c:v>
                </c:pt>
                <c:pt idx="5841">
                  <c:v>20.823388792001555</c:v>
                </c:pt>
                <c:pt idx="5842">
                  <c:v>20.823388792001555</c:v>
                </c:pt>
                <c:pt idx="5843">
                  <c:v>20.823388792001555</c:v>
                </c:pt>
                <c:pt idx="5844">
                  <c:v>20.823388792001555</c:v>
                </c:pt>
                <c:pt idx="5845">
                  <c:v>20.823388792001555</c:v>
                </c:pt>
                <c:pt idx="5846">
                  <c:v>20.823388792001555</c:v>
                </c:pt>
                <c:pt idx="5847">
                  <c:v>20.823388792001555</c:v>
                </c:pt>
                <c:pt idx="5848">
                  <c:v>20.818688059841129</c:v>
                </c:pt>
                <c:pt idx="5849">
                  <c:v>20.818688059841129</c:v>
                </c:pt>
                <c:pt idx="5850">
                  <c:v>20.818688059841129</c:v>
                </c:pt>
                <c:pt idx="5851">
                  <c:v>20.818688059841129</c:v>
                </c:pt>
                <c:pt idx="5852">
                  <c:v>20.818688059841129</c:v>
                </c:pt>
                <c:pt idx="5853">
                  <c:v>20.818688059841129</c:v>
                </c:pt>
                <c:pt idx="5854">
                  <c:v>20.818688059841129</c:v>
                </c:pt>
                <c:pt idx="5855">
                  <c:v>20.818688059841129</c:v>
                </c:pt>
                <c:pt idx="5856">
                  <c:v>20.818688059841129</c:v>
                </c:pt>
                <c:pt idx="5857">
                  <c:v>20.818688059841129</c:v>
                </c:pt>
                <c:pt idx="5858">
                  <c:v>20.818688059841129</c:v>
                </c:pt>
                <c:pt idx="5859">
                  <c:v>20.818688059841129</c:v>
                </c:pt>
                <c:pt idx="5860">
                  <c:v>20.818688059841129</c:v>
                </c:pt>
                <c:pt idx="5861">
                  <c:v>20.813844881251583</c:v>
                </c:pt>
                <c:pt idx="5862">
                  <c:v>20.813844881251583</c:v>
                </c:pt>
                <c:pt idx="5863">
                  <c:v>20.813844881251583</c:v>
                </c:pt>
                <c:pt idx="5864">
                  <c:v>20.818688059841129</c:v>
                </c:pt>
                <c:pt idx="5865">
                  <c:v>20.818688059841129</c:v>
                </c:pt>
                <c:pt idx="5866">
                  <c:v>20.818688059841129</c:v>
                </c:pt>
                <c:pt idx="5867">
                  <c:v>20.818688059841129</c:v>
                </c:pt>
                <c:pt idx="5868">
                  <c:v>20.818688059841129</c:v>
                </c:pt>
                <c:pt idx="5869">
                  <c:v>20.818688059841129</c:v>
                </c:pt>
                <c:pt idx="5870">
                  <c:v>20.818688059841129</c:v>
                </c:pt>
                <c:pt idx="5871">
                  <c:v>20.818688059841129</c:v>
                </c:pt>
                <c:pt idx="5872">
                  <c:v>20.818688059841129</c:v>
                </c:pt>
                <c:pt idx="5873">
                  <c:v>20.823388792001555</c:v>
                </c:pt>
                <c:pt idx="5874">
                  <c:v>20.823388792001555</c:v>
                </c:pt>
                <c:pt idx="5875">
                  <c:v>20.823388792001555</c:v>
                </c:pt>
                <c:pt idx="5876">
                  <c:v>20.823388792001555</c:v>
                </c:pt>
                <c:pt idx="5877">
                  <c:v>20.823388792001555</c:v>
                </c:pt>
                <c:pt idx="5878">
                  <c:v>20.828231970590977</c:v>
                </c:pt>
                <c:pt idx="5879">
                  <c:v>20.828231970590977</c:v>
                </c:pt>
                <c:pt idx="5880">
                  <c:v>20.828231970590977</c:v>
                </c:pt>
                <c:pt idx="5881">
                  <c:v>20.828231970590977</c:v>
                </c:pt>
                <c:pt idx="5882">
                  <c:v>20.828231970590977</c:v>
                </c:pt>
                <c:pt idx="5883">
                  <c:v>20.83307514918053</c:v>
                </c:pt>
                <c:pt idx="5884">
                  <c:v>20.83307514918053</c:v>
                </c:pt>
                <c:pt idx="5885">
                  <c:v>20.83307514918053</c:v>
                </c:pt>
                <c:pt idx="5886">
                  <c:v>20.83307514918053</c:v>
                </c:pt>
                <c:pt idx="5887">
                  <c:v>20.83307514918053</c:v>
                </c:pt>
                <c:pt idx="5888">
                  <c:v>20.83307514918053</c:v>
                </c:pt>
                <c:pt idx="5889">
                  <c:v>20.83307514918053</c:v>
                </c:pt>
                <c:pt idx="5890">
                  <c:v>20.83307514918053</c:v>
                </c:pt>
                <c:pt idx="5891">
                  <c:v>20.83307514918053</c:v>
                </c:pt>
                <c:pt idx="5892">
                  <c:v>20.83307514918053</c:v>
                </c:pt>
                <c:pt idx="5893">
                  <c:v>20.83307514918053</c:v>
                </c:pt>
                <c:pt idx="5894">
                  <c:v>20.83307514918053</c:v>
                </c:pt>
                <c:pt idx="5895">
                  <c:v>20.83307514918053</c:v>
                </c:pt>
                <c:pt idx="5896">
                  <c:v>20.83307514918053</c:v>
                </c:pt>
                <c:pt idx="5897">
                  <c:v>20.83307514918053</c:v>
                </c:pt>
                <c:pt idx="5898">
                  <c:v>20.828231970590977</c:v>
                </c:pt>
                <c:pt idx="5899">
                  <c:v>20.828231970590977</c:v>
                </c:pt>
                <c:pt idx="5900">
                  <c:v>20.828231970590977</c:v>
                </c:pt>
                <c:pt idx="5901">
                  <c:v>20.823388792001555</c:v>
                </c:pt>
                <c:pt idx="5902">
                  <c:v>20.823388792001555</c:v>
                </c:pt>
                <c:pt idx="5903">
                  <c:v>20.823388792001555</c:v>
                </c:pt>
                <c:pt idx="5904">
                  <c:v>20.823388792001555</c:v>
                </c:pt>
                <c:pt idx="5905">
                  <c:v>20.823388792001555</c:v>
                </c:pt>
                <c:pt idx="5906">
                  <c:v>20.823388792001555</c:v>
                </c:pt>
                <c:pt idx="5907">
                  <c:v>20.823388792001555</c:v>
                </c:pt>
                <c:pt idx="5908">
                  <c:v>20.823388792001555</c:v>
                </c:pt>
                <c:pt idx="5909">
                  <c:v>20.823388792001555</c:v>
                </c:pt>
                <c:pt idx="5910">
                  <c:v>20.823388792001555</c:v>
                </c:pt>
                <c:pt idx="5911">
                  <c:v>20.823388792001555</c:v>
                </c:pt>
                <c:pt idx="5912">
                  <c:v>20.823388792001555</c:v>
                </c:pt>
                <c:pt idx="5913">
                  <c:v>20.823388792001555</c:v>
                </c:pt>
                <c:pt idx="5914">
                  <c:v>20.823388792001555</c:v>
                </c:pt>
                <c:pt idx="5915">
                  <c:v>20.823388792001555</c:v>
                </c:pt>
                <c:pt idx="5916">
                  <c:v>20.823388792001555</c:v>
                </c:pt>
                <c:pt idx="5917">
                  <c:v>20.828231970590977</c:v>
                </c:pt>
                <c:pt idx="5918">
                  <c:v>20.828231970590977</c:v>
                </c:pt>
                <c:pt idx="5919">
                  <c:v>20.83307514918053</c:v>
                </c:pt>
                <c:pt idx="5920">
                  <c:v>20.83307514918053</c:v>
                </c:pt>
                <c:pt idx="5921">
                  <c:v>20.83307514918053</c:v>
                </c:pt>
                <c:pt idx="5922">
                  <c:v>20.83307514918053</c:v>
                </c:pt>
                <c:pt idx="5923">
                  <c:v>20.83307514918053</c:v>
                </c:pt>
                <c:pt idx="5924">
                  <c:v>20.83307514918053</c:v>
                </c:pt>
                <c:pt idx="5925">
                  <c:v>20.837775881340949</c:v>
                </c:pt>
                <c:pt idx="5926">
                  <c:v>20.837775881340949</c:v>
                </c:pt>
                <c:pt idx="5927">
                  <c:v>20.837775881340949</c:v>
                </c:pt>
                <c:pt idx="5928">
                  <c:v>20.842619059930502</c:v>
                </c:pt>
                <c:pt idx="5929">
                  <c:v>20.842619059930502</c:v>
                </c:pt>
                <c:pt idx="5930">
                  <c:v>20.837775881340949</c:v>
                </c:pt>
                <c:pt idx="5931">
                  <c:v>20.837775881340949</c:v>
                </c:pt>
                <c:pt idx="5932">
                  <c:v>20.837775881340949</c:v>
                </c:pt>
                <c:pt idx="5933">
                  <c:v>20.837775881340949</c:v>
                </c:pt>
                <c:pt idx="5934">
                  <c:v>20.837775881340949</c:v>
                </c:pt>
                <c:pt idx="5935">
                  <c:v>20.837775881340949</c:v>
                </c:pt>
                <c:pt idx="5936">
                  <c:v>20.837775881340949</c:v>
                </c:pt>
                <c:pt idx="5937">
                  <c:v>20.837775881340949</c:v>
                </c:pt>
                <c:pt idx="5938">
                  <c:v>20.837775881340949</c:v>
                </c:pt>
                <c:pt idx="5939">
                  <c:v>20.83307514918053</c:v>
                </c:pt>
                <c:pt idx="5940">
                  <c:v>20.83307514918053</c:v>
                </c:pt>
                <c:pt idx="5941">
                  <c:v>20.83307514918053</c:v>
                </c:pt>
                <c:pt idx="5942">
                  <c:v>20.83307514918053</c:v>
                </c:pt>
                <c:pt idx="5943">
                  <c:v>20.83307514918053</c:v>
                </c:pt>
                <c:pt idx="5944">
                  <c:v>20.828231970590977</c:v>
                </c:pt>
                <c:pt idx="5945">
                  <c:v>20.828231970590977</c:v>
                </c:pt>
                <c:pt idx="5946">
                  <c:v>20.828231970590977</c:v>
                </c:pt>
                <c:pt idx="5947">
                  <c:v>20.828231970590977</c:v>
                </c:pt>
                <c:pt idx="5948">
                  <c:v>20.828231970590977</c:v>
                </c:pt>
                <c:pt idx="5949">
                  <c:v>20.828231970590977</c:v>
                </c:pt>
                <c:pt idx="5950">
                  <c:v>20.828231970590977</c:v>
                </c:pt>
                <c:pt idx="5951">
                  <c:v>20.828231970590977</c:v>
                </c:pt>
                <c:pt idx="5952">
                  <c:v>20.823388792001555</c:v>
                </c:pt>
                <c:pt idx="5953">
                  <c:v>20.823388792001555</c:v>
                </c:pt>
                <c:pt idx="5954">
                  <c:v>20.823388792001555</c:v>
                </c:pt>
                <c:pt idx="5955">
                  <c:v>20.828231970590977</c:v>
                </c:pt>
                <c:pt idx="5956">
                  <c:v>20.828231970590977</c:v>
                </c:pt>
                <c:pt idx="5957">
                  <c:v>20.828231970590977</c:v>
                </c:pt>
                <c:pt idx="5958">
                  <c:v>20.828231970590977</c:v>
                </c:pt>
                <c:pt idx="5959">
                  <c:v>20.83307514918053</c:v>
                </c:pt>
                <c:pt idx="5960">
                  <c:v>20.83307514918053</c:v>
                </c:pt>
                <c:pt idx="5961">
                  <c:v>20.83307514918053</c:v>
                </c:pt>
                <c:pt idx="5962">
                  <c:v>20.83307514918053</c:v>
                </c:pt>
                <c:pt idx="5963">
                  <c:v>20.83307514918053</c:v>
                </c:pt>
                <c:pt idx="5964">
                  <c:v>20.837775881340949</c:v>
                </c:pt>
                <c:pt idx="5965">
                  <c:v>20.837775881340949</c:v>
                </c:pt>
                <c:pt idx="5966">
                  <c:v>20.837775881340949</c:v>
                </c:pt>
                <c:pt idx="5967">
                  <c:v>20.842619059930502</c:v>
                </c:pt>
                <c:pt idx="5968">
                  <c:v>20.842619059930502</c:v>
                </c:pt>
                <c:pt idx="5969">
                  <c:v>20.847462238519924</c:v>
                </c:pt>
                <c:pt idx="5970">
                  <c:v>20.847462238519924</c:v>
                </c:pt>
                <c:pt idx="5971">
                  <c:v>20.85216297068035</c:v>
                </c:pt>
                <c:pt idx="5972">
                  <c:v>20.85216297068035</c:v>
                </c:pt>
                <c:pt idx="5973">
                  <c:v>20.857006149269896</c:v>
                </c:pt>
                <c:pt idx="5974">
                  <c:v>20.857006149269896</c:v>
                </c:pt>
                <c:pt idx="5975">
                  <c:v>20.861849327859318</c:v>
                </c:pt>
                <c:pt idx="5976">
                  <c:v>20.861849327859318</c:v>
                </c:pt>
                <c:pt idx="5977">
                  <c:v>20.866550060019744</c:v>
                </c:pt>
                <c:pt idx="5978">
                  <c:v>20.866550060019744</c:v>
                </c:pt>
                <c:pt idx="5979">
                  <c:v>20.866550060019744</c:v>
                </c:pt>
                <c:pt idx="5980">
                  <c:v>20.866550060019744</c:v>
                </c:pt>
                <c:pt idx="5981">
                  <c:v>20.866550060019744</c:v>
                </c:pt>
                <c:pt idx="5982">
                  <c:v>20.866550060019744</c:v>
                </c:pt>
                <c:pt idx="5983">
                  <c:v>20.866550060019744</c:v>
                </c:pt>
                <c:pt idx="5984">
                  <c:v>20.866550060019744</c:v>
                </c:pt>
                <c:pt idx="5985">
                  <c:v>20.866550060019744</c:v>
                </c:pt>
                <c:pt idx="5986">
                  <c:v>20.866550060019744</c:v>
                </c:pt>
                <c:pt idx="5987">
                  <c:v>20.866550060019744</c:v>
                </c:pt>
                <c:pt idx="5988">
                  <c:v>20.866550060019744</c:v>
                </c:pt>
                <c:pt idx="5989">
                  <c:v>20.866550060019744</c:v>
                </c:pt>
                <c:pt idx="5990">
                  <c:v>20.866550060019744</c:v>
                </c:pt>
                <c:pt idx="5991">
                  <c:v>20.866550060019744</c:v>
                </c:pt>
                <c:pt idx="5992">
                  <c:v>20.861849327859318</c:v>
                </c:pt>
                <c:pt idx="5993">
                  <c:v>20.861849327859318</c:v>
                </c:pt>
                <c:pt idx="5994">
                  <c:v>20.861849327859318</c:v>
                </c:pt>
                <c:pt idx="5995">
                  <c:v>20.857006149269896</c:v>
                </c:pt>
                <c:pt idx="5996">
                  <c:v>20.857006149269896</c:v>
                </c:pt>
                <c:pt idx="5997">
                  <c:v>20.857006149269896</c:v>
                </c:pt>
                <c:pt idx="5998">
                  <c:v>20.857006149269896</c:v>
                </c:pt>
                <c:pt idx="5999">
                  <c:v>20.857006149269896</c:v>
                </c:pt>
                <c:pt idx="6000">
                  <c:v>20.85216297068035</c:v>
                </c:pt>
                <c:pt idx="6001">
                  <c:v>20.85216297068035</c:v>
                </c:pt>
                <c:pt idx="6002">
                  <c:v>20.85216297068035</c:v>
                </c:pt>
                <c:pt idx="6003">
                  <c:v>20.85216297068035</c:v>
                </c:pt>
                <c:pt idx="6004">
                  <c:v>20.85216297068035</c:v>
                </c:pt>
                <c:pt idx="6005">
                  <c:v>20.85216297068035</c:v>
                </c:pt>
                <c:pt idx="6006">
                  <c:v>20.85216297068035</c:v>
                </c:pt>
                <c:pt idx="6007">
                  <c:v>20.85216297068035</c:v>
                </c:pt>
                <c:pt idx="6008">
                  <c:v>20.85216297068035</c:v>
                </c:pt>
                <c:pt idx="6009">
                  <c:v>20.857006149269896</c:v>
                </c:pt>
                <c:pt idx="6010">
                  <c:v>20.857006149269896</c:v>
                </c:pt>
                <c:pt idx="6011">
                  <c:v>20.857006149269896</c:v>
                </c:pt>
                <c:pt idx="6012">
                  <c:v>20.857006149269896</c:v>
                </c:pt>
                <c:pt idx="6013">
                  <c:v>20.857006149269896</c:v>
                </c:pt>
                <c:pt idx="6014">
                  <c:v>20.861849327859318</c:v>
                </c:pt>
                <c:pt idx="6015">
                  <c:v>20.861849327859318</c:v>
                </c:pt>
                <c:pt idx="6016">
                  <c:v>20.861849327859318</c:v>
                </c:pt>
                <c:pt idx="6017">
                  <c:v>20.866550060019744</c:v>
                </c:pt>
                <c:pt idx="6018">
                  <c:v>20.866550060019744</c:v>
                </c:pt>
                <c:pt idx="6019">
                  <c:v>20.866550060019744</c:v>
                </c:pt>
                <c:pt idx="6020">
                  <c:v>20.866550060019744</c:v>
                </c:pt>
                <c:pt idx="6021">
                  <c:v>20.866550060019744</c:v>
                </c:pt>
                <c:pt idx="6022">
                  <c:v>20.866550060019744</c:v>
                </c:pt>
                <c:pt idx="6023">
                  <c:v>20.866550060019744</c:v>
                </c:pt>
                <c:pt idx="6024">
                  <c:v>20.866550060019744</c:v>
                </c:pt>
                <c:pt idx="6025">
                  <c:v>20.866550060019744</c:v>
                </c:pt>
                <c:pt idx="6026">
                  <c:v>20.866550060019744</c:v>
                </c:pt>
                <c:pt idx="6027">
                  <c:v>20.87139323860929</c:v>
                </c:pt>
                <c:pt idx="6028">
                  <c:v>20.87139323860929</c:v>
                </c:pt>
                <c:pt idx="6029">
                  <c:v>20.87139323860929</c:v>
                </c:pt>
                <c:pt idx="6030">
                  <c:v>20.866550060019744</c:v>
                </c:pt>
                <c:pt idx="6031">
                  <c:v>20.87139323860929</c:v>
                </c:pt>
                <c:pt idx="6032">
                  <c:v>20.87139323860929</c:v>
                </c:pt>
                <c:pt idx="6033">
                  <c:v>20.87139323860929</c:v>
                </c:pt>
                <c:pt idx="6034">
                  <c:v>20.876236417198712</c:v>
                </c:pt>
                <c:pt idx="6035">
                  <c:v>20.876236417198712</c:v>
                </c:pt>
                <c:pt idx="6036">
                  <c:v>20.876236417198712</c:v>
                </c:pt>
                <c:pt idx="6037">
                  <c:v>20.876236417198712</c:v>
                </c:pt>
                <c:pt idx="6038">
                  <c:v>20.876236417198712</c:v>
                </c:pt>
                <c:pt idx="6039">
                  <c:v>20.876236417198712</c:v>
                </c:pt>
                <c:pt idx="6040">
                  <c:v>20.876236417198712</c:v>
                </c:pt>
                <c:pt idx="6041">
                  <c:v>20.880937149359138</c:v>
                </c:pt>
                <c:pt idx="6042">
                  <c:v>20.880937149359138</c:v>
                </c:pt>
                <c:pt idx="6043">
                  <c:v>20.885780327948687</c:v>
                </c:pt>
                <c:pt idx="6044">
                  <c:v>20.890623506538237</c:v>
                </c:pt>
                <c:pt idx="6045">
                  <c:v>20.890623506538237</c:v>
                </c:pt>
                <c:pt idx="6046">
                  <c:v>20.895324238698535</c:v>
                </c:pt>
                <c:pt idx="6047">
                  <c:v>20.895324238698535</c:v>
                </c:pt>
                <c:pt idx="6048">
                  <c:v>20.900167417288085</c:v>
                </c:pt>
                <c:pt idx="6049">
                  <c:v>20.900167417288085</c:v>
                </c:pt>
                <c:pt idx="6050">
                  <c:v>20.905010595877631</c:v>
                </c:pt>
                <c:pt idx="6051">
                  <c:v>20.905010595877631</c:v>
                </c:pt>
                <c:pt idx="6052">
                  <c:v>20.905010595877631</c:v>
                </c:pt>
                <c:pt idx="6053">
                  <c:v>20.909711328037933</c:v>
                </c:pt>
                <c:pt idx="6054">
                  <c:v>20.909711328037933</c:v>
                </c:pt>
                <c:pt idx="6055">
                  <c:v>20.909711328037933</c:v>
                </c:pt>
                <c:pt idx="6056">
                  <c:v>20.909711328037933</c:v>
                </c:pt>
                <c:pt idx="6057">
                  <c:v>20.909711328037933</c:v>
                </c:pt>
                <c:pt idx="6058">
                  <c:v>20.909711328037933</c:v>
                </c:pt>
                <c:pt idx="6059">
                  <c:v>20.914554506627479</c:v>
                </c:pt>
                <c:pt idx="6060">
                  <c:v>20.914554506627479</c:v>
                </c:pt>
                <c:pt idx="6061">
                  <c:v>20.914554506627479</c:v>
                </c:pt>
                <c:pt idx="6062">
                  <c:v>20.914554506627479</c:v>
                </c:pt>
                <c:pt idx="6063">
                  <c:v>20.914554506627479</c:v>
                </c:pt>
                <c:pt idx="6064">
                  <c:v>20.914554506627479</c:v>
                </c:pt>
                <c:pt idx="6065">
                  <c:v>20.914554506627479</c:v>
                </c:pt>
                <c:pt idx="6066">
                  <c:v>20.914554506627479</c:v>
                </c:pt>
                <c:pt idx="6067">
                  <c:v>20.914554506627479</c:v>
                </c:pt>
                <c:pt idx="6068">
                  <c:v>20.909711328037933</c:v>
                </c:pt>
                <c:pt idx="6069">
                  <c:v>20.909711328037933</c:v>
                </c:pt>
                <c:pt idx="6070">
                  <c:v>20.905010595877631</c:v>
                </c:pt>
                <c:pt idx="6071">
                  <c:v>20.905010595877631</c:v>
                </c:pt>
                <c:pt idx="6072">
                  <c:v>20.905010595877631</c:v>
                </c:pt>
                <c:pt idx="6073">
                  <c:v>20.909711328037933</c:v>
                </c:pt>
                <c:pt idx="6074">
                  <c:v>20.909711328037933</c:v>
                </c:pt>
                <c:pt idx="6075">
                  <c:v>20.909711328037933</c:v>
                </c:pt>
                <c:pt idx="6076">
                  <c:v>20.909711328037933</c:v>
                </c:pt>
                <c:pt idx="6077">
                  <c:v>20.909711328037933</c:v>
                </c:pt>
                <c:pt idx="6078">
                  <c:v>20.909711328037933</c:v>
                </c:pt>
                <c:pt idx="6079">
                  <c:v>20.909711328037933</c:v>
                </c:pt>
                <c:pt idx="6080">
                  <c:v>20.909711328037933</c:v>
                </c:pt>
                <c:pt idx="6081">
                  <c:v>20.909711328037933</c:v>
                </c:pt>
                <c:pt idx="6082">
                  <c:v>20.909711328037933</c:v>
                </c:pt>
                <c:pt idx="6083">
                  <c:v>20.914554506627479</c:v>
                </c:pt>
                <c:pt idx="6084">
                  <c:v>20.914554506627479</c:v>
                </c:pt>
                <c:pt idx="6085">
                  <c:v>20.914554506627479</c:v>
                </c:pt>
                <c:pt idx="6086">
                  <c:v>20.914554506627479</c:v>
                </c:pt>
                <c:pt idx="6087">
                  <c:v>20.914554506627479</c:v>
                </c:pt>
                <c:pt idx="6088">
                  <c:v>20.914554506627479</c:v>
                </c:pt>
                <c:pt idx="6089">
                  <c:v>20.919397685217028</c:v>
                </c:pt>
                <c:pt idx="6090">
                  <c:v>20.919397685217028</c:v>
                </c:pt>
                <c:pt idx="6091">
                  <c:v>20.919397685217028</c:v>
                </c:pt>
                <c:pt idx="6092">
                  <c:v>20.919397685217028</c:v>
                </c:pt>
                <c:pt idx="6093">
                  <c:v>20.924098417377454</c:v>
                </c:pt>
                <c:pt idx="6094">
                  <c:v>20.924098417377454</c:v>
                </c:pt>
                <c:pt idx="6095">
                  <c:v>20.928941595966876</c:v>
                </c:pt>
                <c:pt idx="6096">
                  <c:v>20.928941595966876</c:v>
                </c:pt>
                <c:pt idx="6097">
                  <c:v>20.928941595966876</c:v>
                </c:pt>
                <c:pt idx="6098">
                  <c:v>20.928941595966876</c:v>
                </c:pt>
                <c:pt idx="6099">
                  <c:v>20.928941595966876</c:v>
                </c:pt>
                <c:pt idx="6100">
                  <c:v>20.933784774556422</c:v>
                </c:pt>
                <c:pt idx="6101">
                  <c:v>20.933784774556422</c:v>
                </c:pt>
                <c:pt idx="6102">
                  <c:v>20.933784774556422</c:v>
                </c:pt>
                <c:pt idx="6103">
                  <c:v>20.933784774556422</c:v>
                </c:pt>
                <c:pt idx="6104">
                  <c:v>20.938627953145975</c:v>
                </c:pt>
                <c:pt idx="6105">
                  <c:v>20.938627953145975</c:v>
                </c:pt>
                <c:pt idx="6106">
                  <c:v>20.938627953145975</c:v>
                </c:pt>
                <c:pt idx="6107">
                  <c:v>20.938627953145975</c:v>
                </c:pt>
                <c:pt idx="6108">
                  <c:v>20.938627953145975</c:v>
                </c:pt>
                <c:pt idx="6109">
                  <c:v>20.938627953145975</c:v>
                </c:pt>
                <c:pt idx="6110">
                  <c:v>20.938627953145975</c:v>
                </c:pt>
                <c:pt idx="6111">
                  <c:v>20.938627953145975</c:v>
                </c:pt>
                <c:pt idx="6112">
                  <c:v>20.938627953145975</c:v>
                </c:pt>
                <c:pt idx="6113">
                  <c:v>20.938627953145975</c:v>
                </c:pt>
                <c:pt idx="6114">
                  <c:v>20.938627953145975</c:v>
                </c:pt>
                <c:pt idx="6115">
                  <c:v>20.938627953145975</c:v>
                </c:pt>
                <c:pt idx="6116">
                  <c:v>20.94332868530627</c:v>
                </c:pt>
                <c:pt idx="6117">
                  <c:v>20.94332868530627</c:v>
                </c:pt>
                <c:pt idx="6118">
                  <c:v>20.94332868530627</c:v>
                </c:pt>
                <c:pt idx="6119">
                  <c:v>20.94332868530627</c:v>
                </c:pt>
                <c:pt idx="6120">
                  <c:v>20.94332868530627</c:v>
                </c:pt>
                <c:pt idx="6121">
                  <c:v>20.938627953145975</c:v>
                </c:pt>
                <c:pt idx="6122">
                  <c:v>20.938627953145975</c:v>
                </c:pt>
                <c:pt idx="6123">
                  <c:v>20.938627953145975</c:v>
                </c:pt>
                <c:pt idx="6124">
                  <c:v>20.938627953145975</c:v>
                </c:pt>
                <c:pt idx="6125">
                  <c:v>20.933784774556422</c:v>
                </c:pt>
                <c:pt idx="6126">
                  <c:v>20.933784774556422</c:v>
                </c:pt>
                <c:pt idx="6127">
                  <c:v>20.933784774556422</c:v>
                </c:pt>
                <c:pt idx="6128">
                  <c:v>20.928941595966876</c:v>
                </c:pt>
                <c:pt idx="6129">
                  <c:v>20.928941595966876</c:v>
                </c:pt>
                <c:pt idx="6130">
                  <c:v>20.928941595966876</c:v>
                </c:pt>
                <c:pt idx="6131">
                  <c:v>20.924098417377454</c:v>
                </c:pt>
                <c:pt idx="6132">
                  <c:v>20.924098417377454</c:v>
                </c:pt>
                <c:pt idx="6133">
                  <c:v>20.924098417377454</c:v>
                </c:pt>
                <c:pt idx="6134">
                  <c:v>20.919397685217028</c:v>
                </c:pt>
                <c:pt idx="6135">
                  <c:v>20.919397685217028</c:v>
                </c:pt>
                <c:pt idx="6136">
                  <c:v>20.919397685217028</c:v>
                </c:pt>
                <c:pt idx="6137">
                  <c:v>20.919397685217028</c:v>
                </c:pt>
                <c:pt idx="6138">
                  <c:v>20.919397685217028</c:v>
                </c:pt>
                <c:pt idx="6139">
                  <c:v>20.919397685217028</c:v>
                </c:pt>
                <c:pt idx="6140">
                  <c:v>20.914554506627479</c:v>
                </c:pt>
                <c:pt idx="6141">
                  <c:v>20.914554506627479</c:v>
                </c:pt>
                <c:pt idx="6142">
                  <c:v>20.914554506627479</c:v>
                </c:pt>
                <c:pt idx="6143">
                  <c:v>20.909711328037933</c:v>
                </c:pt>
                <c:pt idx="6144">
                  <c:v>20.914554506627479</c:v>
                </c:pt>
                <c:pt idx="6145">
                  <c:v>20.914554506627479</c:v>
                </c:pt>
                <c:pt idx="6146">
                  <c:v>20.914554506627479</c:v>
                </c:pt>
                <c:pt idx="6147">
                  <c:v>20.914554506627479</c:v>
                </c:pt>
                <c:pt idx="6148">
                  <c:v>20.914554506627479</c:v>
                </c:pt>
                <c:pt idx="6149">
                  <c:v>20.914554506627479</c:v>
                </c:pt>
                <c:pt idx="6150">
                  <c:v>20.914554506627479</c:v>
                </c:pt>
                <c:pt idx="6151">
                  <c:v>20.914554506627479</c:v>
                </c:pt>
                <c:pt idx="6152">
                  <c:v>20.914554506627479</c:v>
                </c:pt>
                <c:pt idx="6153">
                  <c:v>20.914554506627479</c:v>
                </c:pt>
                <c:pt idx="6154">
                  <c:v>20.919397685217028</c:v>
                </c:pt>
                <c:pt idx="6155">
                  <c:v>20.919397685217028</c:v>
                </c:pt>
                <c:pt idx="6156">
                  <c:v>20.919397685217028</c:v>
                </c:pt>
                <c:pt idx="6157">
                  <c:v>20.924098417377454</c:v>
                </c:pt>
                <c:pt idx="6158">
                  <c:v>20.924098417377454</c:v>
                </c:pt>
                <c:pt idx="6159">
                  <c:v>20.928941595966876</c:v>
                </c:pt>
                <c:pt idx="6160">
                  <c:v>20.928941595966876</c:v>
                </c:pt>
                <c:pt idx="6161">
                  <c:v>20.928941595966876</c:v>
                </c:pt>
                <c:pt idx="6162">
                  <c:v>20.933784774556422</c:v>
                </c:pt>
                <c:pt idx="6163">
                  <c:v>20.933784774556422</c:v>
                </c:pt>
                <c:pt idx="6164">
                  <c:v>20.933784774556422</c:v>
                </c:pt>
                <c:pt idx="6165">
                  <c:v>20.938627953145975</c:v>
                </c:pt>
                <c:pt idx="6166">
                  <c:v>20.938627953145975</c:v>
                </c:pt>
                <c:pt idx="6167">
                  <c:v>20.94332868530627</c:v>
                </c:pt>
                <c:pt idx="6168">
                  <c:v>20.94332868530627</c:v>
                </c:pt>
                <c:pt idx="6169">
                  <c:v>20.94332868530627</c:v>
                </c:pt>
                <c:pt idx="6170">
                  <c:v>20.948171863895819</c:v>
                </c:pt>
                <c:pt idx="6171">
                  <c:v>20.948171863895819</c:v>
                </c:pt>
                <c:pt idx="6172">
                  <c:v>20.948171863895819</c:v>
                </c:pt>
                <c:pt idx="6173">
                  <c:v>20.953015042485369</c:v>
                </c:pt>
                <c:pt idx="6174">
                  <c:v>20.957715774645667</c:v>
                </c:pt>
                <c:pt idx="6175">
                  <c:v>20.957715774645667</c:v>
                </c:pt>
                <c:pt idx="6176">
                  <c:v>20.962558953235217</c:v>
                </c:pt>
                <c:pt idx="6177">
                  <c:v>20.962558953235217</c:v>
                </c:pt>
                <c:pt idx="6178">
                  <c:v>20.962558953235217</c:v>
                </c:pt>
                <c:pt idx="6179">
                  <c:v>20.962558953235217</c:v>
                </c:pt>
                <c:pt idx="6180">
                  <c:v>20.967402131824763</c:v>
                </c:pt>
                <c:pt idx="6181">
                  <c:v>20.967402131824763</c:v>
                </c:pt>
                <c:pt idx="6182">
                  <c:v>20.967402131824763</c:v>
                </c:pt>
                <c:pt idx="6183">
                  <c:v>20.972102863985189</c:v>
                </c:pt>
                <c:pt idx="6184">
                  <c:v>20.972102863985189</c:v>
                </c:pt>
                <c:pt idx="6185">
                  <c:v>20.972102863985189</c:v>
                </c:pt>
                <c:pt idx="6186">
                  <c:v>20.97694604257461</c:v>
                </c:pt>
                <c:pt idx="6187">
                  <c:v>20.97694604257461</c:v>
                </c:pt>
                <c:pt idx="6188">
                  <c:v>20.97694604257461</c:v>
                </c:pt>
                <c:pt idx="6189">
                  <c:v>20.97694604257461</c:v>
                </c:pt>
                <c:pt idx="6190">
                  <c:v>20.97694604257461</c:v>
                </c:pt>
                <c:pt idx="6191">
                  <c:v>20.972102863985189</c:v>
                </c:pt>
                <c:pt idx="6192">
                  <c:v>20.972102863985189</c:v>
                </c:pt>
                <c:pt idx="6193">
                  <c:v>20.972102863985189</c:v>
                </c:pt>
                <c:pt idx="6194">
                  <c:v>20.972102863985189</c:v>
                </c:pt>
                <c:pt idx="6195">
                  <c:v>20.972102863985189</c:v>
                </c:pt>
                <c:pt idx="6196">
                  <c:v>20.972102863985189</c:v>
                </c:pt>
                <c:pt idx="6197">
                  <c:v>20.972102863985189</c:v>
                </c:pt>
                <c:pt idx="6198">
                  <c:v>20.972102863985189</c:v>
                </c:pt>
                <c:pt idx="6199">
                  <c:v>20.967402131824763</c:v>
                </c:pt>
                <c:pt idx="6200">
                  <c:v>20.967402131824763</c:v>
                </c:pt>
                <c:pt idx="6201">
                  <c:v>20.967402131824763</c:v>
                </c:pt>
                <c:pt idx="6202">
                  <c:v>20.967402131824763</c:v>
                </c:pt>
                <c:pt idx="6203">
                  <c:v>20.962558953235217</c:v>
                </c:pt>
                <c:pt idx="6204">
                  <c:v>20.962558953235217</c:v>
                </c:pt>
                <c:pt idx="6205">
                  <c:v>20.962558953235217</c:v>
                </c:pt>
                <c:pt idx="6206">
                  <c:v>20.962558953235217</c:v>
                </c:pt>
                <c:pt idx="6207">
                  <c:v>20.962558953235217</c:v>
                </c:pt>
                <c:pt idx="6208">
                  <c:v>20.962558953235217</c:v>
                </c:pt>
                <c:pt idx="6209">
                  <c:v>20.957715774645667</c:v>
                </c:pt>
                <c:pt idx="6210">
                  <c:v>20.957715774645667</c:v>
                </c:pt>
                <c:pt idx="6211">
                  <c:v>20.957715774645667</c:v>
                </c:pt>
                <c:pt idx="6212">
                  <c:v>20.957715774645667</c:v>
                </c:pt>
                <c:pt idx="6213">
                  <c:v>20.953015042485369</c:v>
                </c:pt>
                <c:pt idx="6214">
                  <c:v>20.953015042485369</c:v>
                </c:pt>
                <c:pt idx="6215">
                  <c:v>20.953015042485369</c:v>
                </c:pt>
                <c:pt idx="6216">
                  <c:v>20.957715774645667</c:v>
                </c:pt>
                <c:pt idx="6217">
                  <c:v>20.957715774645667</c:v>
                </c:pt>
                <c:pt idx="6218">
                  <c:v>20.957715774645667</c:v>
                </c:pt>
                <c:pt idx="6219">
                  <c:v>20.957715774645667</c:v>
                </c:pt>
                <c:pt idx="6220">
                  <c:v>20.957715774645667</c:v>
                </c:pt>
                <c:pt idx="6221">
                  <c:v>20.957715774645667</c:v>
                </c:pt>
                <c:pt idx="6222">
                  <c:v>20.957715774645667</c:v>
                </c:pt>
                <c:pt idx="6223">
                  <c:v>20.957715774645667</c:v>
                </c:pt>
                <c:pt idx="6224">
                  <c:v>20.957715774645667</c:v>
                </c:pt>
                <c:pt idx="6225">
                  <c:v>20.957715774645667</c:v>
                </c:pt>
                <c:pt idx="6226">
                  <c:v>20.962558953235217</c:v>
                </c:pt>
                <c:pt idx="6227">
                  <c:v>20.962558953235217</c:v>
                </c:pt>
                <c:pt idx="6228">
                  <c:v>20.962558953235217</c:v>
                </c:pt>
                <c:pt idx="6229">
                  <c:v>20.962558953235217</c:v>
                </c:pt>
                <c:pt idx="6230">
                  <c:v>20.962558953235217</c:v>
                </c:pt>
                <c:pt idx="6231">
                  <c:v>20.962558953235217</c:v>
                </c:pt>
                <c:pt idx="6232">
                  <c:v>20.962558953235217</c:v>
                </c:pt>
                <c:pt idx="6233">
                  <c:v>20.962558953235217</c:v>
                </c:pt>
                <c:pt idx="6234">
                  <c:v>20.967402131824763</c:v>
                </c:pt>
                <c:pt idx="6235">
                  <c:v>20.967402131824763</c:v>
                </c:pt>
                <c:pt idx="6236">
                  <c:v>20.967402131824763</c:v>
                </c:pt>
                <c:pt idx="6237">
                  <c:v>20.967402131824763</c:v>
                </c:pt>
                <c:pt idx="6238">
                  <c:v>20.967402131824763</c:v>
                </c:pt>
                <c:pt idx="6239">
                  <c:v>20.967402131824763</c:v>
                </c:pt>
                <c:pt idx="6240">
                  <c:v>20.967402131824763</c:v>
                </c:pt>
                <c:pt idx="6241">
                  <c:v>20.967402131824763</c:v>
                </c:pt>
                <c:pt idx="6242">
                  <c:v>20.967402131824763</c:v>
                </c:pt>
                <c:pt idx="6243">
                  <c:v>20.967402131824763</c:v>
                </c:pt>
                <c:pt idx="6244">
                  <c:v>20.967402131824763</c:v>
                </c:pt>
                <c:pt idx="6245">
                  <c:v>20.967402131824763</c:v>
                </c:pt>
                <c:pt idx="6246">
                  <c:v>20.967402131824763</c:v>
                </c:pt>
                <c:pt idx="6247">
                  <c:v>20.967402131824763</c:v>
                </c:pt>
                <c:pt idx="6248">
                  <c:v>20.967402131824763</c:v>
                </c:pt>
                <c:pt idx="6249">
                  <c:v>20.967402131824763</c:v>
                </c:pt>
                <c:pt idx="6250">
                  <c:v>20.967402131824763</c:v>
                </c:pt>
                <c:pt idx="6251">
                  <c:v>20.967402131824763</c:v>
                </c:pt>
                <c:pt idx="6252">
                  <c:v>20.967402131824763</c:v>
                </c:pt>
                <c:pt idx="6253">
                  <c:v>20.967402131824763</c:v>
                </c:pt>
                <c:pt idx="6254">
                  <c:v>20.967402131824763</c:v>
                </c:pt>
                <c:pt idx="6255">
                  <c:v>20.967402131824763</c:v>
                </c:pt>
                <c:pt idx="6256">
                  <c:v>20.967402131824763</c:v>
                </c:pt>
                <c:pt idx="6257">
                  <c:v>20.967402131824763</c:v>
                </c:pt>
                <c:pt idx="6258">
                  <c:v>20.967402131824763</c:v>
                </c:pt>
                <c:pt idx="6259">
                  <c:v>20.972102863985189</c:v>
                </c:pt>
                <c:pt idx="6260">
                  <c:v>20.972102863985189</c:v>
                </c:pt>
                <c:pt idx="6261">
                  <c:v>20.972102863985189</c:v>
                </c:pt>
                <c:pt idx="6262">
                  <c:v>20.972102863985189</c:v>
                </c:pt>
                <c:pt idx="6263">
                  <c:v>20.97694604257461</c:v>
                </c:pt>
                <c:pt idx="6264">
                  <c:v>20.97694604257461</c:v>
                </c:pt>
                <c:pt idx="6265">
                  <c:v>20.97694604257461</c:v>
                </c:pt>
                <c:pt idx="6266">
                  <c:v>20.97694604257461</c:v>
                </c:pt>
                <c:pt idx="6267">
                  <c:v>20.97694604257461</c:v>
                </c:pt>
                <c:pt idx="6268">
                  <c:v>20.981789221164156</c:v>
                </c:pt>
                <c:pt idx="6269">
                  <c:v>20.981789221164156</c:v>
                </c:pt>
                <c:pt idx="6270">
                  <c:v>20.981789221164156</c:v>
                </c:pt>
                <c:pt idx="6271">
                  <c:v>20.981789221164156</c:v>
                </c:pt>
                <c:pt idx="6272">
                  <c:v>20.981789221164156</c:v>
                </c:pt>
                <c:pt idx="6273">
                  <c:v>20.981789221164156</c:v>
                </c:pt>
                <c:pt idx="6274">
                  <c:v>20.981789221164156</c:v>
                </c:pt>
                <c:pt idx="6275">
                  <c:v>20.981789221164156</c:v>
                </c:pt>
                <c:pt idx="6276">
                  <c:v>20.981789221164156</c:v>
                </c:pt>
                <c:pt idx="6277">
                  <c:v>20.981789221164156</c:v>
                </c:pt>
                <c:pt idx="6278">
                  <c:v>20.986489953324583</c:v>
                </c:pt>
                <c:pt idx="6279">
                  <c:v>20.986489953324583</c:v>
                </c:pt>
                <c:pt idx="6280">
                  <c:v>20.986489953324583</c:v>
                </c:pt>
                <c:pt idx="6281">
                  <c:v>20.986489953324583</c:v>
                </c:pt>
                <c:pt idx="6282">
                  <c:v>20.986489953324583</c:v>
                </c:pt>
                <c:pt idx="6283">
                  <c:v>20.986489953324583</c:v>
                </c:pt>
                <c:pt idx="6284">
                  <c:v>20.986489953324583</c:v>
                </c:pt>
                <c:pt idx="6285">
                  <c:v>20.986489953324583</c:v>
                </c:pt>
                <c:pt idx="6286">
                  <c:v>20.981789221164156</c:v>
                </c:pt>
                <c:pt idx="6287">
                  <c:v>20.981789221164156</c:v>
                </c:pt>
                <c:pt idx="6288">
                  <c:v>20.981789221164156</c:v>
                </c:pt>
                <c:pt idx="6289">
                  <c:v>20.981789221164156</c:v>
                </c:pt>
                <c:pt idx="6290">
                  <c:v>20.981789221164156</c:v>
                </c:pt>
                <c:pt idx="6291">
                  <c:v>20.981789221164156</c:v>
                </c:pt>
                <c:pt idx="6292">
                  <c:v>20.981789221164156</c:v>
                </c:pt>
                <c:pt idx="6293">
                  <c:v>20.97694604257461</c:v>
                </c:pt>
                <c:pt idx="6294">
                  <c:v>20.97694604257461</c:v>
                </c:pt>
                <c:pt idx="6295">
                  <c:v>20.97694604257461</c:v>
                </c:pt>
                <c:pt idx="6296">
                  <c:v>20.97694604257461</c:v>
                </c:pt>
                <c:pt idx="6297">
                  <c:v>20.97694604257461</c:v>
                </c:pt>
                <c:pt idx="6298">
                  <c:v>20.97694604257461</c:v>
                </c:pt>
                <c:pt idx="6299">
                  <c:v>20.97694604257461</c:v>
                </c:pt>
                <c:pt idx="6300">
                  <c:v>20.97694604257461</c:v>
                </c:pt>
                <c:pt idx="6301">
                  <c:v>20.972102863985189</c:v>
                </c:pt>
                <c:pt idx="6302">
                  <c:v>20.972102863985189</c:v>
                </c:pt>
                <c:pt idx="6303">
                  <c:v>20.972102863985189</c:v>
                </c:pt>
                <c:pt idx="6304">
                  <c:v>20.972102863985189</c:v>
                </c:pt>
                <c:pt idx="6305">
                  <c:v>20.972102863985189</c:v>
                </c:pt>
                <c:pt idx="6306">
                  <c:v>20.972102863985189</c:v>
                </c:pt>
                <c:pt idx="6307">
                  <c:v>20.972102863985189</c:v>
                </c:pt>
                <c:pt idx="6308">
                  <c:v>20.972102863985189</c:v>
                </c:pt>
                <c:pt idx="6309">
                  <c:v>20.972102863985189</c:v>
                </c:pt>
                <c:pt idx="6310">
                  <c:v>20.972102863985189</c:v>
                </c:pt>
                <c:pt idx="6311">
                  <c:v>20.972102863985189</c:v>
                </c:pt>
                <c:pt idx="6312">
                  <c:v>20.972102863985189</c:v>
                </c:pt>
                <c:pt idx="6313">
                  <c:v>20.967402131824763</c:v>
                </c:pt>
                <c:pt idx="6314">
                  <c:v>20.967402131824763</c:v>
                </c:pt>
                <c:pt idx="6315">
                  <c:v>20.967402131824763</c:v>
                </c:pt>
                <c:pt idx="6316">
                  <c:v>20.967402131824763</c:v>
                </c:pt>
                <c:pt idx="6317">
                  <c:v>20.967402131824763</c:v>
                </c:pt>
                <c:pt idx="6318">
                  <c:v>20.967402131824763</c:v>
                </c:pt>
                <c:pt idx="6319">
                  <c:v>20.967402131824763</c:v>
                </c:pt>
                <c:pt idx="6320">
                  <c:v>20.967402131824763</c:v>
                </c:pt>
                <c:pt idx="6321">
                  <c:v>20.967402131824763</c:v>
                </c:pt>
                <c:pt idx="6322">
                  <c:v>20.967402131824763</c:v>
                </c:pt>
                <c:pt idx="6323">
                  <c:v>20.967402131824763</c:v>
                </c:pt>
                <c:pt idx="6324">
                  <c:v>20.967402131824763</c:v>
                </c:pt>
                <c:pt idx="6325">
                  <c:v>20.967402131824763</c:v>
                </c:pt>
                <c:pt idx="6326">
                  <c:v>20.972102863985189</c:v>
                </c:pt>
                <c:pt idx="6327">
                  <c:v>20.972102863985189</c:v>
                </c:pt>
                <c:pt idx="6328">
                  <c:v>20.972102863985189</c:v>
                </c:pt>
                <c:pt idx="6329">
                  <c:v>20.972102863985189</c:v>
                </c:pt>
                <c:pt idx="6330">
                  <c:v>20.972102863985189</c:v>
                </c:pt>
                <c:pt idx="6331">
                  <c:v>20.967402131824763</c:v>
                </c:pt>
                <c:pt idx="6332">
                  <c:v>20.967402131824763</c:v>
                </c:pt>
                <c:pt idx="6333">
                  <c:v>20.967402131824763</c:v>
                </c:pt>
                <c:pt idx="6334">
                  <c:v>20.967402131824763</c:v>
                </c:pt>
                <c:pt idx="6335">
                  <c:v>20.967402131824763</c:v>
                </c:pt>
                <c:pt idx="6336">
                  <c:v>20.967402131824763</c:v>
                </c:pt>
                <c:pt idx="6337">
                  <c:v>20.967402131824763</c:v>
                </c:pt>
                <c:pt idx="6338">
                  <c:v>20.972102863985189</c:v>
                </c:pt>
                <c:pt idx="6339">
                  <c:v>20.972102863985189</c:v>
                </c:pt>
                <c:pt idx="6340">
                  <c:v>20.972102863985189</c:v>
                </c:pt>
                <c:pt idx="6341">
                  <c:v>20.972102863985189</c:v>
                </c:pt>
                <c:pt idx="6342">
                  <c:v>20.972102863985189</c:v>
                </c:pt>
                <c:pt idx="6343">
                  <c:v>20.972102863985189</c:v>
                </c:pt>
                <c:pt idx="6344">
                  <c:v>20.97694604257461</c:v>
                </c:pt>
                <c:pt idx="6345">
                  <c:v>20.97694604257461</c:v>
                </c:pt>
                <c:pt idx="6346">
                  <c:v>20.97694604257461</c:v>
                </c:pt>
                <c:pt idx="6347">
                  <c:v>20.97694604257461</c:v>
                </c:pt>
                <c:pt idx="6348">
                  <c:v>20.97694604257461</c:v>
                </c:pt>
                <c:pt idx="6349">
                  <c:v>20.97694604257461</c:v>
                </c:pt>
                <c:pt idx="6350">
                  <c:v>20.97694604257461</c:v>
                </c:pt>
                <c:pt idx="6351">
                  <c:v>20.972102863985189</c:v>
                </c:pt>
                <c:pt idx="6352">
                  <c:v>20.972102863985189</c:v>
                </c:pt>
                <c:pt idx="6353">
                  <c:v>20.972102863985189</c:v>
                </c:pt>
                <c:pt idx="6354">
                  <c:v>20.972102863985189</c:v>
                </c:pt>
                <c:pt idx="6355">
                  <c:v>20.972102863985189</c:v>
                </c:pt>
                <c:pt idx="6356">
                  <c:v>20.972102863985189</c:v>
                </c:pt>
                <c:pt idx="6357">
                  <c:v>20.972102863985189</c:v>
                </c:pt>
                <c:pt idx="6358">
                  <c:v>20.97694604257461</c:v>
                </c:pt>
                <c:pt idx="6359">
                  <c:v>20.97694604257461</c:v>
                </c:pt>
                <c:pt idx="6360">
                  <c:v>20.97694604257461</c:v>
                </c:pt>
                <c:pt idx="6361">
                  <c:v>20.981789221164156</c:v>
                </c:pt>
                <c:pt idx="6362">
                  <c:v>20.981789221164156</c:v>
                </c:pt>
                <c:pt idx="6363">
                  <c:v>20.981789221164156</c:v>
                </c:pt>
                <c:pt idx="6364">
                  <c:v>20.981789221164156</c:v>
                </c:pt>
                <c:pt idx="6365">
                  <c:v>20.981789221164156</c:v>
                </c:pt>
                <c:pt idx="6366">
                  <c:v>20.981789221164156</c:v>
                </c:pt>
                <c:pt idx="6367">
                  <c:v>20.981789221164156</c:v>
                </c:pt>
                <c:pt idx="6368">
                  <c:v>20.986489953324583</c:v>
                </c:pt>
                <c:pt idx="6369">
                  <c:v>20.986489953324583</c:v>
                </c:pt>
                <c:pt idx="6370">
                  <c:v>20.986489953324583</c:v>
                </c:pt>
                <c:pt idx="6371">
                  <c:v>20.986489953324583</c:v>
                </c:pt>
                <c:pt idx="6372">
                  <c:v>20.991333131914004</c:v>
                </c:pt>
                <c:pt idx="6373">
                  <c:v>20.991333131914004</c:v>
                </c:pt>
                <c:pt idx="6374">
                  <c:v>20.996176310503554</c:v>
                </c:pt>
                <c:pt idx="6375">
                  <c:v>20.996176310503554</c:v>
                </c:pt>
                <c:pt idx="6376">
                  <c:v>21.00087704266398</c:v>
                </c:pt>
                <c:pt idx="6377">
                  <c:v>21.00087704266398</c:v>
                </c:pt>
                <c:pt idx="6378">
                  <c:v>21.005720221253402</c:v>
                </c:pt>
                <c:pt idx="6379">
                  <c:v>21.010563399842951</c:v>
                </c:pt>
                <c:pt idx="6380">
                  <c:v>21.010563399842951</c:v>
                </c:pt>
                <c:pt idx="6381">
                  <c:v>21.010563399842951</c:v>
                </c:pt>
                <c:pt idx="6382">
                  <c:v>21.015264132003377</c:v>
                </c:pt>
                <c:pt idx="6383">
                  <c:v>21.015264132003377</c:v>
                </c:pt>
                <c:pt idx="6384">
                  <c:v>21.015264132003377</c:v>
                </c:pt>
                <c:pt idx="6385">
                  <c:v>21.015264132003377</c:v>
                </c:pt>
                <c:pt idx="6386">
                  <c:v>21.015264132003377</c:v>
                </c:pt>
                <c:pt idx="6387">
                  <c:v>21.015264132003377</c:v>
                </c:pt>
                <c:pt idx="6388">
                  <c:v>21.015264132003377</c:v>
                </c:pt>
                <c:pt idx="6389">
                  <c:v>21.015264132003377</c:v>
                </c:pt>
                <c:pt idx="6390">
                  <c:v>21.015264132003377</c:v>
                </c:pt>
                <c:pt idx="6391">
                  <c:v>21.015264132003377</c:v>
                </c:pt>
                <c:pt idx="6392">
                  <c:v>21.015264132003377</c:v>
                </c:pt>
                <c:pt idx="6393">
                  <c:v>21.015264132003377</c:v>
                </c:pt>
                <c:pt idx="6394">
                  <c:v>21.015264132003377</c:v>
                </c:pt>
                <c:pt idx="6395">
                  <c:v>21.015264132003377</c:v>
                </c:pt>
                <c:pt idx="6396">
                  <c:v>21.015264132003377</c:v>
                </c:pt>
                <c:pt idx="6397">
                  <c:v>21.015264132003377</c:v>
                </c:pt>
                <c:pt idx="6398">
                  <c:v>21.010563399842951</c:v>
                </c:pt>
                <c:pt idx="6399">
                  <c:v>21.010563399842951</c:v>
                </c:pt>
                <c:pt idx="6400">
                  <c:v>21.010563399842951</c:v>
                </c:pt>
                <c:pt idx="6401">
                  <c:v>21.010563399842951</c:v>
                </c:pt>
                <c:pt idx="6402">
                  <c:v>21.010563399842951</c:v>
                </c:pt>
                <c:pt idx="6403">
                  <c:v>21.010563399842951</c:v>
                </c:pt>
                <c:pt idx="6404">
                  <c:v>21.005720221253402</c:v>
                </c:pt>
                <c:pt idx="6405">
                  <c:v>21.005720221253402</c:v>
                </c:pt>
                <c:pt idx="6406">
                  <c:v>21.005720221253402</c:v>
                </c:pt>
                <c:pt idx="6407">
                  <c:v>21.005720221253402</c:v>
                </c:pt>
                <c:pt idx="6408">
                  <c:v>21.005720221253402</c:v>
                </c:pt>
                <c:pt idx="6409">
                  <c:v>21.005720221253402</c:v>
                </c:pt>
                <c:pt idx="6410">
                  <c:v>21.005720221253402</c:v>
                </c:pt>
                <c:pt idx="6411">
                  <c:v>21.005720221253402</c:v>
                </c:pt>
                <c:pt idx="6412">
                  <c:v>21.005720221253402</c:v>
                </c:pt>
                <c:pt idx="6413">
                  <c:v>21.005720221253402</c:v>
                </c:pt>
                <c:pt idx="6414">
                  <c:v>21.005720221253402</c:v>
                </c:pt>
                <c:pt idx="6415">
                  <c:v>21.005720221253402</c:v>
                </c:pt>
                <c:pt idx="6416">
                  <c:v>21.005720221253402</c:v>
                </c:pt>
                <c:pt idx="6417">
                  <c:v>21.00087704266398</c:v>
                </c:pt>
                <c:pt idx="6418">
                  <c:v>21.00087704266398</c:v>
                </c:pt>
                <c:pt idx="6419">
                  <c:v>21.00087704266398</c:v>
                </c:pt>
                <c:pt idx="6420">
                  <c:v>21.00087704266398</c:v>
                </c:pt>
                <c:pt idx="6421">
                  <c:v>21.00087704266398</c:v>
                </c:pt>
                <c:pt idx="6422">
                  <c:v>20.996176310503554</c:v>
                </c:pt>
                <c:pt idx="6423">
                  <c:v>21.00087704266398</c:v>
                </c:pt>
                <c:pt idx="6424">
                  <c:v>21.00087704266398</c:v>
                </c:pt>
                <c:pt idx="6425">
                  <c:v>21.00087704266398</c:v>
                </c:pt>
                <c:pt idx="6426">
                  <c:v>21.00087704266398</c:v>
                </c:pt>
                <c:pt idx="6427">
                  <c:v>21.00087704266398</c:v>
                </c:pt>
                <c:pt idx="6428">
                  <c:v>21.00087704266398</c:v>
                </c:pt>
                <c:pt idx="6429">
                  <c:v>21.00087704266398</c:v>
                </c:pt>
                <c:pt idx="6430">
                  <c:v>21.00087704266398</c:v>
                </c:pt>
                <c:pt idx="6431">
                  <c:v>21.00087704266398</c:v>
                </c:pt>
                <c:pt idx="6432">
                  <c:v>21.005720221253402</c:v>
                </c:pt>
                <c:pt idx="6433">
                  <c:v>21.00087704266398</c:v>
                </c:pt>
                <c:pt idx="6434">
                  <c:v>21.00087704266398</c:v>
                </c:pt>
                <c:pt idx="6435">
                  <c:v>21.00087704266398</c:v>
                </c:pt>
                <c:pt idx="6436">
                  <c:v>21.00087704266398</c:v>
                </c:pt>
                <c:pt idx="6437">
                  <c:v>21.00087704266398</c:v>
                </c:pt>
                <c:pt idx="6438">
                  <c:v>21.00087704266398</c:v>
                </c:pt>
                <c:pt idx="6439">
                  <c:v>21.00087704266398</c:v>
                </c:pt>
                <c:pt idx="6440">
                  <c:v>21.00087704266398</c:v>
                </c:pt>
                <c:pt idx="6441">
                  <c:v>21.005720221253402</c:v>
                </c:pt>
                <c:pt idx="6442">
                  <c:v>21.005720221253402</c:v>
                </c:pt>
                <c:pt idx="6443">
                  <c:v>21.005720221253402</c:v>
                </c:pt>
                <c:pt idx="6444">
                  <c:v>21.005720221253402</c:v>
                </c:pt>
                <c:pt idx="6445">
                  <c:v>21.005720221253402</c:v>
                </c:pt>
                <c:pt idx="6446">
                  <c:v>21.005720221253402</c:v>
                </c:pt>
                <c:pt idx="6447">
                  <c:v>21.005720221253402</c:v>
                </c:pt>
                <c:pt idx="6448">
                  <c:v>21.005720221253402</c:v>
                </c:pt>
                <c:pt idx="6449">
                  <c:v>21.010563399842951</c:v>
                </c:pt>
                <c:pt idx="6450">
                  <c:v>21.010563399842951</c:v>
                </c:pt>
                <c:pt idx="6451">
                  <c:v>21.010563399842951</c:v>
                </c:pt>
                <c:pt idx="6452">
                  <c:v>21.010563399842951</c:v>
                </c:pt>
                <c:pt idx="6453">
                  <c:v>21.010563399842951</c:v>
                </c:pt>
                <c:pt idx="6454">
                  <c:v>21.010563399842951</c:v>
                </c:pt>
                <c:pt idx="6455">
                  <c:v>21.015264132003377</c:v>
                </c:pt>
                <c:pt idx="6456">
                  <c:v>21.015264132003377</c:v>
                </c:pt>
                <c:pt idx="6457">
                  <c:v>21.015264132003377</c:v>
                </c:pt>
                <c:pt idx="6458">
                  <c:v>21.015264132003377</c:v>
                </c:pt>
                <c:pt idx="6459">
                  <c:v>21.015264132003377</c:v>
                </c:pt>
                <c:pt idx="6460">
                  <c:v>21.015264132003377</c:v>
                </c:pt>
                <c:pt idx="6461">
                  <c:v>21.015264132003377</c:v>
                </c:pt>
                <c:pt idx="6462">
                  <c:v>21.015264132003377</c:v>
                </c:pt>
                <c:pt idx="6463">
                  <c:v>21.015264132003377</c:v>
                </c:pt>
                <c:pt idx="6464">
                  <c:v>21.015264132003377</c:v>
                </c:pt>
                <c:pt idx="6465">
                  <c:v>21.015264132003377</c:v>
                </c:pt>
                <c:pt idx="6466">
                  <c:v>21.015264132003377</c:v>
                </c:pt>
                <c:pt idx="6467">
                  <c:v>21.015264132003377</c:v>
                </c:pt>
                <c:pt idx="6468">
                  <c:v>21.015264132003377</c:v>
                </c:pt>
                <c:pt idx="6469">
                  <c:v>21.015264132003377</c:v>
                </c:pt>
                <c:pt idx="6470">
                  <c:v>21.015264132003377</c:v>
                </c:pt>
                <c:pt idx="6471">
                  <c:v>21.020107310592799</c:v>
                </c:pt>
                <c:pt idx="6472">
                  <c:v>21.020107310592799</c:v>
                </c:pt>
                <c:pt idx="6473">
                  <c:v>21.020107310592799</c:v>
                </c:pt>
                <c:pt idx="6474">
                  <c:v>21.020107310592799</c:v>
                </c:pt>
                <c:pt idx="6475">
                  <c:v>21.020107310592799</c:v>
                </c:pt>
                <c:pt idx="6476">
                  <c:v>21.020107310592799</c:v>
                </c:pt>
                <c:pt idx="6477">
                  <c:v>21.020107310592799</c:v>
                </c:pt>
                <c:pt idx="6478">
                  <c:v>21.020107310592799</c:v>
                </c:pt>
                <c:pt idx="6479">
                  <c:v>21.020107310592799</c:v>
                </c:pt>
                <c:pt idx="6480">
                  <c:v>21.020107310592799</c:v>
                </c:pt>
                <c:pt idx="6481">
                  <c:v>21.020107310592799</c:v>
                </c:pt>
                <c:pt idx="6482">
                  <c:v>21.024950489182345</c:v>
                </c:pt>
                <c:pt idx="6483">
                  <c:v>21.024950489182345</c:v>
                </c:pt>
                <c:pt idx="6484">
                  <c:v>21.024950489182345</c:v>
                </c:pt>
                <c:pt idx="6485">
                  <c:v>21.029651221342771</c:v>
                </c:pt>
                <c:pt idx="6486">
                  <c:v>21.029651221342771</c:v>
                </c:pt>
                <c:pt idx="6487">
                  <c:v>21.029651221342771</c:v>
                </c:pt>
                <c:pt idx="6488">
                  <c:v>21.029651221342771</c:v>
                </c:pt>
                <c:pt idx="6489">
                  <c:v>21.029651221342771</c:v>
                </c:pt>
                <c:pt idx="6490">
                  <c:v>21.034494399932321</c:v>
                </c:pt>
                <c:pt idx="6491">
                  <c:v>21.034494399932321</c:v>
                </c:pt>
                <c:pt idx="6492">
                  <c:v>21.034494399932321</c:v>
                </c:pt>
                <c:pt idx="6493">
                  <c:v>21.039337578521742</c:v>
                </c:pt>
                <c:pt idx="6494">
                  <c:v>21.039337578521742</c:v>
                </c:pt>
                <c:pt idx="6495">
                  <c:v>21.039337578521742</c:v>
                </c:pt>
                <c:pt idx="6496">
                  <c:v>21.039337578521742</c:v>
                </c:pt>
                <c:pt idx="6497">
                  <c:v>21.044038310682165</c:v>
                </c:pt>
                <c:pt idx="6498">
                  <c:v>21.044038310682165</c:v>
                </c:pt>
                <c:pt idx="6499">
                  <c:v>21.044038310682165</c:v>
                </c:pt>
                <c:pt idx="6500">
                  <c:v>21.044038310682165</c:v>
                </c:pt>
                <c:pt idx="6501">
                  <c:v>21.039337578521742</c:v>
                </c:pt>
                <c:pt idx="6502">
                  <c:v>21.039337578521742</c:v>
                </c:pt>
                <c:pt idx="6503">
                  <c:v>21.039337578521742</c:v>
                </c:pt>
                <c:pt idx="6504">
                  <c:v>21.039337578521742</c:v>
                </c:pt>
                <c:pt idx="6505">
                  <c:v>21.039337578521742</c:v>
                </c:pt>
                <c:pt idx="6506">
                  <c:v>21.034494399932321</c:v>
                </c:pt>
                <c:pt idx="6507">
                  <c:v>21.034494399932321</c:v>
                </c:pt>
                <c:pt idx="6508">
                  <c:v>21.034494399932321</c:v>
                </c:pt>
                <c:pt idx="6509">
                  <c:v>21.034494399932321</c:v>
                </c:pt>
                <c:pt idx="6510">
                  <c:v>21.034494399932321</c:v>
                </c:pt>
                <c:pt idx="6511">
                  <c:v>21.034494399932321</c:v>
                </c:pt>
                <c:pt idx="6512">
                  <c:v>21.034494399932321</c:v>
                </c:pt>
                <c:pt idx="6513">
                  <c:v>21.034494399932321</c:v>
                </c:pt>
                <c:pt idx="6514">
                  <c:v>21.034494399932321</c:v>
                </c:pt>
                <c:pt idx="6515">
                  <c:v>21.034494399932321</c:v>
                </c:pt>
                <c:pt idx="6516">
                  <c:v>21.034494399932321</c:v>
                </c:pt>
                <c:pt idx="6517">
                  <c:v>21.034494399932321</c:v>
                </c:pt>
                <c:pt idx="6518">
                  <c:v>21.034494399932321</c:v>
                </c:pt>
                <c:pt idx="6519">
                  <c:v>21.034494399932321</c:v>
                </c:pt>
                <c:pt idx="6520">
                  <c:v>21.034494399932321</c:v>
                </c:pt>
                <c:pt idx="6521">
                  <c:v>21.034494399932321</c:v>
                </c:pt>
                <c:pt idx="6522">
                  <c:v>21.034494399932321</c:v>
                </c:pt>
                <c:pt idx="6523">
                  <c:v>21.034494399932321</c:v>
                </c:pt>
                <c:pt idx="6524">
                  <c:v>21.034494399932321</c:v>
                </c:pt>
                <c:pt idx="6525">
                  <c:v>21.039337578521742</c:v>
                </c:pt>
                <c:pt idx="6526">
                  <c:v>21.039337578521742</c:v>
                </c:pt>
                <c:pt idx="6527">
                  <c:v>21.039337578521742</c:v>
                </c:pt>
                <c:pt idx="6528">
                  <c:v>21.044038310682165</c:v>
                </c:pt>
                <c:pt idx="6529">
                  <c:v>21.044038310682165</c:v>
                </c:pt>
                <c:pt idx="6530">
                  <c:v>21.044038310682165</c:v>
                </c:pt>
                <c:pt idx="6531">
                  <c:v>21.048881489271714</c:v>
                </c:pt>
                <c:pt idx="6532">
                  <c:v>21.048881489271714</c:v>
                </c:pt>
                <c:pt idx="6533">
                  <c:v>21.048881489271714</c:v>
                </c:pt>
                <c:pt idx="6534">
                  <c:v>21.053724667861136</c:v>
                </c:pt>
                <c:pt idx="6535">
                  <c:v>21.053724667861136</c:v>
                </c:pt>
                <c:pt idx="6536">
                  <c:v>21.053724667861136</c:v>
                </c:pt>
                <c:pt idx="6537">
                  <c:v>21.058425400021562</c:v>
                </c:pt>
                <c:pt idx="6538">
                  <c:v>21.058425400021562</c:v>
                </c:pt>
                <c:pt idx="6539">
                  <c:v>21.063268578611108</c:v>
                </c:pt>
                <c:pt idx="6540">
                  <c:v>21.063268578611108</c:v>
                </c:pt>
                <c:pt idx="6541">
                  <c:v>21.063268578611108</c:v>
                </c:pt>
                <c:pt idx="6542">
                  <c:v>21.063268578611108</c:v>
                </c:pt>
                <c:pt idx="6543">
                  <c:v>21.068111757200533</c:v>
                </c:pt>
                <c:pt idx="6544">
                  <c:v>21.068111757200533</c:v>
                </c:pt>
                <c:pt idx="6545">
                  <c:v>21.068111757200533</c:v>
                </c:pt>
                <c:pt idx="6546">
                  <c:v>21.068111757200533</c:v>
                </c:pt>
                <c:pt idx="6547">
                  <c:v>21.068111757200533</c:v>
                </c:pt>
                <c:pt idx="6548">
                  <c:v>21.068111757200533</c:v>
                </c:pt>
                <c:pt idx="6549">
                  <c:v>21.068111757200533</c:v>
                </c:pt>
                <c:pt idx="6550">
                  <c:v>21.068111757200533</c:v>
                </c:pt>
                <c:pt idx="6551">
                  <c:v>21.068111757200533</c:v>
                </c:pt>
                <c:pt idx="6552">
                  <c:v>21.068111757200533</c:v>
                </c:pt>
                <c:pt idx="6553">
                  <c:v>21.068111757200533</c:v>
                </c:pt>
                <c:pt idx="6554">
                  <c:v>21.068111757200533</c:v>
                </c:pt>
                <c:pt idx="6555">
                  <c:v>21.068111757200533</c:v>
                </c:pt>
                <c:pt idx="6556">
                  <c:v>21.063268578611108</c:v>
                </c:pt>
                <c:pt idx="6557">
                  <c:v>21.063268578611108</c:v>
                </c:pt>
                <c:pt idx="6558">
                  <c:v>21.063268578611108</c:v>
                </c:pt>
                <c:pt idx="6559">
                  <c:v>21.058425400021562</c:v>
                </c:pt>
                <c:pt idx="6560">
                  <c:v>21.058425400021562</c:v>
                </c:pt>
                <c:pt idx="6561">
                  <c:v>21.058425400021562</c:v>
                </c:pt>
                <c:pt idx="6562">
                  <c:v>21.058425400021562</c:v>
                </c:pt>
                <c:pt idx="6563">
                  <c:v>21.058425400021562</c:v>
                </c:pt>
                <c:pt idx="6564">
                  <c:v>21.053724667861136</c:v>
                </c:pt>
                <c:pt idx="6565">
                  <c:v>21.058425400021562</c:v>
                </c:pt>
                <c:pt idx="6566">
                  <c:v>21.058425400021562</c:v>
                </c:pt>
                <c:pt idx="6567">
                  <c:v>21.058425400021562</c:v>
                </c:pt>
                <c:pt idx="6568">
                  <c:v>21.063268578611108</c:v>
                </c:pt>
                <c:pt idx="6569">
                  <c:v>21.063268578611108</c:v>
                </c:pt>
                <c:pt idx="6570">
                  <c:v>21.063268578611108</c:v>
                </c:pt>
                <c:pt idx="6571">
                  <c:v>21.063268578611108</c:v>
                </c:pt>
                <c:pt idx="6572">
                  <c:v>21.063268578611108</c:v>
                </c:pt>
                <c:pt idx="6573">
                  <c:v>21.058425400021562</c:v>
                </c:pt>
                <c:pt idx="6574">
                  <c:v>21.058425400021562</c:v>
                </c:pt>
                <c:pt idx="6575">
                  <c:v>21.063268578611108</c:v>
                </c:pt>
                <c:pt idx="6576">
                  <c:v>21.063268578611108</c:v>
                </c:pt>
                <c:pt idx="6577">
                  <c:v>21.063268578611108</c:v>
                </c:pt>
                <c:pt idx="6578">
                  <c:v>21.058425400021562</c:v>
                </c:pt>
                <c:pt idx="6579">
                  <c:v>21.058425400021562</c:v>
                </c:pt>
                <c:pt idx="6580">
                  <c:v>21.063268578611108</c:v>
                </c:pt>
                <c:pt idx="6581">
                  <c:v>21.063268578611108</c:v>
                </c:pt>
                <c:pt idx="6582">
                  <c:v>21.063268578611108</c:v>
                </c:pt>
                <c:pt idx="6583">
                  <c:v>21.063268578611108</c:v>
                </c:pt>
                <c:pt idx="6584">
                  <c:v>21.068111757200533</c:v>
                </c:pt>
                <c:pt idx="6585">
                  <c:v>21.068111757200533</c:v>
                </c:pt>
                <c:pt idx="6586">
                  <c:v>21.068111757200533</c:v>
                </c:pt>
                <c:pt idx="6587">
                  <c:v>21.068111757200533</c:v>
                </c:pt>
                <c:pt idx="6588">
                  <c:v>21.068111757200533</c:v>
                </c:pt>
                <c:pt idx="6589">
                  <c:v>21.068111757200533</c:v>
                </c:pt>
                <c:pt idx="6590">
                  <c:v>21.063268578611108</c:v>
                </c:pt>
                <c:pt idx="6591">
                  <c:v>21.063268578611108</c:v>
                </c:pt>
                <c:pt idx="6592">
                  <c:v>21.063268578611108</c:v>
                </c:pt>
                <c:pt idx="6593">
                  <c:v>21.058425400021562</c:v>
                </c:pt>
                <c:pt idx="6594">
                  <c:v>21.058425400021562</c:v>
                </c:pt>
                <c:pt idx="6595">
                  <c:v>21.058425400021562</c:v>
                </c:pt>
                <c:pt idx="6596">
                  <c:v>21.058425400021562</c:v>
                </c:pt>
                <c:pt idx="6597">
                  <c:v>21.053724667861136</c:v>
                </c:pt>
                <c:pt idx="6598">
                  <c:v>21.053724667861136</c:v>
                </c:pt>
                <c:pt idx="6599">
                  <c:v>21.053724667861136</c:v>
                </c:pt>
                <c:pt idx="6600">
                  <c:v>21.053724667861136</c:v>
                </c:pt>
                <c:pt idx="6601">
                  <c:v>21.053724667861136</c:v>
                </c:pt>
                <c:pt idx="6602">
                  <c:v>21.053724667861136</c:v>
                </c:pt>
                <c:pt idx="6603">
                  <c:v>21.053724667861136</c:v>
                </c:pt>
                <c:pt idx="6604">
                  <c:v>21.058425400021562</c:v>
                </c:pt>
                <c:pt idx="6605">
                  <c:v>21.058425400021562</c:v>
                </c:pt>
                <c:pt idx="6606">
                  <c:v>21.058425400021562</c:v>
                </c:pt>
                <c:pt idx="6607">
                  <c:v>21.058425400021562</c:v>
                </c:pt>
                <c:pt idx="6608">
                  <c:v>21.063268578611108</c:v>
                </c:pt>
                <c:pt idx="6609">
                  <c:v>21.063268578611108</c:v>
                </c:pt>
                <c:pt idx="6610">
                  <c:v>21.058425400021562</c:v>
                </c:pt>
                <c:pt idx="6611">
                  <c:v>21.058425400021562</c:v>
                </c:pt>
                <c:pt idx="6612">
                  <c:v>21.058425400021562</c:v>
                </c:pt>
                <c:pt idx="6613">
                  <c:v>21.063268578611108</c:v>
                </c:pt>
                <c:pt idx="6614">
                  <c:v>21.063268578611108</c:v>
                </c:pt>
                <c:pt idx="6615">
                  <c:v>21.068111757200533</c:v>
                </c:pt>
                <c:pt idx="6616">
                  <c:v>21.068111757200533</c:v>
                </c:pt>
                <c:pt idx="6617">
                  <c:v>21.068111757200533</c:v>
                </c:pt>
                <c:pt idx="6618">
                  <c:v>21.072812489360956</c:v>
                </c:pt>
                <c:pt idx="6619">
                  <c:v>21.072812489360956</c:v>
                </c:pt>
                <c:pt idx="6620">
                  <c:v>21.077655667950506</c:v>
                </c:pt>
                <c:pt idx="6621">
                  <c:v>21.077655667950506</c:v>
                </c:pt>
                <c:pt idx="6622">
                  <c:v>21.082498846540055</c:v>
                </c:pt>
                <c:pt idx="6623">
                  <c:v>21.082498846540055</c:v>
                </c:pt>
                <c:pt idx="6624">
                  <c:v>21.087199578700353</c:v>
                </c:pt>
                <c:pt idx="6625">
                  <c:v>21.087199578700353</c:v>
                </c:pt>
                <c:pt idx="6626">
                  <c:v>21.087199578700353</c:v>
                </c:pt>
                <c:pt idx="6627">
                  <c:v>21.087199578700353</c:v>
                </c:pt>
                <c:pt idx="6628">
                  <c:v>21.087199578700353</c:v>
                </c:pt>
                <c:pt idx="6629">
                  <c:v>21.087199578700353</c:v>
                </c:pt>
                <c:pt idx="6630">
                  <c:v>21.087199578700353</c:v>
                </c:pt>
                <c:pt idx="6631">
                  <c:v>21.087199578700353</c:v>
                </c:pt>
                <c:pt idx="6632">
                  <c:v>21.087199578700353</c:v>
                </c:pt>
                <c:pt idx="6633">
                  <c:v>21.087199578700353</c:v>
                </c:pt>
                <c:pt idx="6634">
                  <c:v>21.087199578700353</c:v>
                </c:pt>
                <c:pt idx="6635">
                  <c:v>21.087199578700353</c:v>
                </c:pt>
                <c:pt idx="6636">
                  <c:v>21.087199578700353</c:v>
                </c:pt>
                <c:pt idx="6637">
                  <c:v>21.092042757289903</c:v>
                </c:pt>
                <c:pt idx="6638">
                  <c:v>21.092042757289903</c:v>
                </c:pt>
                <c:pt idx="6639">
                  <c:v>21.092042757289903</c:v>
                </c:pt>
                <c:pt idx="6640">
                  <c:v>21.092042757289903</c:v>
                </c:pt>
                <c:pt idx="6641">
                  <c:v>21.092042757289903</c:v>
                </c:pt>
                <c:pt idx="6642">
                  <c:v>21.092042757289903</c:v>
                </c:pt>
                <c:pt idx="6643">
                  <c:v>21.092042757289903</c:v>
                </c:pt>
                <c:pt idx="6644">
                  <c:v>21.092042757289903</c:v>
                </c:pt>
                <c:pt idx="6645">
                  <c:v>21.087199578700353</c:v>
                </c:pt>
                <c:pt idx="6646">
                  <c:v>21.087199578700353</c:v>
                </c:pt>
                <c:pt idx="6647">
                  <c:v>21.087199578700353</c:v>
                </c:pt>
                <c:pt idx="6648">
                  <c:v>21.087199578700353</c:v>
                </c:pt>
                <c:pt idx="6649">
                  <c:v>21.087199578700353</c:v>
                </c:pt>
                <c:pt idx="6650">
                  <c:v>21.087199578700353</c:v>
                </c:pt>
                <c:pt idx="6651">
                  <c:v>21.087199578700353</c:v>
                </c:pt>
                <c:pt idx="6652">
                  <c:v>21.087199578700353</c:v>
                </c:pt>
                <c:pt idx="6653">
                  <c:v>21.092042757289903</c:v>
                </c:pt>
                <c:pt idx="6654">
                  <c:v>21.092042757289903</c:v>
                </c:pt>
                <c:pt idx="6655">
                  <c:v>21.087199578700353</c:v>
                </c:pt>
                <c:pt idx="6656">
                  <c:v>21.087199578700353</c:v>
                </c:pt>
                <c:pt idx="6657">
                  <c:v>21.087199578700353</c:v>
                </c:pt>
                <c:pt idx="6658">
                  <c:v>21.087199578700353</c:v>
                </c:pt>
                <c:pt idx="6659">
                  <c:v>21.087199578700353</c:v>
                </c:pt>
                <c:pt idx="6660">
                  <c:v>21.087199578700353</c:v>
                </c:pt>
                <c:pt idx="6661">
                  <c:v>21.087199578700353</c:v>
                </c:pt>
                <c:pt idx="6662">
                  <c:v>21.087199578700353</c:v>
                </c:pt>
                <c:pt idx="6663">
                  <c:v>21.087199578700353</c:v>
                </c:pt>
                <c:pt idx="6664">
                  <c:v>21.092042757289903</c:v>
                </c:pt>
                <c:pt idx="6665">
                  <c:v>21.092042757289903</c:v>
                </c:pt>
                <c:pt idx="6666">
                  <c:v>21.092042757289903</c:v>
                </c:pt>
                <c:pt idx="6667">
                  <c:v>21.092042757289903</c:v>
                </c:pt>
                <c:pt idx="6668">
                  <c:v>21.096885935879449</c:v>
                </c:pt>
                <c:pt idx="6669">
                  <c:v>21.096885935879449</c:v>
                </c:pt>
                <c:pt idx="6670">
                  <c:v>21.096885935879449</c:v>
                </c:pt>
                <c:pt idx="6671">
                  <c:v>21.096885935879449</c:v>
                </c:pt>
                <c:pt idx="6672">
                  <c:v>21.096885935879449</c:v>
                </c:pt>
                <c:pt idx="6673">
                  <c:v>21.092042757289903</c:v>
                </c:pt>
                <c:pt idx="6674">
                  <c:v>21.092042757289903</c:v>
                </c:pt>
                <c:pt idx="6675">
                  <c:v>21.092042757289903</c:v>
                </c:pt>
                <c:pt idx="6676">
                  <c:v>21.096885935879449</c:v>
                </c:pt>
                <c:pt idx="6677">
                  <c:v>21.096885935879449</c:v>
                </c:pt>
                <c:pt idx="6678">
                  <c:v>21.096885935879449</c:v>
                </c:pt>
                <c:pt idx="6679">
                  <c:v>21.096885935879449</c:v>
                </c:pt>
                <c:pt idx="6680">
                  <c:v>21.096885935879449</c:v>
                </c:pt>
                <c:pt idx="6681">
                  <c:v>21.096885935879449</c:v>
                </c:pt>
                <c:pt idx="6682">
                  <c:v>21.096885935879449</c:v>
                </c:pt>
                <c:pt idx="6683">
                  <c:v>21.096885935879449</c:v>
                </c:pt>
                <c:pt idx="6684">
                  <c:v>21.101586668039751</c:v>
                </c:pt>
                <c:pt idx="6685">
                  <c:v>21.101586668039751</c:v>
                </c:pt>
                <c:pt idx="6686">
                  <c:v>21.101586668039751</c:v>
                </c:pt>
                <c:pt idx="6687">
                  <c:v>21.096885935879449</c:v>
                </c:pt>
                <c:pt idx="6688">
                  <c:v>21.101586668039751</c:v>
                </c:pt>
                <c:pt idx="6689">
                  <c:v>21.096885935879449</c:v>
                </c:pt>
                <c:pt idx="6690">
                  <c:v>21.096885935879449</c:v>
                </c:pt>
                <c:pt idx="6691">
                  <c:v>21.096885935879449</c:v>
                </c:pt>
                <c:pt idx="6692">
                  <c:v>21.096885935879449</c:v>
                </c:pt>
                <c:pt idx="6693">
                  <c:v>21.096885935879449</c:v>
                </c:pt>
                <c:pt idx="6694">
                  <c:v>21.096885935879449</c:v>
                </c:pt>
                <c:pt idx="6695">
                  <c:v>21.096885935879449</c:v>
                </c:pt>
                <c:pt idx="6696">
                  <c:v>21.092042757289903</c:v>
                </c:pt>
                <c:pt idx="6697">
                  <c:v>21.096885935879449</c:v>
                </c:pt>
                <c:pt idx="6698">
                  <c:v>21.096885935879449</c:v>
                </c:pt>
                <c:pt idx="6699">
                  <c:v>21.101586668039751</c:v>
                </c:pt>
                <c:pt idx="6700">
                  <c:v>21.101586668039751</c:v>
                </c:pt>
                <c:pt idx="6701">
                  <c:v>21.106429846629297</c:v>
                </c:pt>
                <c:pt idx="6702">
                  <c:v>21.106429846629297</c:v>
                </c:pt>
                <c:pt idx="6703">
                  <c:v>21.106429846629297</c:v>
                </c:pt>
                <c:pt idx="6704">
                  <c:v>21.111273025218846</c:v>
                </c:pt>
                <c:pt idx="6705">
                  <c:v>21.111273025218846</c:v>
                </c:pt>
                <c:pt idx="6706">
                  <c:v>21.111273025218846</c:v>
                </c:pt>
                <c:pt idx="6707">
                  <c:v>21.111273025218846</c:v>
                </c:pt>
                <c:pt idx="6708">
                  <c:v>21.111273025218846</c:v>
                </c:pt>
                <c:pt idx="6709">
                  <c:v>21.111273025218846</c:v>
                </c:pt>
                <c:pt idx="6710">
                  <c:v>21.111273025218846</c:v>
                </c:pt>
                <c:pt idx="6711">
                  <c:v>21.115973757379269</c:v>
                </c:pt>
                <c:pt idx="6712">
                  <c:v>21.115973757379269</c:v>
                </c:pt>
                <c:pt idx="6713">
                  <c:v>21.115973757379269</c:v>
                </c:pt>
                <c:pt idx="6714">
                  <c:v>21.115973757379269</c:v>
                </c:pt>
                <c:pt idx="6715">
                  <c:v>21.115973757379269</c:v>
                </c:pt>
                <c:pt idx="6716">
                  <c:v>21.115973757379269</c:v>
                </c:pt>
                <c:pt idx="6717">
                  <c:v>21.115973757379269</c:v>
                </c:pt>
                <c:pt idx="6718">
                  <c:v>21.120816935968691</c:v>
                </c:pt>
                <c:pt idx="6719">
                  <c:v>21.120816935968691</c:v>
                </c:pt>
                <c:pt idx="6720">
                  <c:v>21.120816935968691</c:v>
                </c:pt>
                <c:pt idx="6721">
                  <c:v>21.125660114558244</c:v>
                </c:pt>
                <c:pt idx="6722">
                  <c:v>21.125660114558244</c:v>
                </c:pt>
                <c:pt idx="6723">
                  <c:v>21.125660114558244</c:v>
                </c:pt>
                <c:pt idx="6724">
                  <c:v>21.125660114558244</c:v>
                </c:pt>
                <c:pt idx="6725">
                  <c:v>21.120816935968691</c:v>
                </c:pt>
                <c:pt idx="6726">
                  <c:v>21.120816935968691</c:v>
                </c:pt>
                <c:pt idx="6727">
                  <c:v>21.120816935968691</c:v>
                </c:pt>
                <c:pt idx="6728">
                  <c:v>21.120816935968691</c:v>
                </c:pt>
                <c:pt idx="6729">
                  <c:v>21.115973757379269</c:v>
                </c:pt>
                <c:pt idx="6730">
                  <c:v>21.115973757379269</c:v>
                </c:pt>
                <c:pt idx="6731">
                  <c:v>21.115973757379269</c:v>
                </c:pt>
                <c:pt idx="6732">
                  <c:v>21.115973757379269</c:v>
                </c:pt>
                <c:pt idx="6733">
                  <c:v>21.115973757379269</c:v>
                </c:pt>
                <c:pt idx="6734">
                  <c:v>21.120816935968691</c:v>
                </c:pt>
                <c:pt idx="6735">
                  <c:v>21.120816935968691</c:v>
                </c:pt>
                <c:pt idx="6736">
                  <c:v>21.120816935968691</c:v>
                </c:pt>
                <c:pt idx="6737">
                  <c:v>21.120816935968691</c:v>
                </c:pt>
                <c:pt idx="6738">
                  <c:v>21.120816935968691</c:v>
                </c:pt>
                <c:pt idx="6739">
                  <c:v>21.115973757379269</c:v>
                </c:pt>
                <c:pt idx="6740">
                  <c:v>21.120816935968691</c:v>
                </c:pt>
                <c:pt idx="6741">
                  <c:v>21.120816935968691</c:v>
                </c:pt>
                <c:pt idx="6742">
                  <c:v>21.120816935968691</c:v>
                </c:pt>
                <c:pt idx="6743">
                  <c:v>21.120816935968691</c:v>
                </c:pt>
                <c:pt idx="6744">
                  <c:v>21.120816935968691</c:v>
                </c:pt>
                <c:pt idx="6745">
                  <c:v>21.115973757379269</c:v>
                </c:pt>
                <c:pt idx="6746">
                  <c:v>21.115973757379269</c:v>
                </c:pt>
                <c:pt idx="6747">
                  <c:v>21.115973757379269</c:v>
                </c:pt>
                <c:pt idx="6748">
                  <c:v>21.115973757379269</c:v>
                </c:pt>
                <c:pt idx="6749">
                  <c:v>21.115973757379269</c:v>
                </c:pt>
                <c:pt idx="6750">
                  <c:v>21.111273025218846</c:v>
                </c:pt>
                <c:pt idx="6751">
                  <c:v>21.111273025218846</c:v>
                </c:pt>
                <c:pt idx="6752">
                  <c:v>21.115973757379269</c:v>
                </c:pt>
                <c:pt idx="6753">
                  <c:v>21.115973757379269</c:v>
                </c:pt>
                <c:pt idx="6754">
                  <c:v>21.115973757379269</c:v>
                </c:pt>
                <c:pt idx="6755">
                  <c:v>21.115973757379269</c:v>
                </c:pt>
                <c:pt idx="6756">
                  <c:v>21.115973757379269</c:v>
                </c:pt>
                <c:pt idx="6757">
                  <c:v>21.115973757379269</c:v>
                </c:pt>
                <c:pt idx="6758">
                  <c:v>21.115973757379269</c:v>
                </c:pt>
                <c:pt idx="6759">
                  <c:v>21.115973757379269</c:v>
                </c:pt>
                <c:pt idx="6760">
                  <c:v>21.115973757379269</c:v>
                </c:pt>
                <c:pt idx="6761">
                  <c:v>21.120816935968691</c:v>
                </c:pt>
                <c:pt idx="6762">
                  <c:v>21.120816935968691</c:v>
                </c:pt>
                <c:pt idx="6763">
                  <c:v>21.120816935968691</c:v>
                </c:pt>
                <c:pt idx="6764">
                  <c:v>21.120816935968691</c:v>
                </c:pt>
                <c:pt idx="6765">
                  <c:v>21.120816935968691</c:v>
                </c:pt>
                <c:pt idx="6766">
                  <c:v>21.120816935968691</c:v>
                </c:pt>
                <c:pt idx="6767">
                  <c:v>21.120816935968691</c:v>
                </c:pt>
                <c:pt idx="6768">
                  <c:v>21.120816935968691</c:v>
                </c:pt>
                <c:pt idx="6769">
                  <c:v>21.120816935968691</c:v>
                </c:pt>
                <c:pt idx="6770">
                  <c:v>21.120816935968691</c:v>
                </c:pt>
                <c:pt idx="6771">
                  <c:v>21.120816935968691</c:v>
                </c:pt>
                <c:pt idx="6772">
                  <c:v>21.120816935968691</c:v>
                </c:pt>
                <c:pt idx="6773">
                  <c:v>21.125660114558244</c:v>
                </c:pt>
                <c:pt idx="6774">
                  <c:v>21.125660114558244</c:v>
                </c:pt>
                <c:pt idx="6775">
                  <c:v>21.125660114558244</c:v>
                </c:pt>
                <c:pt idx="6776">
                  <c:v>21.125660114558244</c:v>
                </c:pt>
                <c:pt idx="6777">
                  <c:v>21.125660114558244</c:v>
                </c:pt>
                <c:pt idx="6778">
                  <c:v>21.125660114558244</c:v>
                </c:pt>
                <c:pt idx="6779">
                  <c:v>21.125660114558244</c:v>
                </c:pt>
                <c:pt idx="6780">
                  <c:v>21.120816935968691</c:v>
                </c:pt>
                <c:pt idx="6781">
                  <c:v>21.120816935968691</c:v>
                </c:pt>
                <c:pt idx="6782">
                  <c:v>21.120816935968691</c:v>
                </c:pt>
                <c:pt idx="6783">
                  <c:v>21.120816935968691</c:v>
                </c:pt>
                <c:pt idx="6784">
                  <c:v>21.120816935968691</c:v>
                </c:pt>
                <c:pt idx="6785">
                  <c:v>21.120816935968691</c:v>
                </c:pt>
                <c:pt idx="6786">
                  <c:v>21.125660114558244</c:v>
                </c:pt>
                <c:pt idx="6787">
                  <c:v>21.125660114558244</c:v>
                </c:pt>
                <c:pt idx="6788">
                  <c:v>21.125660114558244</c:v>
                </c:pt>
                <c:pt idx="6789">
                  <c:v>21.13050329314779</c:v>
                </c:pt>
                <c:pt idx="6790">
                  <c:v>21.13050329314779</c:v>
                </c:pt>
                <c:pt idx="6791">
                  <c:v>21.135204025308092</c:v>
                </c:pt>
                <c:pt idx="6792">
                  <c:v>21.135204025308092</c:v>
                </c:pt>
                <c:pt idx="6793">
                  <c:v>21.135204025308092</c:v>
                </c:pt>
                <c:pt idx="6794">
                  <c:v>21.135204025308092</c:v>
                </c:pt>
                <c:pt idx="6795">
                  <c:v>21.140047203897637</c:v>
                </c:pt>
                <c:pt idx="6796">
                  <c:v>21.140047203897637</c:v>
                </c:pt>
                <c:pt idx="6797">
                  <c:v>21.140047203897637</c:v>
                </c:pt>
                <c:pt idx="6798">
                  <c:v>21.140047203897637</c:v>
                </c:pt>
                <c:pt idx="6799">
                  <c:v>21.144890382487187</c:v>
                </c:pt>
                <c:pt idx="6800">
                  <c:v>21.144890382487187</c:v>
                </c:pt>
                <c:pt idx="6801">
                  <c:v>21.149591114647485</c:v>
                </c:pt>
                <c:pt idx="6802">
                  <c:v>21.149591114647485</c:v>
                </c:pt>
                <c:pt idx="6803">
                  <c:v>21.154434293237031</c:v>
                </c:pt>
                <c:pt idx="6804">
                  <c:v>21.154434293237031</c:v>
                </c:pt>
                <c:pt idx="6805">
                  <c:v>21.154434293237031</c:v>
                </c:pt>
                <c:pt idx="6806">
                  <c:v>21.159277471826581</c:v>
                </c:pt>
                <c:pt idx="6807">
                  <c:v>21.159277471826581</c:v>
                </c:pt>
                <c:pt idx="6808">
                  <c:v>21.163978203987007</c:v>
                </c:pt>
                <c:pt idx="6809">
                  <c:v>21.163978203987007</c:v>
                </c:pt>
                <c:pt idx="6810">
                  <c:v>21.163978203987007</c:v>
                </c:pt>
                <c:pt idx="6811">
                  <c:v>21.159277471826581</c:v>
                </c:pt>
                <c:pt idx="6812">
                  <c:v>21.159277471826581</c:v>
                </c:pt>
                <c:pt idx="6813">
                  <c:v>21.159277471826581</c:v>
                </c:pt>
                <c:pt idx="6814">
                  <c:v>21.154434293237031</c:v>
                </c:pt>
                <c:pt idx="6815">
                  <c:v>21.149591114647485</c:v>
                </c:pt>
                <c:pt idx="6816">
                  <c:v>21.149591114647485</c:v>
                </c:pt>
                <c:pt idx="6817">
                  <c:v>21.144890382487187</c:v>
                </c:pt>
                <c:pt idx="6818">
                  <c:v>21.144890382487187</c:v>
                </c:pt>
                <c:pt idx="6819">
                  <c:v>21.144890382487187</c:v>
                </c:pt>
                <c:pt idx="6820">
                  <c:v>21.144890382487187</c:v>
                </c:pt>
                <c:pt idx="6821">
                  <c:v>21.144890382487187</c:v>
                </c:pt>
                <c:pt idx="6822">
                  <c:v>21.144890382487187</c:v>
                </c:pt>
                <c:pt idx="6823">
                  <c:v>21.144890382487187</c:v>
                </c:pt>
                <c:pt idx="6824">
                  <c:v>21.140047203897637</c:v>
                </c:pt>
                <c:pt idx="6825">
                  <c:v>21.140047203897637</c:v>
                </c:pt>
                <c:pt idx="6826">
                  <c:v>21.140047203897637</c:v>
                </c:pt>
                <c:pt idx="6827">
                  <c:v>21.140047203897637</c:v>
                </c:pt>
                <c:pt idx="6828">
                  <c:v>21.135204025308092</c:v>
                </c:pt>
                <c:pt idx="6829">
                  <c:v>21.135204025308092</c:v>
                </c:pt>
                <c:pt idx="6830">
                  <c:v>21.135204025308092</c:v>
                </c:pt>
                <c:pt idx="6831">
                  <c:v>21.135204025308092</c:v>
                </c:pt>
                <c:pt idx="6832">
                  <c:v>21.135204025308092</c:v>
                </c:pt>
                <c:pt idx="6833">
                  <c:v>21.13050329314779</c:v>
                </c:pt>
                <c:pt idx="6834">
                  <c:v>21.13050329314779</c:v>
                </c:pt>
                <c:pt idx="6835">
                  <c:v>21.13050329314779</c:v>
                </c:pt>
                <c:pt idx="6836">
                  <c:v>21.13050329314779</c:v>
                </c:pt>
                <c:pt idx="6837">
                  <c:v>21.13050329314779</c:v>
                </c:pt>
                <c:pt idx="6838">
                  <c:v>21.135204025308092</c:v>
                </c:pt>
                <c:pt idx="6839">
                  <c:v>21.135204025308092</c:v>
                </c:pt>
                <c:pt idx="6840">
                  <c:v>21.135204025308092</c:v>
                </c:pt>
                <c:pt idx="6841">
                  <c:v>21.135204025308092</c:v>
                </c:pt>
                <c:pt idx="6842">
                  <c:v>21.140047203897637</c:v>
                </c:pt>
                <c:pt idx="6843">
                  <c:v>21.140047203897637</c:v>
                </c:pt>
                <c:pt idx="6844">
                  <c:v>21.140047203897637</c:v>
                </c:pt>
                <c:pt idx="6845">
                  <c:v>21.135204025308092</c:v>
                </c:pt>
                <c:pt idx="6846">
                  <c:v>21.135204025308092</c:v>
                </c:pt>
                <c:pt idx="6847">
                  <c:v>21.135204025308092</c:v>
                </c:pt>
                <c:pt idx="6848">
                  <c:v>21.135204025308092</c:v>
                </c:pt>
                <c:pt idx="6849">
                  <c:v>21.135204025308092</c:v>
                </c:pt>
                <c:pt idx="6850">
                  <c:v>21.135204025308092</c:v>
                </c:pt>
                <c:pt idx="6851">
                  <c:v>21.135204025308092</c:v>
                </c:pt>
                <c:pt idx="6852">
                  <c:v>21.13050329314779</c:v>
                </c:pt>
                <c:pt idx="6853">
                  <c:v>21.13050329314779</c:v>
                </c:pt>
                <c:pt idx="6854">
                  <c:v>21.13050329314779</c:v>
                </c:pt>
                <c:pt idx="6855">
                  <c:v>21.13050329314779</c:v>
                </c:pt>
                <c:pt idx="6856">
                  <c:v>21.13050329314779</c:v>
                </c:pt>
                <c:pt idx="6857">
                  <c:v>21.125660114558244</c:v>
                </c:pt>
                <c:pt idx="6858">
                  <c:v>21.125660114558244</c:v>
                </c:pt>
                <c:pt idx="6859">
                  <c:v>21.125660114558244</c:v>
                </c:pt>
                <c:pt idx="6860">
                  <c:v>21.125660114558244</c:v>
                </c:pt>
                <c:pt idx="6861">
                  <c:v>21.125660114558244</c:v>
                </c:pt>
                <c:pt idx="6862">
                  <c:v>21.125660114558244</c:v>
                </c:pt>
                <c:pt idx="6863">
                  <c:v>21.125660114558244</c:v>
                </c:pt>
                <c:pt idx="6864">
                  <c:v>21.125660114558244</c:v>
                </c:pt>
                <c:pt idx="6865">
                  <c:v>21.120816935968691</c:v>
                </c:pt>
                <c:pt idx="6866">
                  <c:v>21.120816935968691</c:v>
                </c:pt>
                <c:pt idx="6867">
                  <c:v>21.120816935968691</c:v>
                </c:pt>
                <c:pt idx="6868">
                  <c:v>21.115973757379269</c:v>
                </c:pt>
                <c:pt idx="6869">
                  <c:v>21.115973757379269</c:v>
                </c:pt>
                <c:pt idx="6870">
                  <c:v>21.115973757379269</c:v>
                </c:pt>
                <c:pt idx="6871">
                  <c:v>21.115973757379269</c:v>
                </c:pt>
                <c:pt idx="6872">
                  <c:v>21.115973757379269</c:v>
                </c:pt>
                <c:pt idx="6873">
                  <c:v>21.115973757379269</c:v>
                </c:pt>
                <c:pt idx="6874">
                  <c:v>21.120816935968691</c:v>
                </c:pt>
                <c:pt idx="6875">
                  <c:v>21.120816935968691</c:v>
                </c:pt>
                <c:pt idx="6876">
                  <c:v>21.120816935968691</c:v>
                </c:pt>
                <c:pt idx="6877">
                  <c:v>21.120816935968691</c:v>
                </c:pt>
                <c:pt idx="6878">
                  <c:v>21.120816935968691</c:v>
                </c:pt>
                <c:pt idx="6879">
                  <c:v>21.120816935968691</c:v>
                </c:pt>
                <c:pt idx="6880">
                  <c:v>21.120816935968691</c:v>
                </c:pt>
                <c:pt idx="6881">
                  <c:v>21.120816935968691</c:v>
                </c:pt>
                <c:pt idx="6882">
                  <c:v>21.120816935968691</c:v>
                </c:pt>
                <c:pt idx="6883">
                  <c:v>21.120816935968691</c:v>
                </c:pt>
                <c:pt idx="6884">
                  <c:v>21.120816935968691</c:v>
                </c:pt>
                <c:pt idx="6885">
                  <c:v>21.120816935968691</c:v>
                </c:pt>
                <c:pt idx="6886">
                  <c:v>21.125660114558244</c:v>
                </c:pt>
                <c:pt idx="6887">
                  <c:v>21.125660114558244</c:v>
                </c:pt>
                <c:pt idx="6888">
                  <c:v>21.125660114558244</c:v>
                </c:pt>
                <c:pt idx="6889">
                  <c:v>21.125660114558244</c:v>
                </c:pt>
                <c:pt idx="6890">
                  <c:v>21.125660114558244</c:v>
                </c:pt>
                <c:pt idx="6891">
                  <c:v>21.125660114558244</c:v>
                </c:pt>
                <c:pt idx="6892">
                  <c:v>21.125660114558244</c:v>
                </c:pt>
                <c:pt idx="6893">
                  <c:v>21.125660114558244</c:v>
                </c:pt>
                <c:pt idx="6894">
                  <c:v>21.125660114558244</c:v>
                </c:pt>
                <c:pt idx="6895">
                  <c:v>21.125660114558244</c:v>
                </c:pt>
                <c:pt idx="6896">
                  <c:v>21.13050329314779</c:v>
                </c:pt>
                <c:pt idx="6897">
                  <c:v>21.13050329314779</c:v>
                </c:pt>
                <c:pt idx="6898">
                  <c:v>21.13050329314779</c:v>
                </c:pt>
                <c:pt idx="6899">
                  <c:v>21.125660114558244</c:v>
                </c:pt>
                <c:pt idx="6900">
                  <c:v>21.125660114558244</c:v>
                </c:pt>
                <c:pt idx="6901">
                  <c:v>21.125660114558244</c:v>
                </c:pt>
                <c:pt idx="6902">
                  <c:v>21.125660114558244</c:v>
                </c:pt>
                <c:pt idx="6903">
                  <c:v>21.125660114558244</c:v>
                </c:pt>
                <c:pt idx="6904">
                  <c:v>21.125660114558244</c:v>
                </c:pt>
                <c:pt idx="6905">
                  <c:v>21.13050329314779</c:v>
                </c:pt>
                <c:pt idx="6906">
                  <c:v>21.13050329314779</c:v>
                </c:pt>
                <c:pt idx="6907">
                  <c:v>21.13050329314779</c:v>
                </c:pt>
                <c:pt idx="6908">
                  <c:v>21.13050329314779</c:v>
                </c:pt>
                <c:pt idx="6909">
                  <c:v>21.13050329314779</c:v>
                </c:pt>
                <c:pt idx="6910">
                  <c:v>21.125660114558244</c:v>
                </c:pt>
                <c:pt idx="6911">
                  <c:v>21.125660114558244</c:v>
                </c:pt>
                <c:pt idx="6912">
                  <c:v>21.125660114558244</c:v>
                </c:pt>
                <c:pt idx="6913">
                  <c:v>21.125660114558244</c:v>
                </c:pt>
                <c:pt idx="6914">
                  <c:v>21.125660114558244</c:v>
                </c:pt>
                <c:pt idx="6915">
                  <c:v>21.13050329314779</c:v>
                </c:pt>
                <c:pt idx="6916">
                  <c:v>21.13050329314779</c:v>
                </c:pt>
                <c:pt idx="6917">
                  <c:v>21.13050329314779</c:v>
                </c:pt>
                <c:pt idx="6918">
                  <c:v>21.13050329314779</c:v>
                </c:pt>
                <c:pt idx="6919">
                  <c:v>21.13050329314779</c:v>
                </c:pt>
                <c:pt idx="6920">
                  <c:v>21.13050329314779</c:v>
                </c:pt>
                <c:pt idx="6921">
                  <c:v>21.13050329314779</c:v>
                </c:pt>
                <c:pt idx="6922">
                  <c:v>21.13050329314779</c:v>
                </c:pt>
                <c:pt idx="6923">
                  <c:v>21.13050329314779</c:v>
                </c:pt>
                <c:pt idx="6924">
                  <c:v>21.13050329314779</c:v>
                </c:pt>
                <c:pt idx="6925">
                  <c:v>21.13050329314779</c:v>
                </c:pt>
                <c:pt idx="6926">
                  <c:v>21.13050329314779</c:v>
                </c:pt>
                <c:pt idx="6927">
                  <c:v>21.13050329314779</c:v>
                </c:pt>
                <c:pt idx="6928">
                  <c:v>21.13050329314779</c:v>
                </c:pt>
                <c:pt idx="6929">
                  <c:v>21.13050329314779</c:v>
                </c:pt>
                <c:pt idx="6930">
                  <c:v>21.13050329314779</c:v>
                </c:pt>
                <c:pt idx="6931">
                  <c:v>21.13050329314779</c:v>
                </c:pt>
                <c:pt idx="6932">
                  <c:v>21.13050329314779</c:v>
                </c:pt>
                <c:pt idx="6933">
                  <c:v>21.13050329314779</c:v>
                </c:pt>
                <c:pt idx="6934">
                  <c:v>21.13050329314779</c:v>
                </c:pt>
                <c:pt idx="6935">
                  <c:v>21.135204025308092</c:v>
                </c:pt>
                <c:pt idx="6936">
                  <c:v>21.135204025308092</c:v>
                </c:pt>
                <c:pt idx="6937">
                  <c:v>21.135204025308092</c:v>
                </c:pt>
                <c:pt idx="6938">
                  <c:v>21.135204025308092</c:v>
                </c:pt>
                <c:pt idx="6939">
                  <c:v>21.135204025308092</c:v>
                </c:pt>
                <c:pt idx="6940">
                  <c:v>21.13050329314779</c:v>
                </c:pt>
                <c:pt idx="6941">
                  <c:v>21.13050329314779</c:v>
                </c:pt>
                <c:pt idx="6942">
                  <c:v>21.13050329314779</c:v>
                </c:pt>
                <c:pt idx="6943">
                  <c:v>21.13050329314779</c:v>
                </c:pt>
                <c:pt idx="6944">
                  <c:v>21.13050329314779</c:v>
                </c:pt>
                <c:pt idx="6945">
                  <c:v>21.13050329314779</c:v>
                </c:pt>
                <c:pt idx="6946">
                  <c:v>21.13050329314779</c:v>
                </c:pt>
                <c:pt idx="6947">
                  <c:v>21.13050329314779</c:v>
                </c:pt>
                <c:pt idx="6948">
                  <c:v>21.13050329314779</c:v>
                </c:pt>
                <c:pt idx="6949">
                  <c:v>21.13050329314779</c:v>
                </c:pt>
                <c:pt idx="6950">
                  <c:v>21.13050329314779</c:v>
                </c:pt>
                <c:pt idx="6951">
                  <c:v>21.13050329314779</c:v>
                </c:pt>
                <c:pt idx="6952">
                  <c:v>21.13050329314779</c:v>
                </c:pt>
                <c:pt idx="6953">
                  <c:v>21.13050329314779</c:v>
                </c:pt>
                <c:pt idx="6954">
                  <c:v>21.13050329314779</c:v>
                </c:pt>
                <c:pt idx="6955">
                  <c:v>21.13050329314779</c:v>
                </c:pt>
                <c:pt idx="6956">
                  <c:v>21.13050329314779</c:v>
                </c:pt>
                <c:pt idx="6957">
                  <c:v>21.13050329314779</c:v>
                </c:pt>
                <c:pt idx="6958">
                  <c:v>21.13050329314779</c:v>
                </c:pt>
                <c:pt idx="6959">
                  <c:v>21.13050329314779</c:v>
                </c:pt>
                <c:pt idx="6960">
                  <c:v>21.13050329314779</c:v>
                </c:pt>
                <c:pt idx="6961">
                  <c:v>21.13050329314779</c:v>
                </c:pt>
                <c:pt idx="6962">
                  <c:v>21.13050329314779</c:v>
                </c:pt>
                <c:pt idx="6963">
                  <c:v>21.13050329314779</c:v>
                </c:pt>
                <c:pt idx="6964">
                  <c:v>21.13050329314779</c:v>
                </c:pt>
                <c:pt idx="6965">
                  <c:v>21.13050329314779</c:v>
                </c:pt>
                <c:pt idx="6966">
                  <c:v>21.13050329314779</c:v>
                </c:pt>
                <c:pt idx="6967">
                  <c:v>21.135204025308092</c:v>
                </c:pt>
                <c:pt idx="6968">
                  <c:v>21.135204025308092</c:v>
                </c:pt>
                <c:pt idx="6969">
                  <c:v>21.135204025308092</c:v>
                </c:pt>
                <c:pt idx="6970">
                  <c:v>21.135204025308092</c:v>
                </c:pt>
                <c:pt idx="6971">
                  <c:v>21.135204025308092</c:v>
                </c:pt>
                <c:pt idx="6972">
                  <c:v>21.135204025308092</c:v>
                </c:pt>
                <c:pt idx="6973">
                  <c:v>21.135204025308092</c:v>
                </c:pt>
                <c:pt idx="6974">
                  <c:v>21.135204025308092</c:v>
                </c:pt>
                <c:pt idx="6975">
                  <c:v>21.135204025308092</c:v>
                </c:pt>
                <c:pt idx="6976">
                  <c:v>21.135204025308092</c:v>
                </c:pt>
                <c:pt idx="6977">
                  <c:v>21.13050329314779</c:v>
                </c:pt>
                <c:pt idx="6978">
                  <c:v>21.13050329314779</c:v>
                </c:pt>
                <c:pt idx="6979">
                  <c:v>21.13050329314779</c:v>
                </c:pt>
                <c:pt idx="6980">
                  <c:v>21.13050329314779</c:v>
                </c:pt>
                <c:pt idx="6981">
                  <c:v>21.125660114558244</c:v>
                </c:pt>
                <c:pt idx="6982">
                  <c:v>21.125660114558244</c:v>
                </c:pt>
                <c:pt idx="6983">
                  <c:v>21.125660114558244</c:v>
                </c:pt>
                <c:pt idx="6984">
                  <c:v>21.125660114558244</c:v>
                </c:pt>
                <c:pt idx="6985">
                  <c:v>21.125660114558244</c:v>
                </c:pt>
                <c:pt idx="6986">
                  <c:v>21.125660114558244</c:v>
                </c:pt>
                <c:pt idx="6987">
                  <c:v>21.125660114558244</c:v>
                </c:pt>
                <c:pt idx="6988">
                  <c:v>21.125660114558244</c:v>
                </c:pt>
                <c:pt idx="6989">
                  <c:v>21.125660114558244</c:v>
                </c:pt>
                <c:pt idx="6990">
                  <c:v>21.125660114558244</c:v>
                </c:pt>
                <c:pt idx="6991">
                  <c:v>21.120816935968691</c:v>
                </c:pt>
                <c:pt idx="6992">
                  <c:v>21.120816935968691</c:v>
                </c:pt>
                <c:pt idx="6993">
                  <c:v>21.120816935968691</c:v>
                </c:pt>
                <c:pt idx="6994">
                  <c:v>21.120816935968691</c:v>
                </c:pt>
                <c:pt idx="6995">
                  <c:v>21.120816935968691</c:v>
                </c:pt>
                <c:pt idx="6996">
                  <c:v>21.120816935968691</c:v>
                </c:pt>
                <c:pt idx="6997">
                  <c:v>21.120816935968691</c:v>
                </c:pt>
                <c:pt idx="6998">
                  <c:v>21.125660114558244</c:v>
                </c:pt>
                <c:pt idx="6999">
                  <c:v>21.125660114558244</c:v>
                </c:pt>
                <c:pt idx="7000">
                  <c:v>21.125660114558244</c:v>
                </c:pt>
                <c:pt idx="7001">
                  <c:v>21.125660114558244</c:v>
                </c:pt>
                <c:pt idx="7002">
                  <c:v>21.125660114558244</c:v>
                </c:pt>
                <c:pt idx="7003">
                  <c:v>21.125660114558244</c:v>
                </c:pt>
                <c:pt idx="7004">
                  <c:v>21.125660114558244</c:v>
                </c:pt>
                <c:pt idx="7005">
                  <c:v>21.125660114558244</c:v>
                </c:pt>
                <c:pt idx="7006">
                  <c:v>21.13050329314779</c:v>
                </c:pt>
                <c:pt idx="7007">
                  <c:v>21.13050329314779</c:v>
                </c:pt>
                <c:pt idx="7008">
                  <c:v>21.13050329314779</c:v>
                </c:pt>
                <c:pt idx="7009">
                  <c:v>21.13050329314779</c:v>
                </c:pt>
                <c:pt idx="7010">
                  <c:v>21.13050329314779</c:v>
                </c:pt>
                <c:pt idx="7011">
                  <c:v>21.13050329314779</c:v>
                </c:pt>
                <c:pt idx="7012">
                  <c:v>21.13050329314779</c:v>
                </c:pt>
                <c:pt idx="7013">
                  <c:v>21.13050329314779</c:v>
                </c:pt>
                <c:pt idx="7014">
                  <c:v>21.135204025308092</c:v>
                </c:pt>
                <c:pt idx="7015">
                  <c:v>21.135204025308092</c:v>
                </c:pt>
                <c:pt idx="7016">
                  <c:v>21.135204025308092</c:v>
                </c:pt>
                <c:pt idx="7017">
                  <c:v>21.140047203897637</c:v>
                </c:pt>
                <c:pt idx="7018">
                  <c:v>21.140047203897637</c:v>
                </c:pt>
                <c:pt idx="7019">
                  <c:v>21.140047203897637</c:v>
                </c:pt>
                <c:pt idx="7020">
                  <c:v>21.140047203897637</c:v>
                </c:pt>
                <c:pt idx="7021">
                  <c:v>21.144890382487187</c:v>
                </c:pt>
                <c:pt idx="7022">
                  <c:v>21.144890382487187</c:v>
                </c:pt>
                <c:pt idx="7023">
                  <c:v>21.144890382487187</c:v>
                </c:pt>
                <c:pt idx="7024">
                  <c:v>21.144890382487187</c:v>
                </c:pt>
                <c:pt idx="7025">
                  <c:v>21.144890382487187</c:v>
                </c:pt>
                <c:pt idx="7026">
                  <c:v>21.144890382487187</c:v>
                </c:pt>
                <c:pt idx="7027">
                  <c:v>21.149591114647485</c:v>
                </c:pt>
                <c:pt idx="7028">
                  <c:v>21.149591114647485</c:v>
                </c:pt>
                <c:pt idx="7029">
                  <c:v>21.149591114647485</c:v>
                </c:pt>
                <c:pt idx="7030">
                  <c:v>21.149591114647485</c:v>
                </c:pt>
                <c:pt idx="7031">
                  <c:v>21.144890382487187</c:v>
                </c:pt>
                <c:pt idx="7032">
                  <c:v>21.144890382487187</c:v>
                </c:pt>
                <c:pt idx="7033">
                  <c:v>21.144890382487187</c:v>
                </c:pt>
                <c:pt idx="7034">
                  <c:v>21.144890382487187</c:v>
                </c:pt>
                <c:pt idx="7035">
                  <c:v>21.144890382487187</c:v>
                </c:pt>
                <c:pt idx="7036">
                  <c:v>21.144890382487187</c:v>
                </c:pt>
                <c:pt idx="7037">
                  <c:v>21.144890382487187</c:v>
                </c:pt>
                <c:pt idx="7038">
                  <c:v>21.144890382487187</c:v>
                </c:pt>
                <c:pt idx="7039">
                  <c:v>21.144890382487187</c:v>
                </c:pt>
                <c:pt idx="7040">
                  <c:v>21.144890382487187</c:v>
                </c:pt>
                <c:pt idx="7041">
                  <c:v>21.144890382487187</c:v>
                </c:pt>
                <c:pt idx="7042">
                  <c:v>21.144890382487187</c:v>
                </c:pt>
                <c:pt idx="7043">
                  <c:v>21.144890382487187</c:v>
                </c:pt>
                <c:pt idx="7044">
                  <c:v>21.144890382487187</c:v>
                </c:pt>
                <c:pt idx="7045">
                  <c:v>21.144890382487187</c:v>
                </c:pt>
                <c:pt idx="7046">
                  <c:v>21.144890382487187</c:v>
                </c:pt>
                <c:pt idx="7047">
                  <c:v>21.144890382487187</c:v>
                </c:pt>
                <c:pt idx="7048">
                  <c:v>21.144890382487187</c:v>
                </c:pt>
                <c:pt idx="7049">
                  <c:v>21.144890382487187</c:v>
                </c:pt>
                <c:pt idx="7050">
                  <c:v>21.149591114647485</c:v>
                </c:pt>
                <c:pt idx="7051">
                  <c:v>21.149591114647485</c:v>
                </c:pt>
                <c:pt idx="7052">
                  <c:v>21.149591114647485</c:v>
                </c:pt>
                <c:pt idx="7053">
                  <c:v>21.149591114647485</c:v>
                </c:pt>
                <c:pt idx="7054">
                  <c:v>21.149591114647485</c:v>
                </c:pt>
                <c:pt idx="7055">
                  <c:v>21.149591114647485</c:v>
                </c:pt>
                <c:pt idx="7056">
                  <c:v>21.149591114647485</c:v>
                </c:pt>
                <c:pt idx="7057">
                  <c:v>21.149591114647485</c:v>
                </c:pt>
                <c:pt idx="7058">
                  <c:v>21.149591114647485</c:v>
                </c:pt>
                <c:pt idx="7059">
                  <c:v>21.149591114647485</c:v>
                </c:pt>
                <c:pt idx="7060">
                  <c:v>21.149591114647485</c:v>
                </c:pt>
                <c:pt idx="7061">
                  <c:v>21.149591114647485</c:v>
                </c:pt>
                <c:pt idx="7062">
                  <c:v>21.149591114647485</c:v>
                </c:pt>
                <c:pt idx="7063">
                  <c:v>21.149591114647485</c:v>
                </c:pt>
                <c:pt idx="7064">
                  <c:v>21.149591114647485</c:v>
                </c:pt>
                <c:pt idx="7065">
                  <c:v>21.144890382487187</c:v>
                </c:pt>
                <c:pt idx="7066">
                  <c:v>21.144890382487187</c:v>
                </c:pt>
                <c:pt idx="7067">
                  <c:v>21.144890382487187</c:v>
                </c:pt>
                <c:pt idx="7068">
                  <c:v>21.144890382487187</c:v>
                </c:pt>
                <c:pt idx="7069">
                  <c:v>21.144890382487187</c:v>
                </c:pt>
                <c:pt idx="7070">
                  <c:v>21.144890382487187</c:v>
                </c:pt>
                <c:pt idx="7071">
                  <c:v>21.140047203897637</c:v>
                </c:pt>
                <c:pt idx="7072">
                  <c:v>21.140047203897637</c:v>
                </c:pt>
                <c:pt idx="7073">
                  <c:v>21.140047203897637</c:v>
                </c:pt>
                <c:pt idx="7074">
                  <c:v>21.135204025308092</c:v>
                </c:pt>
                <c:pt idx="7075">
                  <c:v>21.135204025308092</c:v>
                </c:pt>
                <c:pt idx="7076">
                  <c:v>21.13050329314779</c:v>
                </c:pt>
                <c:pt idx="7077">
                  <c:v>21.13050329314779</c:v>
                </c:pt>
                <c:pt idx="7078">
                  <c:v>21.13050329314779</c:v>
                </c:pt>
                <c:pt idx="7079">
                  <c:v>21.125660114558244</c:v>
                </c:pt>
                <c:pt idx="7080">
                  <c:v>21.125660114558244</c:v>
                </c:pt>
                <c:pt idx="7081">
                  <c:v>21.125660114558244</c:v>
                </c:pt>
                <c:pt idx="7082">
                  <c:v>21.125660114558244</c:v>
                </c:pt>
                <c:pt idx="7083">
                  <c:v>21.125660114558244</c:v>
                </c:pt>
                <c:pt idx="7084">
                  <c:v>21.125660114558244</c:v>
                </c:pt>
                <c:pt idx="7085">
                  <c:v>21.125660114558244</c:v>
                </c:pt>
                <c:pt idx="7086">
                  <c:v>21.125660114558244</c:v>
                </c:pt>
                <c:pt idx="7087">
                  <c:v>21.125660114558244</c:v>
                </c:pt>
                <c:pt idx="7088">
                  <c:v>21.125660114558244</c:v>
                </c:pt>
                <c:pt idx="7089">
                  <c:v>21.120816935968691</c:v>
                </c:pt>
                <c:pt idx="7090">
                  <c:v>21.125660114558244</c:v>
                </c:pt>
                <c:pt idx="7091">
                  <c:v>21.125660114558244</c:v>
                </c:pt>
                <c:pt idx="7092">
                  <c:v>21.125660114558244</c:v>
                </c:pt>
                <c:pt idx="7093">
                  <c:v>21.125660114558244</c:v>
                </c:pt>
                <c:pt idx="7094">
                  <c:v>21.125660114558244</c:v>
                </c:pt>
                <c:pt idx="7095">
                  <c:v>21.125660114558244</c:v>
                </c:pt>
                <c:pt idx="7096">
                  <c:v>21.125660114558244</c:v>
                </c:pt>
                <c:pt idx="7097">
                  <c:v>21.125660114558244</c:v>
                </c:pt>
                <c:pt idx="7098">
                  <c:v>21.125660114558244</c:v>
                </c:pt>
                <c:pt idx="7099">
                  <c:v>21.125660114558244</c:v>
                </c:pt>
                <c:pt idx="7100">
                  <c:v>21.13050329314779</c:v>
                </c:pt>
                <c:pt idx="7101">
                  <c:v>21.13050329314779</c:v>
                </c:pt>
                <c:pt idx="7102">
                  <c:v>21.13050329314779</c:v>
                </c:pt>
                <c:pt idx="7103">
                  <c:v>21.13050329314779</c:v>
                </c:pt>
                <c:pt idx="7104">
                  <c:v>21.135204025308092</c:v>
                </c:pt>
                <c:pt idx="7105">
                  <c:v>21.135204025308092</c:v>
                </c:pt>
                <c:pt idx="7106">
                  <c:v>21.135204025308092</c:v>
                </c:pt>
                <c:pt idx="7107">
                  <c:v>21.140047203897637</c:v>
                </c:pt>
                <c:pt idx="7108">
                  <c:v>21.140047203897637</c:v>
                </c:pt>
                <c:pt idx="7109">
                  <c:v>21.140047203897637</c:v>
                </c:pt>
                <c:pt idx="7110">
                  <c:v>21.140047203897637</c:v>
                </c:pt>
                <c:pt idx="7111">
                  <c:v>21.140047203897637</c:v>
                </c:pt>
                <c:pt idx="7112">
                  <c:v>21.144890382487187</c:v>
                </c:pt>
                <c:pt idx="7113">
                  <c:v>21.144890382487187</c:v>
                </c:pt>
                <c:pt idx="7114">
                  <c:v>21.144890382487187</c:v>
                </c:pt>
                <c:pt idx="7115">
                  <c:v>21.144890382487187</c:v>
                </c:pt>
                <c:pt idx="7116">
                  <c:v>21.144890382487187</c:v>
                </c:pt>
                <c:pt idx="7117">
                  <c:v>21.144890382487187</c:v>
                </c:pt>
                <c:pt idx="7118">
                  <c:v>21.149591114647485</c:v>
                </c:pt>
                <c:pt idx="7119">
                  <c:v>21.149591114647485</c:v>
                </c:pt>
                <c:pt idx="7120">
                  <c:v>21.149591114647485</c:v>
                </c:pt>
                <c:pt idx="7121">
                  <c:v>21.149591114647485</c:v>
                </c:pt>
                <c:pt idx="7122">
                  <c:v>21.154434293237031</c:v>
                </c:pt>
                <c:pt idx="7123">
                  <c:v>21.154434293237031</c:v>
                </c:pt>
                <c:pt idx="7124">
                  <c:v>21.154434293237031</c:v>
                </c:pt>
                <c:pt idx="7125">
                  <c:v>21.154434293237031</c:v>
                </c:pt>
                <c:pt idx="7126">
                  <c:v>21.154434293237031</c:v>
                </c:pt>
                <c:pt idx="7127">
                  <c:v>21.154434293237031</c:v>
                </c:pt>
                <c:pt idx="7128">
                  <c:v>21.159277471826581</c:v>
                </c:pt>
                <c:pt idx="7129">
                  <c:v>21.159277471826581</c:v>
                </c:pt>
                <c:pt idx="7130">
                  <c:v>21.159277471826581</c:v>
                </c:pt>
                <c:pt idx="7131">
                  <c:v>21.159277471826581</c:v>
                </c:pt>
                <c:pt idx="7132">
                  <c:v>21.159277471826581</c:v>
                </c:pt>
                <c:pt idx="7133">
                  <c:v>21.159277471826581</c:v>
                </c:pt>
                <c:pt idx="7134">
                  <c:v>21.159277471826581</c:v>
                </c:pt>
                <c:pt idx="7135">
                  <c:v>21.159277471826581</c:v>
                </c:pt>
                <c:pt idx="7136">
                  <c:v>21.159277471826581</c:v>
                </c:pt>
                <c:pt idx="7137">
                  <c:v>21.159277471826581</c:v>
                </c:pt>
                <c:pt idx="7138">
                  <c:v>21.159277471826581</c:v>
                </c:pt>
                <c:pt idx="7139">
                  <c:v>21.159277471826581</c:v>
                </c:pt>
                <c:pt idx="7140">
                  <c:v>21.159277471826581</c:v>
                </c:pt>
                <c:pt idx="7141">
                  <c:v>21.154434293237031</c:v>
                </c:pt>
                <c:pt idx="7142">
                  <c:v>21.154434293237031</c:v>
                </c:pt>
                <c:pt idx="7143">
                  <c:v>21.154434293237031</c:v>
                </c:pt>
                <c:pt idx="7144">
                  <c:v>21.154434293237031</c:v>
                </c:pt>
                <c:pt idx="7145">
                  <c:v>21.154434293237031</c:v>
                </c:pt>
                <c:pt idx="7146">
                  <c:v>21.154434293237031</c:v>
                </c:pt>
                <c:pt idx="7147">
                  <c:v>21.154434293237031</c:v>
                </c:pt>
                <c:pt idx="7148">
                  <c:v>21.154434293237031</c:v>
                </c:pt>
                <c:pt idx="7149">
                  <c:v>21.154434293237031</c:v>
                </c:pt>
                <c:pt idx="7150">
                  <c:v>21.154434293237031</c:v>
                </c:pt>
                <c:pt idx="7151">
                  <c:v>21.154434293237031</c:v>
                </c:pt>
                <c:pt idx="7152">
                  <c:v>21.149591114647485</c:v>
                </c:pt>
                <c:pt idx="7153">
                  <c:v>21.149591114647485</c:v>
                </c:pt>
                <c:pt idx="7154">
                  <c:v>21.144890382487187</c:v>
                </c:pt>
                <c:pt idx="7155">
                  <c:v>21.144890382487187</c:v>
                </c:pt>
                <c:pt idx="7156">
                  <c:v>21.144890382487187</c:v>
                </c:pt>
                <c:pt idx="7157">
                  <c:v>21.144890382487187</c:v>
                </c:pt>
                <c:pt idx="7158">
                  <c:v>21.140047203897637</c:v>
                </c:pt>
                <c:pt idx="7159">
                  <c:v>21.140047203897637</c:v>
                </c:pt>
                <c:pt idx="7160">
                  <c:v>21.144890382487187</c:v>
                </c:pt>
                <c:pt idx="7161">
                  <c:v>21.144890382487187</c:v>
                </c:pt>
                <c:pt idx="7162">
                  <c:v>21.144890382487187</c:v>
                </c:pt>
                <c:pt idx="7163">
                  <c:v>21.144890382487187</c:v>
                </c:pt>
                <c:pt idx="7164">
                  <c:v>21.144890382487187</c:v>
                </c:pt>
                <c:pt idx="7165">
                  <c:v>21.144890382487187</c:v>
                </c:pt>
                <c:pt idx="7166">
                  <c:v>21.144890382487187</c:v>
                </c:pt>
                <c:pt idx="7167">
                  <c:v>21.144890382487187</c:v>
                </c:pt>
                <c:pt idx="7168">
                  <c:v>21.140047203897637</c:v>
                </c:pt>
                <c:pt idx="7169">
                  <c:v>21.144890382487187</c:v>
                </c:pt>
                <c:pt idx="7170">
                  <c:v>21.144890382487187</c:v>
                </c:pt>
                <c:pt idx="7171">
                  <c:v>21.144890382487187</c:v>
                </c:pt>
                <c:pt idx="7172">
                  <c:v>21.140047203897637</c:v>
                </c:pt>
                <c:pt idx="7173">
                  <c:v>21.140047203897637</c:v>
                </c:pt>
                <c:pt idx="7174">
                  <c:v>21.140047203897637</c:v>
                </c:pt>
                <c:pt idx="7175">
                  <c:v>21.140047203897637</c:v>
                </c:pt>
                <c:pt idx="7176">
                  <c:v>21.140047203897637</c:v>
                </c:pt>
                <c:pt idx="7177">
                  <c:v>21.140047203897637</c:v>
                </c:pt>
                <c:pt idx="7178">
                  <c:v>21.140047203897637</c:v>
                </c:pt>
                <c:pt idx="7179">
                  <c:v>21.144890382487187</c:v>
                </c:pt>
                <c:pt idx="7180">
                  <c:v>21.144890382487187</c:v>
                </c:pt>
                <c:pt idx="7181">
                  <c:v>21.144890382487187</c:v>
                </c:pt>
                <c:pt idx="7182">
                  <c:v>21.144890382487187</c:v>
                </c:pt>
                <c:pt idx="7183">
                  <c:v>21.144890382487187</c:v>
                </c:pt>
                <c:pt idx="7184">
                  <c:v>21.144890382487187</c:v>
                </c:pt>
                <c:pt idx="7185">
                  <c:v>21.140047203897637</c:v>
                </c:pt>
                <c:pt idx="7186">
                  <c:v>21.140047203897637</c:v>
                </c:pt>
                <c:pt idx="7187">
                  <c:v>21.140047203897637</c:v>
                </c:pt>
                <c:pt idx="7188">
                  <c:v>21.135204025308092</c:v>
                </c:pt>
                <c:pt idx="7189">
                  <c:v>21.135204025308092</c:v>
                </c:pt>
                <c:pt idx="7190">
                  <c:v>21.135204025308092</c:v>
                </c:pt>
                <c:pt idx="7191">
                  <c:v>21.135204025308092</c:v>
                </c:pt>
                <c:pt idx="7192">
                  <c:v>21.135204025308092</c:v>
                </c:pt>
                <c:pt idx="7193">
                  <c:v>21.140047203897637</c:v>
                </c:pt>
                <c:pt idx="7194">
                  <c:v>21.140047203897637</c:v>
                </c:pt>
                <c:pt idx="7195">
                  <c:v>21.140047203897637</c:v>
                </c:pt>
                <c:pt idx="7196">
                  <c:v>21.140047203897637</c:v>
                </c:pt>
                <c:pt idx="7197">
                  <c:v>21.140047203897637</c:v>
                </c:pt>
                <c:pt idx="7198">
                  <c:v>21.140047203897637</c:v>
                </c:pt>
                <c:pt idx="7199">
                  <c:v>21.140047203897637</c:v>
                </c:pt>
                <c:pt idx="7200">
                  <c:v>21.140047203897637</c:v>
                </c:pt>
                <c:pt idx="7201">
                  <c:v>21.140047203897637</c:v>
                </c:pt>
                <c:pt idx="7202">
                  <c:v>21.140047203897637</c:v>
                </c:pt>
                <c:pt idx="7203">
                  <c:v>21.140047203897637</c:v>
                </c:pt>
                <c:pt idx="7204">
                  <c:v>21.140047203897637</c:v>
                </c:pt>
                <c:pt idx="7205">
                  <c:v>21.140047203897637</c:v>
                </c:pt>
                <c:pt idx="7206">
                  <c:v>21.144890382487187</c:v>
                </c:pt>
                <c:pt idx="7207">
                  <c:v>21.144890382487187</c:v>
                </c:pt>
                <c:pt idx="7208">
                  <c:v>21.144890382487187</c:v>
                </c:pt>
                <c:pt idx="7209">
                  <c:v>21.144890382487187</c:v>
                </c:pt>
                <c:pt idx="7210">
                  <c:v>21.149591114647485</c:v>
                </c:pt>
                <c:pt idx="7211">
                  <c:v>21.149591114647485</c:v>
                </c:pt>
                <c:pt idx="7212">
                  <c:v>21.149591114647485</c:v>
                </c:pt>
                <c:pt idx="7213">
                  <c:v>21.154434293237031</c:v>
                </c:pt>
                <c:pt idx="7214">
                  <c:v>21.154434293237031</c:v>
                </c:pt>
                <c:pt idx="7215">
                  <c:v>21.159277471826581</c:v>
                </c:pt>
                <c:pt idx="7216">
                  <c:v>21.159277471826581</c:v>
                </c:pt>
                <c:pt idx="7217">
                  <c:v>21.159277471826581</c:v>
                </c:pt>
                <c:pt idx="7218">
                  <c:v>21.159277471826581</c:v>
                </c:pt>
                <c:pt idx="7219">
                  <c:v>21.163978203987007</c:v>
                </c:pt>
                <c:pt idx="7220">
                  <c:v>21.163978203987007</c:v>
                </c:pt>
                <c:pt idx="7221">
                  <c:v>21.163978203987007</c:v>
                </c:pt>
                <c:pt idx="7222">
                  <c:v>21.163978203987007</c:v>
                </c:pt>
                <c:pt idx="7223">
                  <c:v>21.163978203987007</c:v>
                </c:pt>
                <c:pt idx="7224">
                  <c:v>21.163978203987007</c:v>
                </c:pt>
                <c:pt idx="7225">
                  <c:v>21.163978203987007</c:v>
                </c:pt>
                <c:pt idx="7226">
                  <c:v>21.163978203987007</c:v>
                </c:pt>
                <c:pt idx="7227">
                  <c:v>21.163978203987007</c:v>
                </c:pt>
                <c:pt idx="7228">
                  <c:v>21.163978203987007</c:v>
                </c:pt>
                <c:pt idx="7229">
                  <c:v>21.163978203987007</c:v>
                </c:pt>
                <c:pt idx="7230">
                  <c:v>21.163978203987007</c:v>
                </c:pt>
                <c:pt idx="7231">
                  <c:v>21.163978203987007</c:v>
                </c:pt>
                <c:pt idx="7232">
                  <c:v>21.163978203987007</c:v>
                </c:pt>
                <c:pt idx="7233">
                  <c:v>21.163978203987007</c:v>
                </c:pt>
                <c:pt idx="7234">
                  <c:v>21.163978203987007</c:v>
                </c:pt>
                <c:pt idx="7235">
                  <c:v>21.163978203987007</c:v>
                </c:pt>
                <c:pt idx="7236">
                  <c:v>21.163978203987007</c:v>
                </c:pt>
                <c:pt idx="7237">
                  <c:v>21.163978203987007</c:v>
                </c:pt>
                <c:pt idx="7238">
                  <c:v>21.163978203987007</c:v>
                </c:pt>
                <c:pt idx="7239">
                  <c:v>21.163978203987007</c:v>
                </c:pt>
                <c:pt idx="7240">
                  <c:v>21.163978203987007</c:v>
                </c:pt>
                <c:pt idx="7241">
                  <c:v>21.163978203987007</c:v>
                </c:pt>
                <c:pt idx="7242">
                  <c:v>21.159277471826581</c:v>
                </c:pt>
                <c:pt idx="7243">
                  <c:v>21.159277471826581</c:v>
                </c:pt>
                <c:pt idx="7244">
                  <c:v>21.154434293237031</c:v>
                </c:pt>
                <c:pt idx="7245">
                  <c:v>21.154434293237031</c:v>
                </c:pt>
                <c:pt idx="7246">
                  <c:v>21.154434293237031</c:v>
                </c:pt>
                <c:pt idx="7247">
                  <c:v>21.154434293237031</c:v>
                </c:pt>
                <c:pt idx="7248">
                  <c:v>21.154434293237031</c:v>
                </c:pt>
                <c:pt idx="7249">
                  <c:v>21.154434293237031</c:v>
                </c:pt>
                <c:pt idx="7250">
                  <c:v>21.149591114647485</c:v>
                </c:pt>
                <c:pt idx="7251">
                  <c:v>21.149591114647485</c:v>
                </c:pt>
                <c:pt idx="7252">
                  <c:v>21.144890382487187</c:v>
                </c:pt>
                <c:pt idx="7253">
                  <c:v>21.144890382487187</c:v>
                </c:pt>
                <c:pt idx="7254">
                  <c:v>21.140047203897637</c:v>
                </c:pt>
                <c:pt idx="7255">
                  <c:v>21.140047203897637</c:v>
                </c:pt>
                <c:pt idx="7256">
                  <c:v>21.140047203897637</c:v>
                </c:pt>
                <c:pt idx="7257">
                  <c:v>21.135204025308092</c:v>
                </c:pt>
                <c:pt idx="7258">
                  <c:v>21.135204025308092</c:v>
                </c:pt>
                <c:pt idx="7259">
                  <c:v>21.13050329314779</c:v>
                </c:pt>
                <c:pt idx="7260">
                  <c:v>21.125660114558244</c:v>
                </c:pt>
                <c:pt idx="7261">
                  <c:v>21.125660114558244</c:v>
                </c:pt>
                <c:pt idx="7262">
                  <c:v>21.120816935968691</c:v>
                </c:pt>
                <c:pt idx="7263">
                  <c:v>21.120816935968691</c:v>
                </c:pt>
                <c:pt idx="7264">
                  <c:v>21.120816935968691</c:v>
                </c:pt>
                <c:pt idx="7265">
                  <c:v>21.120816935968691</c:v>
                </c:pt>
                <c:pt idx="7266">
                  <c:v>21.120816935968691</c:v>
                </c:pt>
                <c:pt idx="7267">
                  <c:v>21.120816935968691</c:v>
                </c:pt>
                <c:pt idx="7268">
                  <c:v>21.125660114558244</c:v>
                </c:pt>
                <c:pt idx="7269">
                  <c:v>21.13050329314779</c:v>
                </c:pt>
                <c:pt idx="7270">
                  <c:v>21.13050329314779</c:v>
                </c:pt>
                <c:pt idx="7271">
                  <c:v>21.13050329314779</c:v>
                </c:pt>
                <c:pt idx="7272">
                  <c:v>21.135204025308092</c:v>
                </c:pt>
                <c:pt idx="7273">
                  <c:v>21.135204025308092</c:v>
                </c:pt>
                <c:pt idx="7274">
                  <c:v>21.140047203897637</c:v>
                </c:pt>
                <c:pt idx="7275">
                  <c:v>21.140047203897637</c:v>
                </c:pt>
                <c:pt idx="7276">
                  <c:v>21.140047203897637</c:v>
                </c:pt>
                <c:pt idx="7277">
                  <c:v>21.144890382487187</c:v>
                </c:pt>
                <c:pt idx="7278">
                  <c:v>21.149591114647485</c:v>
                </c:pt>
                <c:pt idx="7279">
                  <c:v>21.154434293237031</c:v>
                </c:pt>
                <c:pt idx="7280">
                  <c:v>21.159277471826581</c:v>
                </c:pt>
                <c:pt idx="7281">
                  <c:v>21.163978203987007</c:v>
                </c:pt>
                <c:pt idx="7282">
                  <c:v>21.168821382576429</c:v>
                </c:pt>
                <c:pt idx="7283">
                  <c:v>21.173664561165978</c:v>
                </c:pt>
                <c:pt idx="7284">
                  <c:v>21.178365293326401</c:v>
                </c:pt>
                <c:pt idx="7285">
                  <c:v>21.178365293326401</c:v>
                </c:pt>
                <c:pt idx="7286">
                  <c:v>21.183208471915826</c:v>
                </c:pt>
                <c:pt idx="7287">
                  <c:v>21.183208471915826</c:v>
                </c:pt>
                <c:pt idx="7288">
                  <c:v>21.183208471915826</c:v>
                </c:pt>
                <c:pt idx="7289">
                  <c:v>21.188051650505372</c:v>
                </c:pt>
                <c:pt idx="7290">
                  <c:v>21.188051650505372</c:v>
                </c:pt>
                <c:pt idx="7291">
                  <c:v>21.188051650505372</c:v>
                </c:pt>
                <c:pt idx="7292">
                  <c:v>21.188051650505372</c:v>
                </c:pt>
                <c:pt idx="7293">
                  <c:v>21.188051650505372</c:v>
                </c:pt>
                <c:pt idx="7294">
                  <c:v>21.188051650505372</c:v>
                </c:pt>
                <c:pt idx="7295">
                  <c:v>21.188051650505372</c:v>
                </c:pt>
                <c:pt idx="7296">
                  <c:v>21.188051650505372</c:v>
                </c:pt>
                <c:pt idx="7297">
                  <c:v>21.188051650505372</c:v>
                </c:pt>
                <c:pt idx="7298">
                  <c:v>21.188051650505372</c:v>
                </c:pt>
                <c:pt idx="7299">
                  <c:v>21.188051650505372</c:v>
                </c:pt>
                <c:pt idx="7300">
                  <c:v>21.188051650505372</c:v>
                </c:pt>
                <c:pt idx="7301">
                  <c:v>21.188051650505372</c:v>
                </c:pt>
                <c:pt idx="7302">
                  <c:v>21.188051650505372</c:v>
                </c:pt>
                <c:pt idx="7303">
                  <c:v>21.183208471915826</c:v>
                </c:pt>
                <c:pt idx="7304">
                  <c:v>21.183208471915826</c:v>
                </c:pt>
                <c:pt idx="7305">
                  <c:v>21.178365293326401</c:v>
                </c:pt>
                <c:pt idx="7306">
                  <c:v>21.178365293326401</c:v>
                </c:pt>
                <c:pt idx="7307">
                  <c:v>21.173664561165978</c:v>
                </c:pt>
                <c:pt idx="7308">
                  <c:v>21.173664561165978</c:v>
                </c:pt>
                <c:pt idx="7309">
                  <c:v>21.173664561165978</c:v>
                </c:pt>
                <c:pt idx="7310">
                  <c:v>21.173664561165978</c:v>
                </c:pt>
                <c:pt idx="7311">
                  <c:v>21.168821382576429</c:v>
                </c:pt>
                <c:pt idx="7312">
                  <c:v>21.173664561165978</c:v>
                </c:pt>
                <c:pt idx="7313">
                  <c:v>21.168821382576429</c:v>
                </c:pt>
                <c:pt idx="7314">
                  <c:v>21.168821382576429</c:v>
                </c:pt>
                <c:pt idx="7315">
                  <c:v>21.168821382576429</c:v>
                </c:pt>
                <c:pt idx="7316">
                  <c:v>21.168821382576429</c:v>
                </c:pt>
                <c:pt idx="7317">
                  <c:v>21.168821382576429</c:v>
                </c:pt>
                <c:pt idx="7318">
                  <c:v>21.168821382576429</c:v>
                </c:pt>
                <c:pt idx="7319">
                  <c:v>21.168821382576429</c:v>
                </c:pt>
                <c:pt idx="7320">
                  <c:v>21.168821382576429</c:v>
                </c:pt>
                <c:pt idx="7321">
                  <c:v>21.168821382576429</c:v>
                </c:pt>
                <c:pt idx="7322">
                  <c:v>21.168821382576429</c:v>
                </c:pt>
                <c:pt idx="7323">
                  <c:v>21.163978203987007</c:v>
                </c:pt>
                <c:pt idx="7324">
                  <c:v>21.163978203987007</c:v>
                </c:pt>
                <c:pt idx="7325">
                  <c:v>21.163978203987007</c:v>
                </c:pt>
                <c:pt idx="7326">
                  <c:v>21.163978203987007</c:v>
                </c:pt>
                <c:pt idx="7327">
                  <c:v>21.163978203987007</c:v>
                </c:pt>
                <c:pt idx="7328">
                  <c:v>21.163978203987007</c:v>
                </c:pt>
                <c:pt idx="7329">
                  <c:v>21.163978203987007</c:v>
                </c:pt>
                <c:pt idx="7330">
                  <c:v>21.163978203987007</c:v>
                </c:pt>
                <c:pt idx="7331">
                  <c:v>21.163978203987007</c:v>
                </c:pt>
                <c:pt idx="7332">
                  <c:v>21.163978203987007</c:v>
                </c:pt>
                <c:pt idx="7333">
                  <c:v>21.163978203987007</c:v>
                </c:pt>
                <c:pt idx="7334">
                  <c:v>21.163978203987007</c:v>
                </c:pt>
                <c:pt idx="7335">
                  <c:v>21.163978203987007</c:v>
                </c:pt>
                <c:pt idx="7336">
                  <c:v>21.163978203987007</c:v>
                </c:pt>
                <c:pt idx="7337">
                  <c:v>21.163978203987007</c:v>
                </c:pt>
                <c:pt idx="7338">
                  <c:v>21.163978203987007</c:v>
                </c:pt>
                <c:pt idx="7339">
                  <c:v>21.163978203987007</c:v>
                </c:pt>
                <c:pt idx="7340">
                  <c:v>21.163978203987007</c:v>
                </c:pt>
                <c:pt idx="7341">
                  <c:v>21.163978203987007</c:v>
                </c:pt>
                <c:pt idx="7342">
                  <c:v>21.163978203987007</c:v>
                </c:pt>
                <c:pt idx="7343">
                  <c:v>21.159277471826581</c:v>
                </c:pt>
                <c:pt idx="7344">
                  <c:v>21.159277471826581</c:v>
                </c:pt>
                <c:pt idx="7345">
                  <c:v>21.159277471826581</c:v>
                </c:pt>
                <c:pt idx="7346">
                  <c:v>21.159277471826581</c:v>
                </c:pt>
                <c:pt idx="7347">
                  <c:v>21.159277471826581</c:v>
                </c:pt>
                <c:pt idx="7348">
                  <c:v>21.154434293237031</c:v>
                </c:pt>
                <c:pt idx="7349">
                  <c:v>21.154434293237031</c:v>
                </c:pt>
                <c:pt idx="7350">
                  <c:v>21.154434293237031</c:v>
                </c:pt>
                <c:pt idx="7351">
                  <c:v>21.154434293237031</c:v>
                </c:pt>
                <c:pt idx="7352">
                  <c:v>21.154434293237031</c:v>
                </c:pt>
                <c:pt idx="7353">
                  <c:v>21.154434293237031</c:v>
                </c:pt>
                <c:pt idx="7354">
                  <c:v>21.154434293237031</c:v>
                </c:pt>
                <c:pt idx="7355">
                  <c:v>21.149591114647485</c:v>
                </c:pt>
                <c:pt idx="7356">
                  <c:v>21.149591114647485</c:v>
                </c:pt>
                <c:pt idx="7357">
                  <c:v>21.149591114647485</c:v>
                </c:pt>
                <c:pt idx="7358">
                  <c:v>21.149591114647485</c:v>
                </c:pt>
                <c:pt idx="7359">
                  <c:v>21.149591114647485</c:v>
                </c:pt>
                <c:pt idx="7360">
                  <c:v>21.149591114647485</c:v>
                </c:pt>
                <c:pt idx="7361">
                  <c:v>21.149591114647485</c:v>
                </c:pt>
                <c:pt idx="7362">
                  <c:v>21.149591114647485</c:v>
                </c:pt>
                <c:pt idx="7363">
                  <c:v>21.149591114647485</c:v>
                </c:pt>
                <c:pt idx="7364">
                  <c:v>21.149591114647485</c:v>
                </c:pt>
                <c:pt idx="7365">
                  <c:v>21.149591114647485</c:v>
                </c:pt>
                <c:pt idx="7366">
                  <c:v>21.149591114647485</c:v>
                </c:pt>
                <c:pt idx="7367">
                  <c:v>21.149591114647485</c:v>
                </c:pt>
                <c:pt idx="7368">
                  <c:v>21.149591114647485</c:v>
                </c:pt>
                <c:pt idx="7369">
                  <c:v>21.149591114647485</c:v>
                </c:pt>
                <c:pt idx="7370">
                  <c:v>21.149591114647485</c:v>
                </c:pt>
                <c:pt idx="7371">
                  <c:v>21.149591114647485</c:v>
                </c:pt>
                <c:pt idx="7372">
                  <c:v>21.149591114647485</c:v>
                </c:pt>
                <c:pt idx="7373">
                  <c:v>21.149591114647485</c:v>
                </c:pt>
                <c:pt idx="7374">
                  <c:v>21.149591114647485</c:v>
                </c:pt>
                <c:pt idx="7375">
                  <c:v>21.149591114647485</c:v>
                </c:pt>
                <c:pt idx="7376">
                  <c:v>21.154434293237031</c:v>
                </c:pt>
                <c:pt idx="7377">
                  <c:v>21.154434293237031</c:v>
                </c:pt>
                <c:pt idx="7378">
                  <c:v>21.154434293237031</c:v>
                </c:pt>
                <c:pt idx="7379">
                  <c:v>21.159277471826581</c:v>
                </c:pt>
                <c:pt idx="7380">
                  <c:v>21.159277471826581</c:v>
                </c:pt>
                <c:pt idx="7381">
                  <c:v>21.159277471826581</c:v>
                </c:pt>
                <c:pt idx="7382">
                  <c:v>21.159277471826581</c:v>
                </c:pt>
                <c:pt idx="7383">
                  <c:v>21.159277471826581</c:v>
                </c:pt>
                <c:pt idx="7384">
                  <c:v>21.159277471826581</c:v>
                </c:pt>
                <c:pt idx="7385">
                  <c:v>21.159277471826581</c:v>
                </c:pt>
                <c:pt idx="7386">
                  <c:v>21.159277471826581</c:v>
                </c:pt>
                <c:pt idx="7387">
                  <c:v>21.159277471826581</c:v>
                </c:pt>
                <c:pt idx="7388">
                  <c:v>21.159277471826581</c:v>
                </c:pt>
                <c:pt idx="7389">
                  <c:v>21.163978203987007</c:v>
                </c:pt>
                <c:pt idx="7390">
                  <c:v>21.163978203987007</c:v>
                </c:pt>
                <c:pt idx="7391">
                  <c:v>21.163978203987007</c:v>
                </c:pt>
                <c:pt idx="7392">
                  <c:v>21.163978203987007</c:v>
                </c:pt>
                <c:pt idx="7393">
                  <c:v>21.168821382576429</c:v>
                </c:pt>
                <c:pt idx="7394">
                  <c:v>21.168821382576429</c:v>
                </c:pt>
                <c:pt idx="7395">
                  <c:v>21.168821382576429</c:v>
                </c:pt>
                <c:pt idx="7396">
                  <c:v>21.168821382576429</c:v>
                </c:pt>
                <c:pt idx="7397">
                  <c:v>21.173664561165978</c:v>
                </c:pt>
                <c:pt idx="7398">
                  <c:v>21.173664561165978</c:v>
                </c:pt>
                <c:pt idx="7399">
                  <c:v>21.178365293326401</c:v>
                </c:pt>
                <c:pt idx="7400">
                  <c:v>21.178365293326401</c:v>
                </c:pt>
                <c:pt idx="7401">
                  <c:v>21.178365293326401</c:v>
                </c:pt>
                <c:pt idx="7402">
                  <c:v>21.178365293326401</c:v>
                </c:pt>
                <c:pt idx="7403">
                  <c:v>21.178365293326401</c:v>
                </c:pt>
                <c:pt idx="7404">
                  <c:v>21.178365293326401</c:v>
                </c:pt>
                <c:pt idx="7405">
                  <c:v>21.183208471915826</c:v>
                </c:pt>
                <c:pt idx="7406">
                  <c:v>21.183208471915826</c:v>
                </c:pt>
                <c:pt idx="7407">
                  <c:v>21.183208471915826</c:v>
                </c:pt>
                <c:pt idx="7408">
                  <c:v>21.183208471915826</c:v>
                </c:pt>
                <c:pt idx="7409">
                  <c:v>21.188051650505372</c:v>
                </c:pt>
                <c:pt idx="7410">
                  <c:v>21.188051650505372</c:v>
                </c:pt>
                <c:pt idx="7411">
                  <c:v>21.188051650505372</c:v>
                </c:pt>
                <c:pt idx="7412">
                  <c:v>21.188051650505372</c:v>
                </c:pt>
                <c:pt idx="7413">
                  <c:v>21.192752382665798</c:v>
                </c:pt>
                <c:pt idx="7414">
                  <c:v>21.192752382665798</c:v>
                </c:pt>
                <c:pt idx="7415">
                  <c:v>21.192752382665798</c:v>
                </c:pt>
                <c:pt idx="7416">
                  <c:v>21.192752382665798</c:v>
                </c:pt>
                <c:pt idx="7417">
                  <c:v>21.192752382665798</c:v>
                </c:pt>
                <c:pt idx="7418">
                  <c:v>21.192752382665798</c:v>
                </c:pt>
                <c:pt idx="7419">
                  <c:v>21.192752382665798</c:v>
                </c:pt>
                <c:pt idx="7420">
                  <c:v>21.192752382665798</c:v>
                </c:pt>
                <c:pt idx="7421">
                  <c:v>21.192752382665798</c:v>
                </c:pt>
                <c:pt idx="7422">
                  <c:v>21.192752382665798</c:v>
                </c:pt>
                <c:pt idx="7423">
                  <c:v>21.192752382665798</c:v>
                </c:pt>
                <c:pt idx="7424">
                  <c:v>21.192752382665798</c:v>
                </c:pt>
                <c:pt idx="7425">
                  <c:v>21.192752382665798</c:v>
                </c:pt>
                <c:pt idx="7426">
                  <c:v>21.192752382665798</c:v>
                </c:pt>
                <c:pt idx="7427">
                  <c:v>21.192752382665798</c:v>
                </c:pt>
                <c:pt idx="7428">
                  <c:v>21.192752382665798</c:v>
                </c:pt>
                <c:pt idx="7429">
                  <c:v>21.192752382665798</c:v>
                </c:pt>
                <c:pt idx="7430">
                  <c:v>21.192752382665798</c:v>
                </c:pt>
                <c:pt idx="7431">
                  <c:v>21.192752382665798</c:v>
                </c:pt>
                <c:pt idx="7432">
                  <c:v>21.192752382665798</c:v>
                </c:pt>
                <c:pt idx="7433">
                  <c:v>21.188051650505372</c:v>
                </c:pt>
                <c:pt idx="7434">
                  <c:v>21.188051650505372</c:v>
                </c:pt>
                <c:pt idx="7435">
                  <c:v>21.188051650505372</c:v>
                </c:pt>
                <c:pt idx="7436">
                  <c:v>21.188051650505372</c:v>
                </c:pt>
                <c:pt idx="7437">
                  <c:v>21.188051650505372</c:v>
                </c:pt>
                <c:pt idx="7438">
                  <c:v>21.183208471915826</c:v>
                </c:pt>
                <c:pt idx="7439">
                  <c:v>21.183208471915826</c:v>
                </c:pt>
                <c:pt idx="7440">
                  <c:v>21.183208471915826</c:v>
                </c:pt>
                <c:pt idx="7441">
                  <c:v>21.183208471915826</c:v>
                </c:pt>
                <c:pt idx="7442">
                  <c:v>21.178365293326401</c:v>
                </c:pt>
                <c:pt idx="7443">
                  <c:v>21.178365293326401</c:v>
                </c:pt>
                <c:pt idx="7444">
                  <c:v>21.178365293326401</c:v>
                </c:pt>
                <c:pt idx="7445">
                  <c:v>21.178365293326401</c:v>
                </c:pt>
                <c:pt idx="7446">
                  <c:v>21.178365293326401</c:v>
                </c:pt>
                <c:pt idx="7447">
                  <c:v>21.178365293326401</c:v>
                </c:pt>
                <c:pt idx="7448">
                  <c:v>21.178365293326401</c:v>
                </c:pt>
                <c:pt idx="7449">
                  <c:v>21.178365293326401</c:v>
                </c:pt>
                <c:pt idx="7450">
                  <c:v>21.178365293326401</c:v>
                </c:pt>
                <c:pt idx="7451">
                  <c:v>21.173664561165978</c:v>
                </c:pt>
                <c:pt idx="7452">
                  <c:v>21.178365293326401</c:v>
                </c:pt>
                <c:pt idx="7453">
                  <c:v>21.178365293326401</c:v>
                </c:pt>
                <c:pt idx="7454">
                  <c:v>21.178365293326401</c:v>
                </c:pt>
                <c:pt idx="7455">
                  <c:v>21.178365293326401</c:v>
                </c:pt>
                <c:pt idx="7456">
                  <c:v>21.178365293326401</c:v>
                </c:pt>
                <c:pt idx="7457">
                  <c:v>21.178365293326401</c:v>
                </c:pt>
                <c:pt idx="7458">
                  <c:v>21.178365293326401</c:v>
                </c:pt>
                <c:pt idx="7459">
                  <c:v>21.178365293326401</c:v>
                </c:pt>
                <c:pt idx="7460">
                  <c:v>21.178365293326401</c:v>
                </c:pt>
                <c:pt idx="7461">
                  <c:v>21.178365293326401</c:v>
                </c:pt>
                <c:pt idx="7462">
                  <c:v>21.178365293326401</c:v>
                </c:pt>
                <c:pt idx="7463">
                  <c:v>21.178365293326401</c:v>
                </c:pt>
                <c:pt idx="7464">
                  <c:v>21.178365293326401</c:v>
                </c:pt>
                <c:pt idx="7465">
                  <c:v>21.183208471915826</c:v>
                </c:pt>
                <c:pt idx="7466">
                  <c:v>21.183208471915826</c:v>
                </c:pt>
                <c:pt idx="7467">
                  <c:v>21.183208471915826</c:v>
                </c:pt>
                <c:pt idx="7468">
                  <c:v>21.188051650505372</c:v>
                </c:pt>
                <c:pt idx="7469">
                  <c:v>21.188051650505372</c:v>
                </c:pt>
                <c:pt idx="7470">
                  <c:v>21.192752382665798</c:v>
                </c:pt>
                <c:pt idx="7471">
                  <c:v>21.192752382665798</c:v>
                </c:pt>
                <c:pt idx="7472">
                  <c:v>21.19759556125522</c:v>
                </c:pt>
                <c:pt idx="7473">
                  <c:v>21.19759556125522</c:v>
                </c:pt>
                <c:pt idx="7474">
                  <c:v>21.202438739844769</c:v>
                </c:pt>
                <c:pt idx="7475">
                  <c:v>21.202438739844769</c:v>
                </c:pt>
                <c:pt idx="7476">
                  <c:v>21.207139472005196</c:v>
                </c:pt>
                <c:pt idx="7477">
                  <c:v>21.207139472005196</c:v>
                </c:pt>
                <c:pt idx="7478">
                  <c:v>21.207139472005196</c:v>
                </c:pt>
                <c:pt idx="7479">
                  <c:v>21.207139472005196</c:v>
                </c:pt>
                <c:pt idx="7480">
                  <c:v>21.207139472005196</c:v>
                </c:pt>
                <c:pt idx="7481">
                  <c:v>21.207139472005196</c:v>
                </c:pt>
                <c:pt idx="7482">
                  <c:v>21.211982650594742</c:v>
                </c:pt>
                <c:pt idx="7483">
                  <c:v>21.211982650594742</c:v>
                </c:pt>
                <c:pt idx="7484">
                  <c:v>21.211982650594742</c:v>
                </c:pt>
                <c:pt idx="7485">
                  <c:v>21.211982650594742</c:v>
                </c:pt>
                <c:pt idx="7486">
                  <c:v>21.216825829184163</c:v>
                </c:pt>
                <c:pt idx="7487">
                  <c:v>21.216825829184163</c:v>
                </c:pt>
                <c:pt idx="7488">
                  <c:v>21.211982650594742</c:v>
                </c:pt>
                <c:pt idx="7489">
                  <c:v>21.211982650594742</c:v>
                </c:pt>
                <c:pt idx="7490">
                  <c:v>21.211982650594742</c:v>
                </c:pt>
                <c:pt idx="7491">
                  <c:v>21.211982650594742</c:v>
                </c:pt>
                <c:pt idx="7492">
                  <c:v>21.211982650594742</c:v>
                </c:pt>
                <c:pt idx="7493">
                  <c:v>21.211982650594742</c:v>
                </c:pt>
                <c:pt idx="7494">
                  <c:v>21.211982650594742</c:v>
                </c:pt>
                <c:pt idx="7495">
                  <c:v>21.207139472005196</c:v>
                </c:pt>
                <c:pt idx="7496">
                  <c:v>21.207139472005196</c:v>
                </c:pt>
                <c:pt idx="7497">
                  <c:v>21.202438739844769</c:v>
                </c:pt>
                <c:pt idx="7498">
                  <c:v>21.202438739844769</c:v>
                </c:pt>
                <c:pt idx="7499">
                  <c:v>21.202438739844769</c:v>
                </c:pt>
                <c:pt idx="7500">
                  <c:v>21.19759556125522</c:v>
                </c:pt>
                <c:pt idx="7501">
                  <c:v>21.19759556125522</c:v>
                </c:pt>
                <c:pt idx="7502">
                  <c:v>21.19759556125522</c:v>
                </c:pt>
                <c:pt idx="7503">
                  <c:v>21.19759556125522</c:v>
                </c:pt>
                <c:pt idx="7504">
                  <c:v>21.19759556125522</c:v>
                </c:pt>
                <c:pt idx="7505">
                  <c:v>21.19759556125522</c:v>
                </c:pt>
                <c:pt idx="7506">
                  <c:v>21.192752382665798</c:v>
                </c:pt>
                <c:pt idx="7507">
                  <c:v>21.192752382665798</c:v>
                </c:pt>
                <c:pt idx="7508">
                  <c:v>21.192752382665798</c:v>
                </c:pt>
                <c:pt idx="7509">
                  <c:v>21.192752382665798</c:v>
                </c:pt>
                <c:pt idx="7510">
                  <c:v>21.192752382665798</c:v>
                </c:pt>
                <c:pt idx="7511">
                  <c:v>21.192752382665798</c:v>
                </c:pt>
                <c:pt idx="7512">
                  <c:v>21.192752382665798</c:v>
                </c:pt>
                <c:pt idx="7513">
                  <c:v>21.192752382665798</c:v>
                </c:pt>
                <c:pt idx="7514">
                  <c:v>21.192752382665798</c:v>
                </c:pt>
                <c:pt idx="7515">
                  <c:v>21.192752382665798</c:v>
                </c:pt>
                <c:pt idx="7516">
                  <c:v>21.192752382665798</c:v>
                </c:pt>
                <c:pt idx="7517">
                  <c:v>21.192752382665798</c:v>
                </c:pt>
                <c:pt idx="7518">
                  <c:v>21.192752382665798</c:v>
                </c:pt>
                <c:pt idx="7519">
                  <c:v>21.192752382665798</c:v>
                </c:pt>
                <c:pt idx="7520">
                  <c:v>21.192752382665798</c:v>
                </c:pt>
                <c:pt idx="7521">
                  <c:v>21.192752382665798</c:v>
                </c:pt>
                <c:pt idx="7522">
                  <c:v>21.19759556125522</c:v>
                </c:pt>
                <c:pt idx="7523">
                  <c:v>21.19759556125522</c:v>
                </c:pt>
                <c:pt idx="7524">
                  <c:v>21.202438739844769</c:v>
                </c:pt>
                <c:pt idx="7525">
                  <c:v>21.202438739844769</c:v>
                </c:pt>
                <c:pt idx="7526">
                  <c:v>21.202438739844769</c:v>
                </c:pt>
                <c:pt idx="7527">
                  <c:v>21.207139472005196</c:v>
                </c:pt>
                <c:pt idx="7528">
                  <c:v>21.207139472005196</c:v>
                </c:pt>
                <c:pt idx="7529">
                  <c:v>21.207139472005196</c:v>
                </c:pt>
                <c:pt idx="7530">
                  <c:v>21.207139472005196</c:v>
                </c:pt>
                <c:pt idx="7531">
                  <c:v>21.211982650594742</c:v>
                </c:pt>
                <c:pt idx="7532">
                  <c:v>21.211982650594742</c:v>
                </c:pt>
                <c:pt idx="7533">
                  <c:v>21.216825829184163</c:v>
                </c:pt>
                <c:pt idx="7534">
                  <c:v>21.216825829184163</c:v>
                </c:pt>
                <c:pt idx="7535">
                  <c:v>21.216825829184163</c:v>
                </c:pt>
                <c:pt idx="7536">
                  <c:v>21.216825829184163</c:v>
                </c:pt>
                <c:pt idx="7537">
                  <c:v>21.211982650594742</c:v>
                </c:pt>
                <c:pt idx="7538">
                  <c:v>21.211982650594742</c:v>
                </c:pt>
                <c:pt idx="7539">
                  <c:v>21.211982650594742</c:v>
                </c:pt>
                <c:pt idx="7540">
                  <c:v>21.211982650594742</c:v>
                </c:pt>
                <c:pt idx="7541">
                  <c:v>21.211982650594742</c:v>
                </c:pt>
                <c:pt idx="7542">
                  <c:v>21.211982650594742</c:v>
                </c:pt>
                <c:pt idx="7543">
                  <c:v>21.216825829184163</c:v>
                </c:pt>
                <c:pt idx="7544">
                  <c:v>21.216825829184163</c:v>
                </c:pt>
                <c:pt idx="7545">
                  <c:v>21.216825829184163</c:v>
                </c:pt>
                <c:pt idx="7546">
                  <c:v>21.221526561344589</c:v>
                </c:pt>
                <c:pt idx="7547">
                  <c:v>21.221526561344589</c:v>
                </c:pt>
                <c:pt idx="7548">
                  <c:v>21.221526561344589</c:v>
                </c:pt>
                <c:pt idx="7549">
                  <c:v>21.221526561344589</c:v>
                </c:pt>
                <c:pt idx="7550">
                  <c:v>21.221526561344589</c:v>
                </c:pt>
                <c:pt idx="7551">
                  <c:v>21.221526561344589</c:v>
                </c:pt>
                <c:pt idx="7552">
                  <c:v>21.221526561344589</c:v>
                </c:pt>
                <c:pt idx="7553">
                  <c:v>21.221526561344589</c:v>
                </c:pt>
                <c:pt idx="7554">
                  <c:v>21.221526561344589</c:v>
                </c:pt>
                <c:pt idx="7555">
                  <c:v>21.221526561344589</c:v>
                </c:pt>
                <c:pt idx="7556">
                  <c:v>21.221526561344589</c:v>
                </c:pt>
                <c:pt idx="7557">
                  <c:v>21.226369739934135</c:v>
                </c:pt>
                <c:pt idx="7558">
                  <c:v>21.226369739934135</c:v>
                </c:pt>
                <c:pt idx="7559">
                  <c:v>21.226369739934135</c:v>
                </c:pt>
                <c:pt idx="7560">
                  <c:v>21.231212918523557</c:v>
                </c:pt>
                <c:pt idx="7561">
                  <c:v>21.235913650683983</c:v>
                </c:pt>
                <c:pt idx="7562">
                  <c:v>21.240756829273536</c:v>
                </c:pt>
                <c:pt idx="7563">
                  <c:v>21.245600007862958</c:v>
                </c:pt>
                <c:pt idx="7564">
                  <c:v>21.250300740023384</c:v>
                </c:pt>
                <c:pt idx="7565">
                  <c:v>21.250300740023384</c:v>
                </c:pt>
                <c:pt idx="7566">
                  <c:v>21.25514391861293</c:v>
                </c:pt>
                <c:pt idx="7567">
                  <c:v>21.250300740023384</c:v>
                </c:pt>
                <c:pt idx="7568">
                  <c:v>21.250300740023384</c:v>
                </c:pt>
                <c:pt idx="7569">
                  <c:v>21.245600007862958</c:v>
                </c:pt>
                <c:pt idx="7570">
                  <c:v>21.245600007862958</c:v>
                </c:pt>
                <c:pt idx="7571">
                  <c:v>21.240756829273536</c:v>
                </c:pt>
                <c:pt idx="7572">
                  <c:v>21.240756829273536</c:v>
                </c:pt>
                <c:pt idx="7573">
                  <c:v>21.235913650683983</c:v>
                </c:pt>
                <c:pt idx="7574">
                  <c:v>21.235913650683983</c:v>
                </c:pt>
                <c:pt idx="7575">
                  <c:v>21.235913650683983</c:v>
                </c:pt>
                <c:pt idx="7576">
                  <c:v>21.235913650683983</c:v>
                </c:pt>
                <c:pt idx="7577">
                  <c:v>21.231212918523557</c:v>
                </c:pt>
                <c:pt idx="7578">
                  <c:v>21.231212918523557</c:v>
                </c:pt>
                <c:pt idx="7579">
                  <c:v>21.231212918523557</c:v>
                </c:pt>
                <c:pt idx="7580">
                  <c:v>21.226369739934135</c:v>
                </c:pt>
                <c:pt idx="7581">
                  <c:v>21.226369739934135</c:v>
                </c:pt>
                <c:pt idx="7582">
                  <c:v>21.226369739934135</c:v>
                </c:pt>
                <c:pt idx="7583">
                  <c:v>21.221526561344589</c:v>
                </c:pt>
                <c:pt idx="7584">
                  <c:v>21.221526561344589</c:v>
                </c:pt>
                <c:pt idx="7585">
                  <c:v>21.221526561344589</c:v>
                </c:pt>
                <c:pt idx="7586">
                  <c:v>21.221526561344589</c:v>
                </c:pt>
                <c:pt idx="7587">
                  <c:v>21.221526561344589</c:v>
                </c:pt>
                <c:pt idx="7588">
                  <c:v>21.221526561344589</c:v>
                </c:pt>
                <c:pt idx="7589">
                  <c:v>21.216825829184163</c:v>
                </c:pt>
                <c:pt idx="7590">
                  <c:v>21.221526561344589</c:v>
                </c:pt>
                <c:pt idx="7591">
                  <c:v>21.221526561344589</c:v>
                </c:pt>
                <c:pt idx="7592">
                  <c:v>21.221526561344589</c:v>
                </c:pt>
                <c:pt idx="7593">
                  <c:v>21.226369739934135</c:v>
                </c:pt>
                <c:pt idx="7594">
                  <c:v>21.231212918523557</c:v>
                </c:pt>
                <c:pt idx="7595">
                  <c:v>21.235913650683983</c:v>
                </c:pt>
                <c:pt idx="7596">
                  <c:v>21.240756829273536</c:v>
                </c:pt>
                <c:pt idx="7597">
                  <c:v>21.245600007862958</c:v>
                </c:pt>
                <c:pt idx="7598">
                  <c:v>21.250300740023384</c:v>
                </c:pt>
                <c:pt idx="7599">
                  <c:v>21.250300740023384</c:v>
                </c:pt>
                <c:pt idx="7600">
                  <c:v>21.25514391861293</c:v>
                </c:pt>
                <c:pt idx="7601">
                  <c:v>21.25514391861293</c:v>
                </c:pt>
                <c:pt idx="7602">
                  <c:v>21.25514391861293</c:v>
                </c:pt>
                <c:pt idx="7603">
                  <c:v>21.25514391861293</c:v>
                </c:pt>
                <c:pt idx="7604">
                  <c:v>21.259987097202352</c:v>
                </c:pt>
                <c:pt idx="7605">
                  <c:v>21.259987097202352</c:v>
                </c:pt>
                <c:pt idx="7606">
                  <c:v>21.259987097202352</c:v>
                </c:pt>
                <c:pt idx="7607">
                  <c:v>21.264687829362778</c:v>
                </c:pt>
                <c:pt idx="7608">
                  <c:v>21.264687829362778</c:v>
                </c:pt>
                <c:pt idx="7609">
                  <c:v>21.264687829362778</c:v>
                </c:pt>
                <c:pt idx="7610">
                  <c:v>21.259987097202352</c:v>
                </c:pt>
                <c:pt idx="7611">
                  <c:v>21.259987097202352</c:v>
                </c:pt>
                <c:pt idx="7612">
                  <c:v>21.259987097202352</c:v>
                </c:pt>
                <c:pt idx="7613">
                  <c:v>21.259987097202352</c:v>
                </c:pt>
                <c:pt idx="7614">
                  <c:v>21.25514391861293</c:v>
                </c:pt>
                <c:pt idx="7615">
                  <c:v>21.25514391861293</c:v>
                </c:pt>
                <c:pt idx="7616">
                  <c:v>21.259987097202352</c:v>
                </c:pt>
                <c:pt idx="7617">
                  <c:v>21.259987097202352</c:v>
                </c:pt>
                <c:pt idx="7618">
                  <c:v>21.259987097202352</c:v>
                </c:pt>
                <c:pt idx="7619">
                  <c:v>21.259987097202352</c:v>
                </c:pt>
                <c:pt idx="7620">
                  <c:v>21.259987097202352</c:v>
                </c:pt>
                <c:pt idx="7621">
                  <c:v>21.25514391861293</c:v>
                </c:pt>
                <c:pt idx="7622">
                  <c:v>21.25514391861293</c:v>
                </c:pt>
                <c:pt idx="7623">
                  <c:v>21.25514391861293</c:v>
                </c:pt>
                <c:pt idx="7624">
                  <c:v>21.25514391861293</c:v>
                </c:pt>
                <c:pt idx="7625">
                  <c:v>21.259987097202352</c:v>
                </c:pt>
                <c:pt idx="7626">
                  <c:v>21.259987097202352</c:v>
                </c:pt>
                <c:pt idx="7627">
                  <c:v>21.264687829362778</c:v>
                </c:pt>
                <c:pt idx="7628">
                  <c:v>21.264687829362778</c:v>
                </c:pt>
                <c:pt idx="7629">
                  <c:v>21.269531007952324</c:v>
                </c:pt>
                <c:pt idx="7630">
                  <c:v>21.274374186541873</c:v>
                </c:pt>
                <c:pt idx="7631">
                  <c:v>21.274374186541873</c:v>
                </c:pt>
                <c:pt idx="7632">
                  <c:v>21.279074918702172</c:v>
                </c:pt>
                <c:pt idx="7633">
                  <c:v>21.279074918702172</c:v>
                </c:pt>
                <c:pt idx="7634">
                  <c:v>21.279074918702172</c:v>
                </c:pt>
                <c:pt idx="7635">
                  <c:v>21.283918097291721</c:v>
                </c:pt>
                <c:pt idx="7636">
                  <c:v>21.283918097291721</c:v>
                </c:pt>
                <c:pt idx="7637">
                  <c:v>21.288761275881271</c:v>
                </c:pt>
                <c:pt idx="7638">
                  <c:v>21.288761275881271</c:v>
                </c:pt>
                <c:pt idx="7639">
                  <c:v>21.288761275881271</c:v>
                </c:pt>
                <c:pt idx="7640">
                  <c:v>21.288761275881271</c:v>
                </c:pt>
                <c:pt idx="7641">
                  <c:v>21.288761275881271</c:v>
                </c:pt>
                <c:pt idx="7642">
                  <c:v>21.288761275881271</c:v>
                </c:pt>
                <c:pt idx="7643">
                  <c:v>21.288761275881271</c:v>
                </c:pt>
                <c:pt idx="7644">
                  <c:v>21.288761275881271</c:v>
                </c:pt>
                <c:pt idx="7645">
                  <c:v>21.283918097291721</c:v>
                </c:pt>
                <c:pt idx="7646">
                  <c:v>21.283918097291721</c:v>
                </c:pt>
                <c:pt idx="7647">
                  <c:v>21.279074918702172</c:v>
                </c:pt>
                <c:pt idx="7648">
                  <c:v>21.279074918702172</c:v>
                </c:pt>
                <c:pt idx="7649">
                  <c:v>21.279074918702172</c:v>
                </c:pt>
                <c:pt idx="7650">
                  <c:v>21.279074918702172</c:v>
                </c:pt>
                <c:pt idx="7651">
                  <c:v>21.274374186541873</c:v>
                </c:pt>
                <c:pt idx="7652">
                  <c:v>21.274374186541873</c:v>
                </c:pt>
                <c:pt idx="7653">
                  <c:v>21.269531007952324</c:v>
                </c:pt>
                <c:pt idx="7654">
                  <c:v>21.264687829362778</c:v>
                </c:pt>
                <c:pt idx="7655">
                  <c:v>21.264687829362778</c:v>
                </c:pt>
                <c:pt idx="7656">
                  <c:v>21.259987097202352</c:v>
                </c:pt>
                <c:pt idx="7657">
                  <c:v>21.25514391861293</c:v>
                </c:pt>
                <c:pt idx="7658">
                  <c:v>21.25514391861293</c:v>
                </c:pt>
                <c:pt idx="7659">
                  <c:v>21.25514391861293</c:v>
                </c:pt>
                <c:pt idx="7660">
                  <c:v>21.25514391861293</c:v>
                </c:pt>
                <c:pt idx="7661">
                  <c:v>21.25514391861293</c:v>
                </c:pt>
                <c:pt idx="7662">
                  <c:v>21.25514391861293</c:v>
                </c:pt>
                <c:pt idx="7663">
                  <c:v>21.25514391861293</c:v>
                </c:pt>
                <c:pt idx="7664">
                  <c:v>21.25514391861293</c:v>
                </c:pt>
                <c:pt idx="7665">
                  <c:v>21.259987097202352</c:v>
                </c:pt>
                <c:pt idx="7666">
                  <c:v>21.259987097202352</c:v>
                </c:pt>
                <c:pt idx="7667">
                  <c:v>21.259987097202352</c:v>
                </c:pt>
                <c:pt idx="7668">
                  <c:v>21.264687829362778</c:v>
                </c:pt>
                <c:pt idx="7669">
                  <c:v>21.264687829362778</c:v>
                </c:pt>
                <c:pt idx="7670">
                  <c:v>21.269531007952324</c:v>
                </c:pt>
                <c:pt idx="7671">
                  <c:v>21.269531007952324</c:v>
                </c:pt>
                <c:pt idx="7672">
                  <c:v>21.269531007952324</c:v>
                </c:pt>
                <c:pt idx="7673">
                  <c:v>21.269531007952324</c:v>
                </c:pt>
                <c:pt idx="7674">
                  <c:v>21.269531007952324</c:v>
                </c:pt>
                <c:pt idx="7675">
                  <c:v>21.269531007952324</c:v>
                </c:pt>
                <c:pt idx="7676">
                  <c:v>21.269531007952324</c:v>
                </c:pt>
                <c:pt idx="7677">
                  <c:v>21.269531007952324</c:v>
                </c:pt>
                <c:pt idx="7678">
                  <c:v>21.274374186541873</c:v>
                </c:pt>
                <c:pt idx="7679">
                  <c:v>21.274374186541873</c:v>
                </c:pt>
                <c:pt idx="7680">
                  <c:v>21.274374186541873</c:v>
                </c:pt>
                <c:pt idx="7681">
                  <c:v>21.274374186541873</c:v>
                </c:pt>
                <c:pt idx="7682">
                  <c:v>21.274374186541873</c:v>
                </c:pt>
                <c:pt idx="7683">
                  <c:v>21.274374186541873</c:v>
                </c:pt>
                <c:pt idx="7684">
                  <c:v>21.269531007952324</c:v>
                </c:pt>
                <c:pt idx="7685">
                  <c:v>21.269531007952324</c:v>
                </c:pt>
                <c:pt idx="7686">
                  <c:v>21.269531007952324</c:v>
                </c:pt>
                <c:pt idx="7687">
                  <c:v>21.264687829362778</c:v>
                </c:pt>
                <c:pt idx="7688">
                  <c:v>21.264687829362778</c:v>
                </c:pt>
                <c:pt idx="7689">
                  <c:v>21.259987097202352</c:v>
                </c:pt>
                <c:pt idx="7690">
                  <c:v>21.25514391861293</c:v>
                </c:pt>
                <c:pt idx="7691">
                  <c:v>21.250300740023384</c:v>
                </c:pt>
                <c:pt idx="7692">
                  <c:v>21.250300740023384</c:v>
                </c:pt>
                <c:pt idx="7693">
                  <c:v>21.245600007862958</c:v>
                </c:pt>
                <c:pt idx="7694">
                  <c:v>21.245600007862958</c:v>
                </c:pt>
                <c:pt idx="7695">
                  <c:v>21.245600007862958</c:v>
                </c:pt>
                <c:pt idx="7696">
                  <c:v>21.245600007862958</c:v>
                </c:pt>
                <c:pt idx="7697">
                  <c:v>21.245600007862958</c:v>
                </c:pt>
                <c:pt idx="7698">
                  <c:v>21.245600007862958</c:v>
                </c:pt>
                <c:pt idx="7699">
                  <c:v>21.245600007862958</c:v>
                </c:pt>
                <c:pt idx="7700">
                  <c:v>21.240756829273536</c:v>
                </c:pt>
                <c:pt idx="7701">
                  <c:v>21.245600007862958</c:v>
                </c:pt>
                <c:pt idx="7702">
                  <c:v>21.245600007862958</c:v>
                </c:pt>
                <c:pt idx="7703">
                  <c:v>21.250300740023384</c:v>
                </c:pt>
                <c:pt idx="7704">
                  <c:v>21.250300740023384</c:v>
                </c:pt>
                <c:pt idx="7705">
                  <c:v>21.25514391861293</c:v>
                </c:pt>
                <c:pt idx="7706">
                  <c:v>21.25514391861293</c:v>
                </c:pt>
                <c:pt idx="7707">
                  <c:v>21.259987097202352</c:v>
                </c:pt>
                <c:pt idx="7708">
                  <c:v>21.259987097202352</c:v>
                </c:pt>
                <c:pt idx="7709">
                  <c:v>21.264687829362778</c:v>
                </c:pt>
                <c:pt idx="7710">
                  <c:v>21.269531007952324</c:v>
                </c:pt>
                <c:pt idx="7711">
                  <c:v>21.274374186541873</c:v>
                </c:pt>
                <c:pt idx="7712">
                  <c:v>21.274374186541873</c:v>
                </c:pt>
                <c:pt idx="7713">
                  <c:v>21.279074918702172</c:v>
                </c:pt>
                <c:pt idx="7714">
                  <c:v>21.279074918702172</c:v>
                </c:pt>
                <c:pt idx="7715">
                  <c:v>21.283918097291721</c:v>
                </c:pt>
                <c:pt idx="7716">
                  <c:v>21.283918097291721</c:v>
                </c:pt>
                <c:pt idx="7717">
                  <c:v>21.288761275881271</c:v>
                </c:pt>
                <c:pt idx="7718">
                  <c:v>21.288761275881271</c:v>
                </c:pt>
                <c:pt idx="7719">
                  <c:v>21.288761275881271</c:v>
                </c:pt>
                <c:pt idx="7720">
                  <c:v>21.293462008041566</c:v>
                </c:pt>
                <c:pt idx="7721">
                  <c:v>21.293462008041566</c:v>
                </c:pt>
                <c:pt idx="7722">
                  <c:v>21.293462008041566</c:v>
                </c:pt>
                <c:pt idx="7723">
                  <c:v>21.293462008041566</c:v>
                </c:pt>
                <c:pt idx="7724">
                  <c:v>21.298305186631119</c:v>
                </c:pt>
                <c:pt idx="7725">
                  <c:v>21.298305186631119</c:v>
                </c:pt>
                <c:pt idx="7726">
                  <c:v>21.298305186631119</c:v>
                </c:pt>
                <c:pt idx="7727">
                  <c:v>21.303148365220665</c:v>
                </c:pt>
                <c:pt idx="7728">
                  <c:v>21.303148365220665</c:v>
                </c:pt>
                <c:pt idx="7729">
                  <c:v>21.303148365220665</c:v>
                </c:pt>
                <c:pt idx="7730">
                  <c:v>21.303148365220665</c:v>
                </c:pt>
                <c:pt idx="7731">
                  <c:v>21.303148365220665</c:v>
                </c:pt>
                <c:pt idx="7732">
                  <c:v>21.307849097381091</c:v>
                </c:pt>
                <c:pt idx="7733">
                  <c:v>21.307849097381091</c:v>
                </c:pt>
                <c:pt idx="7734">
                  <c:v>21.307849097381091</c:v>
                </c:pt>
                <c:pt idx="7735">
                  <c:v>21.307849097381091</c:v>
                </c:pt>
                <c:pt idx="7736">
                  <c:v>21.303148365220665</c:v>
                </c:pt>
                <c:pt idx="7737">
                  <c:v>21.303148365220665</c:v>
                </c:pt>
                <c:pt idx="7738">
                  <c:v>21.303148365220665</c:v>
                </c:pt>
                <c:pt idx="7739">
                  <c:v>21.303148365220665</c:v>
                </c:pt>
                <c:pt idx="7740">
                  <c:v>21.307849097381091</c:v>
                </c:pt>
                <c:pt idx="7741">
                  <c:v>21.307849097381091</c:v>
                </c:pt>
                <c:pt idx="7742">
                  <c:v>21.307849097381091</c:v>
                </c:pt>
                <c:pt idx="7743">
                  <c:v>21.303148365220665</c:v>
                </c:pt>
                <c:pt idx="7744">
                  <c:v>21.303148365220665</c:v>
                </c:pt>
                <c:pt idx="7745">
                  <c:v>21.303148365220665</c:v>
                </c:pt>
                <c:pt idx="7746">
                  <c:v>21.303148365220665</c:v>
                </c:pt>
                <c:pt idx="7747">
                  <c:v>21.303148365220665</c:v>
                </c:pt>
                <c:pt idx="7748">
                  <c:v>21.298305186631119</c:v>
                </c:pt>
                <c:pt idx="7749">
                  <c:v>21.298305186631119</c:v>
                </c:pt>
                <c:pt idx="7750">
                  <c:v>21.298305186631119</c:v>
                </c:pt>
                <c:pt idx="7751">
                  <c:v>21.293462008041566</c:v>
                </c:pt>
                <c:pt idx="7752">
                  <c:v>21.293462008041566</c:v>
                </c:pt>
                <c:pt idx="7753">
                  <c:v>21.288761275881271</c:v>
                </c:pt>
                <c:pt idx="7754">
                  <c:v>21.283918097291721</c:v>
                </c:pt>
                <c:pt idx="7755">
                  <c:v>21.279074918702172</c:v>
                </c:pt>
                <c:pt idx="7756">
                  <c:v>21.274374186541873</c:v>
                </c:pt>
                <c:pt idx="7757">
                  <c:v>21.274374186541873</c:v>
                </c:pt>
                <c:pt idx="7758">
                  <c:v>21.269531007952324</c:v>
                </c:pt>
                <c:pt idx="7759">
                  <c:v>21.269531007952324</c:v>
                </c:pt>
                <c:pt idx="7760">
                  <c:v>21.269531007952324</c:v>
                </c:pt>
                <c:pt idx="7761">
                  <c:v>21.269531007952324</c:v>
                </c:pt>
                <c:pt idx="7762">
                  <c:v>21.269531007952324</c:v>
                </c:pt>
                <c:pt idx="7763">
                  <c:v>21.269531007952324</c:v>
                </c:pt>
                <c:pt idx="7764">
                  <c:v>21.264687829362778</c:v>
                </c:pt>
                <c:pt idx="7765">
                  <c:v>21.264687829362778</c:v>
                </c:pt>
                <c:pt idx="7766">
                  <c:v>21.264687829362778</c:v>
                </c:pt>
                <c:pt idx="7767">
                  <c:v>21.264687829362778</c:v>
                </c:pt>
                <c:pt idx="7768">
                  <c:v>21.264687829362778</c:v>
                </c:pt>
                <c:pt idx="7769">
                  <c:v>21.269531007952324</c:v>
                </c:pt>
                <c:pt idx="7770">
                  <c:v>21.269531007952324</c:v>
                </c:pt>
                <c:pt idx="7771">
                  <c:v>21.269531007952324</c:v>
                </c:pt>
                <c:pt idx="7772">
                  <c:v>21.269531007952324</c:v>
                </c:pt>
                <c:pt idx="7773">
                  <c:v>21.269531007952324</c:v>
                </c:pt>
                <c:pt idx="7774">
                  <c:v>21.264687829362778</c:v>
                </c:pt>
                <c:pt idx="7775">
                  <c:v>21.264687829362778</c:v>
                </c:pt>
                <c:pt idx="7776">
                  <c:v>21.264687829362778</c:v>
                </c:pt>
                <c:pt idx="7777">
                  <c:v>21.264687829362778</c:v>
                </c:pt>
                <c:pt idx="7778">
                  <c:v>21.269531007952324</c:v>
                </c:pt>
                <c:pt idx="7779">
                  <c:v>21.269531007952324</c:v>
                </c:pt>
                <c:pt idx="7780">
                  <c:v>21.269531007952324</c:v>
                </c:pt>
                <c:pt idx="7781">
                  <c:v>21.274374186541873</c:v>
                </c:pt>
                <c:pt idx="7782">
                  <c:v>21.274374186541873</c:v>
                </c:pt>
                <c:pt idx="7783">
                  <c:v>21.274374186541873</c:v>
                </c:pt>
                <c:pt idx="7784">
                  <c:v>21.279074918702172</c:v>
                </c:pt>
                <c:pt idx="7785">
                  <c:v>21.279074918702172</c:v>
                </c:pt>
                <c:pt idx="7786">
                  <c:v>21.283918097291721</c:v>
                </c:pt>
                <c:pt idx="7787">
                  <c:v>21.283918097291721</c:v>
                </c:pt>
                <c:pt idx="7788">
                  <c:v>21.288761275881271</c:v>
                </c:pt>
                <c:pt idx="7789">
                  <c:v>21.288761275881271</c:v>
                </c:pt>
                <c:pt idx="7790">
                  <c:v>21.293462008041566</c:v>
                </c:pt>
                <c:pt idx="7791">
                  <c:v>21.293462008041566</c:v>
                </c:pt>
                <c:pt idx="7792">
                  <c:v>21.298305186631119</c:v>
                </c:pt>
                <c:pt idx="7793">
                  <c:v>21.298305186631119</c:v>
                </c:pt>
                <c:pt idx="7794">
                  <c:v>21.298305186631119</c:v>
                </c:pt>
                <c:pt idx="7795">
                  <c:v>21.303148365220665</c:v>
                </c:pt>
                <c:pt idx="7796">
                  <c:v>21.307849097381091</c:v>
                </c:pt>
                <c:pt idx="7797">
                  <c:v>21.312692275970512</c:v>
                </c:pt>
                <c:pt idx="7798">
                  <c:v>21.317535454560062</c:v>
                </c:pt>
                <c:pt idx="7799">
                  <c:v>21.317535454560062</c:v>
                </c:pt>
                <c:pt idx="7800">
                  <c:v>21.322378633149608</c:v>
                </c:pt>
                <c:pt idx="7801">
                  <c:v>21.322378633149608</c:v>
                </c:pt>
                <c:pt idx="7802">
                  <c:v>21.327079365309906</c:v>
                </c:pt>
                <c:pt idx="7803">
                  <c:v>21.327079365309906</c:v>
                </c:pt>
                <c:pt idx="7804">
                  <c:v>21.327079365309906</c:v>
                </c:pt>
                <c:pt idx="7805">
                  <c:v>21.327079365309906</c:v>
                </c:pt>
                <c:pt idx="7806">
                  <c:v>21.327079365309906</c:v>
                </c:pt>
                <c:pt idx="7807">
                  <c:v>21.327079365309906</c:v>
                </c:pt>
                <c:pt idx="7808">
                  <c:v>21.327079365309906</c:v>
                </c:pt>
                <c:pt idx="7809">
                  <c:v>21.327079365309906</c:v>
                </c:pt>
                <c:pt idx="7810">
                  <c:v>21.322378633149608</c:v>
                </c:pt>
                <c:pt idx="7811">
                  <c:v>21.317535454560062</c:v>
                </c:pt>
                <c:pt idx="7812">
                  <c:v>21.317535454560062</c:v>
                </c:pt>
                <c:pt idx="7813">
                  <c:v>21.312692275970512</c:v>
                </c:pt>
                <c:pt idx="7814">
                  <c:v>21.312692275970512</c:v>
                </c:pt>
                <c:pt idx="7815">
                  <c:v>21.312692275970512</c:v>
                </c:pt>
                <c:pt idx="7816">
                  <c:v>21.312692275970512</c:v>
                </c:pt>
                <c:pt idx="7817">
                  <c:v>21.312692275970512</c:v>
                </c:pt>
                <c:pt idx="7818">
                  <c:v>21.312692275970512</c:v>
                </c:pt>
                <c:pt idx="7819">
                  <c:v>21.307849097381091</c:v>
                </c:pt>
                <c:pt idx="7820">
                  <c:v>21.307849097381091</c:v>
                </c:pt>
                <c:pt idx="7821">
                  <c:v>21.307849097381091</c:v>
                </c:pt>
                <c:pt idx="7822">
                  <c:v>21.307849097381091</c:v>
                </c:pt>
                <c:pt idx="7823">
                  <c:v>21.307849097381091</c:v>
                </c:pt>
                <c:pt idx="7824">
                  <c:v>21.307849097381091</c:v>
                </c:pt>
                <c:pt idx="7825">
                  <c:v>21.303148365220665</c:v>
                </c:pt>
                <c:pt idx="7826">
                  <c:v>21.303148365220665</c:v>
                </c:pt>
                <c:pt idx="7827">
                  <c:v>21.307849097381091</c:v>
                </c:pt>
                <c:pt idx="7828">
                  <c:v>21.307849097381091</c:v>
                </c:pt>
                <c:pt idx="7829">
                  <c:v>21.307849097381091</c:v>
                </c:pt>
                <c:pt idx="7830">
                  <c:v>21.307849097381091</c:v>
                </c:pt>
                <c:pt idx="7831">
                  <c:v>21.307849097381091</c:v>
                </c:pt>
                <c:pt idx="7832">
                  <c:v>21.307849097381091</c:v>
                </c:pt>
                <c:pt idx="7833">
                  <c:v>21.312692275970512</c:v>
                </c:pt>
                <c:pt idx="7834">
                  <c:v>21.312692275970512</c:v>
                </c:pt>
                <c:pt idx="7835">
                  <c:v>21.312692275970512</c:v>
                </c:pt>
                <c:pt idx="7836">
                  <c:v>21.312692275970512</c:v>
                </c:pt>
                <c:pt idx="7837">
                  <c:v>21.312692275970512</c:v>
                </c:pt>
                <c:pt idx="7838">
                  <c:v>21.312692275970512</c:v>
                </c:pt>
                <c:pt idx="7839">
                  <c:v>21.317535454560062</c:v>
                </c:pt>
                <c:pt idx="7840">
                  <c:v>21.317535454560062</c:v>
                </c:pt>
                <c:pt idx="7841">
                  <c:v>21.317535454560062</c:v>
                </c:pt>
                <c:pt idx="7842">
                  <c:v>21.322378633149608</c:v>
                </c:pt>
                <c:pt idx="7843">
                  <c:v>21.322378633149608</c:v>
                </c:pt>
                <c:pt idx="7844">
                  <c:v>21.327079365309906</c:v>
                </c:pt>
                <c:pt idx="7845">
                  <c:v>21.327079365309906</c:v>
                </c:pt>
                <c:pt idx="7846">
                  <c:v>21.327079365309906</c:v>
                </c:pt>
                <c:pt idx="7847">
                  <c:v>21.327079365309906</c:v>
                </c:pt>
                <c:pt idx="7848">
                  <c:v>21.331922543899456</c:v>
                </c:pt>
                <c:pt idx="7849">
                  <c:v>21.336765722489002</c:v>
                </c:pt>
                <c:pt idx="7850">
                  <c:v>21.336765722489002</c:v>
                </c:pt>
                <c:pt idx="7851">
                  <c:v>21.341466454649304</c:v>
                </c:pt>
                <c:pt idx="7852">
                  <c:v>21.341466454649304</c:v>
                </c:pt>
                <c:pt idx="7853">
                  <c:v>21.341466454649304</c:v>
                </c:pt>
                <c:pt idx="7854">
                  <c:v>21.341466454649304</c:v>
                </c:pt>
                <c:pt idx="7855">
                  <c:v>21.34630963323885</c:v>
                </c:pt>
                <c:pt idx="7856">
                  <c:v>21.34630963323885</c:v>
                </c:pt>
                <c:pt idx="7857">
                  <c:v>21.351152811828403</c:v>
                </c:pt>
                <c:pt idx="7858">
                  <c:v>21.351152811828403</c:v>
                </c:pt>
                <c:pt idx="7859">
                  <c:v>21.355853543988825</c:v>
                </c:pt>
                <c:pt idx="7860">
                  <c:v>21.355853543988825</c:v>
                </c:pt>
                <c:pt idx="7861">
                  <c:v>21.355853543988825</c:v>
                </c:pt>
                <c:pt idx="7862">
                  <c:v>21.360696722578247</c:v>
                </c:pt>
                <c:pt idx="7863">
                  <c:v>21.360696722578247</c:v>
                </c:pt>
                <c:pt idx="7864">
                  <c:v>21.360696722578247</c:v>
                </c:pt>
                <c:pt idx="7865">
                  <c:v>21.360696722578247</c:v>
                </c:pt>
                <c:pt idx="7866">
                  <c:v>21.360696722578247</c:v>
                </c:pt>
                <c:pt idx="7867">
                  <c:v>21.360696722578247</c:v>
                </c:pt>
                <c:pt idx="7868">
                  <c:v>21.360696722578247</c:v>
                </c:pt>
                <c:pt idx="7869">
                  <c:v>21.360696722578247</c:v>
                </c:pt>
                <c:pt idx="7870">
                  <c:v>21.360696722578247</c:v>
                </c:pt>
                <c:pt idx="7871">
                  <c:v>21.360696722578247</c:v>
                </c:pt>
                <c:pt idx="7872">
                  <c:v>21.360696722578247</c:v>
                </c:pt>
                <c:pt idx="7873">
                  <c:v>21.355853543988825</c:v>
                </c:pt>
                <c:pt idx="7874">
                  <c:v>21.351152811828403</c:v>
                </c:pt>
                <c:pt idx="7875">
                  <c:v>21.34630963323885</c:v>
                </c:pt>
                <c:pt idx="7876">
                  <c:v>21.34630963323885</c:v>
                </c:pt>
                <c:pt idx="7877">
                  <c:v>21.34630963323885</c:v>
                </c:pt>
                <c:pt idx="7878">
                  <c:v>21.34630963323885</c:v>
                </c:pt>
                <c:pt idx="7879">
                  <c:v>21.351152811828403</c:v>
                </c:pt>
                <c:pt idx="7880">
                  <c:v>21.351152811828403</c:v>
                </c:pt>
                <c:pt idx="7881">
                  <c:v>21.355853543988825</c:v>
                </c:pt>
                <c:pt idx="7882">
                  <c:v>21.355853543988825</c:v>
                </c:pt>
                <c:pt idx="7883">
                  <c:v>21.355853543988825</c:v>
                </c:pt>
                <c:pt idx="7884">
                  <c:v>21.355853543988825</c:v>
                </c:pt>
                <c:pt idx="7885">
                  <c:v>21.355853543988825</c:v>
                </c:pt>
                <c:pt idx="7886">
                  <c:v>21.360696722578247</c:v>
                </c:pt>
                <c:pt idx="7887">
                  <c:v>21.360696722578247</c:v>
                </c:pt>
                <c:pt idx="7888">
                  <c:v>21.360696722578247</c:v>
                </c:pt>
                <c:pt idx="7889">
                  <c:v>21.360696722578247</c:v>
                </c:pt>
                <c:pt idx="7890">
                  <c:v>21.355853543988825</c:v>
                </c:pt>
                <c:pt idx="7891">
                  <c:v>21.355853543988825</c:v>
                </c:pt>
                <c:pt idx="7892">
                  <c:v>21.355853543988825</c:v>
                </c:pt>
                <c:pt idx="7893">
                  <c:v>21.355853543988825</c:v>
                </c:pt>
                <c:pt idx="7894">
                  <c:v>21.355853543988825</c:v>
                </c:pt>
                <c:pt idx="7895">
                  <c:v>21.351152811828403</c:v>
                </c:pt>
                <c:pt idx="7896">
                  <c:v>21.351152811828403</c:v>
                </c:pt>
                <c:pt idx="7897">
                  <c:v>21.351152811828403</c:v>
                </c:pt>
                <c:pt idx="7898">
                  <c:v>21.355853543988825</c:v>
                </c:pt>
                <c:pt idx="7899">
                  <c:v>21.355853543988825</c:v>
                </c:pt>
                <c:pt idx="7900">
                  <c:v>21.360696722578247</c:v>
                </c:pt>
                <c:pt idx="7901">
                  <c:v>21.360696722578247</c:v>
                </c:pt>
                <c:pt idx="7902">
                  <c:v>21.360696722578247</c:v>
                </c:pt>
                <c:pt idx="7903">
                  <c:v>21.360696722578247</c:v>
                </c:pt>
                <c:pt idx="7904">
                  <c:v>21.355853543988825</c:v>
                </c:pt>
                <c:pt idx="7905">
                  <c:v>21.355853543988825</c:v>
                </c:pt>
                <c:pt idx="7906">
                  <c:v>21.351152811828403</c:v>
                </c:pt>
                <c:pt idx="7907">
                  <c:v>21.351152811828403</c:v>
                </c:pt>
                <c:pt idx="7908">
                  <c:v>21.351152811828403</c:v>
                </c:pt>
                <c:pt idx="7909">
                  <c:v>21.351152811828403</c:v>
                </c:pt>
                <c:pt idx="7910">
                  <c:v>21.355853543988825</c:v>
                </c:pt>
                <c:pt idx="7911">
                  <c:v>21.355853543988825</c:v>
                </c:pt>
                <c:pt idx="7912">
                  <c:v>21.355853543988825</c:v>
                </c:pt>
                <c:pt idx="7913">
                  <c:v>21.355853543988825</c:v>
                </c:pt>
                <c:pt idx="7914">
                  <c:v>21.360696722578247</c:v>
                </c:pt>
                <c:pt idx="7915">
                  <c:v>21.365539901167796</c:v>
                </c:pt>
                <c:pt idx="7916">
                  <c:v>21.365539901167796</c:v>
                </c:pt>
                <c:pt idx="7917">
                  <c:v>21.370240633328223</c:v>
                </c:pt>
                <c:pt idx="7918">
                  <c:v>21.370240633328223</c:v>
                </c:pt>
                <c:pt idx="7919">
                  <c:v>21.375083811917644</c:v>
                </c:pt>
                <c:pt idx="7920">
                  <c:v>21.375083811917644</c:v>
                </c:pt>
                <c:pt idx="7921">
                  <c:v>21.375083811917644</c:v>
                </c:pt>
                <c:pt idx="7922">
                  <c:v>21.37992699050719</c:v>
                </c:pt>
                <c:pt idx="7923">
                  <c:v>21.37992699050719</c:v>
                </c:pt>
                <c:pt idx="7924">
                  <c:v>21.37992699050719</c:v>
                </c:pt>
                <c:pt idx="7925">
                  <c:v>21.384627722667616</c:v>
                </c:pt>
                <c:pt idx="7926">
                  <c:v>21.384627722667616</c:v>
                </c:pt>
                <c:pt idx="7927">
                  <c:v>21.384627722667616</c:v>
                </c:pt>
                <c:pt idx="7928">
                  <c:v>21.384627722667616</c:v>
                </c:pt>
                <c:pt idx="7929">
                  <c:v>21.384627722667616</c:v>
                </c:pt>
                <c:pt idx="7930">
                  <c:v>21.389470901257038</c:v>
                </c:pt>
                <c:pt idx="7931">
                  <c:v>21.389470901257038</c:v>
                </c:pt>
                <c:pt idx="7932">
                  <c:v>21.389470901257038</c:v>
                </c:pt>
                <c:pt idx="7933">
                  <c:v>21.389470901257038</c:v>
                </c:pt>
                <c:pt idx="7934">
                  <c:v>21.394314079846588</c:v>
                </c:pt>
                <c:pt idx="7935">
                  <c:v>21.389470901257038</c:v>
                </c:pt>
                <c:pt idx="7936">
                  <c:v>21.394314079846588</c:v>
                </c:pt>
                <c:pt idx="7937">
                  <c:v>21.394314079846588</c:v>
                </c:pt>
                <c:pt idx="7938">
                  <c:v>21.394314079846588</c:v>
                </c:pt>
                <c:pt idx="7939">
                  <c:v>21.389470901257038</c:v>
                </c:pt>
                <c:pt idx="7940">
                  <c:v>21.389470901257038</c:v>
                </c:pt>
                <c:pt idx="7941">
                  <c:v>21.389470901257038</c:v>
                </c:pt>
                <c:pt idx="7942">
                  <c:v>21.389470901257038</c:v>
                </c:pt>
                <c:pt idx="7943">
                  <c:v>21.384627722667616</c:v>
                </c:pt>
                <c:pt idx="7944">
                  <c:v>21.384627722667616</c:v>
                </c:pt>
                <c:pt idx="7945">
                  <c:v>21.384627722667616</c:v>
                </c:pt>
                <c:pt idx="7946">
                  <c:v>21.384627722667616</c:v>
                </c:pt>
                <c:pt idx="7947">
                  <c:v>21.384627722667616</c:v>
                </c:pt>
                <c:pt idx="7948">
                  <c:v>21.384627722667616</c:v>
                </c:pt>
                <c:pt idx="7949">
                  <c:v>21.384627722667616</c:v>
                </c:pt>
                <c:pt idx="7950">
                  <c:v>21.384627722667616</c:v>
                </c:pt>
                <c:pt idx="7951">
                  <c:v>21.389470901257038</c:v>
                </c:pt>
                <c:pt idx="7952">
                  <c:v>21.389470901257038</c:v>
                </c:pt>
                <c:pt idx="7953">
                  <c:v>21.389470901257038</c:v>
                </c:pt>
                <c:pt idx="7954">
                  <c:v>21.394314079846588</c:v>
                </c:pt>
                <c:pt idx="7955">
                  <c:v>21.394314079846588</c:v>
                </c:pt>
                <c:pt idx="7956">
                  <c:v>21.394314079846588</c:v>
                </c:pt>
                <c:pt idx="7957">
                  <c:v>21.394314079846588</c:v>
                </c:pt>
                <c:pt idx="7958">
                  <c:v>21.394314079846588</c:v>
                </c:pt>
                <c:pt idx="7959">
                  <c:v>21.39901481200701</c:v>
                </c:pt>
                <c:pt idx="7960">
                  <c:v>21.39901481200701</c:v>
                </c:pt>
                <c:pt idx="7961">
                  <c:v>21.394314079846588</c:v>
                </c:pt>
                <c:pt idx="7962">
                  <c:v>21.394314079846588</c:v>
                </c:pt>
                <c:pt idx="7963">
                  <c:v>21.394314079846588</c:v>
                </c:pt>
                <c:pt idx="7964">
                  <c:v>21.394314079846588</c:v>
                </c:pt>
                <c:pt idx="7965">
                  <c:v>21.394314079846588</c:v>
                </c:pt>
                <c:pt idx="7966">
                  <c:v>21.394314079846588</c:v>
                </c:pt>
                <c:pt idx="7967">
                  <c:v>21.394314079846588</c:v>
                </c:pt>
                <c:pt idx="7968">
                  <c:v>21.394314079846588</c:v>
                </c:pt>
                <c:pt idx="7969">
                  <c:v>21.394314079846588</c:v>
                </c:pt>
                <c:pt idx="7970">
                  <c:v>21.394314079846588</c:v>
                </c:pt>
                <c:pt idx="7971">
                  <c:v>21.389470901257038</c:v>
                </c:pt>
                <c:pt idx="7972">
                  <c:v>21.389470901257038</c:v>
                </c:pt>
                <c:pt idx="7973">
                  <c:v>21.384627722667616</c:v>
                </c:pt>
                <c:pt idx="7974">
                  <c:v>21.384627722667616</c:v>
                </c:pt>
                <c:pt idx="7975">
                  <c:v>21.384627722667616</c:v>
                </c:pt>
                <c:pt idx="7976">
                  <c:v>21.384627722667616</c:v>
                </c:pt>
                <c:pt idx="7977">
                  <c:v>21.384627722667616</c:v>
                </c:pt>
                <c:pt idx="7978">
                  <c:v>21.384627722667616</c:v>
                </c:pt>
                <c:pt idx="7979">
                  <c:v>21.384627722667616</c:v>
                </c:pt>
                <c:pt idx="7980">
                  <c:v>21.384627722667616</c:v>
                </c:pt>
                <c:pt idx="7981">
                  <c:v>21.384627722667616</c:v>
                </c:pt>
                <c:pt idx="7982">
                  <c:v>21.384627722667616</c:v>
                </c:pt>
                <c:pt idx="7983">
                  <c:v>21.384627722667616</c:v>
                </c:pt>
                <c:pt idx="7984">
                  <c:v>21.384627722667616</c:v>
                </c:pt>
                <c:pt idx="7985">
                  <c:v>21.384627722667616</c:v>
                </c:pt>
                <c:pt idx="7986">
                  <c:v>21.384627722667616</c:v>
                </c:pt>
                <c:pt idx="7987">
                  <c:v>21.389470901257038</c:v>
                </c:pt>
                <c:pt idx="7988">
                  <c:v>21.389470901257038</c:v>
                </c:pt>
                <c:pt idx="7989">
                  <c:v>21.389470901257038</c:v>
                </c:pt>
                <c:pt idx="7990">
                  <c:v>21.389470901257038</c:v>
                </c:pt>
                <c:pt idx="7991">
                  <c:v>21.389470901257038</c:v>
                </c:pt>
                <c:pt idx="7992">
                  <c:v>21.394314079846588</c:v>
                </c:pt>
                <c:pt idx="7993">
                  <c:v>21.394314079846588</c:v>
                </c:pt>
                <c:pt idx="7994">
                  <c:v>21.394314079846588</c:v>
                </c:pt>
                <c:pt idx="7995">
                  <c:v>21.39901481200701</c:v>
                </c:pt>
                <c:pt idx="7996">
                  <c:v>21.40385799059656</c:v>
                </c:pt>
                <c:pt idx="7997">
                  <c:v>21.40385799059656</c:v>
                </c:pt>
                <c:pt idx="7998">
                  <c:v>21.408701169185985</c:v>
                </c:pt>
                <c:pt idx="7999">
                  <c:v>21.408701169185985</c:v>
                </c:pt>
                <c:pt idx="8000">
                  <c:v>21.408701169185985</c:v>
                </c:pt>
                <c:pt idx="8001">
                  <c:v>21.413401901346408</c:v>
                </c:pt>
                <c:pt idx="8002">
                  <c:v>21.413401901346408</c:v>
                </c:pt>
                <c:pt idx="8003">
                  <c:v>21.413401901346408</c:v>
                </c:pt>
                <c:pt idx="8004">
                  <c:v>21.413401901346408</c:v>
                </c:pt>
                <c:pt idx="8005">
                  <c:v>21.413401901346408</c:v>
                </c:pt>
                <c:pt idx="8006">
                  <c:v>21.413401901346408</c:v>
                </c:pt>
                <c:pt idx="8007">
                  <c:v>21.413401901346408</c:v>
                </c:pt>
                <c:pt idx="8008">
                  <c:v>21.413401901346408</c:v>
                </c:pt>
                <c:pt idx="8009">
                  <c:v>21.413401901346408</c:v>
                </c:pt>
                <c:pt idx="8010">
                  <c:v>21.413401901346408</c:v>
                </c:pt>
                <c:pt idx="8011">
                  <c:v>21.413401901346408</c:v>
                </c:pt>
                <c:pt idx="8012">
                  <c:v>21.413401901346408</c:v>
                </c:pt>
                <c:pt idx="8013">
                  <c:v>21.413401901346408</c:v>
                </c:pt>
                <c:pt idx="8014">
                  <c:v>21.413401901346408</c:v>
                </c:pt>
                <c:pt idx="8015">
                  <c:v>21.413401901346408</c:v>
                </c:pt>
                <c:pt idx="8016">
                  <c:v>21.418245079935957</c:v>
                </c:pt>
                <c:pt idx="8017">
                  <c:v>21.418245079935957</c:v>
                </c:pt>
                <c:pt idx="8018">
                  <c:v>21.418245079935957</c:v>
                </c:pt>
                <c:pt idx="8019">
                  <c:v>21.418245079935957</c:v>
                </c:pt>
                <c:pt idx="8020">
                  <c:v>21.418245079935957</c:v>
                </c:pt>
                <c:pt idx="8021">
                  <c:v>21.418245079935957</c:v>
                </c:pt>
                <c:pt idx="8022">
                  <c:v>21.418245079935957</c:v>
                </c:pt>
                <c:pt idx="8023">
                  <c:v>21.423088258525379</c:v>
                </c:pt>
                <c:pt idx="8024">
                  <c:v>21.423088258525379</c:v>
                </c:pt>
                <c:pt idx="8025">
                  <c:v>21.423088258525379</c:v>
                </c:pt>
                <c:pt idx="8026">
                  <c:v>21.423088258525379</c:v>
                </c:pt>
                <c:pt idx="8027">
                  <c:v>21.423088258525379</c:v>
                </c:pt>
                <c:pt idx="8028">
                  <c:v>21.423088258525379</c:v>
                </c:pt>
                <c:pt idx="8029">
                  <c:v>21.423088258525379</c:v>
                </c:pt>
                <c:pt idx="8030">
                  <c:v>21.423088258525379</c:v>
                </c:pt>
                <c:pt idx="8031">
                  <c:v>21.423088258525379</c:v>
                </c:pt>
                <c:pt idx="8032">
                  <c:v>21.423088258525379</c:v>
                </c:pt>
                <c:pt idx="8033">
                  <c:v>21.423088258525379</c:v>
                </c:pt>
                <c:pt idx="8034">
                  <c:v>21.423088258525379</c:v>
                </c:pt>
                <c:pt idx="8035">
                  <c:v>21.427788990685805</c:v>
                </c:pt>
                <c:pt idx="8036">
                  <c:v>21.427788990685805</c:v>
                </c:pt>
                <c:pt idx="8037">
                  <c:v>21.427788990685805</c:v>
                </c:pt>
                <c:pt idx="8038">
                  <c:v>21.427788990685805</c:v>
                </c:pt>
                <c:pt idx="8039">
                  <c:v>21.427788990685805</c:v>
                </c:pt>
                <c:pt idx="8040">
                  <c:v>21.427788990685805</c:v>
                </c:pt>
                <c:pt idx="8041">
                  <c:v>21.427788990685805</c:v>
                </c:pt>
                <c:pt idx="8042">
                  <c:v>21.432632169275351</c:v>
                </c:pt>
                <c:pt idx="8043">
                  <c:v>21.432632169275351</c:v>
                </c:pt>
                <c:pt idx="8044">
                  <c:v>21.432632169275351</c:v>
                </c:pt>
                <c:pt idx="8045">
                  <c:v>21.432632169275351</c:v>
                </c:pt>
                <c:pt idx="8046">
                  <c:v>21.432632169275351</c:v>
                </c:pt>
                <c:pt idx="8047">
                  <c:v>21.437475347864773</c:v>
                </c:pt>
                <c:pt idx="8048">
                  <c:v>21.437475347864773</c:v>
                </c:pt>
                <c:pt idx="8049">
                  <c:v>21.437475347864773</c:v>
                </c:pt>
                <c:pt idx="8050">
                  <c:v>21.437475347864773</c:v>
                </c:pt>
                <c:pt idx="8051">
                  <c:v>21.437475347864773</c:v>
                </c:pt>
                <c:pt idx="8052">
                  <c:v>21.437475347864773</c:v>
                </c:pt>
                <c:pt idx="8053">
                  <c:v>21.437475347864773</c:v>
                </c:pt>
                <c:pt idx="8054">
                  <c:v>21.442176080025199</c:v>
                </c:pt>
                <c:pt idx="8055">
                  <c:v>21.442176080025199</c:v>
                </c:pt>
                <c:pt idx="8056">
                  <c:v>21.442176080025199</c:v>
                </c:pt>
                <c:pt idx="8057">
                  <c:v>21.442176080025199</c:v>
                </c:pt>
                <c:pt idx="8058">
                  <c:v>21.442176080025199</c:v>
                </c:pt>
                <c:pt idx="8059">
                  <c:v>21.442176080025199</c:v>
                </c:pt>
                <c:pt idx="8060">
                  <c:v>21.442176080025199</c:v>
                </c:pt>
                <c:pt idx="8061">
                  <c:v>21.442176080025199</c:v>
                </c:pt>
                <c:pt idx="8062">
                  <c:v>21.437475347864773</c:v>
                </c:pt>
                <c:pt idx="8063">
                  <c:v>21.442176080025199</c:v>
                </c:pt>
                <c:pt idx="8064">
                  <c:v>21.442176080025199</c:v>
                </c:pt>
                <c:pt idx="8065">
                  <c:v>21.442176080025199</c:v>
                </c:pt>
                <c:pt idx="8066">
                  <c:v>21.447019258614748</c:v>
                </c:pt>
                <c:pt idx="8067">
                  <c:v>21.447019258614748</c:v>
                </c:pt>
                <c:pt idx="8068">
                  <c:v>21.447019258614748</c:v>
                </c:pt>
                <c:pt idx="8069">
                  <c:v>21.447019258614748</c:v>
                </c:pt>
                <c:pt idx="8070">
                  <c:v>21.447019258614748</c:v>
                </c:pt>
                <c:pt idx="8071">
                  <c:v>21.447019258614748</c:v>
                </c:pt>
                <c:pt idx="8072">
                  <c:v>21.447019258614748</c:v>
                </c:pt>
                <c:pt idx="8073">
                  <c:v>21.447019258614748</c:v>
                </c:pt>
                <c:pt idx="8074">
                  <c:v>21.447019258614748</c:v>
                </c:pt>
                <c:pt idx="8075">
                  <c:v>21.447019258614748</c:v>
                </c:pt>
                <c:pt idx="8076">
                  <c:v>21.447019258614748</c:v>
                </c:pt>
                <c:pt idx="8077">
                  <c:v>21.447019258614748</c:v>
                </c:pt>
                <c:pt idx="8078">
                  <c:v>21.447019258614748</c:v>
                </c:pt>
                <c:pt idx="8079">
                  <c:v>21.447019258614748</c:v>
                </c:pt>
                <c:pt idx="8080">
                  <c:v>21.447019258614748</c:v>
                </c:pt>
                <c:pt idx="8081">
                  <c:v>21.447019258614748</c:v>
                </c:pt>
                <c:pt idx="8082">
                  <c:v>21.45186243720417</c:v>
                </c:pt>
                <c:pt idx="8083">
                  <c:v>21.45186243720417</c:v>
                </c:pt>
                <c:pt idx="8084">
                  <c:v>21.456563169364596</c:v>
                </c:pt>
                <c:pt idx="8085">
                  <c:v>21.45186243720417</c:v>
                </c:pt>
                <c:pt idx="8086">
                  <c:v>21.456563169364596</c:v>
                </c:pt>
                <c:pt idx="8087">
                  <c:v>21.456563169364596</c:v>
                </c:pt>
                <c:pt idx="8088">
                  <c:v>21.45186243720417</c:v>
                </c:pt>
                <c:pt idx="8089">
                  <c:v>21.45186243720417</c:v>
                </c:pt>
                <c:pt idx="8090">
                  <c:v>21.45186243720417</c:v>
                </c:pt>
                <c:pt idx="8091">
                  <c:v>21.45186243720417</c:v>
                </c:pt>
                <c:pt idx="8092">
                  <c:v>21.45186243720417</c:v>
                </c:pt>
                <c:pt idx="8093">
                  <c:v>21.45186243720417</c:v>
                </c:pt>
                <c:pt idx="8094">
                  <c:v>21.45186243720417</c:v>
                </c:pt>
                <c:pt idx="8095">
                  <c:v>21.45186243720417</c:v>
                </c:pt>
                <c:pt idx="8096">
                  <c:v>21.45186243720417</c:v>
                </c:pt>
                <c:pt idx="8097">
                  <c:v>21.45186243720417</c:v>
                </c:pt>
                <c:pt idx="8098">
                  <c:v>21.45186243720417</c:v>
                </c:pt>
                <c:pt idx="8099">
                  <c:v>21.45186243720417</c:v>
                </c:pt>
                <c:pt idx="8100">
                  <c:v>21.45186243720417</c:v>
                </c:pt>
                <c:pt idx="8101">
                  <c:v>21.45186243720417</c:v>
                </c:pt>
                <c:pt idx="8102">
                  <c:v>21.45186243720417</c:v>
                </c:pt>
                <c:pt idx="8103">
                  <c:v>21.45186243720417</c:v>
                </c:pt>
                <c:pt idx="8104">
                  <c:v>21.45186243720417</c:v>
                </c:pt>
                <c:pt idx="8105">
                  <c:v>21.45186243720417</c:v>
                </c:pt>
                <c:pt idx="8106">
                  <c:v>21.447019258614748</c:v>
                </c:pt>
                <c:pt idx="8107">
                  <c:v>21.447019258614748</c:v>
                </c:pt>
                <c:pt idx="8108">
                  <c:v>21.447019258614748</c:v>
                </c:pt>
                <c:pt idx="8109">
                  <c:v>21.45186243720417</c:v>
                </c:pt>
                <c:pt idx="8110">
                  <c:v>21.45186243720417</c:v>
                </c:pt>
                <c:pt idx="8111">
                  <c:v>21.45186243720417</c:v>
                </c:pt>
                <c:pt idx="8112">
                  <c:v>21.45186243720417</c:v>
                </c:pt>
                <c:pt idx="8113">
                  <c:v>21.45186243720417</c:v>
                </c:pt>
                <c:pt idx="8114">
                  <c:v>21.45186243720417</c:v>
                </c:pt>
                <c:pt idx="8115">
                  <c:v>21.45186243720417</c:v>
                </c:pt>
                <c:pt idx="8116">
                  <c:v>21.456563169364596</c:v>
                </c:pt>
                <c:pt idx="8117">
                  <c:v>21.456563169364596</c:v>
                </c:pt>
                <c:pt idx="8118">
                  <c:v>21.456563169364596</c:v>
                </c:pt>
                <c:pt idx="8119">
                  <c:v>21.456563169364596</c:v>
                </c:pt>
                <c:pt idx="8120">
                  <c:v>21.456563169364596</c:v>
                </c:pt>
                <c:pt idx="8121">
                  <c:v>21.456563169364596</c:v>
                </c:pt>
                <c:pt idx="8122">
                  <c:v>21.456563169364596</c:v>
                </c:pt>
                <c:pt idx="8123">
                  <c:v>21.456563169364596</c:v>
                </c:pt>
                <c:pt idx="8124">
                  <c:v>21.456563169364596</c:v>
                </c:pt>
                <c:pt idx="8125">
                  <c:v>21.461406347954142</c:v>
                </c:pt>
                <c:pt idx="8126">
                  <c:v>21.461406347954142</c:v>
                </c:pt>
                <c:pt idx="8127">
                  <c:v>21.461406347954142</c:v>
                </c:pt>
                <c:pt idx="8128">
                  <c:v>21.461406347954142</c:v>
                </c:pt>
                <c:pt idx="8129">
                  <c:v>21.461406347954142</c:v>
                </c:pt>
                <c:pt idx="8130">
                  <c:v>21.466249526543692</c:v>
                </c:pt>
                <c:pt idx="8131">
                  <c:v>21.466249526543692</c:v>
                </c:pt>
                <c:pt idx="8132">
                  <c:v>21.466249526543692</c:v>
                </c:pt>
                <c:pt idx="8133">
                  <c:v>21.466249526543692</c:v>
                </c:pt>
                <c:pt idx="8134">
                  <c:v>21.466249526543692</c:v>
                </c:pt>
                <c:pt idx="8135">
                  <c:v>21.466249526543692</c:v>
                </c:pt>
                <c:pt idx="8136">
                  <c:v>21.466249526543692</c:v>
                </c:pt>
                <c:pt idx="8137">
                  <c:v>21.47095025870399</c:v>
                </c:pt>
                <c:pt idx="8138">
                  <c:v>21.47095025870399</c:v>
                </c:pt>
                <c:pt idx="8139">
                  <c:v>21.47579343729354</c:v>
                </c:pt>
                <c:pt idx="8140">
                  <c:v>21.47579343729354</c:v>
                </c:pt>
                <c:pt idx="8141">
                  <c:v>21.47579343729354</c:v>
                </c:pt>
                <c:pt idx="8142">
                  <c:v>21.47579343729354</c:v>
                </c:pt>
                <c:pt idx="8143">
                  <c:v>21.47579343729354</c:v>
                </c:pt>
                <c:pt idx="8144">
                  <c:v>21.47579343729354</c:v>
                </c:pt>
                <c:pt idx="8145">
                  <c:v>21.47095025870399</c:v>
                </c:pt>
                <c:pt idx="8146">
                  <c:v>21.47095025870399</c:v>
                </c:pt>
                <c:pt idx="8147">
                  <c:v>21.47095025870399</c:v>
                </c:pt>
                <c:pt idx="8148">
                  <c:v>21.47095025870399</c:v>
                </c:pt>
                <c:pt idx="8149">
                  <c:v>21.47095025870399</c:v>
                </c:pt>
                <c:pt idx="8150">
                  <c:v>21.47095025870399</c:v>
                </c:pt>
                <c:pt idx="8151">
                  <c:v>21.47095025870399</c:v>
                </c:pt>
                <c:pt idx="8152">
                  <c:v>21.47095025870399</c:v>
                </c:pt>
                <c:pt idx="8153">
                  <c:v>21.47095025870399</c:v>
                </c:pt>
                <c:pt idx="8154">
                  <c:v>21.47095025870399</c:v>
                </c:pt>
                <c:pt idx="8155">
                  <c:v>21.47095025870399</c:v>
                </c:pt>
                <c:pt idx="8156">
                  <c:v>21.47095025870399</c:v>
                </c:pt>
                <c:pt idx="8157">
                  <c:v>21.47095025870399</c:v>
                </c:pt>
                <c:pt idx="8158">
                  <c:v>21.47095025870399</c:v>
                </c:pt>
                <c:pt idx="8159">
                  <c:v>21.466249526543692</c:v>
                </c:pt>
                <c:pt idx="8160">
                  <c:v>21.466249526543692</c:v>
                </c:pt>
                <c:pt idx="8161">
                  <c:v>21.466249526543692</c:v>
                </c:pt>
                <c:pt idx="8162">
                  <c:v>21.461406347954142</c:v>
                </c:pt>
                <c:pt idx="8163">
                  <c:v>21.461406347954142</c:v>
                </c:pt>
                <c:pt idx="8164">
                  <c:v>21.456563169364596</c:v>
                </c:pt>
                <c:pt idx="8165">
                  <c:v>21.456563169364596</c:v>
                </c:pt>
                <c:pt idx="8166">
                  <c:v>21.456563169364596</c:v>
                </c:pt>
                <c:pt idx="8167">
                  <c:v>21.456563169364596</c:v>
                </c:pt>
                <c:pt idx="8168">
                  <c:v>21.456563169364596</c:v>
                </c:pt>
                <c:pt idx="8169">
                  <c:v>21.45186243720417</c:v>
                </c:pt>
                <c:pt idx="8170">
                  <c:v>21.45186243720417</c:v>
                </c:pt>
                <c:pt idx="8171">
                  <c:v>21.45186243720417</c:v>
                </c:pt>
                <c:pt idx="8172">
                  <c:v>21.45186243720417</c:v>
                </c:pt>
                <c:pt idx="8173">
                  <c:v>21.456563169364596</c:v>
                </c:pt>
                <c:pt idx="8174">
                  <c:v>21.456563169364596</c:v>
                </c:pt>
                <c:pt idx="8175">
                  <c:v>21.45186243720417</c:v>
                </c:pt>
                <c:pt idx="8176">
                  <c:v>21.45186243720417</c:v>
                </c:pt>
                <c:pt idx="8177">
                  <c:v>21.447019258614748</c:v>
                </c:pt>
                <c:pt idx="8178">
                  <c:v>21.447019258614748</c:v>
                </c:pt>
                <c:pt idx="8179">
                  <c:v>21.447019258614748</c:v>
                </c:pt>
                <c:pt idx="8180">
                  <c:v>21.447019258614748</c:v>
                </c:pt>
                <c:pt idx="8181">
                  <c:v>21.442176080025199</c:v>
                </c:pt>
                <c:pt idx="8182">
                  <c:v>21.442176080025199</c:v>
                </c:pt>
                <c:pt idx="8183">
                  <c:v>21.442176080025199</c:v>
                </c:pt>
                <c:pt idx="8184">
                  <c:v>21.447019258614748</c:v>
                </c:pt>
                <c:pt idx="8185">
                  <c:v>21.447019258614748</c:v>
                </c:pt>
                <c:pt idx="8186">
                  <c:v>21.447019258614748</c:v>
                </c:pt>
                <c:pt idx="8187">
                  <c:v>21.447019258614748</c:v>
                </c:pt>
                <c:pt idx="8188">
                  <c:v>21.447019258614748</c:v>
                </c:pt>
                <c:pt idx="8189">
                  <c:v>21.447019258614748</c:v>
                </c:pt>
                <c:pt idx="8190">
                  <c:v>21.45186243720417</c:v>
                </c:pt>
                <c:pt idx="8191">
                  <c:v>21.45186243720417</c:v>
                </c:pt>
                <c:pt idx="8192">
                  <c:v>21.45186243720417</c:v>
                </c:pt>
                <c:pt idx="8193">
                  <c:v>21.45186243720417</c:v>
                </c:pt>
                <c:pt idx="8194">
                  <c:v>21.45186243720417</c:v>
                </c:pt>
                <c:pt idx="8195">
                  <c:v>21.456563169364596</c:v>
                </c:pt>
                <c:pt idx="8196">
                  <c:v>21.456563169364596</c:v>
                </c:pt>
                <c:pt idx="8197">
                  <c:v>21.461406347954142</c:v>
                </c:pt>
                <c:pt idx="8198">
                  <c:v>21.461406347954142</c:v>
                </c:pt>
                <c:pt idx="8199">
                  <c:v>21.461406347954142</c:v>
                </c:pt>
                <c:pt idx="8200">
                  <c:v>21.461406347954142</c:v>
                </c:pt>
                <c:pt idx="8201">
                  <c:v>21.466249526543692</c:v>
                </c:pt>
                <c:pt idx="8202">
                  <c:v>21.466249526543692</c:v>
                </c:pt>
                <c:pt idx="8203">
                  <c:v>21.47095025870399</c:v>
                </c:pt>
                <c:pt idx="8204">
                  <c:v>21.47095025870399</c:v>
                </c:pt>
                <c:pt idx="8205">
                  <c:v>21.47579343729354</c:v>
                </c:pt>
                <c:pt idx="8206">
                  <c:v>21.47579343729354</c:v>
                </c:pt>
                <c:pt idx="8207">
                  <c:v>21.480636615883089</c:v>
                </c:pt>
                <c:pt idx="8208">
                  <c:v>21.480636615883089</c:v>
                </c:pt>
                <c:pt idx="8209">
                  <c:v>21.480636615883089</c:v>
                </c:pt>
                <c:pt idx="8210">
                  <c:v>21.480636615883089</c:v>
                </c:pt>
                <c:pt idx="8211">
                  <c:v>21.480636615883089</c:v>
                </c:pt>
                <c:pt idx="8212">
                  <c:v>21.480636615883089</c:v>
                </c:pt>
                <c:pt idx="8213">
                  <c:v>21.480636615883089</c:v>
                </c:pt>
                <c:pt idx="8214">
                  <c:v>21.480636615883089</c:v>
                </c:pt>
                <c:pt idx="8215">
                  <c:v>21.47579343729354</c:v>
                </c:pt>
                <c:pt idx="8216">
                  <c:v>21.47579343729354</c:v>
                </c:pt>
                <c:pt idx="8217">
                  <c:v>21.47579343729354</c:v>
                </c:pt>
                <c:pt idx="8218">
                  <c:v>21.480636615883089</c:v>
                </c:pt>
                <c:pt idx="8219">
                  <c:v>21.480636615883089</c:v>
                </c:pt>
                <c:pt idx="8220">
                  <c:v>21.480636615883089</c:v>
                </c:pt>
                <c:pt idx="8221">
                  <c:v>21.485337348043515</c:v>
                </c:pt>
                <c:pt idx="8222">
                  <c:v>21.485337348043515</c:v>
                </c:pt>
                <c:pt idx="8223">
                  <c:v>21.485337348043515</c:v>
                </c:pt>
                <c:pt idx="8224">
                  <c:v>21.485337348043515</c:v>
                </c:pt>
                <c:pt idx="8225">
                  <c:v>21.480636615883089</c:v>
                </c:pt>
                <c:pt idx="8226">
                  <c:v>21.480636615883089</c:v>
                </c:pt>
                <c:pt idx="8227">
                  <c:v>21.480636615883089</c:v>
                </c:pt>
                <c:pt idx="8228">
                  <c:v>21.480636615883089</c:v>
                </c:pt>
                <c:pt idx="8229">
                  <c:v>21.480636615883089</c:v>
                </c:pt>
                <c:pt idx="8230">
                  <c:v>21.480636615883089</c:v>
                </c:pt>
                <c:pt idx="8231">
                  <c:v>21.480636615883089</c:v>
                </c:pt>
                <c:pt idx="8232">
                  <c:v>21.47579343729354</c:v>
                </c:pt>
                <c:pt idx="8233">
                  <c:v>21.47579343729354</c:v>
                </c:pt>
                <c:pt idx="8234">
                  <c:v>21.47579343729354</c:v>
                </c:pt>
                <c:pt idx="8235">
                  <c:v>21.47579343729354</c:v>
                </c:pt>
                <c:pt idx="8236">
                  <c:v>21.47579343729354</c:v>
                </c:pt>
                <c:pt idx="8237">
                  <c:v>21.47579343729354</c:v>
                </c:pt>
                <c:pt idx="8238">
                  <c:v>21.47579343729354</c:v>
                </c:pt>
                <c:pt idx="8239">
                  <c:v>21.47579343729354</c:v>
                </c:pt>
                <c:pt idx="8240">
                  <c:v>21.47579343729354</c:v>
                </c:pt>
                <c:pt idx="8241">
                  <c:v>21.47579343729354</c:v>
                </c:pt>
                <c:pt idx="8242">
                  <c:v>21.480636615883089</c:v>
                </c:pt>
                <c:pt idx="8243">
                  <c:v>21.47579343729354</c:v>
                </c:pt>
                <c:pt idx="8244">
                  <c:v>21.47579343729354</c:v>
                </c:pt>
                <c:pt idx="8245">
                  <c:v>21.47579343729354</c:v>
                </c:pt>
                <c:pt idx="8246">
                  <c:v>21.47579343729354</c:v>
                </c:pt>
                <c:pt idx="8247">
                  <c:v>21.47579343729354</c:v>
                </c:pt>
                <c:pt idx="8248">
                  <c:v>21.47579343729354</c:v>
                </c:pt>
                <c:pt idx="8249">
                  <c:v>21.47579343729354</c:v>
                </c:pt>
                <c:pt idx="8250">
                  <c:v>21.47579343729354</c:v>
                </c:pt>
                <c:pt idx="8251">
                  <c:v>21.47579343729354</c:v>
                </c:pt>
                <c:pt idx="8252">
                  <c:v>21.47579343729354</c:v>
                </c:pt>
                <c:pt idx="8253">
                  <c:v>21.47579343729354</c:v>
                </c:pt>
                <c:pt idx="8254">
                  <c:v>21.47579343729354</c:v>
                </c:pt>
                <c:pt idx="8255">
                  <c:v>21.47579343729354</c:v>
                </c:pt>
                <c:pt idx="8256">
                  <c:v>21.480636615883089</c:v>
                </c:pt>
                <c:pt idx="8257">
                  <c:v>21.480636615883089</c:v>
                </c:pt>
                <c:pt idx="8258">
                  <c:v>21.480636615883089</c:v>
                </c:pt>
                <c:pt idx="8259">
                  <c:v>21.485337348043515</c:v>
                </c:pt>
                <c:pt idx="8260">
                  <c:v>21.485337348043515</c:v>
                </c:pt>
                <c:pt idx="8261">
                  <c:v>21.485337348043515</c:v>
                </c:pt>
                <c:pt idx="8262">
                  <c:v>21.485337348043515</c:v>
                </c:pt>
                <c:pt idx="8263">
                  <c:v>21.485337348043515</c:v>
                </c:pt>
                <c:pt idx="8264">
                  <c:v>21.485337348043515</c:v>
                </c:pt>
                <c:pt idx="8265">
                  <c:v>21.485337348043515</c:v>
                </c:pt>
                <c:pt idx="8266">
                  <c:v>21.485337348043515</c:v>
                </c:pt>
                <c:pt idx="8267">
                  <c:v>21.485337348043515</c:v>
                </c:pt>
                <c:pt idx="8268">
                  <c:v>21.485337348043515</c:v>
                </c:pt>
                <c:pt idx="8269">
                  <c:v>21.485337348043515</c:v>
                </c:pt>
                <c:pt idx="8270">
                  <c:v>21.485337348043515</c:v>
                </c:pt>
                <c:pt idx="8271">
                  <c:v>21.485337348043515</c:v>
                </c:pt>
                <c:pt idx="8272">
                  <c:v>21.485337348043515</c:v>
                </c:pt>
                <c:pt idx="8273">
                  <c:v>21.485337348043515</c:v>
                </c:pt>
                <c:pt idx="8274">
                  <c:v>21.485337348043515</c:v>
                </c:pt>
                <c:pt idx="8275">
                  <c:v>21.485337348043515</c:v>
                </c:pt>
                <c:pt idx="8276">
                  <c:v>21.485337348043515</c:v>
                </c:pt>
                <c:pt idx="8277">
                  <c:v>21.490180526632937</c:v>
                </c:pt>
                <c:pt idx="8278">
                  <c:v>21.490180526632937</c:v>
                </c:pt>
                <c:pt idx="8279">
                  <c:v>21.490180526632937</c:v>
                </c:pt>
                <c:pt idx="8280">
                  <c:v>21.490180526632937</c:v>
                </c:pt>
                <c:pt idx="8281">
                  <c:v>21.490180526632937</c:v>
                </c:pt>
                <c:pt idx="8282">
                  <c:v>21.490180526632937</c:v>
                </c:pt>
                <c:pt idx="8283">
                  <c:v>21.490180526632937</c:v>
                </c:pt>
                <c:pt idx="8284">
                  <c:v>21.485337348043515</c:v>
                </c:pt>
                <c:pt idx="8285">
                  <c:v>21.490180526632937</c:v>
                </c:pt>
                <c:pt idx="8286">
                  <c:v>21.485337348043515</c:v>
                </c:pt>
                <c:pt idx="8287">
                  <c:v>21.485337348043515</c:v>
                </c:pt>
                <c:pt idx="8288">
                  <c:v>21.485337348043515</c:v>
                </c:pt>
                <c:pt idx="8289">
                  <c:v>21.485337348043515</c:v>
                </c:pt>
                <c:pt idx="8290">
                  <c:v>21.485337348043515</c:v>
                </c:pt>
                <c:pt idx="8291">
                  <c:v>21.485337348043515</c:v>
                </c:pt>
                <c:pt idx="8292">
                  <c:v>21.485337348043515</c:v>
                </c:pt>
                <c:pt idx="8293">
                  <c:v>21.485337348043515</c:v>
                </c:pt>
                <c:pt idx="8294">
                  <c:v>21.485337348043515</c:v>
                </c:pt>
                <c:pt idx="8295">
                  <c:v>21.480636615883089</c:v>
                </c:pt>
                <c:pt idx="8296">
                  <c:v>21.480636615883089</c:v>
                </c:pt>
                <c:pt idx="8297">
                  <c:v>21.480636615883089</c:v>
                </c:pt>
                <c:pt idx="8298">
                  <c:v>21.480636615883089</c:v>
                </c:pt>
                <c:pt idx="8299">
                  <c:v>21.480636615883089</c:v>
                </c:pt>
                <c:pt idx="8300">
                  <c:v>21.47579343729354</c:v>
                </c:pt>
                <c:pt idx="8301">
                  <c:v>21.47579343729354</c:v>
                </c:pt>
                <c:pt idx="8302">
                  <c:v>21.47579343729354</c:v>
                </c:pt>
                <c:pt idx="8303">
                  <c:v>21.47579343729354</c:v>
                </c:pt>
                <c:pt idx="8304">
                  <c:v>21.47579343729354</c:v>
                </c:pt>
                <c:pt idx="8305">
                  <c:v>21.47579343729354</c:v>
                </c:pt>
                <c:pt idx="8306">
                  <c:v>21.47579343729354</c:v>
                </c:pt>
                <c:pt idx="8307">
                  <c:v>21.47579343729354</c:v>
                </c:pt>
                <c:pt idx="8308">
                  <c:v>21.47579343729354</c:v>
                </c:pt>
                <c:pt idx="8309">
                  <c:v>21.47579343729354</c:v>
                </c:pt>
                <c:pt idx="8310">
                  <c:v>21.47579343729354</c:v>
                </c:pt>
                <c:pt idx="8311">
                  <c:v>21.47579343729354</c:v>
                </c:pt>
                <c:pt idx="8312">
                  <c:v>21.47579343729354</c:v>
                </c:pt>
                <c:pt idx="8313">
                  <c:v>21.47579343729354</c:v>
                </c:pt>
                <c:pt idx="8314">
                  <c:v>21.47579343729354</c:v>
                </c:pt>
                <c:pt idx="8315">
                  <c:v>21.47579343729354</c:v>
                </c:pt>
                <c:pt idx="8316">
                  <c:v>21.480636615883089</c:v>
                </c:pt>
                <c:pt idx="8317">
                  <c:v>21.480636615883089</c:v>
                </c:pt>
                <c:pt idx="8318">
                  <c:v>21.480636615883089</c:v>
                </c:pt>
                <c:pt idx="8319">
                  <c:v>21.480636615883089</c:v>
                </c:pt>
                <c:pt idx="8320">
                  <c:v>21.480636615883089</c:v>
                </c:pt>
                <c:pt idx="8321">
                  <c:v>21.480636615883089</c:v>
                </c:pt>
                <c:pt idx="8322">
                  <c:v>21.480636615883089</c:v>
                </c:pt>
                <c:pt idx="8323">
                  <c:v>21.485337348043515</c:v>
                </c:pt>
                <c:pt idx="8324">
                  <c:v>21.485337348043515</c:v>
                </c:pt>
                <c:pt idx="8325">
                  <c:v>21.490180526632937</c:v>
                </c:pt>
                <c:pt idx="8326">
                  <c:v>21.490180526632937</c:v>
                </c:pt>
                <c:pt idx="8327">
                  <c:v>21.490180526632937</c:v>
                </c:pt>
                <c:pt idx="8328">
                  <c:v>21.490180526632937</c:v>
                </c:pt>
                <c:pt idx="8329">
                  <c:v>21.495023705222483</c:v>
                </c:pt>
                <c:pt idx="8330">
                  <c:v>21.495023705222483</c:v>
                </c:pt>
                <c:pt idx="8331">
                  <c:v>21.495023705222483</c:v>
                </c:pt>
                <c:pt idx="8332">
                  <c:v>21.495023705222483</c:v>
                </c:pt>
                <c:pt idx="8333">
                  <c:v>21.499866883811904</c:v>
                </c:pt>
                <c:pt idx="8334">
                  <c:v>21.499866883811904</c:v>
                </c:pt>
                <c:pt idx="8335">
                  <c:v>21.504567615972331</c:v>
                </c:pt>
                <c:pt idx="8336">
                  <c:v>21.504567615972331</c:v>
                </c:pt>
                <c:pt idx="8337">
                  <c:v>21.509410794561877</c:v>
                </c:pt>
                <c:pt idx="8338">
                  <c:v>21.509410794561877</c:v>
                </c:pt>
                <c:pt idx="8339">
                  <c:v>21.509410794561877</c:v>
                </c:pt>
                <c:pt idx="8340">
                  <c:v>21.509410794561877</c:v>
                </c:pt>
                <c:pt idx="8341">
                  <c:v>21.509410794561877</c:v>
                </c:pt>
                <c:pt idx="8342">
                  <c:v>21.509410794561877</c:v>
                </c:pt>
                <c:pt idx="8343">
                  <c:v>21.509410794561877</c:v>
                </c:pt>
                <c:pt idx="8344">
                  <c:v>21.509410794561877</c:v>
                </c:pt>
                <c:pt idx="8345">
                  <c:v>21.509410794561877</c:v>
                </c:pt>
                <c:pt idx="8346">
                  <c:v>21.509410794561877</c:v>
                </c:pt>
                <c:pt idx="8347">
                  <c:v>21.509410794561877</c:v>
                </c:pt>
                <c:pt idx="8348">
                  <c:v>21.509410794561877</c:v>
                </c:pt>
                <c:pt idx="8349">
                  <c:v>21.509410794561877</c:v>
                </c:pt>
                <c:pt idx="8350">
                  <c:v>21.504567615972331</c:v>
                </c:pt>
                <c:pt idx="8351">
                  <c:v>21.504567615972331</c:v>
                </c:pt>
                <c:pt idx="8352">
                  <c:v>21.504567615972331</c:v>
                </c:pt>
                <c:pt idx="8353">
                  <c:v>21.504567615972331</c:v>
                </c:pt>
                <c:pt idx="8354">
                  <c:v>21.504567615972331</c:v>
                </c:pt>
                <c:pt idx="8355">
                  <c:v>21.504567615972331</c:v>
                </c:pt>
                <c:pt idx="8356">
                  <c:v>21.499866883811904</c:v>
                </c:pt>
                <c:pt idx="8357">
                  <c:v>21.499866883811904</c:v>
                </c:pt>
                <c:pt idx="8358">
                  <c:v>21.504567615972331</c:v>
                </c:pt>
                <c:pt idx="8359">
                  <c:v>21.499866883811904</c:v>
                </c:pt>
                <c:pt idx="8360">
                  <c:v>21.499866883811904</c:v>
                </c:pt>
                <c:pt idx="8361">
                  <c:v>21.499866883811904</c:v>
                </c:pt>
                <c:pt idx="8362">
                  <c:v>21.499866883811904</c:v>
                </c:pt>
                <c:pt idx="8363">
                  <c:v>21.499866883811904</c:v>
                </c:pt>
                <c:pt idx="8364">
                  <c:v>21.499866883811904</c:v>
                </c:pt>
                <c:pt idx="8365">
                  <c:v>21.499866883811904</c:v>
                </c:pt>
                <c:pt idx="8366">
                  <c:v>21.495023705222483</c:v>
                </c:pt>
                <c:pt idx="8367">
                  <c:v>21.495023705222483</c:v>
                </c:pt>
                <c:pt idx="8368">
                  <c:v>21.495023705222483</c:v>
                </c:pt>
                <c:pt idx="8369">
                  <c:v>21.495023705222483</c:v>
                </c:pt>
                <c:pt idx="8370">
                  <c:v>21.495023705222483</c:v>
                </c:pt>
                <c:pt idx="8371">
                  <c:v>21.495023705222483</c:v>
                </c:pt>
                <c:pt idx="8372">
                  <c:v>21.499866883811904</c:v>
                </c:pt>
                <c:pt idx="8373">
                  <c:v>21.499866883811904</c:v>
                </c:pt>
                <c:pt idx="8374">
                  <c:v>21.499866883811904</c:v>
                </c:pt>
                <c:pt idx="8375">
                  <c:v>21.499866883811904</c:v>
                </c:pt>
                <c:pt idx="8376">
                  <c:v>21.499866883811904</c:v>
                </c:pt>
                <c:pt idx="8377">
                  <c:v>21.499866883811904</c:v>
                </c:pt>
                <c:pt idx="8378">
                  <c:v>21.499866883811904</c:v>
                </c:pt>
                <c:pt idx="8379">
                  <c:v>21.504567615972331</c:v>
                </c:pt>
                <c:pt idx="8380">
                  <c:v>21.504567615972331</c:v>
                </c:pt>
                <c:pt idx="8381">
                  <c:v>21.504567615972331</c:v>
                </c:pt>
                <c:pt idx="8382">
                  <c:v>21.504567615972331</c:v>
                </c:pt>
                <c:pt idx="8383">
                  <c:v>21.504567615972331</c:v>
                </c:pt>
                <c:pt idx="8384">
                  <c:v>21.504567615972331</c:v>
                </c:pt>
                <c:pt idx="8385">
                  <c:v>21.509410794561877</c:v>
                </c:pt>
                <c:pt idx="8386">
                  <c:v>21.509410794561877</c:v>
                </c:pt>
                <c:pt idx="8387">
                  <c:v>21.509410794561877</c:v>
                </c:pt>
                <c:pt idx="8388">
                  <c:v>21.51425397315143</c:v>
                </c:pt>
                <c:pt idx="8389">
                  <c:v>21.51425397315143</c:v>
                </c:pt>
                <c:pt idx="8390">
                  <c:v>21.518954705311724</c:v>
                </c:pt>
                <c:pt idx="8391">
                  <c:v>21.518954705311724</c:v>
                </c:pt>
                <c:pt idx="8392">
                  <c:v>21.523797883901278</c:v>
                </c:pt>
                <c:pt idx="8393">
                  <c:v>21.523797883901278</c:v>
                </c:pt>
                <c:pt idx="8394">
                  <c:v>21.523797883901278</c:v>
                </c:pt>
                <c:pt idx="8395">
                  <c:v>21.523797883901278</c:v>
                </c:pt>
                <c:pt idx="8396">
                  <c:v>21.523797883901278</c:v>
                </c:pt>
                <c:pt idx="8397">
                  <c:v>21.523797883901278</c:v>
                </c:pt>
                <c:pt idx="8398">
                  <c:v>21.523797883901278</c:v>
                </c:pt>
                <c:pt idx="8399">
                  <c:v>21.523797883901278</c:v>
                </c:pt>
                <c:pt idx="8400">
                  <c:v>21.523797883901278</c:v>
                </c:pt>
                <c:pt idx="8401">
                  <c:v>21.518954705311724</c:v>
                </c:pt>
                <c:pt idx="8402">
                  <c:v>21.518954705311724</c:v>
                </c:pt>
                <c:pt idx="8403">
                  <c:v>21.518954705311724</c:v>
                </c:pt>
                <c:pt idx="8404">
                  <c:v>21.518954705311724</c:v>
                </c:pt>
                <c:pt idx="8405">
                  <c:v>21.518954705311724</c:v>
                </c:pt>
                <c:pt idx="8406">
                  <c:v>21.518954705311724</c:v>
                </c:pt>
                <c:pt idx="8407">
                  <c:v>21.518954705311724</c:v>
                </c:pt>
                <c:pt idx="8408">
                  <c:v>21.518954705311724</c:v>
                </c:pt>
                <c:pt idx="8409">
                  <c:v>21.518954705311724</c:v>
                </c:pt>
                <c:pt idx="8410">
                  <c:v>21.518954705311724</c:v>
                </c:pt>
                <c:pt idx="8411">
                  <c:v>21.51425397315143</c:v>
                </c:pt>
                <c:pt idx="8412">
                  <c:v>21.51425397315143</c:v>
                </c:pt>
                <c:pt idx="8413">
                  <c:v>21.51425397315143</c:v>
                </c:pt>
                <c:pt idx="8414">
                  <c:v>21.51425397315143</c:v>
                </c:pt>
                <c:pt idx="8415">
                  <c:v>21.509410794561877</c:v>
                </c:pt>
                <c:pt idx="8416">
                  <c:v>21.509410794561877</c:v>
                </c:pt>
                <c:pt idx="8417">
                  <c:v>21.504567615972331</c:v>
                </c:pt>
                <c:pt idx="8418">
                  <c:v>21.504567615972331</c:v>
                </c:pt>
                <c:pt idx="8419">
                  <c:v>21.504567615972331</c:v>
                </c:pt>
                <c:pt idx="8420">
                  <c:v>21.504567615972331</c:v>
                </c:pt>
                <c:pt idx="8421">
                  <c:v>21.504567615972331</c:v>
                </c:pt>
                <c:pt idx="8422">
                  <c:v>21.504567615972331</c:v>
                </c:pt>
                <c:pt idx="8423">
                  <c:v>21.509410794561877</c:v>
                </c:pt>
                <c:pt idx="8424">
                  <c:v>21.509410794561877</c:v>
                </c:pt>
                <c:pt idx="8425">
                  <c:v>21.51425397315143</c:v>
                </c:pt>
                <c:pt idx="8426">
                  <c:v>21.51425397315143</c:v>
                </c:pt>
                <c:pt idx="8427">
                  <c:v>21.51425397315143</c:v>
                </c:pt>
                <c:pt idx="8428">
                  <c:v>21.518954705311724</c:v>
                </c:pt>
                <c:pt idx="8429">
                  <c:v>21.518954705311724</c:v>
                </c:pt>
                <c:pt idx="8430">
                  <c:v>21.51425397315143</c:v>
                </c:pt>
                <c:pt idx="8431">
                  <c:v>21.51425397315143</c:v>
                </c:pt>
                <c:pt idx="8432">
                  <c:v>21.51425397315143</c:v>
                </c:pt>
                <c:pt idx="8433">
                  <c:v>21.51425397315143</c:v>
                </c:pt>
                <c:pt idx="8434">
                  <c:v>21.51425397315143</c:v>
                </c:pt>
                <c:pt idx="8435">
                  <c:v>21.51425397315143</c:v>
                </c:pt>
                <c:pt idx="8436">
                  <c:v>21.51425397315143</c:v>
                </c:pt>
                <c:pt idx="8437">
                  <c:v>21.51425397315143</c:v>
                </c:pt>
                <c:pt idx="8438">
                  <c:v>21.51425397315143</c:v>
                </c:pt>
                <c:pt idx="8439">
                  <c:v>21.51425397315143</c:v>
                </c:pt>
                <c:pt idx="8440">
                  <c:v>21.518954705311724</c:v>
                </c:pt>
                <c:pt idx="8441">
                  <c:v>21.518954705311724</c:v>
                </c:pt>
                <c:pt idx="8442">
                  <c:v>21.518954705311724</c:v>
                </c:pt>
                <c:pt idx="8443">
                  <c:v>21.523797883901278</c:v>
                </c:pt>
                <c:pt idx="8444">
                  <c:v>21.523797883901278</c:v>
                </c:pt>
                <c:pt idx="8445">
                  <c:v>21.528641062490824</c:v>
                </c:pt>
                <c:pt idx="8446">
                  <c:v>21.528641062490824</c:v>
                </c:pt>
                <c:pt idx="8447">
                  <c:v>21.528641062490824</c:v>
                </c:pt>
                <c:pt idx="8448">
                  <c:v>21.528641062490824</c:v>
                </c:pt>
                <c:pt idx="8449">
                  <c:v>21.528641062490824</c:v>
                </c:pt>
                <c:pt idx="8450">
                  <c:v>21.523797883901278</c:v>
                </c:pt>
                <c:pt idx="8451">
                  <c:v>21.523797883901278</c:v>
                </c:pt>
                <c:pt idx="8452">
                  <c:v>21.523797883901278</c:v>
                </c:pt>
                <c:pt idx="8453">
                  <c:v>21.523797883901278</c:v>
                </c:pt>
                <c:pt idx="8454">
                  <c:v>21.523797883901278</c:v>
                </c:pt>
                <c:pt idx="8455">
                  <c:v>21.523797883901278</c:v>
                </c:pt>
                <c:pt idx="8456">
                  <c:v>21.523797883901278</c:v>
                </c:pt>
                <c:pt idx="8457">
                  <c:v>21.523797883901278</c:v>
                </c:pt>
                <c:pt idx="8458">
                  <c:v>21.523797883901278</c:v>
                </c:pt>
                <c:pt idx="8459">
                  <c:v>21.523797883901278</c:v>
                </c:pt>
                <c:pt idx="8460">
                  <c:v>21.523797883901278</c:v>
                </c:pt>
                <c:pt idx="8461">
                  <c:v>21.523797883901278</c:v>
                </c:pt>
                <c:pt idx="8462">
                  <c:v>21.528641062490824</c:v>
                </c:pt>
                <c:pt idx="8463">
                  <c:v>21.528641062490824</c:v>
                </c:pt>
                <c:pt idx="8464">
                  <c:v>21.528641062490824</c:v>
                </c:pt>
                <c:pt idx="8465">
                  <c:v>21.528641062490824</c:v>
                </c:pt>
                <c:pt idx="8466">
                  <c:v>21.528641062490824</c:v>
                </c:pt>
                <c:pt idx="8467">
                  <c:v>21.523797883901278</c:v>
                </c:pt>
                <c:pt idx="8468">
                  <c:v>21.523797883901278</c:v>
                </c:pt>
                <c:pt idx="8469">
                  <c:v>21.523797883901278</c:v>
                </c:pt>
                <c:pt idx="8470">
                  <c:v>21.518954705311724</c:v>
                </c:pt>
                <c:pt idx="8471">
                  <c:v>21.523797883901278</c:v>
                </c:pt>
                <c:pt idx="8472">
                  <c:v>21.523797883901278</c:v>
                </c:pt>
                <c:pt idx="8473">
                  <c:v>21.523797883901278</c:v>
                </c:pt>
                <c:pt idx="8474">
                  <c:v>21.523797883901278</c:v>
                </c:pt>
                <c:pt idx="8475">
                  <c:v>21.528641062490824</c:v>
                </c:pt>
                <c:pt idx="8476">
                  <c:v>21.528641062490824</c:v>
                </c:pt>
                <c:pt idx="8477">
                  <c:v>21.528641062490824</c:v>
                </c:pt>
                <c:pt idx="8478">
                  <c:v>21.528641062490824</c:v>
                </c:pt>
                <c:pt idx="8479">
                  <c:v>21.533341794651122</c:v>
                </c:pt>
                <c:pt idx="8480">
                  <c:v>21.533341794651122</c:v>
                </c:pt>
                <c:pt idx="8481">
                  <c:v>21.538184973240671</c:v>
                </c:pt>
                <c:pt idx="8482">
                  <c:v>21.538184973240671</c:v>
                </c:pt>
                <c:pt idx="8483">
                  <c:v>21.538184973240671</c:v>
                </c:pt>
                <c:pt idx="8484">
                  <c:v>21.538184973240671</c:v>
                </c:pt>
                <c:pt idx="8485">
                  <c:v>21.538184973240671</c:v>
                </c:pt>
                <c:pt idx="8486">
                  <c:v>21.538184973240671</c:v>
                </c:pt>
                <c:pt idx="8487">
                  <c:v>21.538184973240671</c:v>
                </c:pt>
                <c:pt idx="8488">
                  <c:v>21.543028151830217</c:v>
                </c:pt>
                <c:pt idx="8489">
                  <c:v>21.543028151830217</c:v>
                </c:pt>
                <c:pt idx="8490">
                  <c:v>21.543028151830217</c:v>
                </c:pt>
                <c:pt idx="8491">
                  <c:v>21.543028151830217</c:v>
                </c:pt>
                <c:pt idx="8492">
                  <c:v>21.543028151830217</c:v>
                </c:pt>
                <c:pt idx="8493">
                  <c:v>21.543028151830217</c:v>
                </c:pt>
                <c:pt idx="8494">
                  <c:v>21.543028151830217</c:v>
                </c:pt>
                <c:pt idx="8495">
                  <c:v>21.543028151830217</c:v>
                </c:pt>
                <c:pt idx="8496">
                  <c:v>21.543028151830217</c:v>
                </c:pt>
                <c:pt idx="8497">
                  <c:v>21.543028151830217</c:v>
                </c:pt>
                <c:pt idx="8498">
                  <c:v>21.543028151830217</c:v>
                </c:pt>
                <c:pt idx="8499">
                  <c:v>21.543028151830217</c:v>
                </c:pt>
                <c:pt idx="8500">
                  <c:v>21.538184973240671</c:v>
                </c:pt>
                <c:pt idx="8501">
                  <c:v>21.538184973240671</c:v>
                </c:pt>
                <c:pt idx="8502">
                  <c:v>21.538184973240671</c:v>
                </c:pt>
                <c:pt idx="8503">
                  <c:v>21.538184973240671</c:v>
                </c:pt>
                <c:pt idx="8504">
                  <c:v>21.538184973240671</c:v>
                </c:pt>
                <c:pt idx="8505">
                  <c:v>21.538184973240671</c:v>
                </c:pt>
                <c:pt idx="8506">
                  <c:v>21.538184973240671</c:v>
                </c:pt>
                <c:pt idx="8507">
                  <c:v>21.538184973240671</c:v>
                </c:pt>
                <c:pt idx="8508">
                  <c:v>21.538184973240671</c:v>
                </c:pt>
                <c:pt idx="8509">
                  <c:v>21.538184973240671</c:v>
                </c:pt>
                <c:pt idx="8510">
                  <c:v>21.538184973240671</c:v>
                </c:pt>
                <c:pt idx="8511">
                  <c:v>21.538184973240671</c:v>
                </c:pt>
                <c:pt idx="8512">
                  <c:v>21.543028151830217</c:v>
                </c:pt>
                <c:pt idx="8513">
                  <c:v>21.538184973240671</c:v>
                </c:pt>
                <c:pt idx="8514">
                  <c:v>21.538184973240671</c:v>
                </c:pt>
                <c:pt idx="8515">
                  <c:v>21.538184973240671</c:v>
                </c:pt>
                <c:pt idx="8516">
                  <c:v>21.538184973240671</c:v>
                </c:pt>
                <c:pt idx="8517">
                  <c:v>21.538184973240671</c:v>
                </c:pt>
                <c:pt idx="8518">
                  <c:v>21.538184973240671</c:v>
                </c:pt>
                <c:pt idx="8519">
                  <c:v>21.538184973240671</c:v>
                </c:pt>
                <c:pt idx="8520">
                  <c:v>21.538184973240671</c:v>
                </c:pt>
                <c:pt idx="8521">
                  <c:v>21.538184973240671</c:v>
                </c:pt>
                <c:pt idx="8522">
                  <c:v>21.538184973240671</c:v>
                </c:pt>
                <c:pt idx="8523">
                  <c:v>21.538184973240671</c:v>
                </c:pt>
                <c:pt idx="8524">
                  <c:v>21.538184973240671</c:v>
                </c:pt>
                <c:pt idx="8525">
                  <c:v>21.538184973240671</c:v>
                </c:pt>
                <c:pt idx="8526">
                  <c:v>21.538184973240671</c:v>
                </c:pt>
                <c:pt idx="8527">
                  <c:v>21.538184973240671</c:v>
                </c:pt>
                <c:pt idx="8528">
                  <c:v>21.538184973240671</c:v>
                </c:pt>
                <c:pt idx="8529">
                  <c:v>21.533341794651122</c:v>
                </c:pt>
                <c:pt idx="8530">
                  <c:v>21.533341794651122</c:v>
                </c:pt>
                <c:pt idx="8531">
                  <c:v>21.533341794651122</c:v>
                </c:pt>
                <c:pt idx="8532">
                  <c:v>21.533341794651122</c:v>
                </c:pt>
                <c:pt idx="8533">
                  <c:v>21.538184973240671</c:v>
                </c:pt>
                <c:pt idx="8534">
                  <c:v>21.538184973240671</c:v>
                </c:pt>
                <c:pt idx="8535">
                  <c:v>21.538184973240671</c:v>
                </c:pt>
                <c:pt idx="8536">
                  <c:v>21.538184973240671</c:v>
                </c:pt>
                <c:pt idx="8537">
                  <c:v>21.538184973240671</c:v>
                </c:pt>
                <c:pt idx="8538">
                  <c:v>21.538184973240671</c:v>
                </c:pt>
                <c:pt idx="8539">
                  <c:v>21.538184973240671</c:v>
                </c:pt>
                <c:pt idx="8540">
                  <c:v>21.538184973240671</c:v>
                </c:pt>
                <c:pt idx="8541">
                  <c:v>21.538184973240671</c:v>
                </c:pt>
                <c:pt idx="8542">
                  <c:v>21.538184973240671</c:v>
                </c:pt>
                <c:pt idx="8543">
                  <c:v>21.538184973240671</c:v>
                </c:pt>
                <c:pt idx="8544">
                  <c:v>21.543028151830217</c:v>
                </c:pt>
                <c:pt idx="8545">
                  <c:v>21.543028151830217</c:v>
                </c:pt>
                <c:pt idx="8546">
                  <c:v>21.543028151830217</c:v>
                </c:pt>
                <c:pt idx="8547">
                  <c:v>21.543028151830217</c:v>
                </c:pt>
                <c:pt idx="8548">
                  <c:v>21.543028151830217</c:v>
                </c:pt>
                <c:pt idx="8549">
                  <c:v>21.543028151830217</c:v>
                </c:pt>
                <c:pt idx="8550">
                  <c:v>21.547728883990644</c:v>
                </c:pt>
                <c:pt idx="8551">
                  <c:v>21.547728883990644</c:v>
                </c:pt>
                <c:pt idx="8552">
                  <c:v>21.547728883990644</c:v>
                </c:pt>
                <c:pt idx="8553">
                  <c:v>21.547728883990644</c:v>
                </c:pt>
                <c:pt idx="8554">
                  <c:v>21.547728883990644</c:v>
                </c:pt>
                <c:pt idx="8555">
                  <c:v>21.552572062580065</c:v>
                </c:pt>
                <c:pt idx="8556">
                  <c:v>21.552572062580065</c:v>
                </c:pt>
                <c:pt idx="8557">
                  <c:v>21.552572062580065</c:v>
                </c:pt>
                <c:pt idx="8558">
                  <c:v>21.552572062580065</c:v>
                </c:pt>
                <c:pt idx="8559">
                  <c:v>21.552572062580065</c:v>
                </c:pt>
                <c:pt idx="8560">
                  <c:v>21.552572062580065</c:v>
                </c:pt>
                <c:pt idx="8561">
                  <c:v>21.552572062580065</c:v>
                </c:pt>
                <c:pt idx="8562">
                  <c:v>21.552572062580065</c:v>
                </c:pt>
                <c:pt idx="8563">
                  <c:v>21.552572062580065</c:v>
                </c:pt>
                <c:pt idx="8564">
                  <c:v>21.552572062580065</c:v>
                </c:pt>
                <c:pt idx="8565">
                  <c:v>21.552572062580065</c:v>
                </c:pt>
                <c:pt idx="8566">
                  <c:v>21.552572062580065</c:v>
                </c:pt>
                <c:pt idx="8567">
                  <c:v>21.552572062580065</c:v>
                </c:pt>
                <c:pt idx="8568">
                  <c:v>21.552572062580065</c:v>
                </c:pt>
                <c:pt idx="8569">
                  <c:v>21.557415241169615</c:v>
                </c:pt>
                <c:pt idx="8570">
                  <c:v>21.557415241169615</c:v>
                </c:pt>
                <c:pt idx="8571">
                  <c:v>21.557415241169615</c:v>
                </c:pt>
                <c:pt idx="8572">
                  <c:v>21.557415241169615</c:v>
                </c:pt>
                <c:pt idx="8573">
                  <c:v>21.562115973330041</c:v>
                </c:pt>
                <c:pt idx="8574">
                  <c:v>21.562115973330041</c:v>
                </c:pt>
                <c:pt idx="8575">
                  <c:v>21.562115973330041</c:v>
                </c:pt>
                <c:pt idx="8576">
                  <c:v>21.562115973330041</c:v>
                </c:pt>
                <c:pt idx="8577">
                  <c:v>21.562115973330041</c:v>
                </c:pt>
                <c:pt idx="8578">
                  <c:v>21.562115973330041</c:v>
                </c:pt>
                <c:pt idx="8579">
                  <c:v>21.566959151919463</c:v>
                </c:pt>
                <c:pt idx="8580">
                  <c:v>21.566959151919463</c:v>
                </c:pt>
                <c:pt idx="8581">
                  <c:v>21.566959151919463</c:v>
                </c:pt>
                <c:pt idx="8582">
                  <c:v>21.566959151919463</c:v>
                </c:pt>
                <c:pt idx="8583">
                  <c:v>21.566959151919463</c:v>
                </c:pt>
                <c:pt idx="8584">
                  <c:v>21.566959151919463</c:v>
                </c:pt>
                <c:pt idx="8585">
                  <c:v>21.566959151919463</c:v>
                </c:pt>
                <c:pt idx="8586">
                  <c:v>21.566959151919463</c:v>
                </c:pt>
                <c:pt idx="8587">
                  <c:v>21.566959151919463</c:v>
                </c:pt>
                <c:pt idx="8588">
                  <c:v>21.566959151919463</c:v>
                </c:pt>
                <c:pt idx="8589">
                  <c:v>21.566959151919463</c:v>
                </c:pt>
                <c:pt idx="8590">
                  <c:v>21.571802330509009</c:v>
                </c:pt>
                <c:pt idx="8591">
                  <c:v>21.571802330509009</c:v>
                </c:pt>
                <c:pt idx="8592">
                  <c:v>21.571802330509009</c:v>
                </c:pt>
                <c:pt idx="8593">
                  <c:v>21.571802330509009</c:v>
                </c:pt>
                <c:pt idx="8594">
                  <c:v>21.571802330509009</c:v>
                </c:pt>
                <c:pt idx="8595">
                  <c:v>21.571802330509009</c:v>
                </c:pt>
                <c:pt idx="8596">
                  <c:v>21.571802330509009</c:v>
                </c:pt>
                <c:pt idx="8597">
                  <c:v>21.571802330509009</c:v>
                </c:pt>
                <c:pt idx="8598">
                  <c:v>21.571802330509009</c:v>
                </c:pt>
                <c:pt idx="8599">
                  <c:v>21.571802330509009</c:v>
                </c:pt>
                <c:pt idx="8600">
                  <c:v>21.566959151919463</c:v>
                </c:pt>
                <c:pt idx="8601">
                  <c:v>21.566959151919463</c:v>
                </c:pt>
                <c:pt idx="8602">
                  <c:v>21.566959151919463</c:v>
                </c:pt>
                <c:pt idx="8603">
                  <c:v>21.566959151919463</c:v>
                </c:pt>
                <c:pt idx="8604">
                  <c:v>21.566959151919463</c:v>
                </c:pt>
                <c:pt idx="8605">
                  <c:v>21.566959151919463</c:v>
                </c:pt>
                <c:pt idx="8606">
                  <c:v>21.566959151919463</c:v>
                </c:pt>
                <c:pt idx="8607">
                  <c:v>21.566959151919463</c:v>
                </c:pt>
                <c:pt idx="8608">
                  <c:v>21.566959151919463</c:v>
                </c:pt>
                <c:pt idx="8609">
                  <c:v>21.566959151919463</c:v>
                </c:pt>
                <c:pt idx="8610">
                  <c:v>21.566959151919463</c:v>
                </c:pt>
                <c:pt idx="8611">
                  <c:v>21.566959151919463</c:v>
                </c:pt>
                <c:pt idx="8612">
                  <c:v>21.562115973330041</c:v>
                </c:pt>
                <c:pt idx="8613">
                  <c:v>21.562115973330041</c:v>
                </c:pt>
                <c:pt idx="8614">
                  <c:v>21.562115973330041</c:v>
                </c:pt>
                <c:pt idx="8615">
                  <c:v>21.562115973330041</c:v>
                </c:pt>
                <c:pt idx="8616">
                  <c:v>21.566959151919463</c:v>
                </c:pt>
                <c:pt idx="8617">
                  <c:v>21.566959151919463</c:v>
                </c:pt>
                <c:pt idx="8618">
                  <c:v>21.566959151919463</c:v>
                </c:pt>
                <c:pt idx="8619">
                  <c:v>21.566959151919463</c:v>
                </c:pt>
                <c:pt idx="8620">
                  <c:v>21.566959151919463</c:v>
                </c:pt>
                <c:pt idx="8621">
                  <c:v>21.566959151919463</c:v>
                </c:pt>
                <c:pt idx="8622">
                  <c:v>21.566959151919463</c:v>
                </c:pt>
                <c:pt idx="8623">
                  <c:v>21.566959151919463</c:v>
                </c:pt>
                <c:pt idx="8624">
                  <c:v>21.566959151919463</c:v>
                </c:pt>
                <c:pt idx="8625">
                  <c:v>21.566959151919463</c:v>
                </c:pt>
                <c:pt idx="8626">
                  <c:v>21.566959151919463</c:v>
                </c:pt>
                <c:pt idx="8627">
                  <c:v>21.566959151919463</c:v>
                </c:pt>
                <c:pt idx="8628">
                  <c:v>21.566959151919463</c:v>
                </c:pt>
                <c:pt idx="8629">
                  <c:v>21.566959151919463</c:v>
                </c:pt>
                <c:pt idx="8630">
                  <c:v>21.571802330509009</c:v>
                </c:pt>
                <c:pt idx="8631">
                  <c:v>21.571802330509009</c:v>
                </c:pt>
                <c:pt idx="8632">
                  <c:v>21.571802330509009</c:v>
                </c:pt>
                <c:pt idx="8633">
                  <c:v>21.571802330509009</c:v>
                </c:pt>
                <c:pt idx="8634">
                  <c:v>21.571802330509009</c:v>
                </c:pt>
                <c:pt idx="8635">
                  <c:v>21.576503062669435</c:v>
                </c:pt>
                <c:pt idx="8636">
                  <c:v>21.581346241258856</c:v>
                </c:pt>
                <c:pt idx="8637">
                  <c:v>21.581346241258856</c:v>
                </c:pt>
                <c:pt idx="8638">
                  <c:v>21.586189419848406</c:v>
                </c:pt>
                <c:pt idx="8639">
                  <c:v>21.586189419848406</c:v>
                </c:pt>
                <c:pt idx="8640">
                  <c:v>21.586189419848406</c:v>
                </c:pt>
                <c:pt idx="8641">
                  <c:v>21.590890152008832</c:v>
                </c:pt>
                <c:pt idx="8642">
                  <c:v>21.590890152008832</c:v>
                </c:pt>
                <c:pt idx="8643">
                  <c:v>21.590890152008832</c:v>
                </c:pt>
                <c:pt idx="8644">
                  <c:v>21.590890152008832</c:v>
                </c:pt>
                <c:pt idx="8645">
                  <c:v>21.590890152008832</c:v>
                </c:pt>
                <c:pt idx="8646">
                  <c:v>21.595733330598382</c:v>
                </c:pt>
                <c:pt idx="8647">
                  <c:v>21.595733330598382</c:v>
                </c:pt>
                <c:pt idx="8648">
                  <c:v>21.595733330598382</c:v>
                </c:pt>
                <c:pt idx="8649">
                  <c:v>21.600576509187803</c:v>
                </c:pt>
                <c:pt idx="8650">
                  <c:v>21.600576509187803</c:v>
                </c:pt>
                <c:pt idx="8651">
                  <c:v>21.605277241348226</c:v>
                </c:pt>
                <c:pt idx="8652">
                  <c:v>21.605277241348226</c:v>
                </c:pt>
                <c:pt idx="8653">
                  <c:v>21.605277241348226</c:v>
                </c:pt>
                <c:pt idx="8654">
                  <c:v>21.605277241348226</c:v>
                </c:pt>
                <c:pt idx="8655">
                  <c:v>21.605277241348226</c:v>
                </c:pt>
                <c:pt idx="8656">
                  <c:v>21.605277241348226</c:v>
                </c:pt>
                <c:pt idx="8657">
                  <c:v>21.605277241348226</c:v>
                </c:pt>
                <c:pt idx="8658">
                  <c:v>21.605277241348226</c:v>
                </c:pt>
                <c:pt idx="8659">
                  <c:v>21.605277241348226</c:v>
                </c:pt>
                <c:pt idx="8660">
                  <c:v>21.605277241348226</c:v>
                </c:pt>
                <c:pt idx="8661">
                  <c:v>21.605277241348226</c:v>
                </c:pt>
                <c:pt idx="8662">
                  <c:v>21.600576509187803</c:v>
                </c:pt>
                <c:pt idx="8663">
                  <c:v>21.600576509187803</c:v>
                </c:pt>
                <c:pt idx="8664">
                  <c:v>21.600576509187803</c:v>
                </c:pt>
                <c:pt idx="8665">
                  <c:v>21.600576509187803</c:v>
                </c:pt>
                <c:pt idx="8666">
                  <c:v>21.600576509187803</c:v>
                </c:pt>
                <c:pt idx="8667">
                  <c:v>21.600576509187803</c:v>
                </c:pt>
                <c:pt idx="8668">
                  <c:v>21.600576509187803</c:v>
                </c:pt>
                <c:pt idx="8669">
                  <c:v>21.600576509187803</c:v>
                </c:pt>
                <c:pt idx="8670">
                  <c:v>21.600576509187803</c:v>
                </c:pt>
                <c:pt idx="8671">
                  <c:v>21.600576509187803</c:v>
                </c:pt>
                <c:pt idx="8672">
                  <c:v>21.600576509187803</c:v>
                </c:pt>
                <c:pt idx="8673">
                  <c:v>21.600576509187803</c:v>
                </c:pt>
                <c:pt idx="8674">
                  <c:v>21.600576509187803</c:v>
                </c:pt>
                <c:pt idx="8675">
                  <c:v>21.600576509187803</c:v>
                </c:pt>
                <c:pt idx="8676">
                  <c:v>21.595733330598382</c:v>
                </c:pt>
                <c:pt idx="8677">
                  <c:v>21.595733330598382</c:v>
                </c:pt>
                <c:pt idx="8678">
                  <c:v>21.595733330598382</c:v>
                </c:pt>
                <c:pt idx="8679">
                  <c:v>21.595733330598382</c:v>
                </c:pt>
                <c:pt idx="8680">
                  <c:v>21.595733330598382</c:v>
                </c:pt>
                <c:pt idx="8681">
                  <c:v>21.595733330598382</c:v>
                </c:pt>
                <c:pt idx="8682">
                  <c:v>21.595733330598382</c:v>
                </c:pt>
                <c:pt idx="8683">
                  <c:v>21.595733330598382</c:v>
                </c:pt>
                <c:pt idx="8684">
                  <c:v>21.595733330598382</c:v>
                </c:pt>
                <c:pt idx="8685">
                  <c:v>21.595733330598382</c:v>
                </c:pt>
                <c:pt idx="8686">
                  <c:v>21.595733330598382</c:v>
                </c:pt>
                <c:pt idx="8687">
                  <c:v>21.600576509187803</c:v>
                </c:pt>
                <c:pt idx="8688">
                  <c:v>21.600576509187803</c:v>
                </c:pt>
                <c:pt idx="8689">
                  <c:v>21.595733330598382</c:v>
                </c:pt>
                <c:pt idx="8690">
                  <c:v>21.595733330598382</c:v>
                </c:pt>
                <c:pt idx="8691">
                  <c:v>21.595733330598382</c:v>
                </c:pt>
                <c:pt idx="8692">
                  <c:v>21.595733330598382</c:v>
                </c:pt>
                <c:pt idx="8693">
                  <c:v>21.600576509187803</c:v>
                </c:pt>
                <c:pt idx="8694">
                  <c:v>21.600576509187803</c:v>
                </c:pt>
                <c:pt idx="8695">
                  <c:v>21.600576509187803</c:v>
                </c:pt>
                <c:pt idx="8696">
                  <c:v>21.600576509187803</c:v>
                </c:pt>
                <c:pt idx="8697">
                  <c:v>21.600576509187803</c:v>
                </c:pt>
                <c:pt idx="8698">
                  <c:v>21.600576509187803</c:v>
                </c:pt>
                <c:pt idx="8699">
                  <c:v>21.600576509187803</c:v>
                </c:pt>
                <c:pt idx="8700">
                  <c:v>21.600576509187803</c:v>
                </c:pt>
                <c:pt idx="8701">
                  <c:v>21.605277241348226</c:v>
                </c:pt>
                <c:pt idx="8702">
                  <c:v>21.605277241348226</c:v>
                </c:pt>
                <c:pt idx="8703">
                  <c:v>21.605277241348226</c:v>
                </c:pt>
                <c:pt idx="8704">
                  <c:v>21.605277241348226</c:v>
                </c:pt>
                <c:pt idx="8705">
                  <c:v>21.605277241348226</c:v>
                </c:pt>
                <c:pt idx="8706">
                  <c:v>21.605277241348226</c:v>
                </c:pt>
                <c:pt idx="8707">
                  <c:v>21.605277241348226</c:v>
                </c:pt>
                <c:pt idx="8708">
                  <c:v>21.605277241348226</c:v>
                </c:pt>
                <c:pt idx="8709">
                  <c:v>21.605277241348226</c:v>
                </c:pt>
                <c:pt idx="8710">
                  <c:v>21.605277241348226</c:v>
                </c:pt>
                <c:pt idx="8711">
                  <c:v>21.605277241348226</c:v>
                </c:pt>
                <c:pt idx="8712">
                  <c:v>21.605277241348226</c:v>
                </c:pt>
                <c:pt idx="8713">
                  <c:v>21.605277241348226</c:v>
                </c:pt>
                <c:pt idx="8714">
                  <c:v>21.605277241348226</c:v>
                </c:pt>
                <c:pt idx="8715">
                  <c:v>21.605277241348226</c:v>
                </c:pt>
                <c:pt idx="8716">
                  <c:v>21.605277241348226</c:v>
                </c:pt>
                <c:pt idx="8717">
                  <c:v>21.600576509187803</c:v>
                </c:pt>
                <c:pt idx="8718">
                  <c:v>21.600576509187803</c:v>
                </c:pt>
                <c:pt idx="8719">
                  <c:v>21.600576509187803</c:v>
                </c:pt>
                <c:pt idx="8720">
                  <c:v>21.600576509187803</c:v>
                </c:pt>
                <c:pt idx="8721">
                  <c:v>21.595733330598382</c:v>
                </c:pt>
                <c:pt idx="8722">
                  <c:v>21.595733330598382</c:v>
                </c:pt>
                <c:pt idx="8723">
                  <c:v>21.595733330598382</c:v>
                </c:pt>
                <c:pt idx="8724">
                  <c:v>21.590890152008832</c:v>
                </c:pt>
                <c:pt idx="8725">
                  <c:v>21.590890152008832</c:v>
                </c:pt>
                <c:pt idx="8726">
                  <c:v>21.590890152008832</c:v>
                </c:pt>
                <c:pt idx="8727">
                  <c:v>21.590890152008832</c:v>
                </c:pt>
                <c:pt idx="8728">
                  <c:v>21.586189419848406</c:v>
                </c:pt>
                <c:pt idx="8729">
                  <c:v>21.586189419848406</c:v>
                </c:pt>
                <c:pt idx="8730">
                  <c:v>21.586189419848406</c:v>
                </c:pt>
                <c:pt idx="8731">
                  <c:v>21.586189419848406</c:v>
                </c:pt>
                <c:pt idx="8732">
                  <c:v>21.590890152008832</c:v>
                </c:pt>
                <c:pt idx="8733">
                  <c:v>21.590890152008832</c:v>
                </c:pt>
                <c:pt idx="8734">
                  <c:v>21.590890152008832</c:v>
                </c:pt>
                <c:pt idx="8735">
                  <c:v>21.595733330598382</c:v>
                </c:pt>
                <c:pt idx="8736">
                  <c:v>21.595733330598382</c:v>
                </c:pt>
                <c:pt idx="8737">
                  <c:v>21.595733330598382</c:v>
                </c:pt>
                <c:pt idx="8738">
                  <c:v>21.600576509187803</c:v>
                </c:pt>
                <c:pt idx="8739">
                  <c:v>21.600576509187803</c:v>
                </c:pt>
                <c:pt idx="8740">
                  <c:v>21.600576509187803</c:v>
                </c:pt>
                <c:pt idx="8741">
                  <c:v>21.605277241348226</c:v>
                </c:pt>
                <c:pt idx="8742">
                  <c:v>21.605277241348226</c:v>
                </c:pt>
                <c:pt idx="8743">
                  <c:v>21.605277241348226</c:v>
                </c:pt>
                <c:pt idx="8744">
                  <c:v>21.610120419937775</c:v>
                </c:pt>
                <c:pt idx="8745">
                  <c:v>21.610120419937775</c:v>
                </c:pt>
                <c:pt idx="8746">
                  <c:v>21.610120419937775</c:v>
                </c:pt>
                <c:pt idx="8747">
                  <c:v>21.614963598527197</c:v>
                </c:pt>
                <c:pt idx="8748">
                  <c:v>21.614963598527197</c:v>
                </c:pt>
                <c:pt idx="8749">
                  <c:v>21.614963598527197</c:v>
                </c:pt>
                <c:pt idx="8750">
                  <c:v>21.614963598527197</c:v>
                </c:pt>
                <c:pt idx="8751">
                  <c:v>21.614963598527197</c:v>
                </c:pt>
                <c:pt idx="8752">
                  <c:v>21.614963598527197</c:v>
                </c:pt>
                <c:pt idx="8753">
                  <c:v>21.619664330687623</c:v>
                </c:pt>
                <c:pt idx="8754">
                  <c:v>21.619664330687623</c:v>
                </c:pt>
                <c:pt idx="8755">
                  <c:v>21.619664330687623</c:v>
                </c:pt>
                <c:pt idx="8756">
                  <c:v>21.619664330687623</c:v>
                </c:pt>
                <c:pt idx="8757">
                  <c:v>21.614963598527197</c:v>
                </c:pt>
                <c:pt idx="8758">
                  <c:v>21.614963598527197</c:v>
                </c:pt>
                <c:pt idx="8759">
                  <c:v>21.610120419937775</c:v>
                </c:pt>
                <c:pt idx="8760">
                  <c:v>21.610120419937775</c:v>
                </c:pt>
                <c:pt idx="8761">
                  <c:v>21.610120419937775</c:v>
                </c:pt>
                <c:pt idx="8762">
                  <c:v>21.605277241348226</c:v>
                </c:pt>
                <c:pt idx="8763">
                  <c:v>21.600576509187803</c:v>
                </c:pt>
                <c:pt idx="8764">
                  <c:v>21.600576509187803</c:v>
                </c:pt>
                <c:pt idx="8765">
                  <c:v>21.595733330598382</c:v>
                </c:pt>
                <c:pt idx="8766">
                  <c:v>21.595733330598382</c:v>
                </c:pt>
                <c:pt idx="8767">
                  <c:v>21.590890152008832</c:v>
                </c:pt>
                <c:pt idx="8768">
                  <c:v>21.590890152008832</c:v>
                </c:pt>
                <c:pt idx="8769">
                  <c:v>21.586189419848406</c:v>
                </c:pt>
                <c:pt idx="8770">
                  <c:v>21.586189419848406</c:v>
                </c:pt>
                <c:pt idx="8771">
                  <c:v>21.586189419848406</c:v>
                </c:pt>
                <c:pt idx="8772">
                  <c:v>21.581346241258856</c:v>
                </c:pt>
                <c:pt idx="8773">
                  <c:v>21.581346241258856</c:v>
                </c:pt>
                <c:pt idx="8774">
                  <c:v>21.576503062669435</c:v>
                </c:pt>
                <c:pt idx="8775">
                  <c:v>21.576503062669435</c:v>
                </c:pt>
                <c:pt idx="8776">
                  <c:v>21.576503062669435</c:v>
                </c:pt>
                <c:pt idx="8777">
                  <c:v>21.576503062669435</c:v>
                </c:pt>
                <c:pt idx="8778">
                  <c:v>21.576503062669435</c:v>
                </c:pt>
                <c:pt idx="8779">
                  <c:v>21.576503062669435</c:v>
                </c:pt>
                <c:pt idx="8780">
                  <c:v>21.576503062669435</c:v>
                </c:pt>
                <c:pt idx="8781">
                  <c:v>21.576503062669435</c:v>
                </c:pt>
                <c:pt idx="8782">
                  <c:v>21.581346241258856</c:v>
                </c:pt>
                <c:pt idx="8783">
                  <c:v>21.581346241258856</c:v>
                </c:pt>
                <c:pt idx="8784">
                  <c:v>21.581346241258856</c:v>
                </c:pt>
                <c:pt idx="8785">
                  <c:v>21.586189419848406</c:v>
                </c:pt>
                <c:pt idx="8786">
                  <c:v>21.586189419848406</c:v>
                </c:pt>
                <c:pt idx="8787">
                  <c:v>21.590890152008832</c:v>
                </c:pt>
                <c:pt idx="8788">
                  <c:v>21.590890152008832</c:v>
                </c:pt>
                <c:pt idx="8789">
                  <c:v>21.590890152008832</c:v>
                </c:pt>
                <c:pt idx="8790">
                  <c:v>21.590890152008832</c:v>
                </c:pt>
                <c:pt idx="8791">
                  <c:v>21.595733330598382</c:v>
                </c:pt>
                <c:pt idx="8792">
                  <c:v>21.595733330598382</c:v>
                </c:pt>
                <c:pt idx="8793">
                  <c:v>21.595733330598382</c:v>
                </c:pt>
                <c:pt idx="8794">
                  <c:v>21.600576509187803</c:v>
                </c:pt>
                <c:pt idx="8795">
                  <c:v>21.600576509187803</c:v>
                </c:pt>
                <c:pt idx="8796">
                  <c:v>21.605277241348226</c:v>
                </c:pt>
                <c:pt idx="8797">
                  <c:v>21.605277241348226</c:v>
                </c:pt>
                <c:pt idx="8798">
                  <c:v>21.605277241348226</c:v>
                </c:pt>
                <c:pt idx="8799">
                  <c:v>21.610120419937775</c:v>
                </c:pt>
                <c:pt idx="8800">
                  <c:v>21.610120419937775</c:v>
                </c:pt>
                <c:pt idx="8801">
                  <c:v>21.610120419937775</c:v>
                </c:pt>
                <c:pt idx="8802">
                  <c:v>21.610120419937775</c:v>
                </c:pt>
                <c:pt idx="8803">
                  <c:v>21.614963598527197</c:v>
                </c:pt>
                <c:pt idx="8804">
                  <c:v>21.614963598527197</c:v>
                </c:pt>
                <c:pt idx="8805">
                  <c:v>21.619664330687623</c:v>
                </c:pt>
                <c:pt idx="8806">
                  <c:v>21.619664330687623</c:v>
                </c:pt>
                <c:pt idx="8807">
                  <c:v>21.619664330687623</c:v>
                </c:pt>
                <c:pt idx="8808">
                  <c:v>21.619664330687623</c:v>
                </c:pt>
                <c:pt idx="8809">
                  <c:v>21.619664330687623</c:v>
                </c:pt>
                <c:pt idx="8810">
                  <c:v>21.619664330687623</c:v>
                </c:pt>
                <c:pt idx="8811">
                  <c:v>21.619664330687623</c:v>
                </c:pt>
                <c:pt idx="8812">
                  <c:v>21.619664330687623</c:v>
                </c:pt>
                <c:pt idx="8813">
                  <c:v>21.619664330687623</c:v>
                </c:pt>
                <c:pt idx="8814">
                  <c:v>21.619664330687623</c:v>
                </c:pt>
                <c:pt idx="8815">
                  <c:v>21.624507509277169</c:v>
                </c:pt>
                <c:pt idx="8816">
                  <c:v>21.624507509277169</c:v>
                </c:pt>
                <c:pt idx="8817">
                  <c:v>21.624507509277169</c:v>
                </c:pt>
                <c:pt idx="8818">
                  <c:v>21.624507509277169</c:v>
                </c:pt>
                <c:pt idx="8819">
                  <c:v>21.619664330687623</c:v>
                </c:pt>
                <c:pt idx="8820">
                  <c:v>21.619664330687623</c:v>
                </c:pt>
                <c:pt idx="8821">
                  <c:v>21.619664330687623</c:v>
                </c:pt>
                <c:pt idx="8822">
                  <c:v>21.619664330687623</c:v>
                </c:pt>
                <c:pt idx="8823">
                  <c:v>21.619664330687623</c:v>
                </c:pt>
                <c:pt idx="8824">
                  <c:v>21.614963598527197</c:v>
                </c:pt>
                <c:pt idx="8825">
                  <c:v>21.614963598527197</c:v>
                </c:pt>
                <c:pt idx="8826">
                  <c:v>21.614963598527197</c:v>
                </c:pt>
                <c:pt idx="8827">
                  <c:v>21.614963598527197</c:v>
                </c:pt>
                <c:pt idx="8828">
                  <c:v>21.614963598527197</c:v>
                </c:pt>
                <c:pt idx="8829">
                  <c:v>21.619664330687623</c:v>
                </c:pt>
                <c:pt idx="8830">
                  <c:v>21.614963598527197</c:v>
                </c:pt>
                <c:pt idx="8831">
                  <c:v>21.614963598527197</c:v>
                </c:pt>
                <c:pt idx="8832">
                  <c:v>21.614963598527197</c:v>
                </c:pt>
                <c:pt idx="8833">
                  <c:v>21.610120419937775</c:v>
                </c:pt>
                <c:pt idx="8834">
                  <c:v>21.614963598527197</c:v>
                </c:pt>
                <c:pt idx="8835">
                  <c:v>21.614963598527197</c:v>
                </c:pt>
                <c:pt idx="8836">
                  <c:v>21.614963598527197</c:v>
                </c:pt>
                <c:pt idx="8837">
                  <c:v>21.614963598527197</c:v>
                </c:pt>
                <c:pt idx="8838">
                  <c:v>21.614963598527197</c:v>
                </c:pt>
                <c:pt idx="8839">
                  <c:v>21.614963598527197</c:v>
                </c:pt>
                <c:pt idx="8840">
                  <c:v>21.614963598527197</c:v>
                </c:pt>
                <c:pt idx="8841">
                  <c:v>21.614963598527197</c:v>
                </c:pt>
                <c:pt idx="8842">
                  <c:v>21.619664330687623</c:v>
                </c:pt>
                <c:pt idx="8843">
                  <c:v>21.619664330687623</c:v>
                </c:pt>
                <c:pt idx="8844">
                  <c:v>21.619664330687623</c:v>
                </c:pt>
                <c:pt idx="8845">
                  <c:v>21.619664330687623</c:v>
                </c:pt>
                <c:pt idx="8846">
                  <c:v>21.619664330687623</c:v>
                </c:pt>
                <c:pt idx="8847">
                  <c:v>21.619664330687623</c:v>
                </c:pt>
                <c:pt idx="8848">
                  <c:v>21.619664330687623</c:v>
                </c:pt>
                <c:pt idx="8849">
                  <c:v>21.619664330687623</c:v>
                </c:pt>
                <c:pt idx="8850">
                  <c:v>21.614963598527197</c:v>
                </c:pt>
                <c:pt idx="8851">
                  <c:v>21.614963598527197</c:v>
                </c:pt>
                <c:pt idx="8852">
                  <c:v>21.614963598527197</c:v>
                </c:pt>
                <c:pt idx="8853">
                  <c:v>21.614963598527197</c:v>
                </c:pt>
                <c:pt idx="8854">
                  <c:v>21.610120419937775</c:v>
                </c:pt>
                <c:pt idx="8855">
                  <c:v>21.610120419937775</c:v>
                </c:pt>
                <c:pt idx="8856">
                  <c:v>21.610120419937775</c:v>
                </c:pt>
                <c:pt idx="8857">
                  <c:v>21.610120419937775</c:v>
                </c:pt>
                <c:pt idx="8858">
                  <c:v>21.610120419937775</c:v>
                </c:pt>
                <c:pt idx="8859">
                  <c:v>21.610120419937775</c:v>
                </c:pt>
                <c:pt idx="8860">
                  <c:v>21.605277241348226</c:v>
                </c:pt>
                <c:pt idx="8861">
                  <c:v>21.605277241348226</c:v>
                </c:pt>
                <c:pt idx="8862">
                  <c:v>21.605277241348226</c:v>
                </c:pt>
                <c:pt idx="8863">
                  <c:v>21.605277241348226</c:v>
                </c:pt>
                <c:pt idx="8864">
                  <c:v>21.605277241348226</c:v>
                </c:pt>
                <c:pt idx="8865">
                  <c:v>21.605277241348226</c:v>
                </c:pt>
                <c:pt idx="8866">
                  <c:v>21.605277241348226</c:v>
                </c:pt>
                <c:pt idx="8867">
                  <c:v>21.605277241348226</c:v>
                </c:pt>
                <c:pt idx="8868">
                  <c:v>21.605277241348226</c:v>
                </c:pt>
                <c:pt idx="8869">
                  <c:v>21.605277241348226</c:v>
                </c:pt>
                <c:pt idx="8870">
                  <c:v>21.605277241348226</c:v>
                </c:pt>
                <c:pt idx="8871">
                  <c:v>21.605277241348226</c:v>
                </c:pt>
                <c:pt idx="8872">
                  <c:v>21.610120419937775</c:v>
                </c:pt>
                <c:pt idx="8873">
                  <c:v>21.610120419937775</c:v>
                </c:pt>
                <c:pt idx="8874">
                  <c:v>21.614963598527197</c:v>
                </c:pt>
                <c:pt idx="8875">
                  <c:v>21.614963598527197</c:v>
                </c:pt>
                <c:pt idx="8876">
                  <c:v>21.614963598527197</c:v>
                </c:pt>
                <c:pt idx="8877">
                  <c:v>21.614963598527197</c:v>
                </c:pt>
                <c:pt idx="8878">
                  <c:v>21.614963598527197</c:v>
                </c:pt>
                <c:pt idx="8879">
                  <c:v>21.614963598527197</c:v>
                </c:pt>
                <c:pt idx="8880">
                  <c:v>21.614963598527197</c:v>
                </c:pt>
                <c:pt idx="8881">
                  <c:v>21.614963598527197</c:v>
                </c:pt>
                <c:pt idx="8882">
                  <c:v>21.614963598527197</c:v>
                </c:pt>
                <c:pt idx="8883">
                  <c:v>21.614963598527197</c:v>
                </c:pt>
                <c:pt idx="8884">
                  <c:v>21.614963598527197</c:v>
                </c:pt>
                <c:pt idx="8885">
                  <c:v>21.614963598527197</c:v>
                </c:pt>
                <c:pt idx="8886">
                  <c:v>21.614963598527197</c:v>
                </c:pt>
                <c:pt idx="8887">
                  <c:v>21.614963598527197</c:v>
                </c:pt>
                <c:pt idx="8888">
                  <c:v>21.614963598527197</c:v>
                </c:pt>
                <c:pt idx="8889">
                  <c:v>21.614963598527197</c:v>
                </c:pt>
                <c:pt idx="8890">
                  <c:v>21.614963598527197</c:v>
                </c:pt>
                <c:pt idx="8891">
                  <c:v>21.614963598527197</c:v>
                </c:pt>
                <c:pt idx="8892">
                  <c:v>21.614963598527197</c:v>
                </c:pt>
                <c:pt idx="8893">
                  <c:v>21.614963598527197</c:v>
                </c:pt>
                <c:pt idx="8894">
                  <c:v>21.614963598527197</c:v>
                </c:pt>
                <c:pt idx="8895">
                  <c:v>21.614963598527197</c:v>
                </c:pt>
                <c:pt idx="8896">
                  <c:v>21.619664330687623</c:v>
                </c:pt>
                <c:pt idx="8897">
                  <c:v>21.619664330687623</c:v>
                </c:pt>
                <c:pt idx="8898">
                  <c:v>21.619664330687623</c:v>
                </c:pt>
                <c:pt idx="8899">
                  <c:v>21.619664330687623</c:v>
                </c:pt>
                <c:pt idx="8900">
                  <c:v>21.619664330687623</c:v>
                </c:pt>
                <c:pt idx="8901">
                  <c:v>21.619664330687623</c:v>
                </c:pt>
                <c:pt idx="8902">
                  <c:v>21.619664330687623</c:v>
                </c:pt>
                <c:pt idx="8903">
                  <c:v>21.619664330687623</c:v>
                </c:pt>
                <c:pt idx="8904">
                  <c:v>21.619664330687623</c:v>
                </c:pt>
                <c:pt idx="8905">
                  <c:v>21.619664330687623</c:v>
                </c:pt>
                <c:pt idx="8906">
                  <c:v>21.619664330687623</c:v>
                </c:pt>
                <c:pt idx="8907">
                  <c:v>21.624507509277169</c:v>
                </c:pt>
                <c:pt idx="8908">
                  <c:v>21.624507509277169</c:v>
                </c:pt>
                <c:pt idx="8909">
                  <c:v>21.624507509277169</c:v>
                </c:pt>
                <c:pt idx="8910">
                  <c:v>21.624507509277169</c:v>
                </c:pt>
                <c:pt idx="8911">
                  <c:v>21.624507509277169</c:v>
                </c:pt>
                <c:pt idx="8912">
                  <c:v>21.624507509277169</c:v>
                </c:pt>
                <c:pt idx="8913">
                  <c:v>21.624507509277169</c:v>
                </c:pt>
                <c:pt idx="8914">
                  <c:v>21.624507509277169</c:v>
                </c:pt>
                <c:pt idx="8915">
                  <c:v>21.619664330687623</c:v>
                </c:pt>
                <c:pt idx="8916">
                  <c:v>21.619664330687623</c:v>
                </c:pt>
                <c:pt idx="8917">
                  <c:v>21.619664330687623</c:v>
                </c:pt>
                <c:pt idx="8918">
                  <c:v>21.619664330687623</c:v>
                </c:pt>
                <c:pt idx="8919">
                  <c:v>21.619664330687623</c:v>
                </c:pt>
                <c:pt idx="8920">
                  <c:v>21.619664330687623</c:v>
                </c:pt>
                <c:pt idx="8921">
                  <c:v>21.619664330687623</c:v>
                </c:pt>
                <c:pt idx="8922">
                  <c:v>21.619664330687623</c:v>
                </c:pt>
                <c:pt idx="8923">
                  <c:v>21.619664330687623</c:v>
                </c:pt>
                <c:pt idx="8924">
                  <c:v>21.619664330687623</c:v>
                </c:pt>
                <c:pt idx="8925">
                  <c:v>21.619664330687623</c:v>
                </c:pt>
                <c:pt idx="8926">
                  <c:v>21.619664330687623</c:v>
                </c:pt>
                <c:pt idx="8927">
                  <c:v>21.619664330687623</c:v>
                </c:pt>
                <c:pt idx="8928">
                  <c:v>21.624507509277169</c:v>
                </c:pt>
                <c:pt idx="8929">
                  <c:v>21.624507509277169</c:v>
                </c:pt>
                <c:pt idx="8930">
                  <c:v>21.624507509277169</c:v>
                </c:pt>
                <c:pt idx="8931">
                  <c:v>21.624507509277169</c:v>
                </c:pt>
                <c:pt idx="8932">
                  <c:v>21.624507509277169</c:v>
                </c:pt>
                <c:pt idx="8933">
                  <c:v>21.624507509277169</c:v>
                </c:pt>
                <c:pt idx="8934">
                  <c:v>21.624507509277169</c:v>
                </c:pt>
                <c:pt idx="8935">
                  <c:v>21.624507509277169</c:v>
                </c:pt>
                <c:pt idx="8936">
                  <c:v>21.624507509277169</c:v>
                </c:pt>
                <c:pt idx="8937">
                  <c:v>21.629350687866591</c:v>
                </c:pt>
                <c:pt idx="8938">
                  <c:v>21.629350687866591</c:v>
                </c:pt>
                <c:pt idx="8939">
                  <c:v>21.629350687866591</c:v>
                </c:pt>
                <c:pt idx="8940">
                  <c:v>21.629350687866591</c:v>
                </c:pt>
                <c:pt idx="8941">
                  <c:v>21.629350687866591</c:v>
                </c:pt>
                <c:pt idx="8942">
                  <c:v>21.634051420027017</c:v>
                </c:pt>
                <c:pt idx="8943">
                  <c:v>21.634051420027017</c:v>
                </c:pt>
                <c:pt idx="8944">
                  <c:v>21.634051420027017</c:v>
                </c:pt>
                <c:pt idx="8945">
                  <c:v>21.638894598616567</c:v>
                </c:pt>
                <c:pt idx="8946">
                  <c:v>21.638894598616567</c:v>
                </c:pt>
                <c:pt idx="8947">
                  <c:v>21.638894598616567</c:v>
                </c:pt>
                <c:pt idx="8948">
                  <c:v>21.638894598616567</c:v>
                </c:pt>
                <c:pt idx="8949">
                  <c:v>21.638894598616567</c:v>
                </c:pt>
                <c:pt idx="8950">
                  <c:v>21.638894598616567</c:v>
                </c:pt>
                <c:pt idx="8951">
                  <c:v>21.638894598616567</c:v>
                </c:pt>
                <c:pt idx="8952">
                  <c:v>21.643737777205988</c:v>
                </c:pt>
                <c:pt idx="8953">
                  <c:v>21.638894598616567</c:v>
                </c:pt>
                <c:pt idx="8954">
                  <c:v>21.638894598616567</c:v>
                </c:pt>
                <c:pt idx="8955">
                  <c:v>21.638894598616567</c:v>
                </c:pt>
                <c:pt idx="8956">
                  <c:v>21.638894598616567</c:v>
                </c:pt>
                <c:pt idx="8957">
                  <c:v>21.638894598616567</c:v>
                </c:pt>
                <c:pt idx="8958">
                  <c:v>21.638894598616567</c:v>
                </c:pt>
                <c:pt idx="8959">
                  <c:v>21.643737777205988</c:v>
                </c:pt>
                <c:pt idx="8960">
                  <c:v>21.643737777205988</c:v>
                </c:pt>
                <c:pt idx="8961">
                  <c:v>21.643737777205988</c:v>
                </c:pt>
                <c:pt idx="8962">
                  <c:v>21.638894598616567</c:v>
                </c:pt>
                <c:pt idx="8963">
                  <c:v>21.638894598616567</c:v>
                </c:pt>
                <c:pt idx="8964">
                  <c:v>21.638894598616567</c:v>
                </c:pt>
                <c:pt idx="8965">
                  <c:v>21.638894598616567</c:v>
                </c:pt>
                <c:pt idx="8966">
                  <c:v>21.634051420027017</c:v>
                </c:pt>
                <c:pt idx="8967">
                  <c:v>21.634051420027017</c:v>
                </c:pt>
                <c:pt idx="8968">
                  <c:v>21.634051420027017</c:v>
                </c:pt>
                <c:pt idx="8969">
                  <c:v>21.629350687866591</c:v>
                </c:pt>
                <c:pt idx="8970">
                  <c:v>21.629350687866591</c:v>
                </c:pt>
                <c:pt idx="8971">
                  <c:v>21.624507509277169</c:v>
                </c:pt>
                <c:pt idx="8972">
                  <c:v>21.624507509277169</c:v>
                </c:pt>
                <c:pt idx="8973">
                  <c:v>21.624507509277169</c:v>
                </c:pt>
                <c:pt idx="8974">
                  <c:v>21.624507509277169</c:v>
                </c:pt>
                <c:pt idx="8975">
                  <c:v>21.624507509277169</c:v>
                </c:pt>
                <c:pt idx="8976">
                  <c:v>21.624507509277169</c:v>
                </c:pt>
                <c:pt idx="8977">
                  <c:v>21.624507509277169</c:v>
                </c:pt>
                <c:pt idx="8978">
                  <c:v>21.624507509277169</c:v>
                </c:pt>
                <c:pt idx="8979">
                  <c:v>21.629350687866591</c:v>
                </c:pt>
                <c:pt idx="8980">
                  <c:v>21.629350687866591</c:v>
                </c:pt>
                <c:pt idx="8981">
                  <c:v>21.629350687866591</c:v>
                </c:pt>
                <c:pt idx="8982">
                  <c:v>21.634051420027017</c:v>
                </c:pt>
                <c:pt idx="8983">
                  <c:v>21.634051420027017</c:v>
                </c:pt>
                <c:pt idx="8984">
                  <c:v>21.634051420027017</c:v>
                </c:pt>
                <c:pt idx="8985">
                  <c:v>21.638894598616567</c:v>
                </c:pt>
                <c:pt idx="8986">
                  <c:v>21.638894598616567</c:v>
                </c:pt>
                <c:pt idx="8987">
                  <c:v>21.643737777205988</c:v>
                </c:pt>
                <c:pt idx="8988">
                  <c:v>21.643737777205988</c:v>
                </c:pt>
                <c:pt idx="8989">
                  <c:v>21.648438509366411</c:v>
                </c:pt>
                <c:pt idx="8990">
                  <c:v>21.648438509366411</c:v>
                </c:pt>
                <c:pt idx="8991">
                  <c:v>21.648438509366411</c:v>
                </c:pt>
                <c:pt idx="8992">
                  <c:v>21.653281687955964</c:v>
                </c:pt>
                <c:pt idx="8993">
                  <c:v>21.653281687955964</c:v>
                </c:pt>
                <c:pt idx="8994">
                  <c:v>21.653281687955964</c:v>
                </c:pt>
                <c:pt idx="8995">
                  <c:v>21.653281687955964</c:v>
                </c:pt>
                <c:pt idx="8996">
                  <c:v>21.65812486654551</c:v>
                </c:pt>
                <c:pt idx="8997">
                  <c:v>21.65812486654551</c:v>
                </c:pt>
                <c:pt idx="8998">
                  <c:v>21.65812486654551</c:v>
                </c:pt>
                <c:pt idx="8999">
                  <c:v>21.65812486654551</c:v>
                </c:pt>
                <c:pt idx="9000">
                  <c:v>21.65812486654551</c:v>
                </c:pt>
                <c:pt idx="9001">
                  <c:v>21.65812486654551</c:v>
                </c:pt>
                <c:pt idx="9002">
                  <c:v>21.65812486654551</c:v>
                </c:pt>
                <c:pt idx="9003">
                  <c:v>21.65812486654551</c:v>
                </c:pt>
                <c:pt idx="9004">
                  <c:v>21.65812486654551</c:v>
                </c:pt>
                <c:pt idx="9005">
                  <c:v>21.653281687955964</c:v>
                </c:pt>
                <c:pt idx="9006">
                  <c:v>21.653281687955964</c:v>
                </c:pt>
                <c:pt idx="9007">
                  <c:v>21.653281687955964</c:v>
                </c:pt>
                <c:pt idx="9008">
                  <c:v>21.648438509366411</c:v>
                </c:pt>
                <c:pt idx="9009">
                  <c:v>21.648438509366411</c:v>
                </c:pt>
                <c:pt idx="9010">
                  <c:v>21.643737777205988</c:v>
                </c:pt>
                <c:pt idx="9011">
                  <c:v>21.643737777205988</c:v>
                </c:pt>
                <c:pt idx="9012">
                  <c:v>21.643737777205988</c:v>
                </c:pt>
                <c:pt idx="9013">
                  <c:v>21.638894598616567</c:v>
                </c:pt>
                <c:pt idx="9014">
                  <c:v>21.638894598616567</c:v>
                </c:pt>
                <c:pt idx="9015">
                  <c:v>21.634051420027017</c:v>
                </c:pt>
                <c:pt idx="9016">
                  <c:v>21.634051420027017</c:v>
                </c:pt>
                <c:pt idx="9017">
                  <c:v>21.634051420027017</c:v>
                </c:pt>
                <c:pt idx="9018">
                  <c:v>21.634051420027017</c:v>
                </c:pt>
                <c:pt idx="9019">
                  <c:v>21.634051420027017</c:v>
                </c:pt>
                <c:pt idx="9020">
                  <c:v>21.634051420027017</c:v>
                </c:pt>
                <c:pt idx="9021">
                  <c:v>21.629350687866591</c:v>
                </c:pt>
                <c:pt idx="9022">
                  <c:v>21.634051420027017</c:v>
                </c:pt>
                <c:pt idx="9023">
                  <c:v>21.634051420027017</c:v>
                </c:pt>
                <c:pt idx="9024">
                  <c:v>21.634051420027017</c:v>
                </c:pt>
                <c:pt idx="9025">
                  <c:v>21.629350687866591</c:v>
                </c:pt>
                <c:pt idx="9026">
                  <c:v>21.629350687866591</c:v>
                </c:pt>
                <c:pt idx="9027">
                  <c:v>21.634051420027017</c:v>
                </c:pt>
                <c:pt idx="9028">
                  <c:v>21.634051420027017</c:v>
                </c:pt>
                <c:pt idx="9029">
                  <c:v>21.638894598616567</c:v>
                </c:pt>
                <c:pt idx="9030">
                  <c:v>21.638894598616567</c:v>
                </c:pt>
                <c:pt idx="9031">
                  <c:v>21.638894598616567</c:v>
                </c:pt>
                <c:pt idx="9032">
                  <c:v>21.638894598616567</c:v>
                </c:pt>
                <c:pt idx="9033">
                  <c:v>21.643737777205988</c:v>
                </c:pt>
                <c:pt idx="9034">
                  <c:v>21.643737777205988</c:v>
                </c:pt>
                <c:pt idx="9035">
                  <c:v>21.643737777205988</c:v>
                </c:pt>
                <c:pt idx="9036">
                  <c:v>21.648438509366411</c:v>
                </c:pt>
                <c:pt idx="9037">
                  <c:v>21.648438509366411</c:v>
                </c:pt>
                <c:pt idx="9038">
                  <c:v>21.653281687955964</c:v>
                </c:pt>
                <c:pt idx="9039">
                  <c:v>21.653281687955964</c:v>
                </c:pt>
                <c:pt idx="9040">
                  <c:v>21.65812486654551</c:v>
                </c:pt>
                <c:pt idx="9041">
                  <c:v>21.65812486654551</c:v>
                </c:pt>
                <c:pt idx="9042">
                  <c:v>21.662825598705812</c:v>
                </c:pt>
                <c:pt idx="9043">
                  <c:v>21.662825598705812</c:v>
                </c:pt>
                <c:pt idx="9044">
                  <c:v>21.662825598705812</c:v>
                </c:pt>
                <c:pt idx="9045">
                  <c:v>21.667668777295358</c:v>
                </c:pt>
                <c:pt idx="9046">
                  <c:v>21.667668777295358</c:v>
                </c:pt>
                <c:pt idx="9047">
                  <c:v>21.667668777295358</c:v>
                </c:pt>
                <c:pt idx="9048">
                  <c:v>21.667668777295358</c:v>
                </c:pt>
                <c:pt idx="9049">
                  <c:v>21.667668777295358</c:v>
                </c:pt>
                <c:pt idx="9050">
                  <c:v>21.667668777295358</c:v>
                </c:pt>
                <c:pt idx="9051">
                  <c:v>21.667668777295358</c:v>
                </c:pt>
                <c:pt idx="9052">
                  <c:v>21.667668777295358</c:v>
                </c:pt>
                <c:pt idx="9053">
                  <c:v>21.662825598705812</c:v>
                </c:pt>
                <c:pt idx="9054">
                  <c:v>21.65812486654551</c:v>
                </c:pt>
                <c:pt idx="9055">
                  <c:v>21.65812486654551</c:v>
                </c:pt>
                <c:pt idx="9056">
                  <c:v>21.65812486654551</c:v>
                </c:pt>
                <c:pt idx="9057">
                  <c:v>21.65812486654551</c:v>
                </c:pt>
                <c:pt idx="9058">
                  <c:v>21.65812486654551</c:v>
                </c:pt>
                <c:pt idx="9059">
                  <c:v>21.65812486654551</c:v>
                </c:pt>
                <c:pt idx="9060">
                  <c:v>21.65812486654551</c:v>
                </c:pt>
                <c:pt idx="9061">
                  <c:v>21.65812486654551</c:v>
                </c:pt>
                <c:pt idx="9062">
                  <c:v>21.65812486654551</c:v>
                </c:pt>
                <c:pt idx="9063">
                  <c:v>21.65812486654551</c:v>
                </c:pt>
                <c:pt idx="9064">
                  <c:v>21.653281687955964</c:v>
                </c:pt>
                <c:pt idx="9065">
                  <c:v>21.653281687955964</c:v>
                </c:pt>
                <c:pt idx="9066">
                  <c:v>21.653281687955964</c:v>
                </c:pt>
                <c:pt idx="9067">
                  <c:v>21.653281687955964</c:v>
                </c:pt>
                <c:pt idx="9068">
                  <c:v>21.653281687955964</c:v>
                </c:pt>
                <c:pt idx="9069">
                  <c:v>21.653281687955964</c:v>
                </c:pt>
                <c:pt idx="9070">
                  <c:v>21.653281687955964</c:v>
                </c:pt>
                <c:pt idx="9071">
                  <c:v>21.653281687955964</c:v>
                </c:pt>
                <c:pt idx="9072">
                  <c:v>21.653281687955964</c:v>
                </c:pt>
                <c:pt idx="9073">
                  <c:v>21.653281687955964</c:v>
                </c:pt>
                <c:pt idx="9074">
                  <c:v>21.653281687955964</c:v>
                </c:pt>
                <c:pt idx="9075">
                  <c:v>21.653281687955964</c:v>
                </c:pt>
                <c:pt idx="9076">
                  <c:v>21.653281687955964</c:v>
                </c:pt>
                <c:pt idx="9077">
                  <c:v>21.653281687955964</c:v>
                </c:pt>
                <c:pt idx="9078">
                  <c:v>21.653281687955964</c:v>
                </c:pt>
                <c:pt idx="9079">
                  <c:v>21.65812486654551</c:v>
                </c:pt>
                <c:pt idx="9080">
                  <c:v>21.65812486654551</c:v>
                </c:pt>
                <c:pt idx="9081">
                  <c:v>21.65812486654551</c:v>
                </c:pt>
                <c:pt idx="9082">
                  <c:v>21.662825598705812</c:v>
                </c:pt>
                <c:pt idx="9083">
                  <c:v>21.662825598705812</c:v>
                </c:pt>
                <c:pt idx="9084">
                  <c:v>21.662825598705812</c:v>
                </c:pt>
                <c:pt idx="9085">
                  <c:v>21.662825598705812</c:v>
                </c:pt>
                <c:pt idx="9086">
                  <c:v>21.662825598705812</c:v>
                </c:pt>
                <c:pt idx="9087">
                  <c:v>21.662825598705812</c:v>
                </c:pt>
                <c:pt idx="9088">
                  <c:v>21.662825598705812</c:v>
                </c:pt>
                <c:pt idx="9089">
                  <c:v>21.662825598705812</c:v>
                </c:pt>
                <c:pt idx="9090">
                  <c:v>21.662825598705812</c:v>
                </c:pt>
                <c:pt idx="9091">
                  <c:v>21.662825598705812</c:v>
                </c:pt>
                <c:pt idx="9092">
                  <c:v>21.662825598705812</c:v>
                </c:pt>
                <c:pt idx="9093">
                  <c:v>21.662825598705812</c:v>
                </c:pt>
                <c:pt idx="9094">
                  <c:v>21.667668777295358</c:v>
                </c:pt>
                <c:pt idx="9095">
                  <c:v>21.667668777295358</c:v>
                </c:pt>
                <c:pt idx="9096">
                  <c:v>21.667668777295358</c:v>
                </c:pt>
                <c:pt idx="9097">
                  <c:v>21.662825598705812</c:v>
                </c:pt>
                <c:pt idx="9098">
                  <c:v>21.662825598705812</c:v>
                </c:pt>
                <c:pt idx="9099">
                  <c:v>21.662825598705812</c:v>
                </c:pt>
                <c:pt idx="9100">
                  <c:v>21.667668777295358</c:v>
                </c:pt>
                <c:pt idx="9101">
                  <c:v>21.667668777295358</c:v>
                </c:pt>
                <c:pt idx="9102">
                  <c:v>21.667668777295358</c:v>
                </c:pt>
                <c:pt idx="9103">
                  <c:v>21.672511955884907</c:v>
                </c:pt>
                <c:pt idx="9104">
                  <c:v>21.672511955884907</c:v>
                </c:pt>
                <c:pt idx="9105">
                  <c:v>21.667668777295358</c:v>
                </c:pt>
                <c:pt idx="9106">
                  <c:v>21.667668777295358</c:v>
                </c:pt>
                <c:pt idx="9107">
                  <c:v>21.667668777295358</c:v>
                </c:pt>
                <c:pt idx="9108">
                  <c:v>21.667668777295358</c:v>
                </c:pt>
                <c:pt idx="9109">
                  <c:v>21.662825598705812</c:v>
                </c:pt>
                <c:pt idx="9110">
                  <c:v>21.662825598705812</c:v>
                </c:pt>
                <c:pt idx="9111">
                  <c:v>21.662825598705812</c:v>
                </c:pt>
                <c:pt idx="9112">
                  <c:v>21.662825598705812</c:v>
                </c:pt>
                <c:pt idx="9113">
                  <c:v>21.662825598705812</c:v>
                </c:pt>
                <c:pt idx="9114">
                  <c:v>21.662825598705812</c:v>
                </c:pt>
                <c:pt idx="9115">
                  <c:v>21.662825598705812</c:v>
                </c:pt>
                <c:pt idx="9116">
                  <c:v>21.662825598705812</c:v>
                </c:pt>
                <c:pt idx="9117">
                  <c:v>21.65812486654551</c:v>
                </c:pt>
                <c:pt idx="9118">
                  <c:v>21.65812486654551</c:v>
                </c:pt>
                <c:pt idx="9119">
                  <c:v>21.65812486654551</c:v>
                </c:pt>
                <c:pt idx="9120">
                  <c:v>21.65812486654551</c:v>
                </c:pt>
                <c:pt idx="9121">
                  <c:v>21.65812486654551</c:v>
                </c:pt>
                <c:pt idx="9122">
                  <c:v>21.65812486654551</c:v>
                </c:pt>
                <c:pt idx="9123">
                  <c:v>21.662825598705812</c:v>
                </c:pt>
                <c:pt idx="9124">
                  <c:v>21.662825598705812</c:v>
                </c:pt>
                <c:pt idx="9125">
                  <c:v>21.662825598705812</c:v>
                </c:pt>
                <c:pt idx="9126">
                  <c:v>21.662825598705812</c:v>
                </c:pt>
                <c:pt idx="9127">
                  <c:v>21.662825598705812</c:v>
                </c:pt>
                <c:pt idx="9128">
                  <c:v>21.662825598705812</c:v>
                </c:pt>
                <c:pt idx="9129">
                  <c:v>21.662825598705812</c:v>
                </c:pt>
                <c:pt idx="9130">
                  <c:v>21.667668777295358</c:v>
                </c:pt>
                <c:pt idx="9131">
                  <c:v>21.667668777295358</c:v>
                </c:pt>
                <c:pt idx="9132">
                  <c:v>21.672511955884907</c:v>
                </c:pt>
                <c:pt idx="9133">
                  <c:v>21.672511955884907</c:v>
                </c:pt>
                <c:pt idx="9134">
                  <c:v>21.672511955884907</c:v>
                </c:pt>
                <c:pt idx="9135">
                  <c:v>21.672511955884907</c:v>
                </c:pt>
                <c:pt idx="9136">
                  <c:v>21.672511955884907</c:v>
                </c:pt>
                <c:pt idx="9137">
                  <c:v>21.672511955884907</c:v>
                </c:pt>
                <c:pt idx="9138">
                  <c:v>21.672511955884907</c:v>
                </c:pt>
                <c:pt idx="9139">
                  <c:v>21.672511955884907</c:v>
                </c:pt>
                <c:pt idx="9140">
                  <c:v>21.67721268804533</c:v>
                </c:pt>
                <c:pt idx="9141">
                  <c:v>21.67721268804533</c:v>
                </c:pt>
                <c:pt idx="9142">
                  <c:v>21.682055866634752</c:v>
                </c:pt>
                <c:pt idx="9143">
                  <c:v>21.682055866634752</c:v>
                </c:pt>
                <c:pt idx="9144">
                  <c:v>21.686899045224301</c:v>
                </c:pt>
                <c:pt idx="9145">
                  <c:v>21.686899045224301</c:v>
                </c:pt>
                <c:pt idx="9146">
                  <c:v>21.686899045224301</c:v>
                </c:pt>
                <c:pt idx="9147">
                  <c:v>21.686899045224301</c:v>
                </c:pt>
                <c:pt idx="9148">
                  <c:v>21.686899045224301</c:v>
                </c:pt>
                <c:pt idx="9149">
                  <c:v>21.686899045224301</c:v>
                </c:pt>
                <c:pt idx="9150">
                  <c:v>21.691742223813723</c:v>
                </c:pt>
                <c:pt idx="9151">
                  <c:v>21.691742223813723</c:v>
                </c:pt>
                <c:pt idx="9152">
                  <c:v>21.691742223813723</c:v>
                </c:pt>
                <c:pt idx="9153">
                  <c:v>21.691742223813723</c:v>
                </c:pt>
                <c:pt idx="9154">
                  <c:v>21.691742223813723</c:v>
                </c:pt>
                <c:pt idx="9155">
                  <c:v>21.696442955974149</c:v>
                </c:pt>
                <c:pt idx="9156">
                  <c:v>21.696442955974149</c:v>
                </c:pt>
                <c:pt idx="9157">
                  <c:v>21.696442955974149</c:v>
                </c:pt>
                <c:pt idx="9158">
                  <c:v>21.696442955974149</c:v>
                </c:pt>
                <c:pt idx="9159">
                  <c:v>21.701286134563698</c:v>
                </c:pt>
                <c:pt idx="9160">
                  <c:v>21.701286134563698</c:v>
                </c:pt>
                <c:pt idx="9161">
                  <c:v>21.706129313153248</c:v>
                </c:pt>
                <c:pt idx="9162">
                  <c:v>21.706129313153248</c:v>
                </c:pt>
                <c:pt idx="9163">
                  <c:v>21.706129313153248</c:v>
                </c:pt>
                <c:pt idx="9164">
                  <c:v>21.706129313153248</c:v>
                </c:pt>
                <c:pt idx="9165">
                  <c:v>21.710830045313546</c:v>
                </c:pt>
                <c:pt idx="9166">
                  <c:v>21.710830045313546</c:v>
                </c:pt>
                <c:pt idx="9167">
                  <c:v>21.710830045313546</c:v>
                </c:pt>
                <c:pt idx="9168">
                  <c:v>21.706129313153248</c:v>
                </c:pt>
                <c:pt idx="9169">
                  <c:v>21.706129313153248</c:v>
                </c:pt>
                <c:pt idx="9170">
                  <c:v>21.706129313153248</c:v>
                </c:pt>
                <c:pt idx="9171">
                  <c:v>21.706129313153248</c:v>
                </c:pt>
                <c:pt idx="9172">
                  <c:v>21.706129313153248</c:v>
                </c:pt>
                <c:pt idx="9173">
                  <c:v>21.706129313153248</c:v>
                </c:pt>
                <c:pt idx="9174">
                  <c:v>21.710830045313546</c:v>
                </c:pt>
                <c:pt idx="9175">
                  <c:v>21.710830045313546</c:v>
                </c:pt>
                <c:pt idx="9176">
                  <c:v>21.710830045313546</c:v>
                </c:pt>
                <c:pt idx="9177">
                  <c:v>21.706129313153248</c:v>
                </c:pt>
                <c:pt idx="9178">
                  <c:v>21.706129313153248</c:v>
                </c:pt>
                <c:pt idx="9179">
                  <c:v>21.706129313153248</c:v>
                </c:pt>
                <c:pt idx="9180">
                  <c:v>21.706129313153248</c:v>
                </c:pt>
                <c:pt idx="9181">
                  <c:v>21.706129313153248</c:v>
                </c:pt>
                <c:pt idx="9182">
                  <c:v>21.706129313153248</c:v>
                </c:pt>
                <c:pt idx="9183">
                  <c:v>21.706129313153248</c:v>
                </c:pt>
                <c:pt idx="9184">
                  <c:v>21.701286134563698</c:v>
                </c:pt>
                <c:pt idx="9185">
                  <c:v>21.701286134563698</c:v>
                </c:pt>
                <c:pt idx="9186">
                  <c:v>21.701286134563698</c:v>
                </c:pt>
                <c:pt idx="9187">
                  <c:v>21.701286134563698</c:v>
                </c:pt>
                <c:pt idx="9188">
                  <c:v>21.701286134563698</c:v>
                </c:pt>
                <c:pt idx="9189">
                  <c:v>21.701286134563698</c:v>
                </c:pt>
                <c:pt idx="9190">
                  <c:v>21.701286134563698</c:v>
                </c:pt>
                <c:pt idx="9191">
                  <c:v>21.696442955974149</c:v>
                </c:pt>
                <c:pt idx="9192">
                  <c:v>21.696442955974149</c:v>
                </c:pt>
                <c:pt idx="9193">
                  <c:v>21.696442955974149</c:v>
                </c:pt>
                <c:pt idx="9194">
                  <c:v>21.696442955974149</c:v>
                </c:pt>
                <c:pt idx="9195">
                  <c:v>21.696442955974149</c:v>
                </c:pt>
                <c:pt idx="9196">
                  <c:v>21.696442955974149</c:v>
                </c:pt>
                <c:pt idx="9197">
                  <c:v>21.696442955974149</c:v>
                </c:pt>
                <c:pt idx="9198">
                  <c:v>21.696442955974149</c:v>
                </c:pt>
                <c:pt idx="9199">
                  <c:v>21.696442955974149</c:v>
                </c:pt>
                <c:pt idx="9200">
                  <c:v>21.691742223813723</c:v>
                </c:pt>
                <c:pt idx="9201">
                  <c:v>21.691742223813723</c:v>
                </c:pt>
                <c:pt idx="9202">
                  <c:v>21.696442955974149</c:v>
                </c:pt>
                <c:pt idx="9203">
                  <c:v>21.696442955974149</c:v>
                </c:pt>
                <c:pt idx="9204">
                  <c:v>21.696442955974149</c:v>
                </c:pt>
                <c:pt idx="9205">
                  <c:v>21.696442955974149</c:v>
                </c:pt>
                <c:pt idx="9206">
                  <c:v>21.696442955974149</c:v>
                </c:pt>
                <c:pt idx="9207">
                  <c:v>21.696442955974149</c:v>
                </c:pt>
                <c:pt idx="9208">
                  <c:v>21.696442955974149</c:v>
                </c:pt>
                <c:pt idx="9209">
                  <c:v>21.701286134563698</c:v>
                </c:pt>
                <c:pt idx="9210">
                  <c:v>21.701286134563698</c:v>
                </c:pt>
                <c:pt idx="9211">
                  <c:v>21.701286134563698</c:v>
                </c:pt>
                <c:pt idx="9212">
                  <c:v>21.701286134563698</c:v>
                </c:pt>
                <c:pt idx="9213">
                  <c:v>21.706129313153248</c:v>
                </c:pt>
                <c:pt idx="9214">
                  <c:v>21.706129313153248</c:v>
                </c:pt>
                <c:pt idx="9215">
                  <c:v>21.706129313153248</c:v>
                </c:pt>
                <c:pt idx="9216">
                  <c:v>21.706129313153248</c:v>
                </c:pt>
                <c:pt idx="9217">
                  <c:v>21.706129313153248</c:v>
                </c:pt>
                <c:pt idx="9218">
                  <c:v>21.706129313153248</c:v>
                </c:pt>
                <c:pt idx="9219">
                  <c:v>21.706129313153248</c:v>
                </c:pt>
                <c:pt idx="9220">
                  <c:v>21.706129313153248</c:v>
                </c:pt>
                <c:pt idx="9221">
                  <c:v>21.706129313153248</c:v>
                </c:pt>
                <c:pt idx="9222">
                  <c:v>21.701286134563698</c:v>
                </c:pt>
                <c:pt idx="9223">
                  <c:v>21.701286134563698</c:v>
                </c:pt>
                <c:pt idx="9224">
                  <c:v>21.701286134563698</c:v>
                </c:pt>
                <c:pt idx="9225">
                  <c:v>21.701286134563698</c:v>
                </c:pt>
                <c:pt idx="9226">
                  <c:v>21.701286134563698</c:v>
                </c:pt>
                <c:pt idx="9227">
                  <c:v>21.701286134563698</c:v>
                </c:pt>
                <c:pt idx="9228">
                  <c:v>21.701286134563698</c:v>
                </c:pt>
                <c:pt idx="9229">
                  <c:v>21.696442955974149</c:v>
                </c:pt>
                <c:pt idx="9230">
                  <c:v>21.696442955974149</c:v>
                </c:pt>
                <c:pt idx="9231">
                  <c:v>21.696442955974149</c:v>
                </c:pt>
                <c:pt idx="9232">
                  <c:v>21.696442955974149</c:v>
                </c:pt>
                <c:pt idx="9233">
                  <c:v>21.696442955974149</c:v>
                </c:pt>
                <c:pt idx="9234">
                  <c:v>21.691742223813723</c:v>
                </c:pt>
                <c:pt idx="9235">
                  <c:v>21.691742223813723</c:v>
                </c:pt>
                <c:pt idx="9236">
                  <c:v>21.691742223813723</c:v>
                </c:pt>
                <c:pt idx="9237">
                  <c:v>21.691742223813723</c:v>
                </c:pt>
                <c:pt idx="9238">
                  <c:v>21.691742223813723</c:v>
                </c:pt>
                <c:pt idx="9239">
                  <c:v>21.691742223813723</c:v>
                </c:pt>
                <c:pt idx="9240">
                  <c:v>21.691742223813723</c:v>
                </c:pt>
                <c:pt idx="9241">
                  <c:v>21.691742223813723</c:v>
                </c:pt>
                <c:pt idx="9242">
                  <c:v>21.691742223813723</c:v>
                </c:pt>
                <c:pt idx="9243">
                  <c:v>21.691742223813723</c:v>
                </c:pt>
                <c:pt idx="9244">
                  <c:v>21.691742223813723</c:v>
                </c:pt>
                <c:pt idx="9245">
                  <c:v>21.691742223813723</c:v>
                </c:pt>
                <c:pt idx="9246">
                  <c:v>21.691742223813723</c:v>
                </c:pt>
                <c:pt idx="9247">
                  <c:v>21.691742223813723</c:v>
                </c:pt>
                <c:pt idx="9248">
                  <c:v>21.691742223813723</c:v>
                </c:pt>
                <c:pt idx="9249">
                  <c:v>21.691742223813723</c:v>
                </c:pt>
                <c:pt idx="9250">
                  <c:v>21.691742223813723</c:v>
                </c:pt>
                <c:pt idx="9251">
                  <c:v>21.691742223813723</c:v>
                </c:pt>
                <c:pt idx="9252">
                  <c:v>21.686899045224301</c:v>
                </c:pt>
                <c:pt idx="9253">
                  <c:v>21.686899045224301</c:v>
                </c:pt>
                <c:pt idx="9254">
                  <c:v>21.686899045224301</c:v>
                </c:pt>
                <c:pt idx="9255">
                  <c:v>21.686899045224301</c:v>
                </c:pt>
                <c:pt idx="9256">
                  <c:v>21.686899045224301</c:v>
                </c:pt>
                <c:pt idx="9257">
                  <c:v>21.686899045224301</c:v>
                </c:pt>
                <c:pt idx="9258">
                  <c:v>21.691742223813723</c:v>
                </c:pt>
                <c:pt idx="9259">
                  <c:v>21.691742223813723</c:v>
                </c:pt>
                <c:pt idx="9260">
                  <c:v>21.691742223813723</c:v>
                </c:pt>
                <c:pt idx="9261">
                  <c:v>21.696442955974149</c:v>
                </c:pt>
                <c:pt idx="9262">
                  <c:v>21.696442955974149</c:v>
                </c:pt>
                <c:pt idx="9263">
                  <c:v>21.696442955974149</c:v>
                </c:pt>
                <c:pt idx="9264">
                  <c:v>21.701286134563698</c:v>
                </c:pt>
                <c:pt idx="9265">
                  <c:v>21.701286134563698</c:v>
                </c:pt>
                <c:pt idx="9266">
                  <c:v>21.701286134563698</c:v>
                </c:pt>
                <c:pt idx="9267">
                  <c:v>21.701286134563698</c:v>
                </c:pt>
                <c:pt idx="9268">
                  <c:v>21.701286134563698</c:v>
                </c:pt>
                <c:pt idx="9269">
                  <c:v>21.706129313153248</c:v>
                </c:pt>
                <c:pt idx="9270">
                  <c:v>21.706129313153248</c:v>
                </c:pt>
                <c:pt idx="9271">
                  <c:v>21.706129313153248</c:v>
                </c:pt>
                <c:pt idx="9272">
                  <c:v>21.706129313153248</c:v>
                </c:pt>
                <c:pt idx="9273">
                  <c:v>21.706129313153248</c:v>
                </c:pt>
                <c:pt idx="9274">
                  <c:v>21.706129313153248</c:v>
                </c:pt>
                <c:pt idx="9275">
                  <c:v>21.706129313153248</c:v>
                </c:pt>
                <c:pt idx="9276">
                  <c:v>21.706129313153248</c:v>
                </c:pt>
                <c:pt idx="9277">
                  <c:v>21.706129313153248</c:v>
                </c:pt>
                <c:pt idx="9278">
                  <c:v>21.706129313153248</c:v>
                </c:pt>
                <c:pt idx="9279">
                  <c:v>21.706129313153248</c:v>
                </c:pt>
                <c:pt idx="9280">
                  <c:v>21.706129313153248</c:v>
                </c:pt>
                <c:pt idx="9281">
                  <c:v>21.706129313153248</c:v>
                </c:pt>
                <c:pt idx="9282">
                  <c:v>21.710830045313546</c:v>
                </c:pt>
                <c:pt idx="9283">
                  <c:v>21.706129313153248</c:v>
                </c:pt>
                <c:pt idx="9284">
                  <c:v>21.706129313153248</c:v>
                </c:pt>
                <c:pt idx="9285">
                  <c:v>21.706129313153248</c:v>
                </c:pt>
                <c:pt idx="9286">
                  <c:v>21.701286134563698</c:v>
                </c:pt>
                <c:pt idx="9287">
                  <c:v>21.701286134563698</c:v>
                </c:pt>
                <c:pt idx="9288">
                  <c:v>21.696442955974149</c:v>
                </c:pt>
                <c:pt idx="9289">
                  <c:v>21.696442955974149</c:v>
                </c:pt>
                <c:pt idx="9290">
                  <c:v>21.691742223813723</c:v>
                </c:pt>
                <c:pt idx="9291">
                  <c:v>21.691742223813723</c:v>
                </c:pt>
                <c:pt idx="9292">
                  <c:v>21.691742223813723</c:v>
                </c:pt>
                <c:pt idx="9293">
                  <c:v>21.686899045224301</c:v>
                </c:pt>
                <c:pt idx="9294">
                  <c:v>21.682055866634752</c:v>
                </c:pt>
                <c:pt idx="9295">
                  <c:v>21.67721268804533</c:v>
                </c:pt>
                <c:pt idx="9296">
                  <c:v>21.67721268804533</c:v>
                </c:pt>
                <c:pt idx="9297">
                  <c:v>21.672511955884907</c:v>
                </c:pt>
                <c:pt idx="9298">
                  <c:v>21.672511955884907</c:v>
                </c:pt>
                <c:pt idx="9299">
                  <c:v>21.672511955884907</c:v>
                </c:pt>
                <c:pt idx="9300">
                  <c:v>21.667668777295358</c:v>
                </c:pt>
                <c:pt idx="9301">
                  <c:v>21.667668777295358</c:v>
                </c:pt>
                <c:pt idx="9302">
                  <c:v>21.672511955884907</c:v>
                </c:pt>
                <c:pt idx="9303">
                  <c:v>21.672511955884907</c:v>
                </c:pt>
                <c:pt idx="9304">
                  <c:v>21.672511955884907</c:v>
                </c:pt>
                <c:pt idx="9305">
                  <c:v>21.672511955884907</c:v>
                </c:pt>
                <c:pt idx="9306">
                  <c:v>21.672511955884907</c:v>
                </c:pt>
                <c:pt idx="9307">
                  <c:v>21.672511955884907</c:v>
                </c:pt>
                <c:pt idx="9308">
                  <c:v>21.672511955884907</c:v>
                </c:pt>
                <c:pt idx="9309">
                  <c:v>21.672511955884907</c:v>
                </c:pt>
                <c:pt idx="9310">
                  <c:v>21.672511955884907</c:v>
                </c:pt>
                <c:pt idx="9311">
                  <c:v>21.672511955884907</c:v>
                </c:pt>
                <c:pt idx="9312">
                  <c:v>21.672511955884907</c:v>
                </c:pt>
                <c:pt idx="9313">
                  <c:v>21.67721268804533</c:v>
                </c:pt>
                <c:pt idx="9314">
                  <c:v>21.67721268804533</c:v>
                </c:pt>
                <c:pt idx="9315">
                  <c:v>21.682055866634752</c:v>
                </c:pt>
                <c:pt idx="9316">
                  <c:v>21.682055866634752</c:v>
                </c:pt>
                <c:pt idx="9317">
                  <c:v>21.686899045224301</c:v>
                </c:pt>
                <c:pt idx="9318">
                  <c:v>21.691742223813723</c:v>
                </c:pt>
                <c:pt idx="9319">
                  <c:v>21.696442955974149</c:v>
                </c:pt>
                <c:pt idx="9320">
                  <c:v>21.696442955974149</c:v>
                </c:pt>
                <c:pt idx="9321">
                  <c:v>21.696442955974149</c:v>
                </c:pt>
                <c:pt idx="9322">
                  <c:v>21.701286134563698</c:v>
                </c:pt>
                <c:pt idx="9323">
                  <c:v>21.701286134563698</c:v>
                </c:pt>
                <c:pt idx="9324">
                  <c:v>21.706129313153248</c:v>
                </c:pt>
                <c:pt idx="9325">
                  <c:v>21.706129313153248</c:v>
                </c:pt>
                <c:pt idx="9326">
                  <c:v>21.710830045313546</c:v>
                </c:pt>
                <c:pt idx="9327">
                  <c:v>21.706129313153248</c:v>
                </c:pt>
                <c:pt idx="9328">
                  <c:v>21.710830045313546</c:v>
                </c:pt>
                <c:pt idx="9329">
                  <c:v>21.710830045313546</c:v>
                </c:pt>
                <c:pt idx="9330">
                  <c:v>21.710830045313546</c:v>
                </c:pt>
                <c:pt idx="9331">
                  <c:v>21.706129313153248</c:v>
                </c:pt>
                <c:pt idx="9332">
                  <c:v>21.706129313153248</c:v>
                </c:pt>
                <c:pt idx="9333">
                  <c:v>21.706129313153248</c:v>
                </c:pt>
                <c:pt idx="9334">
                  <c:v>21.706129313153248</c:v>
                </c:pt>
                <c:pt idx="9335">
                  <c:v>21.706129313153248</c:v>
                </c:pt>
                <c:pt idx="9336">
                  <c:v>21.701286134563698</c:v>
                </c:pt>
                <c:pt idx="9337">
                  <c:v>21.701286134563698</c:v>
                </c:pt>
                <c:pt idx="9338">
                  <c:v>21.701286134563698</c:v>
                </c:pt>
                <c:pt idx="9339">
                  <c:v>21.701286134563698</c:v>
                </c:pt>
                <c:pt idx="9340">
                  <c:v>21.696442955974149</c:v>
                </c:pt>
                <c:pt idx="9341">
                  <c:v>21.696442955974149</c:v>
                </c:pt>
                <c:pt idx="9342">
                  <c:v>21.696442955974149</c:v>
                </c:pt>
                <c:pt idx="9343">
                  <c:v>21.69644295597414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BDA2-4712-A4E4-50D91AA87421}"/>
            </c:ext>
          </c:extLst>
        </c:ser>
        <c:ser>
          <c:idx val="3"/>
          <c:order val="1"/>
          <c:tx>
            <c:strRef>
              <c:f>'Fig 3'!$F$7</c:f>
              <c:strCache>
                <c:ptCount val="1"/>
                <c:pt idx="0">
                  <c:v>S-P-2.6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Fig 3'!$F$9:$F$12519</c:f>
              <c:numCache>
                <c:formatCode>General</c:formatCode>
                <c:ptCount val="12511"/>
                <c:pt idx="0">
                  <c:v>0</c:v>
                </c:pt>
                <c:pt idx="1">
                  <c:v>1.6666999999998211E-2</c:v>
                </c:pt>
                <c:pt idx="2">
                  <c:v>3.3332999999998898E-2</c:v>
                </c:pt>
                <c:pt idx="3">
                  <c:v>4.9999999999997158E-2</c:v>
                </c:pt>
                <c:pt idx="4">
                  <c:v>6.6666999999995369E-2</c:v>
                </c:pt>
                <c:pt idx="5">
                  <c:v>8.3332999999996105E-2</c:v>
                </c:pt>
                <c:pt idx="6">
                  <c:v>9.9999999999994316E-2</c:v>
                </c:pt>
                <c:pt idx="7">
                  <c:v>0.11666699999999253</c:v>
                </c:pt>
                <c:pt idx="8">
                  <c:v>0.13333299999999326</c:v>
                </c:pt>
                <c:pt idx="9">
                  <c:v>0.14999999999999147</c:v>
                </c:pt>
                <c:pt idx="10">
                  <c:v>0.16666699999998968</c:v>
                </c:pt>
                <c:pt idx="11">
                  <c:v>0.18333299999999042</c:v>
                </c:pt>
                <c:pt idx="12">
                  <c:v>0.19999999999998863</c:v>
                </c:pt>
                <c:pt idx="13">
                  <c:v>0.21666700000000105</c:v>
                </c:pt>
                <c:pt idx="14">
                  <c:v>0.23333299999998758</c:v>
                </c:pt>
                <c:pt idx="15">
                  <c:v>0.25</c:v>
                </c:pt>
                <c:pt idx="16">
                  <c:v>0.26666699999999821</c:v>
                </c:pt>
                <c:pt idx="17">
                  <c:v>0.28333299999999895</c:v>
                </c:pt>
                <c:pt idx="18">
                  <c:v>0.29999999999999716</c:v>
                </c:pt>
                <c:pt idx="19">
                  <c:v>0.31666699999999537</c:v>
                </c:pt>
                <c:pt idx="20">
                  <c:v>0.3333329999999961</c:v>
                </c:pt>
                <c:pt idx="21">
                  <c:v>0.34999999999999432</c:v>
                </c:pt>
                <c:pt idx="22">
                  <c:v>0.36666699999999253</c:v>
                </c:pt>
                <c:pt idx="23">
                  <c:v>0.38333299999999326</c:v>
                </c:pt>
                <c:pt idx="24">
                  <c:v>0.39999999999999147</c:v>
                </c:pt>
                <c:pt idx="25">
                  <c:v>0.41666699999998968</c:v>
                </c:pt>
                <c:pt idx="26">
                  <c:v>0.43333299999999042</c:v>
                </c:pt>
                <c:pt idx="27">
                  <c:v>0.44999999999998863</c:v>
                </c:pt>
                <c:pt idx="28">
                  <c:v>0.46666700000000105</c:v>
                </c:pt>
                <c:pt idx="29">
                  <c:v>0.48333299999998758</c:v>
                </c:pt>
                <c:pt idx="30">
                  <c:v>0.5</c:v>
                </c:pt>
                <c:pt idx="31">
                  <c:v>0.51666699999999821</c:v>
                </c:pt>
                <c:pt idx="32">
                  <c:v>0.53333299999999895</c:v>
                </c:pt>
                <c:pt idx="33">
                  <c:v>0.54999999999999716</c:v>
                </c:pt>
                <c:pt idx="34">
                  <c:v>0.56666699999999537</c:v>
                </c:pt>
                <c:pt idx="35">
                  <c:v>0.5833329999999961</c:v>
                </c:pt>
                <c:pt idx="36">
                  <c:v>0.59999999999999432</c:v>
                </c:pt>
                <c:pt idx="37">
                  <c:v>0.61666699999999253</c:v>
                </c:pt>
                <c:pt idx="38">
                  <c:v>0.63333299999999326</c:v>
                </c:pt>
                <c:pt idx="39">
                  <c:v>0.64999999999999147</c:v>
                </c:pt>
                <c:pt idx="40">
                  <c:v>0.66666699999998968</c:v>
                </c:pt>
                <c:pt idx="41">
                  <c:v>0.68333299999999042</c:v>
                </c:pt>
                <c:pt idx="42">
                  <c:v>0.69999999999998863</c:v>
                </c:pt>
                <c:pt idx="43">
                  <c:v>0.71666700000000105</c:v>
                </c:pt>
                <c:pt idx="44">
                  <c:v>0.73333299999998758</c:v>
                </c:pt>
                <c:pt idx="45">
                  <c:v>0.75</c:v>
                </c:pt>
                <c:pt idx="46">
                  <c:v>0.76666699999999821</c:v>
                </c:pt>
                <c:pt idx="47">
                  <c:v>0.78333299999999895</c:v>
                </c:pt>
                <c:pt idx="48">
                  <c:v>0.79999999999999716</c:v>
                </c:pt>
                <c:pt idx="49">
                  <c:v>0.81666699999999537</c:v>
                </c:pt>
                <c:pt idx="50">
                  <c:v>0.8333329999999961</c:v>
                </c:pt>
                <c:pt idx="51">
                  <c:v>0.84999999999999432</c:v>
                </c:pt>
                <c:pt idx="52">
                  <c:v>0.86666699999999253</c:v>
                </c:pt>
                <c:pt idx="53">
                  <c:v>0.88333299999999326</c:v>
                </c:pt>
                <c:pt idx="54">
                  <c:v>0.89999999999999147</c:v>
                </c:pt>
                <c:pt idx="55">
                  <c:v>0.91666699999998968</c:v>
                </c:pt>
                <c:pt idx="56">
                  <c:v>0.93333299999999042</c:v>
                </c:pt>
                <c:pt idx="57">
                  <c:v>0.94999999999998863</c:v>
                </c:pt>
                <c:pt idx="58">
                  <c:v>0.96666700000000105</c:v>
                </c:pt>
                <c:pt idx="59">
                  <c:v>0.98333299999998758</c:v>
                </c:pt>
                <c:pt idx="60">
                  <c:v>1</c:v>
                </c:pt>
                <c:pt idx="61">
                  <c:v>1.0166669999999982</c:v>
                </c:pt>
                <c:pt idx="62">
                  <c:v>1.0333329999999989</c:v>
                </c:pt>
                <c:pt idx="63">
                  <c:v>1.0499999999999972</c:v>
                </c:pt>
                <c:pt idx="64">
                  <c:v>1.0666669999999954</c:v>
                </c:pt>
                <c:pt idx="65">
                  <c:v>1.0833329999999961</c:v>
                </c:pt>
                <c:pt idx="66">
                  <c:v>1.0999999999999943</c:v>
                </c:pt>
                <c:pt idx="67">
                  <c:v>1.1166669999999925</c:v>
                </c:pt>
                <c:pt idx="68">
                  <c:v>1.1333329999999933</c:v>
                </c:pt>
                <c:pt idx="69">
                  <c:v>1.1499999999999915</c:v>
                </c:pt>
                <c:pt idx="70">
                  <c:v>1.1666669999999897</c:v>
                </c:pt>
                <c:pt idx="71">
                  <c:v>1.1833329999999904</c:v>
                </c:pt>
                <c:pt idx="72">
                  <c:v>1.1999999999999886</c:v>
                </c:pt>
                <c:pt idx="73">
                  <c:v>1.2166670000000011</c:v>
                </c:pt>
                <c:pt idx="74">
                  <c:v>1.2333329999999876</c:v>
                </c:pt>
                <c:pt idx="75">
                  <c:v>1.25</c:v>
                </c:pt>
                <c:pt idx="76">
                  <c:v>1.2666669999999982</c:v>
                </c:pt>
                <c:pt idx="77">
                  <c:v>1.2833329999999989</c:v>
                </c:pt>
                <c:pt idx="78">
                  <c:v>1.2999999999999972</c:v>
                </c:pt>
                <c:pt idx="79">
                  <c:v>1.3166669999999954</c:v>
                </c:pt>
                <c:pt idx="80">
                  <c:v>1.3333329999999961</c:v>
                </c:pt>
                <c:pt idx="81">
                  <c:v>1.3499999999999943</c:v>
                </c:pt>
                <c:pt idx="82">
                  <c:v>1.3666669999999925</c:v>
                </c:pt>
                <c:pt idx="83">
                  <c:v>1.3833329999999933</c:v>
                </c:pt>
                <c:pt idx="84">
                  <c:v>1.3999999999999915</c:v>
                </c:pt>
                <c:pt idx="85">
                  <c:v>1.4166669999999897</c:v>
                </c:pt>
                <c:pt idx="86">
                  <c:v>1.4333329999999904</c:v>
                </c:pt>
                <c:pt idx="87">
                  <c:v>1.4499999999999886</c:v>
                </c:pt>
                <c:pt idx="88">
                  <c:v>1.4666670000000011</c:v>
                </c:pt>
                <c:pt idx="89">
                  <c:v>1.4833329999999876</c:v>
                </c:pt>
                <c:pt idx="90">
                  <c:v>1.5</c:v>
                </c:pt>
                <c:pt idx="91">
                  <c:v>1.5166669999999982</c:v>
                </c:pt>
                <c:pt idx="92">
                  <c:v>1.5333329999999989</c:v>
                </c:pt>
                <c:pt idx="93">
                  <c:v>1.5499999999999972</c:v>
                </c:pt>
                <c:pt idx="94">
                  <c:v>1.5666669999999954</c:v>
                </c:pt>
                <c:pt idx="95">
                  <c:v>1.5833329999999961</c:v>
                </c:pt>
                <c:pt idx="96">
                  <c:v>1.5999999999999943</c:v>
                </c:pt>
                <c:pt idx="97">
                  <c:v>1.6166669999999925</c:v>
                </c:pt>
                <c:pt idx="98">
                  <c:v>1.6333329999999933</c:v>
                </c:pt>
                <c:pt idx="99">
                  <c:v>1.6499999999999915</c:v>
                </c:pt>
                <c:pt idx="100">
                  <c:v>1.6666669999999897</c:v>
                </c:pt>
                <c:pt idx="101">
                  <c:v>1.6833329999999904</c:v>
                </c:pt>
                <c:pt idx="102">
                  <c:v>1.6999999999999886</c:v>
                </c:pt>
                <c:pt idx="103">
                  <c:v>1.7166670000000011</c:v>
                </c:pt>
                <c:pt idx="104">
                  <c:v>1.7333329999999876</c:v>
                </c:pt>
                <c:pt idx="105">
                  <c:v>1.75</c:v>
                </c:pt>
                <c:pt idx="106">
                  <c:v>1.7666669999999982</c:v>
                </c:pt>
                <c:pt idx="107">
                  <c:v>1.7833329999999989</c:v>
                </c:pt>
                <c:pt idx="108">
                  <c:v>1.7999999999999972</c:v>
                </c:pt>
                <c:pt idx="109">
                  <c:v>1.8166669999999954</c:v>
                </c:pt>
                <c:pt idx="110">
                  <c:v>1.8333329999999961</c:v>
                </c:pt>
                <c:pt idx="111">
                  <c:v>1.8499999999999943</c:v>
                </c:pt>
                <c:pt idx="112">
                  <c:v>1.8666669999999925</c:v>
                </c:pt>
                <c:pt idx="113">
                  <c:v>1.8833329999999933</c:v>
                </c:pt>
                <c:pt idx="114">
                  <c:v>1.8999999999999915</c:v>
                </c:pt>
                <c:pt idx="115">
                  <c:v>1.9166669999999897</c:v>
                </c:pt>
                <c:pt idx="116">
                  <c:v>1.9333329999999904</c:v>
                </c:pt>
                <c:pt idx="117">
                  <c:v>1.9499999999999886</c:v>
                </c:pt>
                <c:pt idx="118">
                  <c:v>1.9666670000000011</c:v>
                </c:pt>
                <c:pt idx="119">
                  <c:v>1.9833329999999876</c:v>
                </c:pt>
                <c:pt idx="120">
                  <c:v>2</c:v>
                </c:pt>
                <c:pt idx="121">
                  <c:v>2.0166669999999982</c:v>
                </c:pt>
                <c:pt idx="122">
                  <c:v>2.0333329999999989</c:v>
                </c:pt>
                <c:pt idx="123">
                  <c:v>2.0499999999999972</c:v>
                </c:pt>
                <c:pt idx="124">
                  <c:v>2.0666669999999954</c:v>
                </c:pt>
                <c:pt idx="125">
                  <c:v>2.0833329999999961</c:v>
                </c:pt>
                <c:pt idx="126">
                  <c:v>2.0999999999999943</c:v>
                </c:pt>
                <c:pt idx="127">
                  <c:v>2.1166669999999925</c:v>
                </c:pt>
                <c:pt idx="128">
                  <c:v>2.1333329999999933</c:v>
                </c:pt>
                <c:pt idx="129">
                  <c:v>2.1499999999999915</c:v>
                </c:pt>
                <c:pt idx="130">
                  <c:v>2.1666669999999897</c:v>
                </c:pt>
                <c:pt idx="131">
                  <c:v>2.1833329999999904</c:v>
                </c:pt>
                <c:pt idx="132">
                  <c:v>2.1999999999999886</c:v>
                </c:pt>
                <c:pt idx="133">
                  <c:v>2.2166670000000011</c:v>
                </c:pt>
                <c:pt idx="134">
                  <c:v>2.2333329999999876</c:v>
                </c:pt>
                <c:pt idx="135">
                  <c:v>2.25</c:v>
                </c:pt>
                <c:pt idx="136">
                  <c:v>2.2666669999999982</c:v>
                </c:pt>
                <c:pt idx="137">
                  <c:v>2.2833329999999989</c:v>
                </c:pt>
                <c:pt idx="138">
                  <c:v>2.2999999999999972</c:v>
                </c:pt>
                <c:pt idx="139">
                  <c:v>2.3166669999999954</c:v>
                </c:pt>
                <c:pt idx="140">
                  <c:v>2.3333329999999961</c:v>
                </c:pt>
                <c:pt idx="141">
                  <c:v>2.3499999999999943</c:v>
                </c:pt>
                <c:pt idx="142">
                  <c:v>2.3666669999999925</c:v>
                </c:pt>
                <c:pt idx="143">
                  <c:v>2.3833329999999933</c:v>
                </c:pt>
                <c:pt idx="144">
                  <c:v>2.3999999999999915</c:v>
                </c:pt>
                <c:pt idx="145">
                  <c:v>2.4166669999999897</c:v>
                </c:pt>
                <c:pt idx="146">
                  <c:v>2.4333329999999904</c:v>
                </c:pt>
                <c:pt idx="147">
                  <c:v>2.4499999999999886</c:v>
                </c:pt>
                <c:pt idx="148">
                  <c:v>2.4666670000000011</c:v>
                </c:pt>
                <c:pt idx="149">
                  <c:v>2.4833329999999876</c:v>
                </c:pt>
                <c:pt idx="150">
                  <c:v>2.5</c:v>
                </c:pt>
                <c:pt idx="151">
                  <c:v>2.5166669999999982</c:v>
                </c:pt>
                <c:pt idx="152">
                  <c:v>2.5333329999999989</c:v>
                </c:pt>
                <c:pt idx="153">
                  <c:v>2.5499999999999972</c:v>
                </c:pt>
                <c:pt idx="154">
                  <c:v>2.5666669999999954</c:v>
                </c:pt>
                <c:pt idx="155">
                  <c:v>2.5833329999999961</c:v>
                </c:pt>
                <c:pt idx="156">
                  <c:v>2.5999999999999943</c:v>
                </c:pt>
                <c:pt idx="157">
                  <c:v>2.6166669999999925</c:v>
                </c:pt>
                <c:pt idx="158">
                  <c:v>2.6333329999999933</c:v>
                </c:pt>
                <c:pt idx="159">
                  <c:v>2.6499999999999915</c:v>
                </c:pt>
                <c:pt idx="160">
                  <c:v>2.6666669999999897</c:v>
                </c:pt>
                <c:pt idx="161">
                  <c:v>2.6833329999999904</c:v>
                </c:pt>
                <c:pt idx="162">
                  <c:v>2.6999999999999886</c:v>
                </c:pt>
                <c:pt idx="163">
                  <c:v>2.7166670000000011</c:v>
                </c:pt>
                <c:pt idx="164">
                  <c:v>2.7333329999999876</c:v>
                </c:pt>
                <c:pt idx="165">
                  <c:v>2.75</c:v>
                </c:pt>
                <c:pt idx="166">
                  <c:v>2.7666669999999982</c:v>
                </c:pt>
                <c:pt idx="167">
                  <c:v>2.7833329999999989</c:v>
                </c:pt>
                <c:pt idx="168">
                  <c:v>2.7999999999999972</c:v>
                </c:pt>
                <c:pt idx="169">
                  <c:v>2.8166669999999954</c:v>
                </c:pt>
                <c:pt idx="170">
                  <c:v>2.8333329999999961</c:v>
                </c:pt>
                <c:pt idx="171">
                  <c:v>2.8499999999999943</c:v>
                </c:pt>
                <c:pt idx="172">
                  <c:v>2.8666669999999925</c:v>
                </c:pt>
                <c:pt idx="173">
                  <c:v>2.8833329999999933</c:v>
                </c:pt>
                <c:pt idx="174">
                  <c:v>2.8999999999999915</c:v>
                </c:pt>
                <c:pt idx="175">
                  <c:v>2.9166669999999897</c:v>
                </c:pt>
                <c:pt idx="176">
                  <c:v>2.9333329999999904</c:v>
                </c:pt>
                <c:pt idx="177">
                  <c:v>2.9499999999999886</c:v>
                </c:pt>
                <c:pt idx="178">
                  <c:v>2.9666670000000011</c:v>
                </c:pt>
                <c:pt idx="179">
                  <c:v>2.9833329999999876</c:v>
                </c:pt>
                <c:pt idx="180">
                  <c:v>3</c:v>
                </c:pt>
                <c:pt idx="181">
                  <c:v>3.0166669999999982</c:v>
                </c:pt>
                <c:pt idx="182">
                  <c:v>3.0333329999999989</c:v>
                </c:pt>
                <c:pt idx="183">
                  <c:v>3.0499999999999972</c:v>
                </c:pt>
                <c:pt idx="184">
                  <c:v>3.0666669999999954</c:v>
                </c:pt>
                <c:pt idx="185">
                  <c:v>3.0833329999999961</c:v>
                </c:pt>
                <c:pt idx="186">
                  <c:v>3.0999999999999943</c:v>
                </c:pt>
                <c:pt idx="187">
                  <c:v>3.1166669999999925</c:v>
                </c:pt>
                <c:pt idx="188">
                  <c:v>3.1333329999999933</c:v>
                </c:pt>
                <c:pt idx="189">
                  <c:v>3.1499999999999915</c:v>
                </c:pt>
                <c:pt idx="190">
                  <c:v>3.1666669999999897</c:v>
                </c:pt>
                <c:pt idx="191">
                  <c:v>3.1833329999999904</c:v>
                </c:pt>
                <c:pt idx="192">
                  <c:v>3.1999999999999886</c:v>
                </c:pt>
                <c:pt idx="193">
                  <c:v>3.2166670000000011</c:v>
                </c:pt>
                <c:pt idx="194">
                  <c:v>3.2333329999999876</c:v>
                </c:pt>
                <c:pt idx="195">
                  <c:v>3.25</c:v>
                </c:pt>
                <c:pt idx="196">
                  <c:v>3.2666669999999982</c:v>
                </c:pt>
                <c:pt idx="197">
                  <c:v>3.2833329999999989</c:v>
                </c:pt>
                <c:pt idx="198">
                  <c:v>3.2999999999999972</c:v>
                </c:pt>
                <c:pt idx="199">
                  <c:v>3.3166669999999954</c:v>
                </c:pt>
                <c:pt idx="200">
                  <c:v>3.3333329999999961</c:v>
                </c:pt>
                <c:pt idx="201">
                  <c:v>3.3499999999999943</c:v>
                </c:pt>
                <c:pt idx="202">
                  <c:v>3.3666669999999925</c:v>
                </c:pt>
                <c:pt idx="203">
                  <c:v>3.3833329999999933</c:v>
                </c:pt>
                <c:pt idx="204">
                  <c:v>3.3999999999999915</c:v>
                </c:pt>
                <c:pt idx="205">
                  <c:v>3.4166669999999897</c:v>
                </c:pt>
                <c:pt idx="206">
                  <c:v>3.4333329999999904</c:v>
                </c:pt>
                <c:pt idx="207">
                  <c:v>3.4499999999999886</c:v>
                </c:pt>
                <c:pt idx="208">
                  <c:v>3.4666670000000011</c:v>
                </c:pt>
                <c:pt idx="209">
                  <c:v>3.4833329999999876</c:v>
                </c:pt>
                <c:pt idx="210">
                  <c:v>3.5</c:v>
                </c:pt>
                <c:pt idx="211">
                  <c:v>3.5166669999999982</c:v>
                </c:pt>
                <c:pt idx="212">
                  <c:v>3.5333329999999989</c:v>
                </c:pt>
                <c:pt idx="213">
                  <c:v>3.5499999999999972</c:v>
                </c:pt>
                <c:pt idx="214">
                  <c:v>3.5666669999999954</c:v>
                </c:pt>
                <c:pt idx="215">
                  <c:v>3.5833329999999961</c:v>
                </c:pt>
                <c:pt idx="216">
                  <c:v>3.5999999999999943</c:v>
                </c:pt>
                <c:pt idx="217">
                  <c:v>3.6166669999999925</c:v>
                </c:pt>
                <c:pt idx="218">
                  <c:v>3.6333329999999933</c:v>
                </c:pt>
                <c:pt idx="219">
                  <c:v>3.6499999999999915</c:v>
                </c:pt>
                <c:pt idx="220">
                  <c:v>3.6666669999999897</c:v>
                </c:pt>
                <c:pt idx="221">
                  <c:v>3.6833329999999904</c:v>
                </c:pt>
                <c:pt idx="222">
                  <c:v>3.6999999999999886</c:v>
                </c:pt>
                <c:pt idx="223">
                  <c:v>3.7166670000000011</c:v>
                </c:pt>
                <c:pt idx="224">
                  <c:v>3.7333329999999876</c:v>
                </c:pt>
                <c:pt idx="225">
                  <c:v>3.75</c:v>
                </c:pt>
                <c:pt idx="226">
                  <c:v>3.7666669999999982</c:v>
                </c:pt>
                <c:pt idx="227">
                  <c:v>3.7833329999999989</c:v>
                </c:pt>
                <c:pt idx="228">
                  <c:v>3.7999999999999972</c:v>
                </c:pt>
                <c:pt idx="229">
                  <c:v>3.8166669999999954</c:v>
                </c:pt>
                <c:pt idx="230">
                  <c:v>3.8333329999999961</c:v>
                </c:pt>
                <c:pt idx="231">
                  <c:v>3.8499999999999943</c:v>
                </c:pt>
                <c:pt idx="232">
                  <c:v>3.8666669999999925</c:v>
                </c:pt>
                <c:pt idx="233">
                  <c:v>3.8833329999999933</c:v>
                </c:pt>
                <c:pt idx="234">
                  <c:v>3.8999999999999915</c:v>
                </c:pt>
                <c:pt idx="235">
                  <c:v>3.9166669999999897</c:v>
                </c:pt>
                <c:pt idx="236">
                  <c:v>3.9333329999999904</c:v>
                </c:pt>
                <c:pt idx="237">
                  <c:v>3.9499999999999886</c:v>
                </c:pt>
                <c:pt idx="238">
                  <c:v>3.9666670000000011</c:v>
                </c:pt>
                <c:pt idx="239">
                  <c:v>3.9833329999999876</c:v>
                </c:pt>
                <c:pt idx="240">
                  <c:v>4</c:v>
                </c:pt>
                <c:pt idx="241">
                  <c:v>4.0166669999999982</c:v>
                </c:pt>
                <c:pt idx="242">
                  <c:v>4.0333329999999989</c:v>
                </c:pt>
                <c:pt idx="243">
                  <c:v>4.0499999999999972</c:v>
                </c:pt>
                <c:pt idx="244">
                  <c:v>4.0666669999999954</c:v>
                </c:pt>
                <c:pt idx="245">
                  <c:v>4.0833329999999961</c:v>
                </c:pt>
                <c:pt idx="246">
                  <c:v>4.0999999999999943</c:v>
                </c:pt>
                <c:pt idx="247">
                  <c:v>4.1166669999999925</c:v>
                </c:pt>
                <c:pt idx="248">
                  <c:v>4.1333329999999933</c:v>
                </c:pt>
                <c:pt idx="249">
                  <c:v>4.1499999999999915</c:v>
                </c:pt>
                <c:pt idx="250">
                  <c:v>4.1666669999999897</c:v>
                </c:pt>
                <c:pt idx="251">
                  <c:v>4.1833329999999904</c:v>
                </c:pt>
                <c:pt idx="252">
                  <c:v>4.1999999999999886</c:v>
                </c:pt>
                <c:pt idx="253">
                  <c:v>4.2166670000000011</c:v>
                </c:pt>
                <c:pt idx="254">
                  <c:v>4.2333329999999876</c:v>
                </c:pt>
                <c:pt idx="255">
                  <c:v>4.25</c:v>
                </c:pt>
                <c:pt idx="256">
                  <c:v>4.2666669999999982</c:v>
                </c:pt>
                <c:pt idx="257">
                  <c:v>4.2833329999999989</c:v>
                </c:pt>
                <c:pt idx="258">
                  <c:v>4.2999999999999972</c:v>
                </c:pt>
                <c:pt idx="259">
                  <c:v>4.3166669999999954</c:v>
                </c:pt>
                <c:pt idx="260">
                  <c:v>4.3333329999999961</c:v>
                </c:pt>
                <c:pt idx="261">
                  <c:v>4.3499999999999943</c:v>
                </c:pt>
                <c:pt idx="262">
                  <c:v>4.3666669999999925</c:v>
                </c:pt>
                <c:pt idx="263">
                  <c:v>4.3833329999999933</c:v>
                </c:pt>
                <c:pt idx="264">
                  <c:v>4.3999999999999915</c:v>
                </c:pt>
                <c:pt idx="265">
                  <c:v>4.4166669999999897</c:v>
                </c:pt>
                <c:pt idx="266">
                  <c:v>4.4333329999999904</c:v>
                </c:pt>
                <c:pt idx="267">
                  <c:v>4.4499999999999886</c:v>
                </c:pt>
                <c:pt idx="268">
                  <c:v>4.4666670000000011</c:v>
                </c:pt>
                <c:pt idx="269">
                  <c:v>4.4833329999999876</c:v>
                </c:pt>
                <c:pt idx="270">
                  <c:v>4.5</c:v>
                </c:pt>
                <c:pt idx="271">
                  <c:v>4.5166669999999982</c:v>
                </c:pt>
                <c:pt idx="272">
                  <c:v>4.5333329999999989</c:v>
                </c:pt>
                <c:pt idx="273">
                  <c:v>4.5499999999999972</c:v>
                </c:pt>
                <c:pt idx="274">
                  <c:v>4.5666669999999954</c:v>
                </c:pt>
                <c:pt idx="275">
                  <c:v>4.5833329999999961</c:v>
                </c:pt>
                <c:pt idx="276">
                  <c:v>4.5999999999999943</c:v>
                </c:pt>
                <c:pt idx="277">
                  <c:v>4.6166669999999925</c:v>
                </c:pt>
                <c:pt idx="278">
                  <c:v>4.6333329999999933</c:v>
                </c:pt>
                <c:pt idx="279">
                  <c:v>4.6499999999999915</c:v>
                </c:pt>
                <c:pt idx="280">
                  <c:v>4.6666669999999897</c:v>
                </c:pt>
                <c:pt idx="281">
                  <c:v>4.6833329999999904</c:v>
                </c:pt>
                <c:pt idx="282">
                  <c:v>4.6999999999999886</c:v>
                </c:pt>
                <c:pt idx="283">
                  <c:v>4.7166670000000011</c:v>
                </c:pt>
                <c:pt idx="284">
                  <c:v>4.7333329999999876</c:v>
                </c:pt>
                <c:pt idx="285">
                  <c:v>4.75</c:v>
                </c:pt>
                <c:pt idx="286">
                  <c:v>4.7666669999999982</c:v>
                </c:pt>
                <c:pt idx="287">
                  <c:v>4.7833329999999989</c:v>
                </c:pt>
                <c:pt idx="288">
                  <c:v>4.7999999999999972</c:v>
                </c:pt>
                <c:pt idx="289">
                  <c:v>4.8166669999999954</c:v>
                </c:pt>
                <c:pt idx="290">
                  <c:v>4.8333329999999961</c:v>
                </c:pt>
                <c:pt idx="291">
                  <c:v>4.8499999999999943</c:v>
                </c:pt>
                <c:pt idx="292">
                  <c:v>4.8666669999999925</c:v>
                </c:pt>
                <c:pt idx="293">
                  <c:v>4.8833329999999933</c:v>
                </c:pt>
                <c:pt idx="294">
                  <c:v>4.8999999999999915</c:v>
                </c:pt>
                <c:pt idx="295">
                  <c:v>4.9166669999999897</c:v>
                </c:pt>
                <c:pt idx="296">
                  <c:v>4.9333329999999904</c:v>
                </c:pt>
                <c:pt idx="297">
                  <c:v>4.9499999999999886</c:v>
                </c:pt>
                <c:pt idx="298">
                  <c:v>4.9666670000000011</c:v>
                </c:pt>
                <c:pt idx="299">
                  <c:v>4.9833329999999876</c:v>
                </c:pt>
                <c:pt idx="300">
                  <c:v>5</c:v>
                </c:pt>
                <c:pt idx="301">
                  <c:v>5.0166669999999982</c:v>
                </c:pt>
                <c:pt idx="302">
                  <c:v>5.0333329999999989</c:v>
                </c:pt>
                <c:pt idx="303">
                  <c:v>5.0499999999999972</c:v>
                </c:pt>
                <c:pt idx="304">
                  <c:v>5.0666669999999954</c:v>
                </c:pt>
                <c:pt idx="305">
                  <c:v>5.0833329999999961</c:v>
                </c:pt>
                <c:pt idx="306">
                  <c:v>5.0999999999999943</c:v>
                </c:pt>
                <c:pt idx="307">
                  <c:v>5.1166669999999925</c:v>
                </c:pt>
                <c:pt idx="308">
                  <c:v>5.1333329999999933</c:v>
                </c:pt>
                <c:pt idx="309">
                  <c:v>5.1499999999999915</c:v>
                </c:pt>
                <c:pt idx="310">
                  <c:v>5.1666669999999897</c:v>
                </c:pt>
                <c:pt idx="311">
                  <c:v>5.1833329999999904</c:v>
                </c:pt>
                <c:pt idx="312">
                  <c:v>5.1999999999999886</c:v>
                </c:pt>
                <c:pt idx="313">
                  <c:v>5.2166670000000011</c:v>
                </c:pt>
                <c:pt idx="314">
                  <c:v>5.2333329999999876</c:v>
                </c:pt>
                <c:pt idx="315">
                  <c:v>5.25</c:v>
                </c:pt>
                <c:pt idx="316">
                  <c:v>5.2666669999999982</c:v>
                </c:pt>
                <c:pt idx="317">
                  <c:v>5.2833329999999989</c:v>
                </c:pt>
                <c:pt idx="318">
                  <c:v>5.2999999999999972</c:v>
                </c:pt>
                <c:pt idx="319">
                  <c:v>5.3166669999999954</c:v>
                </c:pt>
                <c:pt idx="320">
                  <c:v>5.3333329999999961</c:v>
                </c:pt>
                <c:pt idx="321">
                  <c:v>5.3499999999999943</c:v>
                </c:pt>
                <c:pt idx="322">
                  <c:v>5.3666669999999925</c:v>
                </c:pt>
                <c:pt idx="323">
                  <c:v>5.3833329999999933</c:v>
                </c:pt>
                <c:pt idx="324">
                  <c:v>5.3999999999999915</c:v>
                </c:pt>
                <c:pt idx="325">
                  <c:v>5.4166669999999897</c:v>
                </c:pt>
                <c:pt idx="326">
                  <c:v>5.4333329999999904</c:v>
                </c:pt>
                <c:pt idx="327">
                  <c:v>5.4499999999999886</c:v>
                </c:pt>
                <c:pt idx="328">
                  <c:v>5.4666670000000011</c:v>
                </c:pt>
                <c:pt idx="329">
                  <c:v>5.4833329999999876</c:v>
                </c:pt>
                <c:pt idx="330">
                  <c:v>5.5</c:v>
                </c:pt>
                <c:pt idx="331">
                  <c:v>5.5166669999999982</c:v>
                </c:pt>
                <c:pt idx="332">
                  <c:v>5.5333329999999989</c:v>
                </c:pt>
                <c:pt idx="333">
                  <c:v>5.5499999999999972</c:v>
                </c:pt>
                <c:pt idx="334">
                  <c:v>5.5666669999999954</c:v>
                </c:pt>
                <c:pt idx="335">
                  <c:v>5.5833329999999961</c:v>
                </c:pt>
                <c:pt idx="336">
                  <c:v>5.5999999999999943</c:v>
                </c:pt>
                <c:pt idx="337">
                  <c:v>5.6166669999999925</c:v>
                </c:pt>
                <c:pt idx="338">
                  <c:v>5.6333329999999933</c:v>
                </c:pt>
                <c:pt idx="339">
                  <c:v>5.6499999999999915</c:v>
                </c:pt>
                <c:pt idx="340">
                  <c:v>5.6666669999999897</c:v>
                </c:pt>
                <c:pt idx="341">
                  <c:v>5.6833329999999904</c:v>
                </c:pt>
                <c:pt idx="342">
                  <c:v>5.6999999999999886</c:v>
                </c:pt>
                <c:pt idx="343">
                  <c:v>5.7166670000000011</c:v>
                </c:pt>
                <c:pt idx="344">
                  <c:v>5.7333329999999876</c:v>
                </c:pt>
                <c:pt idx="345">
                  <c:v>5.75</c:v>
                </c:pt>
                <c:pt idx="346">
                  <c:v>5.7666669999999982</c:v>
                </c:pt>
                <c:pt idx="347">
                  <c:v>5.7833329999999989</c:v>
                </c:pt>
                <c:pt idx="348">
                  <c:v>5.7999999999999972</c:v>
                </c:pt>
                <c:pt idx="349">
                  <c:v>5.8166669999999954</c:v>
                </c:pt>
                <c:pt idx="350">
                  <c:v>5.8333329999999961</c:v>
                </c:pt>
                <c:pt idx="351">
                  <c:v>5.8499999999999943</c:v>
                </c:pt>
                <c:pt idx="352">
                  <c:v>5.8666669999999925</c:v>
                </c:pt>
                <c:pt idx="353">
                  <c:v>5.8833329999999933</c:v>
                </c:pt>
                <c:pt idx="354">
                  <c:v>5.8999999999999915</c:v>
                </c:pt>
                <c:pt idx="355">
                  <c:v>5.9166669999999897</c:v>
                </c:pt>
                <c:pt idx="356">
                  <c:v>5.9333329999999904</c:v>
                </c:pt>
                <c:pt idx="357">
                  <c:v>5.9499999999999886</c:v>
                </c:pt>
                <c:pt idx="358">
                  <c:v>5.9666670000000011</c:v>
                </c:pt>
                <c:pt idx="359">
                  <c:v>5.9833329999999876</c:v>
                </c:pt>
                <c:pt idx="360">
                  <c:v>6</c:v>
                </c:pt>
                <c:pt idx="361">
                  <c:v>6.0166669999999982</c:v>
                </c:pt>
                <c:pt idx="362">
                  <c:v>6.0333329999999989</c:v>
                </c:pt>
                <c:pt idx="363">
                  <c:v>6.0499999999999972</c:v>
                </c:pt>
                <c:pt idx="364">
                  <c:v>6.0666669999999954</c:v>
                </c:pt>
                <c:pt idx="365">
                  <c:v>6.0833329999999961</c:v>
                </c:pt>
                <c:pt idx="366">
                  <c:v>6.0999999999999943</c:v>
                </c:pt>
                <c:pt idx="367">
                  <c:v>6.1166669999999925</c:v>
                </c:pt>
                <c:pt idx="368">
                  <c:v>6.1333329999999933</c:v>
                </c:pt>
                <c:pt idx="369">
                  <c:v>6.1499999999999915</c:v>
                </c:pt>
                <c:pt idx="370">
                  <c:v>6.1666669999999897</c:v>
                </c:pt>
                <c:pt idx="371">
                  <c:v>6.1833329999999904</c:v>
                </c:pt>
                <c:pt idx="372">
                  <c:v>6.1999999999999886</c:v>
                </c:pt>
                <c:pt idx="373">
                  <c:v>6.2166670000000011</c:v>
                </c:pt>
                <c:pt idx="374">
                  <c:v>6.2333329999999876</c:v>
                </c:pt>
                <c:pt idx="375">
                  <c:v>6.25</c:v>
                </c:pt>
                <c:pt idx="376">
                  <c:v>6.2666669999999982</c:v>
                </c:pt>
                <c:pt idx="377">
                  <c:v>6.2833329999999989</c:v>
                </c:pt>
                <c:pt idx="378">
                  <c:v>6.2999999999999972</c:v>
                </c:pt>
                <c:pt idx="379">
                  <c:v>6.3166669999999954</c:v>
                </c:pt>
                <c:pt idx="380">
                  <c:v>6.3333329999999961</c:v>
                </c:pt>
                <c:pt idx="381">
                  <c:v>6.3499999999999943</c:v>
                </c:pt>
                <c:pt idx="382">
                  <c:v>6.3666669999999925</c:v>
                </c:pt>
                <c:pt idx="383">
                  <c:v>6.3833329999999933</c:v>
                </c:pt>
                <c:pt idx="384">
                  <c:v>6.3999999999999915</c:v>
                </c:pt>
                <c:pt idx="385">
                  <c:v>6.4166669999999897</c:v>
                </c:pt>
                <c:pt idx="386">
                  <c:v>6.4333329999999904</c:v>
                </c:pt>
                <c:pt idx="387">
                  <c:v>6.4499999999999886</c:v>
                </c:pt>
                <c:pt idx="388">
                  <c:v>6.4666670000000011</c:v>
                </c:pt>
                <c:pt idx="389">
                  <c:v>6.4833329999999876</c:v>
                </c:pt>
                <c:pt idx="390">
                  <c:v>6.5</c:v>
                </c:pt>
                <c:pt idx="391">
                  <c:v>6.5166669999999982</c:v>
                </c:pt>
                <c:pt idx="392">
                  <c:v>6.5333329999999989</c:v>
                </c:pt>
                <c:pt idx="393">
                  <c:v>6.5499999999999972</c:v>
                </c:pt>
                <c:pt idx="394">
                  <c:v>6.5666669999999954</c:v>
                </c:pt>
                <c:pt idx="395">
                  <c:v>6.5833329999999961</c:v>
                </c:pt>
                <c:pt idx="396">
                  <c:v>6.5999999999999943</c:v>
                </c:pt>
                <c:pt idx="397">
                  <c:v>6.6166669999999925</c:v>
                </c:pt>
                <c:pt idx="398">
                  <c:v>6.6333329999999933</c:v>
                </c:pt>
                <c:pt idx="399">
                  <c:v>6.6499999999999915</c:v>
                </c:pt>
                <c:pt idx="400">
                  <c:v>6.6666669999999897</c:v>
                </c:pt>
                <c:pt idx="401">
                  <c:v>6.6833329999999904</c:v>
                </c:pt>
                <c:pt idx="402">
                  <c:v>6.6999999999999886</c:v>
                </c:pt>
                <c:pt idx="403">
                  <c:v>6.7166670000000011</c:v>
                </c:pt>
                <c:pt idx="404">
                  <c:v>6.7333329999999876</c:v>
                </c:pt>
                <c:pt idx="405">
                  <c:v>6.75</c:v>
                </c:pt>
                <c:pt idx="406">
                  <c:v>6.7666669999999982</c:v>
                </c:pt>
                <c:pt idx="407">
                  <c:v>6.7833329999999989</c:v>
                </c:pt>
                <c:pt idx="408">
                  <c:v>6.7999999999999972</c:v>
                </c:pt>
                <c:pt idx="409">
                  <c:v>6.8166669999999954</c:v>
                </c:pt>
                <c:pt idx="410">
                  <c:v>6.8333329999999961</c:v>
                </c:pt>
                <c:pt idx="411">
                  <c:v>6.8499999999999943</c:v>
                </c:pt>
                <c:pt idx="412">
                  <c:v>6.8666669999999925</c:v>
                </c:pt>
                <c:pt idx="413">
                  <c:v>6.8833329999999933</c:v>
                </c:pt>
                <c:pt idx="414">
                  <c:v>6.8999999999999915</c:v>
                </c:pt>
                <c:pt idx="415">
                  <c:v>6.9166669999999897</c:v>
                </c:pt>
                <c:pt idx="416">
                  <c:v>6.9333329999999904</c:v>
                </c:pt>
                <c:pt idx="417">
                  <c:v>6.9499999999999886</c:v>
                </c:pt>
                <c:pt idx="418">
                  <c:v>6.9666670000000011</c:v>
                </c:pt>
                <c:pt idx="419">
                  <c:v>6.9833329999999876</c:v>
                </c:pt>
                <c:pt idx="420">
                  <c:v>7</c:v>
                </c:pt>
                <c:pt idx="421">
                  <c:v>7.0166669999999982</c:v>
                </c:pt>
                <c:pt idx="422">
                  <c:v>7.0333329999999989</c:v>
                </c:pt>
                <c:pt idx="423">
                  <c:v>7.0499999999999972</c:v>
                </c:pt>
                <c:pt idx="424">
                  <c:v>7.0666669999999954</c:v>
                </c:pt>
                <c:pt idx="425">
                  <c:v>7.0833329999999961</c:v>
                </c:pt>
                <c:pt idx="426">
                  <c:v>7.0999999999999943</c:v>
                </c:pt>
                <c:pt idx="427">
                  <c:v>7.1166669999999925</c:v>
                </c:pt>
                <c:pt idx="428">
                  <c:v>7.1333329999999933</c:v>
                </c:pt>
                <c:pt idx="429">
                  <c:v>7.1499999999999915</c:v>
                </c:pt>
                <c:pt idx="430">
                  <c:v>7.1666669999999897</c:v>
                </c:pt>
                <c:pt idx="431">
                  <c:v>7.1833329999999904</c:v>
                </c:pt>
                <c:pt idx="432">
                  <c:v>7.1999999999999886</c:v>
                </c:pt>
                <c:pt idx="433">
                  <c:v>7.2166670000000011</c:v>
                </c:pt>
                <c:pt idx="434">
                  <c:v>7.2333329999999876</c:v>
                </c:pt>
                <c:pt idx="435">
                  <c:v>7.25</c:v>
                </c:pt>
                <c:pt idx="436">
                  <c:v>7.2666669999999982</c:v>
                </c:pt>
                <c:pt idx="437">
                  <c:v>7.2833329999999989</c:v>
                </c:pt>
                <c:pt idx="438">
                  <c:v>7.2999999999999972</c:v>
                </c:pt>
                <c:pt idx="439">
                  <c:v>7.3166669999999954</c:v>
                </c:pt>
                <c:pt idx="440">
                  <c:v>7.3333329999999961</c:v>
                </c:pt>
                <c:pt idx="441">
                  <c:v>7.3499999999999943</c:v>
                </c:pt>
                <c:pt idx="442">
                  <c:v>7.3666669999999925</c:v>
                </c:pt>
                <c:pt idx="443">
                  <c:v>7.3833329999999933</c:v>
                </c:pt>
                <c:pt idx="444">
                  <c:v>7.3999999999999915</c:v>
                </c:pt>
                <c:pt idx="445">
                  <c:v>7.4166669999999897</c:v>
                </c:pt>
                <c:pt idx="446">
                  <c:v>7.4333329999999904</c:v>
                </c:pt>
                <c:pt idx="447">
                  <c:v>7.4499999999999886</c:v>
                </c:pt>
                <c:pt idx="448">
                  <c:v>7.4666670000000011</c:v>
                </c:pt>
                <c:pt idx="449">
                  <c:v>7.4833329999999876</c:v>
                </c:pt>
                <c:pt idx="450">
                  <c:v>7.5</c:v>
                </c:pt>
                <c:pt idx="451">
                  <c:v>7.5166669999999982</c:v>
                </c:pt>
                <c:pt idx="452">
                  <c:v>7.5333329999999989</c:v>
                </c:pt>
                <c:pt idx="453">
                  <c:v>7.5499999999999972</c:v>
                </c:pt>
                <c:pt idx="454">
                  <c:v>7.5666669999999954</c:v>
                </c:pt>
                <c:pt idx="455">
                  <c:v>7.5833329999999961</c:v>
                </c:pt>
                <c:pt idx="456">
                  <c:v>7.5999999999999943</c:v>
                </c:pt>
                <c:pt idx="457">
                  <c:v>7.6166669999999925</c:v>
                </c:pt>
                <c:pt idx="458">
                  <c:v>7.6333329999999933</c:v>
                </c:pt>
                <c:pt idx="459">
                  <c:v>7.6499999999999915</c:v>
                </c:pt>
                <c:pt idx="460">
                  <c:v>7.6666669999999897</c:v>
                </c:pt>
                <c:pt idx="461">
                  <c:v>7.6833329999999904</c:v>
                </c:pt>
                <c:pt idx="462">
                  <c:v>7.6999999999999886</c:v>
                </c:pt>
                <c:pt idx="463">
                  <c:v>7.7166670000000011</c:v>
                </c:pt>
                <c:pt idx="464">
                  <c:v>7.7333329999999876</c:v>
                </c:pt>
                <c:pt idx="465">
                  <c:v>7.75</c:v>
                </c:pt>
                <c:pt idx="466">
                  <c:v>7.7666669999999982</c:v>
                </c:pt>
                <c:pt idx="467">
                  <c:v>7.7833329999999989</c:v>
                </c:pt>
                <c:pt idx="468">
                  <c:v>7.7999999999999972</c:v>
                </c:pt>
                <c:pt idx="469">
                  <c:v>7.8166669999999954</c:v>
                </c:pt>
                <c:pt idx="470">
                  <c:v>7.8333329999999961</c:v>
                </c:pt>
                <c:pt idx="471">
                  <c:v>7.8499999999999943</c:v>
                </c:pt>
                <c:pt idx="472">
                  <c:v>7.8666669999999925</c:v>
                </c:pt>
                <c:pt idx="473">
                  <c:v>7.8833329999999933</c:v>
                </c:pt>
                <c:pt idx="474">
                  <c:v>7.8999999999999915</c:v>
                </c:pt>
                <c:pt idx="475">
                  <c:v>7.9166669999999897</c:v>
                </c:pt>
                <c:pt idx="476">
                  <c:v>7.9333329999999904</c:v>
                </c:pt>
                <c:pt idx="477">
                  <c:v>7.9499999999999886</c:v>
                </c:pt>
                <c:pt idx="478">
                  <c:v>7.9666670000000011</c:v>
                </c:pt>
                <c:pt idx="479">
                  <c:v>7.9833329999999876</c:v>
                </c:pt>
                <c:pt idx="480">
                  <c:v>8</c:v>
                </c:pt>
                <c:pt idx="481">
                  <c:v>8.0166669999999982</c:v>
                </c:pt>
                <c:pt idx="482">
                  <c:v>8.0333329999999989</c:v>
                </c:pt>
                <c:pt idx="483">
                  <c:v>8.0499999999999972</c:v>
                </c:pt>
                <c:pt idx="484">
                  <c:v>8.0666669999999954</c:v>
                </c:pt>
                <c:pt idx="485">
                  <c:v>8.0833329999999961</c:v>
                </c:pt>
                <c:pt idx="486">
                  <c:v>8.0999999999999943</c:v>
                </c:pt>
                <c:pt idx="487">
                  <c:v>8.1166669999999925</c:v>
                </c:pt>
                <c:pt idx="488">
                  <c:v>8.1333329999999933</c:v>
                </c:pt>
                <c:pt idx="489">
                  <c:v>8.1499999999999915</c:v>
                </c:pt>
                <c:pt idx="490">
                  <c:v>8.1666669999999897</c:v>
                </c:pt>
                <c:pt idx="491">
                  <c:v>8.1833329999999904</c:v>
                </c:pt>
                <c:pt idx="492">
                  <c:v>8.1999999999999886</c:v>
                </c:pt>
                <c:pt idx="493">
                  <c:v>8.2166670000000011</c:v>
                </c:pt>
                <c:pt idx="494">
                  <c:v>8.2333329999999876</c:v>
                </c:pt>
                <c:pt idx="495">
                  <c:v>8.25</c:v>
                </c:pt>
                <c:pt idx="496">
                  <c:v>8.2666669999999982</c:v>
                </c:pt>
                <c:pt idx="497">
                  <c:v>8.2833329999999989</c:v>
                </c:pt>
                <c:pt idx="498">
                  <c:v>8.2999999999999972</c:v>
                </c:pt>
                <c:pt idx="499">
                  <c:v>8.3166669999999954</c:v>
                </c:pt>
                <c:pt idx="500">
                  <c:v>8.3333329999999961</c:v>
                </c:pt>
                <c:pt idx="501">
                  <c:v>8.3499999999999943</c:v>
                </c:pt>
                <c:pt idx="502">
                  <c:v>8.3666669999999925</c:v>
                </c:pt>
                <c:pt idx="503">
                  <c:v>8.3833329999999933</c:v>
                </c:pt>
                <c:pt idx="504">
                  <c:v>8.3999999999999915</c:v>
                </c:pt>
                <c:pt idx="505">
                  <c:v>8.4166669999999897</c:v>
                </c:pt>
                <c:pt idx="506">
                  <c:v>8.4333329999999904</c:v>
                </c:pt>
                <c:pt idx="507">
                  <c:v>8.4499999999999886</c:v>
                </c:pt>
                <c:pt idx="508">
                  <c:v>8.4666670000000011</c:v>
                </c:pt>
                <c:pt idx="509">
                  <c:v>8.4833329999999876</c:v>
                </c:pt>
                <c:pt idx="510">
                  <c:v>8.5</c:v>
                </c:pt>
                <c:pt idx="511">
                  <c:v>8.5166669999999982</c:v>
                </c:pt>
                <c:pt idx="512">
                  <c:v>8.5333329999999989</c:v>
                </c:pt>
                <c:pt idx="513">
                  <c:v>8.5499999999999972</c:v>
                </c:pt>
                <c:pt idx="514">
                  <c:v>8.5666669999999954</c:v>
                </c:pt>
                <c:pt idx="515">
                  <c:v>8.5833329999999961</c:v>
                </c:pt>
                <c:pt idx="516">
                  <c:v>8.5999999999999943</c:v>
                </c:pt>
                <c:pt idx="517">
                  <c:v>8.6166669999999925</c:v>
                </c:pt>
                <c:pt idx="518">
                  <c:v>8.6333329999999933</c:v>
                </c:pt>
                <c:pt idx="519">
                  <c:v>8.6499999999999915</c:v>
                </c:pt>
                <c:pt idx="520">
                  <c:v>8.6666669999999897</c:v>
                </c:pt>
                <c:pt idx="521">
                  <c:v>8.6833329999999904</c:v>
                </c:pt>
                <c:pt idx="522">
                  <c:v>8.6999999999999886</c:v>
                </c:pt>
                <c:pt idx="523">
                  <c:v>8.7166670000000011</c:v>
                </c:pt>
                <c:pt idx="524">
                  <c:v>8.7333329999999876</c:v>
                </c:pt>
                <c:pt idx="525">
                  <c:v>8.75</c:v>
                </c:pt>
                <c:pt idx="526">
                  <c:v>8.7666669999999982</c:v>
                </c:pt>
                <c:pt idx="527">
                  <c:v>8.7833329999999989</c:v>
                </c:pt>
                <c:pt idx="528">
                  <c:v>8.7999999999999972</c:v>
                </c:pt>
                <c:pt idx="529">
                  <c:v>8.8166669999999954</c:v>
                </c:pt>
                <c:pt idx="530">
                  <c:v>8.8333329999999961</c:v>
                </c:pt>
                <c:pt idx="531">
                  <c:v>8.8499999999999943</c:v>
                </c:pt>
                <c:pt idx="532">
                  <c:v>8.8666669999999925</c:v>
                </c:pt>
                <c:pt idx="533">
                  <c:v>8.8833329999999933</c:v>
                </c:pt>
                <c:pt idx="534">
                  <c:v>8.8999999999999915</c:v>
                </c:pt>
                <c:pt idx="535">
                  <c:v>8.9166669999999897</c:v>
                </c:pt>
                <c:pt idx="536">
                  <c:v>8.9333329999999904</c:v>
                </c:pt>
                <c:pt idx="537">
                  <c:v>8.9499999999999886</c:v>
                </c:pt>
                <c:pt idx="538">
                  <c:v>8.9666670000000011</c:v>
                </c:pt>
                <c:pt idx="539">
                  <c:v>8.9833329999999876</c:v>
                </c:pt>
                <c:pt idx="540">
                  <c:v>9</c:v>
                </c:pt>
                <c:pt idx="541">
                  <c:v>9.0166669999999982</c:v>
                </c:pt>
                <c:pt idx="542">
                  <c:v>9.0333329999999989</c:v>
                </c:pt>
                <c:pt idx="543">
                  <c:v>9.0499999999999972</c:v>
                </c:pt>
                <c:pt idx="544">
                  <c:v>9.0666669999999954</c:v>
                </c:pt>
                <c:pt idx="545">
                  <c:v>9.0833329999999961</c:v>
                </c:pt>
                <c:pt idx="546">
                  <c:v>9.0999999999999943</c:v>
                </c:pt>
                <c:pt idx="547">
                  <c:v>9.1166669999999925</c:v>
                </c:pt>
                <c:pt idx="548">
                  <c:v>9.1333329999999933</c:v>
                </c:pt>
                <c:pt idx="549">
                  <c:v>9.1499999999999915</c:v>
                </c:pt>
                <c:pt idx="550">
                  <c:v>9.1666669999999897</c:v>
                </c:pt>
                <c:pt idx="551">
                  <c:v>9.1833329999999904</c:v>
                </c:pt>
                <c:pt idx="552">
                  <c:v>9.1999999999999886</c:v>
                </c:pt>
                <c:pt idx="553">
                  <c:v>9.2166670000000011</c:v>
                </c:pt>
                <c:pt idx="554">
                  <c:v>9.2333329999999876</c:v>
                </c:pt>
                <c:pt idx="555">
                  <c:v>9.25</c:v>
                </c:pt>
                <c:pt idx="556">
                  <c:v>9.2666669999999982</c:v>
                </c:pt>
                <c:pt idx="557">
                  <c:v>9.2833329999999989</c:v>
                </c:pt>
                <c:pt idx="558">
                  <c:v>9.2999999999999972</c:v>
                </c:pt>
                <c:pt idx="559">
                  <c:v>9.3166669999999954</c:v>
                </c:pt>
                <c:pt idx="560">
                  <c:v>9.3333329999999961</c:v>
                </c:pt>
                <c:pt idx="561">
                  <c:v>9.3499999999999943</c:v>
                </c:pt>
                <c:pt idx="562">
                  <c:v>9.3666669999999925</c:v>
                </c:pt>
                <c:pt idx="563">
                  <c:v>9.3833329999999933</c:v>
                </c:pt>
                <c:pt idx="564">
                  <c:v>9.3999999999999915</c:v>
                </c:pt>
                <c:pt idx="565">
                  <c:v>9.4166669999999897</c:v>
                </c:pt>
                <c:pt idx="566">
                  <c:v>9.4333329999999904</c:v>
                </c:pt>
                <c:pt idx="567">
                  <c:v>9.4499999999999886</c:v>
                </c:pt>
                <c:pt idx="568">
                  <c:v>9.4666670000000011</c:v>
                </c:pt>
                <c:pt idx="569">
                  <c:v>9.4833329999999876</c:v>
                </c:pt>
                <c:pt idx="570">
                  <c:v>9.5</c:v>
                </c:pt>
                <c:pt idx="571">
                  <c:v>9.5166669999999982</c:v>
                </c:pt>
                <c:pt idx="572">
                  <c:v>9.5333329999999989</c:v>
                </c:pt>
                <c:pt idx="573">
                  <c:v>9.5499999999999972</c:v>
                </c:pt>
                <c:pt idx="574">
                  <c:v>9.5666669999999954</c:v>
                </c:pt>
                <c:pt idx="575">
                  <c:v>9.5833329999999961</c:v>
                </c:pt>
                <c:pt idx="576">
                  <c:v>9.5999999999999943</c:v>
                </c:pt>
                <c:pt idx="577">
                  <c:v>9.6166669999999925</c:v>
                </c:pt>
                <c:pt idx="578">
                  <c:v>9.6333329999999933</c:v>
                </c:pt>
                <c:pt idx="579">
                  <c:v>9.6499999999999915</c:v>
                </c:pt>
                <c:pt idx="580">
                  <c:v>9.6666669999999897</c:v>
                </c:pt>
                <c:pt idx="581">
                  <c:v>9.6833329999999904</c:v>
                </c:pt>
                <c:pt idx="582">
                  <c:v>9.6999999999999886</c:v>
                </c:pt>
                <c:pt idx="583">
                  <c:v>9.7166670000000011</c:v>
                </c:pt>
                <c:pt idx="584">
                  <c:v>9.7333329999999876</c:v>
                </c:pt>
                <c:pt idx="585">
                  <c:v>9.75</c:v>
                </c:pt>
                <c:pt idx="586">
                  <c:v>9.7666669999999982</c:v>
                </c:pt>
                <c:pt idx="587">
                  <c:v>9.7833329999999989</c:v>
                </c:pt>
                <c:pt idx="588">
                  <c:v>9.7999999999999972</c:v>
                </c:pt>
                <c:pt idx="589">
                  <c:v>9.8166669999999954</c:v>
                </c:pt>
                <c:pt idx="590">
                  <c:v>9.8333329999999961</c:v>
                </c:pt>
                <c:pt idx="591">
                  <c:v>9.8499999999999943</c:v>
                </c:pt>
                <c:pt idx="592">
                  <c:v>9.8666669999999925</c:v>
                </c:pt>
                <c:pt idx="593">
                  <c:v>9.8833329999999933</c:v>
                </c:pt>
                <c:pt idx="594">
                  <c:v>9.8999999999999915</c:v>
                </c:pt>
                <c:pt idx="595">
                  <c:v>9.9166669999999897</c:v>
                </c:pt>
                <c:pt idx="596">
                  <c:v>9.9333329999999904</c:v>
                </c:pt>
                <c:pt idx="597">
                  <c:v>9.9499999999999886</c:v>
                </c:pt>
                <c:pt idx="598">
                  <c:v>9.9666670000000011</c:v>
                </c:pt>
                <c:pt idx="599">
                  <c:v>9.9833329999999876</c:v>
                </c:pt>
                <c:pt idx="600">
                  <c:v>10</c:v>
                </c:pt>
                <c:pt idx="601">
                  <c:v>10.016666999999998</c:v>
                </c:pt>
                <c:pt idx="602">
                  <c:v>10.033332999999999</c:v>
                </c:pt>
                <c:pt idx="603">
                  <c:v>10.049999999999997</c:v>
                </c:pt>
                <c:pt idx="604">
                  <c:v>10.066666999999995</c:v>
                </c:pt>
                <c:pt idx="605">
                  <c:v>10.083332999999996</c:v>
                </c:pt>
                <c:pt idx="606">
                  <c:v>10.099999999999994</c:v>
                </c:pt>
                <c:pt idx="607">
                  <c:v>10.116666999999993</c:v>
                </c:pt>
                <c:pt idx="608">
                  <c:v>10.133332999999993</c:v>
                </c:pt>
                <c:pt idx="609">
                  <c:v>10.149999999999991</c:v>
                </c:pt>
                <c:pt idx="610">
                  <c:v>10.16666699999999</c:v>
                </c:pt>
                <c:pt idx="611">
                  <c:v>10.18333299999999</c:v>
                </c:pt>
                <c:pt idx="612">
                  <c:v>10.199999999999989</c:v>
                </c:pt>
                <c:pt idx="613">
                  <c:v>10.216667000000001</c:v>
                </c:pt>
                <c:pt idx="614">
                  <c:v>10.233332999999988</c:v>
                </c:pt>
                <c:pt idx="615">
                  <c:v>10.25</c:v>
                </c:pt>
                <c:pt idx="616">
                  <c:v>10.266666999999998</c:v>
                </c:pt>
                <c:pt idx="617">
                  <c:v>10.283332999999999</c:v>
                </c:pt>
                <c:pt idx="618">
                  <c:v>10.299999999999997</c:v>
                </c:pt>
                <c:pt idx="619">
                  <c:v>10.316666999999995</c:v>
                </c:pt>
                <c:pt idx="620">
                  <c:v>10.333332999999996</c:v>
                </c:pt>
                <c:pt idx="621">
                  <c:v>10.349999999999994</c:v>
                </c:pt>
                <c:pt idx="622">
                  <c:v>10.366666999999993</c:v>
                </c:pt>
                <c:pt idx="623">
                  <c:v>10.383332999999993</c:v>
                </c:pt>
                <c:pt idx="624">
                  <c:v>10.399999999999991</c:v>
                </c:pt>
                <c:pt idx="625">
                  <c:v>10.41666699999999</c:v>
                </c:pt>
                <c:pt idx="626">
                  <c:v>10.43333299999999</c:v>
                </c:pt>
                <c:pt idx="627">
                  <c:v>10.449999999999989</c:v>
                </c:pt>
                <c:pt idx="628">
                  <c:v>10.466667000000001</c:v>
                </c:pt>
                <c:pt idx="629">
                  <c:v>10.483332999999988</c:v>
                </c:pt>
                <c:pt idx="630">
                  <c:v>10.5</c:v>
                </c:pt>
                <c:pt idx="631">
                  <c:v>10.516666999999998</c:v>
                </c:pt>
                <c:pt idx="632">
                  <c:v>10.533332999999999</c:v>
                </c:pt>
                <c:pt idx="633">
                  <c:v>10.549999999999997</c:v>
                </c:pt>
                <c:pt idx="634">
                  <c:v>10.566666999999995</c:v>
                </c:pt>
                <c:pt idx="635">
                  <c:v>10.583332999999996</c:v>
                </c:pt>
                <c:pt idx="636">
                  <c:v>10.599999999999994</c:v>
                </c:pt>
                <c:pt idx="637">
                  <c:v>10.616666999999993</c:v>
                </c:pt>
                <c:pt idx="638">
                  <c:v>10.633332999999993</c:v>
                </c:pt>
                <c:pt idx="639">
                  <c:v>10.649999999999991</c:v>
                </c:pt>
                <c:pt idx="640">
                  <c:v>10.66666699999999</c:v>
                </c:pt>
                <c:pt idx="641">
                  <c:v>10.68333299999999</c:v>
                </c:pt>
                <c:pt idx="642">
                  <c:v>10.699999999999989</c:v>
                </c:pt>
                <c:pt idx="643">
                  <c:v>10.716667000000001</c:v>
                </c:pt>
                <c:pt idx="644">
                  <c:v>10.733332999999988</c:v>
                </c:pt>
                <c:pt idx="645">
                  <c:v>10.75</c:v>
                </c:pt>
                <c:pt idx="646">
                  <c:v>10.766666999999998</c:v>
                </c:pt>
                <c:pt idx="647">
                  <c:v>10.783332999999999</c:v>
                </c:pt>
                <c:pt idx="648">
                  <c:v>10.799999999999997</c:v>
                </c:pt>
                <c:pt idx="649">
                  <c:v>10.816666999999995</c:v>
                </c:pt>
                <c:pt idx="650">
                  <c:v>10.833332999999996</c:v>
                </c:pt>
                <c:pt idx="651">
                  <c:v>10.849999999999994</c:v>
                </c:pt>
                <c:pt idx="652">
                  <c:v>10.866666999999993</c:v>
                </c:pt>
                <c:pt idx="653">
                  <c:v>10.883332999999993</c:v>
                </c:pt>
                <c:pt idx="654">
                  <c:v>10.899999999999991</c:v>
                </c:pt>
                <c:pt idx="655">
                  <c:v>10.91666699999999</c:v>
                </c:pt>
                <c:pt idx="656">
                  <c:v>10.93333299999999</c:v>
                </c:pt>
                <c:pt idx="657">
                  <c:v>10.949999999999989</c:v>
                </c:pt>
                <c:pt idx="658">
                  <c:v>10.966667000000001</c:v>
                </c:pt>
                <c:pt idx="659">
                  <c:v>10.983332999999988</c:v>
                </c:pt>
                <c:pt idx="660">
                  <c:v>11</c:v>
                </c:pt>
                <c:pt idx="661">
                  <c:v>11.016666999999998</c:v>
                </c:pt>
                <c:pt idx="662">
                  <c:v>11.033332999999999</c:v>
                </c:pt>
                <c:pt idx="663">
                  <c:v>11.049999999999997</c:v>
                </c:pt>
                <c:pt idx="664">
                  <c:v>11.066666999999995</c:v>
                </c:pt>
                <c:pt idx="665">
                  <c:v>11.083332999999996</c:v>
                </c:pt>
                <c:pt idx="666">
                  <c:v>11.099999999999994</c:v>
                </c:pt>
                <c:pt idx="667">
                  <c:v>11.116666999999993</c:v>
                </c:pt>
                <c:pt idx="668">
                  <c:v>11.133332999999993</c:v>
                </c:pt>
                <c:pt idx="669">
                  <c:v>11.149999999999991</c:v>
                </c:pt>
                <c:pt idx="670">
                  <c:v>11.16666699999999</c:v>
                </c:pt>
                <c:pt idx="671">
                  <c:v>11.18333299999999</c:v>
                </c:pt>
                <c:pt idx="672">
                  <c:v>11.199999999999989</c:v>
                </c:pt>
                <c:pt idx="673">
                  <c:v>11.216667000000001</c:v>
                </c:pt>
                <c:pt idx="674">
                  <c:v>11.233332999999988</c:v>
                </c:pt>
                <c:pt idx="675">
                  <c:v>11.25</c:v>
                </c:pt>
                <c:pt idx="676">
                  <c:v>11.266666999999998</c:v>
                </c:pt>
                <c:pt idx="677">
                  <c:v>11.283332999999999</c:v>
                </c:pt>
                <c:pt idx="678">
                  <c:v>11.299999999999997</c:v>
                </c:pt>
                <c:pt idx="679">
                  <c:v>11.316666999999995</c:v>
                </c:pt>
                <c:pt idx="680">
                  <c:v>11.333332999999996</c:v>
                </c:pt>
                <c:pt idx="681">
                  <c:v>11.349999999999994</c:v>
                </c:pt>
                <c:pt idx="682">
                  <c:v>11.366666999999993</c:v>
                </c:pt>
                <c:pt idx="683">
                  <c:v>11.383332999999993</c:v>
                </c:pt>
                <c:pt idx="684">
                  <c:v>11.399999999999991</c:v>
                </c:pt>
                <c:pt idx="685">
                  <c:v>11.41666699999999</c:v>
                </c:pt>
                <c:pt idx="686">
                  <c:v>11.43333299999999</c:v>
                </c:pt>
                <c:pt idx="687">
                  <c:v>11.449999999999989</c:v>
                </c:pt>
                <c:pt idx="688">
                  <c:v>11.466667000000001</c:v>
                </c:pt>
                <c:pt idx="689">
                  <c:v>11.483332999999988</c:v>
                </c:pt>
                <c:pt idx="690">
                  <c:v>11.5</c:v>
                </c:pt>
                <c:pt idx="691">
                  <c:v>11.516666999999998</c:v>
                </c:pt>
                <c:pt idx="692">
                  <c:v>11.533332999999999</c:v>
                </c:pt>
                <c:pt idx="693">
                  <c:v>11.549999999999997</c:v>
                </c:pt>
                <c:pt idx="694">
                  <c:v>11.566666999999995</c:v>
                </c:pt>
                <c:pt idx="695">
                  <c:v>11.583332999999996</c:v>
                </c:pt>
                <c:pt idx="696">
                  <c:v>11.599999999999994</c:v>
                </c:pt>
                <c:pt idx="697">
                  <c:v>11.616666999999993</c:v>
                </c:pt>
                <c:pt idx="698">
                  <c:v>11.633332999999993</c:v>
                </c:pt>
                <c:pt idx="699">
                  <c:v>11.649999999999991</c:v>
                </c:pt>
                <c:pt idx="700">
                  <c:v>11.66666699999999</c:v>
                </c:pt>
                <c:pt idx="701">
                  <c:v>11.68333299999999</c:v>
                </c:pt>
                <c:pt idx="702">
                  <c:v>11.699999999999989</c:v>
                </c:pt>
                <c:pt idx="703">
                  <c:v>11.716667000000001</c:v>
                </c:pt>
                <c:pt idx="704">
                  <c:v>11.733332999999988</c:v>
                </c:pt>
                <c:pt idx="705">
                  <c:v>11.75</c:v>
                </c:pt>
                <c:pt idx="706">
                  <c:v>11.766666999999998</c:v>
                </c:pt>
                <c:pt idx="707">
                  <c:v>11.783332999999999</c:v>
                </c:pt>
                <c:pt idx="708">
                  <c:v>11.799999999999997</c:v>
                </c:pt>
                <c:pt idx="709">
                  <c:v>11.816666999999995</c:v>
                </c:pt>
                <c:pt idx="710">
                  <c:v>11.833332999999996</c:v>
                </c:pt>
                <c:pt idx="711">
                  <c:v>11.849999999999994</c:v>
                </c:pt>
                <c:pt idx="712">
                  <c:v>11.866666999999993</c:v>
                </c:pt>
                <c:pt idx="713">
                  <c:v>11.883332999999993</c:v>
                </c:pt>
                <c:pt idx="714">
                  <c:v>11.899999999999991</c:v>
                </c:pt>
                <c:pt idx="715">
                  <c:v>11.91666699999999</c:v>
                </c:pt>
                <c:pt idx="716">
                  <c:v>11.93333299999999</c:v>
                </c:pt>
                <c:pt idx="717">
                  <c:v>11.949999999999989</c:v>
                </c:pt>
                <c:pt idx="718">
                  <c:v>11.966667000000001</c:v>
                </c:pt>
                <c:pt idx="719">
                  <c:v>11.983332999999988</c:v>
                </c:pt>
                <c:pt idx="720">
                  <c:v>12</c:v>
                </c:pt>
                <c:pt idx="721">
                  <c:v>12.016666999999998</c:v>
                </c:pt>
                <c:pt idx="722">
                  <c:v>12.033332999999999</c:v>
                </c:pt>
                <c:pt idx="723">
                  <c:v>12.049999999999997</c:v>
                </c:pt>
                <c:pt idx="724">
                  <c:v>12.066666999999995</c:v>
                </c:pt>
                <c:pt idx="725">
                  <c:v>12.083332999999996</c:v>
                </c:pt>
                <c:pt idx="726">
                  <c:v>12.099999999999994</c:v>
                </c:pt>
                <c:pt idx="727">
                  <c:v>12.116666999999993</c:v>
                </c:pt>
                <c:pt idx="728">
                  <c:v>12.133332999999993</c:v>
                </c:pt>
                <c:pt idx="729">
                  <c:v>12.149999999999991</c:v>
                </c:pt>
                <c:pt idx="730">
                  <c:v>12.16666699999999</c:v>
                </c:pt>
                <c:pt idx="731">
                  <c:v>12.18333299999999</c:v>
                </c:pt>
                <c:pt idx="732">
                  <c:v>12.199999999999989</c:v>
                </c:pt>
                <c:pt idx="733">
                  <c:v>12.216667000000001</c:v>
                </c:pt>
                <c:pt idx="734">
                  <c:v>12.233332999999988</c:v>
                </c:pt>
                <c:pt idx="735">
                  <c:v>12.25</c:v>
                </c:pt>
                <c:pt idx="736">
                  <c:v>12.266666999999998</c:v>
                </c:pt>
                <c:pt idx="737">
                  <c:v>12.283332999999999</c:v>
                </c:pt>
                <c:pt idx="738">
                  <c:v>12.299999999999997</c:v>
                </c:pt>
                <c:pt idx="739">
                  <c:v>12.316666999999995</c:v>
                </c:pt>
                <c:pt idx="740">
                  <c:v>12.333332999999996</c:v>
                </c:pt>
                <c:pt idx="741">
                  <c:v>12.349999999999994</c:v>
                </c:pt>
                <c:pt idx="742">
                  <c:v>12.366666999999993</c:v>
                </c:pt>
                <c:pt idx="743">
                  <c:v>12.383332999999993</c:v>
                </c:pt>
                <c:pt idx="744">
                  <c:v>12.399999999999991</c:v>
                </c:pt>
                <c:pt idx="745">
                  <c:v>12.41666699999999</c:v>
                </c:pt>
                <c:pt idx="746">
                  <c:v>12.43333299999999</c:v>
                </c:pt>
                <c:pt idx="747">
                  <c:v>12.449999999999989</c:v>
                </c:pt>
                <c:pt idx="748">
                  <c:v>12.466667000000001</c:v>
                </c:pt>
                <c:pt idx="749">
                  <c:v>12.483332999999988</c:v>
                </c:pt>
                <c:pt idx="750">
                  <c:v>12.5</c:v>
                </c:pt>
                <c:pt idx="751">
                  <c:v>12.516666999999998</c:v>
                </c:pt>
                <c:pt idx="752">
                  <c:v>12.533332999999999</c:v>
                </c:pt>
                <c:pt idx="753">
                  <c:v>12.549999999999997</c:v>
                </c:pt>
                <c:pt idx="754">
                  <c:v>12.566666999999995</c:v>
                </c:pt>
                <c:pt idx="755">
                  <c:v>12.583332999999996</c:v>
                </c:pt>
                <c:pt idx="756">
                  <c:v>12.599999999999994</c:v>
                </c:pt>
                <c:pt idx="757">
                  <c:v>12.616666999999993</c:v>
                </c:pt>
                <c:pt idx="758">
                  <c:v>12.633332999999993</c:v>
                </c:pt>
                <c:pt idx="759">
                  <c:v>12.649999999999991</c:v>
                </c:pt>
                <c:pt idx="760">
                  <c:v>12.66666699999999</c:v>
                </c:pt>
                <c:pt idx="761">
                  <c:v>12.68333299999999</c:v>
                </c:pt>
                <c:pt idx="762">
                  <c:v>12.699999999999989</c:v>
                </c:pt>
                <c:pt idx="763">
                  <c:v>12.716667000000001</c:v>
                </c:pt>
                <c:pt idx="764">
                  <c:v>12.733332999999988</c:v>
                </c:pt>
                <c:pt idx="765">
                  <c:v>12.75</c:v>
                </c:pt>
                <c:pt idx="766">
                  <c:v>12.766666999999998</c:v>
                </c:pt>
                <c:pt idx="767">
                  <c:v>12.783332999999999</c:v>
                </c:pt>
                <c:pt idx="768">
                  <c:v>12.799999999999997</c:v>
                </c:pt>
                <c:pt idx="769">
                  <c:v>12.816666999999995</c:v>
                </c:pt>
                <c:pt idx="770">
                  <c:v>12.833332999999996</c:v>
                </c:pt>
                <c:pt idx="771">
                  <c:v>12.849999999999994</c:v>
                </c:pt>
                <c:pt idx="772">
                  <c:v>12.866666999999993</c:v>
                </c:pt>
                <c:pt idx="773">
                  <c:v>12.883332999999993</c:v>
                </c:pt>
                <c:pt idx="774">
                  <c:v>12.899999999999991</c:v>
                </c:pt>
                <c:pt idx="775">
                  <c:v>12.91666699999999</c:v>
                </c:pt>
                <c:pt idx="776">
                  <c:v>12.93333299999999</c:v>
                </c:pt>
                <c:pt idx="777">
                  <c:v>12.949999999999989</c:v>
                </c:pt>
                <c:pt idx="778">
                  <c:v>12.966667000000001</c:v>
                </c:pt>
                <c:pt idx="779">
                  <c:v>12.983332999999988</c:v>
                </c:pt>
                <c:pt idx="780">
                  <c:v>13</c:v>
                </c:pt>
                <c:pt idx="781">
                  <c:v>13.016666999999998</c:v>
                </c:pt>
                <c:pt idx="782">
                  <c:v>13.033332999999999</c:v>
                </c:pt>
                <c:pt idx="783">
                  <c:v>13.049999999999997</c:v>
                </c:pt>
                <c:pt idx="784">
                  <c:v>13.066666999999995</c:v>
                </c:pt>
                <c:pt idx="785">
                  <c:v>13.083332999999996</c:v>
                </c:pt>
                <c:pt idx="786">
                  <c:v>13.099999999999994</c:v>
                </c:pt>
                <c:pt idx="787">
                  <c:v>13.116666999999993</c:v>
                </c:pt>
                <c:pt idx="788">
                  <c:v>13.133332999999993</c:v>
                </c:pt>
                <c:pt idx="789">
                  <c:v>13.149999999999991</c:v>
                </c:pt>
                <c:pt idx="790">
                  <c:v>13.16666699999999</c:v>
                </c:pt>
                <c:pt idx="791">
                  <c:v>13.18333299999999</c:v>
                </c:pt>
                <c:pt idx="792">
                  <c:v>13.199999999999989</c:v>
                </c:pt>
                <c:pt idx="793">
                  <c:v>13.216667000000001</c:v>
                </c:pt>
                <c:pt idx="794">
                  <c:v>13.233332999999988</c:v>
                </c:pt>
                <c:pt idx="795">
                  <c:v>13.25</c:v>
                </c:pt>
                <c:pt idx="796">
                  <c:v>13.266666999999998</c:v>
                </c:pt>
                <c:pt idx="797">
                  <c:v>13.283332999999999</c:v>
                </c:pt>
                <c:pt idx="798">
                  <c:v>13.299999999999997</c:v>
                </c:pt>
                <c:pt idx="799">
                  <c:v>13.316666999999995</c:v>
                </c:pt>
                <c:pt idx="800">
                  <c:v>13.333332999999996</c:v>
                </c:pt>
                <c:pt idx="801">
                  <c:v>13.349999999999994</c:v>
                </c:pt>
                <c:pt idx="802">
                  <c:v>13.366666999999993</c:v>
                </c:pt>
                <c:pt idx="803">
                  <c:v>13.383332999999993</c:v>
                </c:pt>
                <c:pt idx="804">
                  <c:v>13.399999999999991</c:v>
                </c:pt>
                <c:pt idx="805">
                  <c:v>13.41666699999999</c:v>
                </c:pt>
                <c:pt idx="806">
                  <c:v>13.43333299999999</c:v>
                </c:pt>
                <c:pt idx="807">
                  <c:v>13.449999999999989</c:v>
                </c:pt>
                <c:pt idx="808">
                  <c:v>13.466667000000001</c:v>
                </c:pt>
                <c:pt idx="809">
                  <c:v>13.483332999999988</c:v>
                </c:pt>
                <c:pt idx="810">
                  <c:v>13.5</c:v>
                </c:pt>
                <c:pt idx="811">
                  <c:v>13.516666999999998</c:v>
                </c:pt>
                <c:pt idx="812">
                  <c:v>13.533332999999999</c:v>
                </c:pt>
                <c:pt idx="813">
                  <c:v>13.549999999999997</c:v>
                </c:pt>
                <c:pt idx="814">
                  <c:v>13.566666999999995</c:v>
                </c:pt>
                <c:pt idx="815">
                  <c:v>13.583332999999996</c:v>
                </c:pt>
                <c:pt idx="816">
                  <c:v>13.599999999999994</c:v>
                </c:pt>
                <c:pt idx="817">
                  <c:v>13.616666999999993</c:v>
                </c:pt>
                <c:pt idx="818">
                  <c:v>13.633332999999993</c:v>
                </c:pt>
                <c:pt idx="819">
                  <c:v>13.649999999999991</c:v>
                </c:pt>
                <c:pt idx="820">
                  <c:v>13.66666699999999</c:v>
                </c:pt>
                <c:pt idx="821">
                  <c:v>13.68333299999999</c:v>
                </c:pt>
                <c:pt idx="822">
                  <c:v>13.699999999999989</c:v>
                </c:pt>
                <c:pt idx="823">
                  <c:v>13.716667000000001</c:v>
                </c:pt>
                <c:pt idx="824">
                  <c:v>13.733332999999988</c:v>
                </c:pt>
                <c:pt idx="825">
                  <c:v>13.75</c:v>
                </c:pt>
                <c:pt idx="826">
                  <c:v>13.766666999999998</c:v>
                </c:pt>
                <c:pt idx="827">
                  <c:v>13.783332999999999</c:v>
                </c:pt>
                <c:pt idx="828">
                  <c:v>13.799999999999997</c:v>
                </c:pt>
                <c:pt idx="829">
                  <c:v>13.816666999999995</c:v>
                </c:pt>
                <c:pt idx="830">
                  <c:v>13.833332999999996</c:v>
                </c:pt>
                <c:pt idx="831">
                  <c:v>13.849999999999994</c:v>
                </c:pt>
                <c:pt idx="832">
                  <c:v>13.866666999999993</c:v>
                </c:pt>
                <c:pt idx="833">
                  <c:v>13.883332999999993</c:v>
                </c:pt>
                <c:pt idx="834">
                  <c:v>13.899999999999991</c:v>
                </c:pt>
                <c:pt idx="835">
                  <c:v>13.91666699999999</c:v>
                </c:pt>
                <c:pt idx="836">
                  <c:v>13.93333299999999</c:v>
                </c:pt>
                <c:pt idx="837">
                  <c:v>13.949999999999989</c:v>
                </c:pt>
                <c:pt idx="838">
                  <c:v>13.966667000000001</c:v>
                </c:pt>
                <c:pt idx="839">
                  <c:v>13.983332999999988</c:v>
                </c:pt>
                <c:pt idx="840">
                  <c:v>14</c:v>
                </c:pt>
                <c:pt idx="841">
                  <c:v>14.016666999999998</c:v>
                </c:pt>
                <c:pt idx="842">
                  <c:v>14.033332999999999</c:v>
                </c:pt>
                <c:pt idx="843">
                  <c:v>14.049999999999997</c:v>
                </c:pt>
                <c:pt idx="844">
                  <c:v>14.066666999999995</c:v>
                </c:pt>
                <c:pt idx="845">
                  <c:v>14.083332999999996</c:v>
                </c:pt>
                <c:pt idx="846">
                  <c:v>14.099999999999994</c:v>
                </c:pt>
                <c:pt idx="847">
                  <c:v>14.116666999999993</c:v>
                </c:pt>
                <c:pt idx="848">
                  <c:v>14.133332999999993</c:v>
                </c:pt>
                <c:pt idx="849">
                  <c:v>14.149999999999991</c:v>
                </c:pt>
                <c:pt idx="850">
                  <c:v>14.16666699999999</c:v>
                </c:pt>
                <c:pt idx="851">
                  <c:v>14.18333299999999</c:v>
                </c:pt>
                <c:pt idx="852">
                  <c:v>14.199999999999989</c:v>
                </c:pt>
                <c:pt idx="853">
                  <c:v>14.216667000000001</c:v>
                </c:pt>
                <c:pt idx="854">
                  <c:v>14.233332999999988</c:v>
                </c:pt>
                <c:pt idx="855">
                  <c:v>14.25</c:v>
                </c:pt>
                <c:pt idx="856">
                  <c:v>14.266666999999998</c:v>
                </c:pt>
                <c:pt idx="857">
                  <c:v>14.283332999999999</c:v>
                </c:pt>
                <c:pt idx="858">
                  <c:v>14.299999999999997</c:v>
                </c:pt>
                <c:pt idx="859">
                  <c:v>14.316666999999995</c:v>
                </c:pt>
                <c:pt idx="860">
                  <c:v>14.333332999999996</c:v>
                </c:pt>
                <c:pt idx="861">
                  <c:v>14.349999999999994</c:v>
                </c:pt>
                <c:pt idx="862">
                  <c:v>14.366666999999993</c:v>
                </c:pt>
                <c:pt idx="863">
                  <c:v>14.383332999999993</c:v>
                </c:pt>
                <c:pt idx="864">
                  <c:v>14.399999999999991</c:v>
                </c:pt>
                <c:pt idx="865">
                  <c:v>14.41666699999999</c:v>
                </c:pt>
                <c:pt idx="866">
                  <c:v>14.43333299999999</c:v>
                </c:pt>
                <c:pt idx="867">
                  <c:v>14.449999999999989</c:v>
                </c:pt>
                <c:pt idx="868">
                  <c:v>14.466667000000001</c:v>
                </c:pt>
                <c:pt idx="869">
                  <c:v>14.483332999999988</c:v>
                </c:pt>
                <c:pt idx="870">
                  <c:v>14.5</c:v>
                </c:pt>
                <c:pt idx="871">
                  <c:v>14.516666999999998</c:v>
                </c:pt>
                <c:pt idx="872">
                  <c:v>14.533332999999999</c:v>
                </c:pt>
                <c:pt idx="873">
                  <c:v>14.549999999999997</c:v>
                </c:pt>
                <c:pt idx="874">
                  <c:v>14.566666999999995</c:v>
                </c:pt>
                <c:pt idx="875">
                  <c:v>14.583332999999996</c:v>
                </c:pt>
                <c:pt idx="876">
                  <c:v>14.599999999999994</c:v>
                </c:pt>
                <c:pt idx="877">
                  <c:v>14.616666999999993</c:v>
                </c:pt>
                <c:pt idx="878">
                  <c:v>14.633332999999993</c:v>
                </c:pt>
                <c:pt idx="879">
                  <c:v>14.649999999999991</c:v>
                </c:pt>
                <c:pt idx="880">
                  <c:v>14.66666699999999</c:v>
                </c:pt>
                <c:pt idx="881">
                  <c:v>14.68333299999999</c:v>
                </c:pt>
                <c:pt idx="882">
                  <c:v>14.699999999999989</c:v>
                </c:pt>
                <c:pt idx="883">
                  <c:v>14.716667000000001</c:v>
                </c:pt>
                <c:pt idx="884">
                  <c:v>14.733332999999988</c:v>
                </c:pt>
                <c:pt idx="885">
                  <c:v>14.75</c:v>
                </c:pt>
                <c:pt idx="886">
                  <c:v>14.766666999999998</c:v>
                </c:pt>
                <c:pt idx="887">
                  <c:v>14.783332999999999</c:v>
                </c:pt>
                <c:pt idx="888">
                  <c:v>14.799999999999997</c:v>
                </c:pt>
                <c:pt idx="889">
                  <c:v>14.816666999999995</c:v>
                </c:pt>
                <c:pt idx="890">
                  <c:v>14.833332999999996</c:v>
                </c:pt>
                <c:pt idx="891">
                  <c:v>14.849999999999994</c:v>
                </c:pt>
                <c:pt idx="892">
                  <c:v>14.866666999999993</c:v>
                </c:pt>
                <c:pt idx="893">
                  <c:v>14.883332999999993</c:v>
                </c:pt>
                <c:pt idx="894">
                  <c:v>14.899999999999991</c:v>
                </c:pt>
                <c:pt idx="895">
                  <c:v>14.91666699999999</c:v>
                </c:pt>
                <c:pt idx="896">
                  <c:v>14.93333299999999</c:v>
                </c:pt>
                <c:pt idx="897">
                  <c:v>14.949999999999989</c:v>
                </c:pt>
                <c:pt idx="898">
                  <c:v>14.966667000000001</c:v>
                </c:pt>
                <c:pt idx="899">
                  <c:v>14.983332999999988</c:v>
                </c:pt>
                <c:pt idx="900">
                  <c:v>15</c:v>
                </c:pt>
                <c:pt idx="901">
                  <c:v>15.016666999999998</c:v>
                </c:pt>
                <c:pt idx="902">
                  <c:v>15.033332999999999</c:v>
                </c:pt>
                <c:pt idx="903">
                  <c:v>15.049999999999997</c:v>
                </c:pt>
                <c:pt idx="904">
                  <c:v>15.066666999999995</c:v>
                </c:pt>
                <c:pt idx="905">
                  <c:v>15.083332999999996</c:v>
                </c:pt>
                <c:pt idx="906">
                  <c:v>15.099999999999994</c:v>
                </c:pt>
                <c:pt idx="907">
                  <c:v>15.116666999999993</c:v>
                </c:pt>
                <c:pt idx="908">
                  <c:v>15.133332999999993</c:v>
                </c:pt>
                <c:pt idx="909">
                  <c:v>15.149999999999991</c:v>
                </c:pt>
                <c:pt idx="910">
                  <c:v>15.16666699999999</c:v>
                </c:pt>
                <c:pt idx="911">
                  <c:v>15.18333299999999</c:v>
                </c:pt>
                <c:pt idx="912">
                  <c:v>15.199999999999989</c:v>
                </c:pt>
                <c:pt idx="913">
                  <c:v>15.216667000000001</c:v>
                </c:pt>
                <c:pt idx="914">
                  <c:v>15.233332999999988</c:v>
                </c:pt>
                <c:pt idx="915">
                  <c:v>15.25</c:v>
                </c:pt>
                <c:pt idx="916">
                  <c:v>15.266666999999998</c:v>
                </c:pt>
                <c:pt idx="917">
                  <c:v>15.283332999999999</c:v>
                </c:pt>
                <c:pt idx="918">
                  <c:v>15.299999999999997</c:v>
                </c:pt>
                <c:pt idx="919">
                  <c:v>15.316666999999995</c:v>
                </c:pt>
                <c:pt idx="920">
                  <c:v>15.333332999999996</c:v>
                </c:pt>
                <c:pt idx="921">
                  <c:v>15.349999999999994</c:v>
                </c:pt>
                <c:pt idx="922">
                  <c:v>15.366666999999993</c:v>
                </c:pt>
                <c:pt idx="923">
                  <c:v>15.383332999999993</c:v>
                </c:pt>
                <c:pt idx="924">
                  <c:v>15.399999999999991</c:v>
                </c:pt>
                <c:pt idx="925">
                  <c:v>15.41666699999999</c:v>
                </c:pt>
                <c:pt idx="926">
                  <c:v>15.43333299999999</c:v>
                </c:pt>
                <c:pt idx="927">
                  <c:v>15.449999999999989</c:v>
                </c:pt>
                <c:pt idx="928">
                  <c:v>15.466667000000001</c:v>
                </c:pt>
                <c:pt idx="929">
                  <c:v>15.483332999999988</c:v>
                </c:pt>
                <c:pt idx="930">
                  <c:v>15.5</c:v>
                </c:pt>
                <c:pt idx="931">
                  <c:v>15.516666999999998</c:v>
                </c:pt>
                <c:pt idx="932">
                  <c:v>15.533332999999999</c:v>
                </c:pt>
                <c:pt idx="933">
                  <c:v>15.549999999999997</c:v>
                </c:pt>
                <c:pt idx="934">
                  <c:v>15.566666999999995</c:v>
                </c:pt>
                <c:pt idx="935">
                  <c:v>15.583332999999996</c:v>
                </c:pt>
                <c:pt idx="936">
                  <c:v>15.599999999999994</c:v>
                </c:pt>
                <c:pt idx="937">
                  <c:v>15.616666999999993</c:v>
                </c:pt>
                <c:pt idx="938">
                  <c:v>15.633332999999993</c:v>
                </c:pt>
                <c:pt idx="939">
                  <c:v>15.649999999999991</c:v>
                </c:pt>
                <c:pt idx="940">
                  <c:v>15.66666699999999</c:v>
                </c:pt>
                <c:pt idx="941">
                  <c:v>15.68333299999999</c:v>
                </c:pt>
                <c:pt idx="942">
                  <c:v>15.699999999999989</c:v>
                </c:pt>
                <c:pt idx="943">
                  <c:v>15.716667000000001</c:v>
                </c:pt>
                <c:pt idx="944">
                  <c:v>15.733332999999988</c:v>
                </c:pt>
                <c:pt idx="945">
                  <c:v>15.75</c:v>
                </c:pt>
                <c:pt idx="946">
                  <c:v>15.766666999999998</c:v>
                </c:pt>
                <c:pt idx="947">
                  <c:v>15.783332999999999</c:v>
                </c:pt>
                <c:pt idx="948">
                  <c:v>15.799999999999997</c:v>
                </c:pt>
                <c:pt idx="949">
                  <c:v>15.816666999999995</c:v>
                </c:pt>
                <c:pt idx="950">
                  <c:v>15.833332999999996</c:v>
                </c:pt>
                <c:pt idx="951">
                  <c:v>15.849999999999994</c:v>
                </c:pt>
                <c:pt idx="952">
                  <c:v>15.866666999999993</c:v>
                </c:pt>
                <c:pt idx="953">
                  <c:v>15.883332999999993</c:v>
                </c:pt>
                <c:pt idx="954">
                  <c:v>15.899999999999991</c:v>
                </c:pt>
                <c:pt idx="955">
                  <c:v>15.91666699999999</c:v>
                </c:pt>
                <c:pt idx="956">
                  <c:v>15.93333299999999</c:v>
                </c:pt>
                <c:pt idx="957">
                  <c:v>15.949999999999989</c:v>
                </c:pt>
                <c:pt idx="958">
                  <c:v>15.966667000000001</c:v>
                </c:pt>
                <c:pt idx="959">
                  <c:v>15.983332999999988</c:v>
                </c:pt>
                <c:pt idx="960">
                  <c:v>16</c:v>
                </c:pt>
                <c:pt idx="961">
                  <c:v>16.016666999999998</c:v>
                </c:pt>
                <c:pt idx="962">
                  <c:v>16.033332999999999</c:v>
                </c:pt>
                <c:pt idx="963">
                  <c:v>16.049999999999997</c:v>
                </c:pt>
                <c:pt idx="964">
                  <c:v>16.066666999999995</c:v>
                </c:pt>
                <c:pt idx="965">
                  <c:v>16.083332999999996</c:v>
                </c:pt>
                <c:pt idx="966">
                  <c:v>16.099999999999994</c:v>
                </c:pt>
                <c:pt idx="967">
                  <c:v>16.116666999999993</c:v>
                </c:pt>
                <c:pt idx="968">
                  <c:v>16.133332999999993</c:v>
                </c:pt>
                <c:pt idx="969">
                  <c:v>16.149999999999991</c:v>
                </c:pt>
                <c:pt idx="970">
                  <c:v>16.16666699999999</c:v>
                </c:pt>
                <c:pt idx="971">
                  <c:v>16.18333299999999</c:v>
                </c:pt>
                <c:pt idx="972">
                  <c:v>16.199999999999989</c:v>
                </c:pt>
                <c:pt idx="973">
                  <c:v>16.216667000000001</c:v>
                </c:pt>
                <c:pt idx="974">
                  <c:v>16.233332999999988</c:v>
                </c:pt>
                <c:pt idx="975">
                  <c:v>16.25</c:v>
                </c:pt>
                <c:pt idx="976">
                  <c:v>16.266666999999998</c:v>
                </c:pt>
                <c:pt idx="977">
                  <c:v>16.283332999999999</c:v>
                </c:pt>
                <c:pt idx="978">
                  <c:v>16.299999999999997</c:v>
                </c:pt>
                <c:pt idx="979">
                  <c:v>16.316666999999995</c:v>
                </c:pt>
                <c:pt idx="980">
                  <c:v>16.333332999999996</c:v>
                </c:pt>
                <c:pt idx="981">
                  <c:v>16.349999999999994</c:v>
                </c:pt>
                <c:pt idx="982">
                  <c:v>16.366666999999993</c:v>
                </c:pt>
                <c:pt idx="983">
                  <c:v>16.383332999999993</c:v>
                </c:pt>
                <c:pt idx="984">
                  <c:v>16.399999999999991</c:v>
                </c:pt>
                <c:pt idx="985">
                  <c:v>16.41666699999999</c:v>
                </c:pt>
                <c:pt idx="986">
                  <c:v>16.43333299999999</c:v>
                </c:pt>
                <c:pt idx="987">
                  <c:v>16.449999999999989</c:v>
                </c:pt>
                <c:pt idx="988">
                  <c:v>16.466667000000001</c:v>
                </c:pt>
                <c:pt idx="989">
                  <c:v>16.483332999999988</c:v>
                </c:pt>
                <c:pt idx="990">
                  <c:v>16.5</c:v>
                </c:pt>
                <c:pt idx="991">
                  <c:v>16.516666999999998</c:v>
                </c:pt>
                <c:pt idx="992">
                  <c:v>16.533332999999999</c:v>
                </c:pt>
                <c:pt idx="993">
                  <c:v>16.549999999999997</c:v>
                </c:pt>
                <c:pt idx="994">
                  <c:v>16.566666999999995</c:v>
                </c:pt>
                <c:pt idx="995">
                  <c:v>16.583332999999996</c:v>
                </c:pt>
                <c:pt idx="996">
                  <c:v>16.599999999999994</c:v>
                </c:pt>
                <c:pt idx="997">
                  <c:v>16.616666999999993</c:v>
                </c:pt>
                <c:pt idx="998">
                  <c:v>16.633332999999993</c:v>
                </c:pt>
                <c:pt idx="999">
                  <c:v>16.649999999999991</c:v>
                </c:pt>
                <c:pt idx="1000">
                  <c:v>16.66666699999999</c:v>
                </c:pt>
                <c:pt idx="1001">
                  <c:v>16.68333299999999</c:v>
                </c:pt>
                <c:pt idx="1002">
                  <c:v>16.699999999999989</c:v>
                </c:pt>
                <c:pt idx="1003">
                  <c:v>16.716667000000001</c:v>
                </c:pt>
                <c:pt idx="1004">
                  <c:v>16.733332999999988</c:v>
                </c:pt>
                <c:pt idx="1005">
                  <c:v>16.75</c:v>
                </c:pt>
                <c:pt idx="1006">
                  <c:v>16.766666999999998</c:v>
                </c:pt>
                <c:pt idx="1007">
                  <c:v>16.783332999999999</c:v>
                </c:pt>
                <c:pt idx="1008">
                  <c:v>16.799999999999997</c:v>
                </c:pt>
                <c:pt idx="1009">
                  <c:v>16.816666999999995</c:v>
                </c:pt>
                <c:pt idx="1010">
                  <c:v>16.833332999999996</c:v>
                </c:pt>
                <c:pt idx="1011">
                  <c:v>16.849999999999994</c:v>
                </c:pt>
                <c:pt idx="1012">
                  <c:v>16.866666999999993</c:v>
                </c:pt>
                <c:pt idx="1013">
                  <c:v>16.883332999999993</c:v>
                </c:pt>
                <c:pt idx="1014">
                  <c:v>16.899999999999991</c:v>
                </c:pt>
                <c:pt idx="1015">
                  <c:v>16.91666699999999</c:v>
                </c:pt>
                <c:pt idx="1016">
                  <c:v>16.93333299999999</c:v>
                </c:pt>
                <c:pt idx="1017">
                  <c:v>16.949999999999989</c:v>
                </c:pt>
                <c:pt idx="1018">
                  <c:v>16.966667000000001</c:v>
                </c:pt>
                <c:pt idx="1019">
                  <c:v>16.983332999999988</c:v>
                </c:pt>
                <c:pt idx="1020">
                  <c:v>17</c:v>
                </c:pt>
                <c:pt idx="1021">
                  <c:v>17.016666999999998</c:v>
                </c:pt>
                <c:pt idx="1022">
                  <c:v>17.033332999999999</c:v>
                </c:pt>
                <c:pt idx="1023">
                  <c:v>17.049999999999997</c:v>
                </c:pt>
                <c:pt idx="1024">
                  <c:v>17.066666999999995</c:v>
                </c:pt>
                <c:pt idx="1025">
                  <c:v>17.083332999999996</c:v>
                </c:pt>
                <c:pt idx="1026">
                  <c:v>17.099999999999994</c:v>
                </c:pt>
                <c:pt idx="1027">
                  <c:v>17.116666999999993</c:v>
                </c:pt>
                <c:pt idx="1028">
                  <c:v>17.133332999999993</c:v>
                </c:pt>
                <c:pt idx="1029">
                  <c:v>17.149999999999991</c:v>
                </c:pt>
                <c:pt idx="1030">
                  <c:v>17.16666699999999</c:v>
                </c:pt>
                <c:pt idx="1031">
                  <c:v>17.18333299999999</c:v>
                </c:pt>
                <c:pt idx="1032">
                  <c:v>17.199999999999989</c:v>
                </c:pt>
                <c:pt idx="1033">
                  <c:v>17.216667000000001</c:v>
                </c:pt>
                <c:pt idx="1034">
                  <c:v>17.233332999999988</c:v>
                </c:pt>
                <c:pt idx="1035">
                  <c:v>17.25</c:v>
                </c:pt>
                <c:pt idx="1036">
                  <c:v>17.266666999999998</c:v>
                </c:pt>
                <c:pt idx="1037">
                  <c:v>17.283332999999999</c:v>
                </c:pt>
                <c:pt idx="1038">
                  <c:v>17.299999999999997</c:v>
                </c:pt>
                <c:pt idx="1039">
                  <c:v>17.316666999999995</c:v>
                </c:pt>
                <c:pt idx="1040">
                  <c:v>17.333332999999996</c:v>
                </c:pt>
                <c:pt idx="1041">
                  <c:v>17.349999999999994</c:v>
                </c:pt>
                <c:pt idx="1042">
                  <c:v>17.366666999999993</c:v>
                </c:pt>
                <c:pt idx="1043">
                  <c:v>17.383332999999993</c:v>
                </c:pt>
                <c:pt idx="1044">
                  <c:v>17.399999999999991</c:v>
                </c:pt>
                <c:pt idx="1045">
                  <c:v>17.41666699999999</c:v>
                </c:pt>
                <c:pt idx="1046">
                  <c:v>17.43333299999999</c:v>
                </c:pt>
                <c:pt idx="1047">
                  <c:v>17.449999999999989</c:v>
                </c:pt>
                <c:pt idx="1048">
                  <c:v>17.466667000000001</c:v>
                </c:pt>
                <c:pt idx="1049">
                  <c:v>17.483332999999988</c:v>
                </c:pt>
                <c:pt idx="1050">
                  <c:v>17.5</c:v>
                </c:pt>
                <c:pt idx="1051">
                  <c:v>17.516666999999998</c:v>
                </c:pt>
                <c:pt idx="1052">
                  <c:v>17.533332999999999</c:v>
                </c:pt>
                <c:pt idx="1053">
                  <c:v>17.549999999999997</c:v>
                </c:pt>
                <c:pt idx="1054">
                  <c:v>17.566666999999995</c:v>
                </c:pt>
                <c:pt idx="1055">
                  <c:v>17.583332999999996</c:v>
                </c:pt>
                <c:pt idx="1056">
                  <c:v>17.599999999999994</c:v>
                </c:pt>
                <c:pt idx="1057">
                  <c:v>17.616666999999993</c:v>
                </c:pt>
                <c:pt idx="1058">
                  <c:v>17.633332999999993</c:v>
                </c:pt>
                <c:pt idx="1059">
                  <c:v>17.649999999999991</c:v>
                </c:pt>
                <c:pt idx="1060">
                  <c:v>17.66666699999999</c:v>
                </c:pt>
                <c:pt idx="1061">
                  <c:v>17.68333299999999</c:v>
                </c:pt>
                <c:pt idx="1062">
                  <c:v>17.699999999999989</c:v>
                </c:pt>
                <c:pt idx="1063">
                  <c:v>17.716667000000001</c:v>
                </c:pt>
                <c:pt idx="1064">
                  <c:v>17.733332999999988</c:v>
                </c:pt>
                <c:pt idx="1065">
                  <c:v>17.75</c:v>
                </c:pt>
                <c:pt idx="1066">
                  <c:v>17.766666999999998</c:v>
                </c:pt>
                <c:pt idx="1067">
                  <c:v>17.783332999999999</c:v>
                </c:pt>
                <c:pt idx="1068">
                  <c:v>17.799999999999997</c:v>
                </c:pt>
                <c:pt idx="1069">
                  <c:v>17.816666999999995</c:v>
                </c:pt>
                <c:pt idx="1070">
                  <c:v>17.833332999999996</c:v>
                </c:pt>
                <c:pt idx="1071">
                  <c:v>17.849999999999994</c:v>
                </c:pt>
                <c:pt idx="1072">
                  <c:v>17.866666999999993</c:v>
                </c:pt>
                <c:pt idx="1073">
                  <c:v>17.883332999999993</c:v>
                </c:pt>
                <c:pt idx="1074">
                  <c:v>17.899999999999991</c:v>
                </c:pt>
                <c:pt idx="1075">
                  <c:v>17.91666699999999</c:v>
                </c:pt>
                <c:pt idx="1076">
                  <c:v>17.93333299999999</c:v>
                </c:pt>
                <c:pt idx="1077">
                  <c:v>17.949999999999989</c:v>
                </c:pt>
                <c:pt idx="1078">
                  <c:v>17.966667000000001</c:v>
                </c:pt>
                <c:pt idx="1079">
                  <c:v>17.983332999999988</c:v>
                </c:pt>
                <c:pt idx="1080">
                  <c:v>18</c:v>
                </c:pt>
                <c:pt idx="1081">
                  <c:v>18.016666999999998</c:v>
                </c:pt>
                <c:pt idx="1082">
                  <c:v>18.033332999999999</c:v>
                </c:pt>
                <c:pt idx="1083">
                  <c:v>18.049999999999997</c:v>
                </c:pt>
                <c:pt idx="1084">
                  <c:v>18.066666999999995</c:v>
                </c:pt>
                <c:pt idx="1085">
                  <c:v>18.083332999999996</c:v>
                </c:pt>
                <c:pt idx="1086">
                  <c:v>18.099999999999994</c:v>
                </c:pt>
                <c:pt idx="1087">
                  <c:v>18.116666999999993</c:v>
                </c:pt>
                <c:pt idx="1088">
                  <c:v>18.133332999999993</c:v>
                </c:pt>
                <c:pt idx="1089">
                  <c:v>18.149999999999991</c:v>
                </c:pt>
                <c:pt idx="1090">
                  <c:v>18.16666699999999</c:v>
                </c:pt>
                <c:pt idx="1091">
                  <c:v>18.18333299999999</c:v>
                </c:pt>
                <c:pt idx="1092">
                  <c:v>18.199999999999989</c:v>
                </c:pt>
                <c:pt idx="1093">
                  <c:v>18.216667000000001</c:v>
                </c:pt>
                <c:pt idx="1094">
                  <c:v>18.233332999999988</c:v>
                </c:pt>
                <c:pt idx="1095">
                  <c:v>18.25</c:v>
                </c:pt>
                <c:pt idx="1096">
                  <c:v>18.266666999999998</c:v>
                </c:pt>
                <c:pt idx="1097">
                  <c:v>18.283332999999999</c:v>
                </c:pt>
                <c:pt idx="1098">
                  <c:v>18.299999999999997</c:v>
                </c:pt>
                <c:pt idx="1099">
                  <c:v>18.316666999999995</c:v>
                </c:pt>
                <c:pt idx="1100">
                  <c:v>18.333332999999996</c:v>
                </c:pt>
                <c:pt idx="1101">
                  <c:v>18.349999999999994</c:v>
                </c:pt>
                <c:pt idx="1102">
                  <c:v>18.366666999999993</c:v>
                </c:pt>
                <c:pt idx="1103">
                  <c:v>18.383332999999993</c:v>
                </c:pt>
                <c:pt idx="1104">
                  <c:v>18.399999999999991</c:v>
                </c:pt>
                <c:pt idx="1105">
                  <c:v>18.41666699999999</c:v>
                </c:pt>
                <c:pt idx="1106">
                  <c:v>18.43333299999999</c:v>
                </c:pt>
                <c:pt idx="1107">
                  <c:v>18.449999999999989</c:v>
                </c:pt>
                <c:pt idx="1108">
                  <c:v>18.466667000000001</c:v>
                </c:pt>
                <c:pt idx="1109">
                  <c:v>18.483332999999988</c:v>
                </c:pt>
                <c:pt idx="1110">
                  <c:v>18.5</c:v>
                </c:pt>
                <c:pt idx="1111">
                  <c:v>18.516666999999998</c:v>
                </c:pt>
                <c:pt idx="1112">
                  <c:v>18.533332999999999</c:v>
                </c:pt>
                <c:pt idx="1113">
                  <c:v>18.549999999999997</c:v>
                </c:pt>
                <c:pt idx="1114">
                  <c:v>18.566666999999995</c:v>
                </c:pt>
                <c:pt idx="1115">
                  <c:v>18.583332999999996</c:v>
                </c:pt>
                <c:pt idx="1116">
                  <c:v>18.599999999999994</c:v>
                </c:pt>
                <c:pt idx="1117">
                  <c:v>18.616666999999993</c:v>
                </c:pt>
                <c:pt idx="1118">
                  <c:v>18.633332999999993</c:v>
                </c:pt>
                <c:pt idx="1119">
                  <c:v>18.649999999999991</c:v>
                </c:pt>
                <c:pt idx="1120">
                  <c:v>18.66666699999999</c:v>
                </c:pt>
                <c:pt idx="1121">
                  <c:v>18.68333299999999</c:v>
                </c:pt>
                <c:pt idx="1122">
                  <c:v>18.699999999999989</c:v>
                </c:pt>
                <c:pt idx="1123">
                  <c:v>18.716667000000001</c:v>
                </c:pt>
                <c:pt idx="1124">
                  <c:v>18.733332999999988</c:v>
                </c:pt>
                <c:pt idx="1125">
                  <c:v>18.75</c:v>
                </c:pt>
                <c:pt idx="1126">
                  <c:v>18.766666999999998</c:v>
                </c:pt>
                <c:pt idx="1127">
                  <c:v>18.783332999999999</c:v>
                </c:pt>
                <c:pt idx="1128">
                  <c:v>18.799999999999997</c:v>
                </c:pt>
                <c:pt idx="1129">
                  <c:v>18.816666999999995</c:v>
                </c:pt>
                <c:pt idx="1130">
                  <c:v>18.833332999999996</c:v>
                </c:pt>
                <c:pt idx="1131">
                  <c:v>18.849999999999994</c:v>
                </c:pt>
                <c:pt idx="1132">
                  <c:v>18.866666999999993</c:v>
                </c:pt>
                <c:pt idx="1133">
                  <c:v>18.883332999999993</c:v>
                </c:pt>
                <c:pt idx="1134">
                  <c:v>18.899999999999991</c:v>
                </c:pt>
                <c:pt idx="1135">
                  <c:v>18.91666699999999</c:v>
                </c:pt>
                <c:pt idx="1136">
                  <c:v>18.93333299999999</c:v>
                </c:pt>
                <c:pt idx="1137">
                  <c:v>18.949999999999989</c:v>
                </c:pt>
                <c:pt idx="1138">
                  <c:v>18.966667000000001</c:v>
                </c:pt>
                <c:pt idx="1139">
                  <c:v>18.983332999999988</c:v>
                </c:pt>
                <c:pt idx="1140">
                  <c:v>19</c:v>
                </c:pt>
                <c:pt idx="1141">
                  <c:v>19.016666999999998</c:v>
                </c:pt>
                <c:pt idx="1142">
                  <c:v>19.033332999999999</c:v>
                </c:pt>
                <c:pt idx="1143">
                  <c:v>19.049999999999997</c:v>
                </c:pt>
                <c:pt idx="1144">
                  <c:v>19.066666999999995</c:v>
                </c:pt>
                <c:pt idx="1145">
                  <c:v>19.083332999999996</c:v>
                </c:pt>
                <c:pt idx="1146">
                  <c:v>19.099999999999994</c:v>
                </c:pt>
                <c:pt idx="1147">
                  <c:v>19.116666999999993</c:v>
                </c:pt>
                <c:pt idx="1148">
                  <c:v>19.133332999999993</c:v>
                </c:pt>
                <c:pt idx="1149">
                  <c:v>19.149999999999991</c:v>
                </c:pt>
                <c:pt idx="1150">
                  <c:v>19.16666699999999</c:v>
                </c:pt>
                <c:pt idx="1151">
                  <c:v>19.18333299999999</c:v>
                </c:pt>
                <c:pt idx="1152">
                  <c:v>19.199999999999989</c:v>
                </c:pt>
                <c:pt idx="1153">
                  <c:v>19.216667000000001</c:v>
                </c:pt>
                <c:pt idx="1154">
                  <c:v>19.233332999999988</c:v>
                </c:pt>
                <c:pt idx="1155">
                  <c:v>19.25</c:v>
                </c:pt>
                <c:pt idx="1156">
                  <c:v>19.266666999999998</c:v>
                </c:pt>
                <c:pt idx="1157">
                  <c:v>19.283332999999999</c:v>
                </c:pt>
                <c:pt idx="1158">
                  <c:v>19.299999999999997</c:v>
                </c:pt>
                <c:pt idx="1159">
                  <c:v>19.316666999999995</c:v>
                </c:pt>
                <c:pt idx="1160">
                  <c:v>19.333332999999996</c:v>
                </c:pt>
                <c:pt idx="1161">
                  <c:v>19.349999999999994</c:v>
                </c:pt>
                <c:pt idx="1162">
                  <c:v>19.366666999999993</c:v>
                </c:pt>
                <c:pt idx="1163">
                  <c:v>19.383332999999993</c:v>
                </c:pt>
                <c:pt idx="1164">
                  <c:v>19.399999999999991</c:v>
                </c:pt>
                <c:pt idx="1165">
                  <c:v>19.41666699999999</c:v>
                </c:pt>
                <c:pt idx="1166">
                  <c:v>19.43333299999999</c:v>
                </c:pt>
                <c:pt idx="1167">
                  <c:v>19.449999999999989</c:v>
                </c:pt>
                <c:pt idx="1168">
                  <c:v>19.466667000000001</c:v>
                </c:pt>
                <c:pt idx="1169">
                  <c:v>19.483332999999988</c:v>
                </c:pt>
                <c:pt idx="1170">
                  <c:v>19.5</c:v>
                </c:pt>
                <c:pt idx="1171">
                  <c:v>19.516666999999998</c:v>
                </c:pt>
                <c:pt idx="1172">
                  <c:v>19.533332999999999</c:v>
                </c:pt>
                <c:pt idx="1173">
                  <c:v>19.549999999999997</c:v>
                </c:pt>
                <c:pt idx="1174">
                  <c:v>19.566666999999995</c:v>
                </c:pt>
                <c:pt idx="1175">
                  <c:v>19.583332999999996</c:v>
                </c:pt>
                <c:pt idx="1176">
                  <c:v>19.599999999999994</c:v>
                </c:pt>
                <c:pt idx="1177">
                  <c:v>19.616666999999993</c:v>
                </c:pt>
                <c:pt idx="1178">
                  <c:v>19.633332999999993</c:v>
                </c:pt>
                <c:pt idx="1179">
                  <c:v>19.649999999999991</c:v>
                </c:pt>
                <c:pt idx="1180">
                  <c:v>19.66666699999999</c:v>
                </c:pt>
                <c:pt idx="1181">
                  <c:v>19.68333299999999</c:v>
                </c:pt>
                <c:pt idx="1182">
                  <c:v>19.699999999999989</c:v>
                </c:pt>
                <c:pt idx="1183">
                  <c:v>19.716667000000001</c:v>
                </c:pt>
                <c:pt idx="1184">
                  <c:v>19.733332999999988</c:v>
                </c:pt>
                <c:pt idx="1185">
                  <c:v>19.75</c:v>
                </c:pt>
                <c:pt idx="1186">
                  <c:v>19.766666999999998</c:v>
                </c:pt>
                <c:pt idx="1187">
                  <c:v>19.783332999999999</c:v>
                </c:pt>
                <c:pt idx="1188">
                  <c:v>19.799999999999997</c:v>
                </c:pt>
                <c:pt idx="1189">
                  <c:v>19.816666999999995</c:v>
                </c:pt>
                <c:pt idx="1190">
                  <c:v>19.833332999999996</c:v>
                </c:pt>
                <c:pt idx="1191">
                  <c:v>19.849999999999994</c:v>
                </c:pt>
                <c:pt idx="1192">
                  <c:v>19.866666999999993</c:v>
                </c:pt>
                <c:pt idx="1193">
                  <c:v>19.883332999999993</c:v>
                </c:pt>
                <c:pt idx="1194">
                  <c:v>19.899999999999991</c:v>
                </c:pt>
                <c:pt idx="1195">
                  <c:v>19.91666699999999</c:v>
                </c:pt>
                <c:pt idx="1196">
                  <c:v>19.93333299999999</c:v>
                </c:pt>
                <c:pt idx="1197">
                  <c:v>19.949999999999989</c:v>
                </c:pt>
                <c:pt idx="1198">
                  <c:v>19.966667000000001</c:v>
                </c:pt>
                <c:pt idx="1199">
                  <c:v>19.983332999999988</c:v>
                </c:pt>
                <c:pt idx="1200">
                  <c:v>20</c:v>
                </c:pt>
                <c:pt idx="1201">
                  <c:v>20.016666999999998</c:v>
                </c:pt>
                <c:pt idx="1202">
                  <c:v>20.033332999999999</c:v>
                </c:pt>
                <c:pt idx="1203">
                  <c:v>20.049999999999997</c:v>
                </c:pt>
                <c:pt idx="1204">
                  <c:v>20.066666999999995</c:v>
                </c:pt>
                <c:pt idx="1205">
                  <c:v>20.083332999999996</c:v>
                </c:pt>
                <c:pt idx="1206">
                  <c:v>20.099999999999994</c:v>
                </c:pt>
                <c:pt idx="1207">
                  <c:v>20.116666999999993</c:v>
                </c:pt>
                <c:pt idx="1208">
                  <c:v>20.133332999999993</c:v>
                </c:pt>
                <c:pt idx="1209">
                  <c:v>20.149999999999991</c:v>
                </c:pt>
                <c:pt idx="1210">
                  <c:v>20.16666699999999</c:v>
                </c:pt>
                <c:pt idx="1211">
                  <c:v>20.18333299999999</c:v>
                </c:pt>
                <c:pt idx="1212">
                  <c:v>20.199999999999989</c:v>
                </c:pt>
                <c:pt idx="1213">
                  <c:v>20.216667000000001</c:v>
                </c:pt>
                <c:pt idx="1214">
                  <c:v>20.233332999999988</c:v>
                </c:pt>
                <c:pt idx="1215">
                  <c:v>20.25</c:v>
                </c:pt>
                <c:pt idx="1216">
                  <c:v>20.266666999999998</c:v>
                </c:pt>
                <c:pt idx="1217">
                  <c:v>20.283332999999999</c:v>
                </c:pt>
                <c:pt idx="1218">
                  <c:v>20.299999999999997</c:v>
                </c:pt>
                <c:pt idx="1219">
                  <c:v>20.316666999999995</c:v>
                </c:pt>
                <c:pt idx="1220">
                  <c:v>20.333332999999996</c:v>
                </c:pt>
                <c:pt idx="1221">
                  <c:v>20.349999999999994</c:v>
                </c:pt>
                <c:pt idx="1222">
                  <c:v>20.366666999999993</c:v>
                </c:pt>
                <c:pt idx="1223">
                  <c:v>20.383332999999993</c:v>
                </c:pt>
                <c:pt idx="1224">
                  <c:v>20.399999999999991</c:v>
                </c:pt>
                <c:pt idx="1225">
                  <c:v>20.41666699999999</c:v>
                </c:pt>
                <c:pt idx="1226">
                  <c:v>20.43333299999999</c:v>
                </c:pt>
                <c:pt idx="1227">
                  <c:v>20.449999999999989</c:v>
                </c:pt>
                <c:pt idx="1228">
                  <c:v>20.466667000000001</c:v>
                </c:pt>
                <c:pt idx="1229">
                  <c:v>20.483332999999988</c:v>
                </c:pt>
                <c:pt idx="1230">
                  <c:v>20.5</c:v>
                </c:pt>
                <c:pt idx="1231">
                  <c:v>20.516666999999998</c:v>
                </c:pt>
                <c:pt idx="1232">
                  <c:v>20.533332999999999</c:v>
                </c:pt>
                <c:pt idx="1233">
                  <c:v>20.549999999999997</c:v>
                </c:pt>
                <c:pt idx="1234">
                  <c:v>20.566666999999995</c:v>
                </c:pt>
                <c:pt idx="1235">
                  <c:v>20.583332999999996</c:v>
                </c:pt>
                <c:pt idx="1236">
                  <c:v>20.599999999999994</c:v>
                </c:pt>
                <c:pt idx="1237">
                  <c:v>20.616666999999993</c:v>
                </c:pt>
                <c:pt idx="1238">
                  <c:v>20.633332999999993</c:v>
                </c:pt>
                <c:pt idx="1239">
                  <c:v>20.649999999999991</c:v>
                </c:pt>
                <c:pt idx="1240">
                  <c:v>20.66666699999999</c:v>
                </c:pt>
                <c:pt idx="1241">
                  <c:v>20.68333299999999</c:v>
                </c:pt>
                <c:pt idx="1242">
                  <c:v>20.699999999999989</c:v>
                </c:pt>
                <c:pt idx="1243">
                  <c:v>20.716667000000001</c:v>
                </c:pt>
                <c:pt idx="1244">
                  <c:v>20.733332999999988</c:v>
                </c:pt>
                <c:pt idx="1245">
                  <c:v>20.75</c:v>
                </c:pt>
                <c:pt idx="1246">
                  <c:v>20.766666999999998</c:v>
                </c:pt>
                <c:pt idx="1247">
                  <c:v>20.783332999999999</c:v>
                </c:pt>
                <c:pt idx="1248">
                  <c:v>20.799999999999997</c:v>
                </c:pt>
                <c:pt idx="1249">
                  <c:v>20.816666999999995</c:v>
                </c:pt>
                <c:pt idx="1250">
                  <c:v>20.833332999999996</c:v>
                </c:pt>
                <c:pt idx="1251">
                  <c:v>20.849999999999994</c:v>
                </c:pt>
                <c:pt idx="1252">
                  <c:v>20.866666999999993</c:v>
                </c:pt>
                <c:pt idx="1253">
                  <c:v>20.883332999999993</c:v>
                </c:pt>
                <c:pt idx="1254">
                  <c:v>20.899999999999991</c:v>
                </c:pt>
                <c:pt idx="1255">
                  <c:v>20.91666699999999</c:v>
                </c:pt>
                <c:pt idx="1256">
                  <c:v>20.93333299999999</c:v>
                </c:pt>
                <c:pt idx="1257">
                  <c:v>20.949999999999989</c:v>
                </c:pt>
                <c:pt idx="1258">
                  <c:v>20.966667000000001</c:v>
                </c:pt>
                <c:pt idx="1259">
                  <c:v>20.983332999999988</c:v>
                </c:pt>
                <c:pt idx="1260">
                  <c:v>21</c:v>
                </c:pt>
                <c:pt idx="1261">
                  <c:v>21.016666999999998</c:v>
                </c:pt>
                <c:pt idx="1262">
                  <c:v>21.033332999999999</c:v>
                </c:pt>
                <c:pt idx="1263">
                  <c:v>21.049999999999997</c:v>
                </c:pt>
                <c:pt idx="1264">
                  <c:v>21.066666999999995</c:v>
                </c:pt>
                <c:pt idx="1265">
                  <c:v>21.083332999999996</c:v>
                </c:pt>
                <c:pt idx="1266">
                  <c:v>21.099999999999994</c:v>
                </c:pt>
                <c:pt idx="1267">
                  <c:v>21.116666999999993</c:v>
                </c:pt>
                <c:pt idx="1268">
                  <c:v>21.133332999999993</c:v>
                </c:pt>
                <c:pt idx="1269">
                  <c:v>21.149999999999991</c:v>
                </c:pt>
                <c:pt idx="1270">
                  <c:v>21.16666699999999</c:v>
                </c:pt>
                <c:pt idx="1271">
                  <c:v>21.18333299999999</c:v>
                </c:pt>
                <c:pt idx="1272">
                  <c:v>21.199999999999989</c:v>
                </c:pt>
                <c:pt idx="1273">
                  <c:v>21.216667000000001</c:v>
                </c:pt>
                <c:pt idx="1274">
                  <c:v>21.233332999999988</c:v>
                </c:pt>
                <c:pt idx="1275">
                  <c:v>21.25</c:v>
                </c:pt>
                <c:pt idx="1276">
                  <c:v>21.266666999999998</c:v>
                </c:pt>
                <c:pt idx="1277">
                  <c:v>21.283332999999999</c:v>
                </c:pt>
                <c:pt idx="1278">
                  <c:v>21.299999999999997</c:v>
                </c:pt>
                <c:pt idx="1279">
                  <c:v>21.316666999999995</c:v>
                </c:pt>
                <c:pt idx="1280">
                  <c:v>21.333332999999996</c:v>
                </c:pt>
                <c:pt idx="1281">
                  <c:v>21.349999999999994</c:v>
                </c:pt>
                <c:pt idx="1282">
                  <c:v>21.366666999999993</c:v>
                </c:pt>
                <c:pt idx="1283">
                  <c:v>21.383332999999993</c:v>
                </c:pt>
                <c:pt idx="1284">
                  <c:v>21.399999999999991</c:v>
                </c:pt>
                <c:pt idx="1285">
                  <c:v>21.41666699999999</c:v>
                </c:pt>
                <c:pt idx="1286">
                  <c:v>21.43333299999999</c:v>
                </c:pt>
                <c:pt idx="1287">
                  <c:v>21.449999999999989</c:v>
                </c:pt>
                <c:pt idx="1288">
                  <c:v>21.466667000000001</c:v>
                </c:pt>
                <c:pt idx="1289">
                  <c:v>21.483332999999988</c:v>
                </c:pt>
                <c:pt idx="1290">
                  <c:v>21.5</c:v>
                </c:pt>
                <c:pt idx="1291">
                  <c:v>21.516666999999998</c:v>
                </c:pt>
                <c:pt idx="1292">
                  <c:v>21.533332999999999</c:v>
                </c:pt>
                <c:pt idx="1293">
                  <c:v>21.549999999999997</c:v>
                </c:pt>
                <c:pt idx="1294">
                  <c:v>21.566666999999995</c:v>
                </c:pt>
                <c:pt idx="1295">
                  <c:v>21.583332999999996</c:v>
                </c:pt>
                <c:pt idx="1296">
                  <c:v>21.599999999999994</c:v>
                </c:pt>
                <c:pt idx="1297">
                  <c:v>21.616666999999993</c:v>
                </c:pt>
                <c:pt idx="1298">
                  <c:v>21.633332999999993</c:v>
                </c:pt>
                <c:pt idx="1299">
                  <c:v>21.649999999999991</c:v>
                </c:pt>
                <c:pt idx="1300">
                  <c:v>21.66666699999999</c:v>
                </c:pt>
                <c:pt idx="1301">
                  <c:v>21.68333299999999</c:v>
                </c:pt>
                <c:pt idx="1302">
                  <c:v>21.699999999999989</c:v>
                </c:pt>
                <c:pt idx="1303">
                  <c:v>21.716667000000001</c:v>
                </c:pt>
                <c:pt idx="1304">
                  <c:v>21.733332999999988</c:v>
                </c:pt>
                <c:pt idx="1305">
                  <c:v>21.75</c:v>
                </c:pt>
                <c:pt idx="1306">
                  <c:v>21.766666999999998</c:v>
                </c:pt>
                <c:pt idx="1307">
                  <c:v>21.783332999999999</c:v>
                </c:pt>
                <c:pt idx="1308">
                  <c:v>21.799999999999997</c:v>
                </c:pt>
                <c:pt idx="1309">
                  <c:v>21.816666999999995</c:v>
                </c:pt>
                <c:pt idx="1310">
                  <c:v>21.833332999999996</c:v>
                </c:pt>
                <c:pt idx="1311">
                  <c:v>21.849999999999994</c:v>
                </c:pt>
                <c:pt idx="1312">
                  <c:v>21.866666999999993</c:v>
                </c:pt>
                <c:pt idx="1313">
                  <c:v>21.883332999999993</c:v>
                </c:pt>
                <c:pt idx="1314">
                  <c:v>21.899999999999991</c:v>
                </c:pt>
                <c:pt idx="1315">
                  <c:v>21.91666699999999</c:v>
                </c:pt>
                <c:pt idx="1316">
                  <c:v>21.93333299999999</c:v>
                </c:pt>
                <c:pt idx="1317">
                  <c:v>21.949999999999989</c:v>
                </c:pt>
                <c:pt idx="1318">
                  <c:v>21.966667000000001</c:v>
                </c:pt>
                <c:pt idx="1319">
                  <c:v>21.983332999999988</c:v>
                </c:pt>
                <c:pt idx="1320">
                  <c:v>22</c:v>
                </c:pt>
                <c:pt idx="1321">
                  <c:v>22.016666999999998</c:v>
                </c:pt>
                <c:pt idx="1322">
                  <c:v>22.033332999999999</c:v>
                </c:pt>
                <c:pt idx="1323">
                  <c:v>22.049999999999997</c:v>
                </c:pt>
                <c:pt idx="1324">
                  <c:v>22.066666999999995</c:v>
                </c:pt>
                <c:pt idx="1325">
                  <c:v>22.083332999999996</c:v>
                </c:pt>
                <c:pt idx="1326">
                  <c:v>22.099999999999994</c:v>
                </c:pt>
                <c:pt idx="1327">
                  <c:v>22.116666999999993</c:v>
                </c:pt>
                <c:pt idx="1328">
                  <c:v>22.133332999999993</c:v>
                </c:pt>
                <c:pt idx="1329">
                  <c:v>22.149999999999991</c:v>
                </c:pt>
                <c:pt idx="1330">
                  <c:v>22.16666699999999</c:v>
                </c:pt>
                <c:pt idx="1331">
                  <c:v>22.18333299999999</c:v>
                </c:pt>
                <c:pt idx="1332">
                  <c:v>22.199999999999989</c:v>
                </c:pt>
                <c:pt idx="1333">
                  <c:v>22.216667000000001</c:v>
                </c:pt>
                <c:pt idx="1334">
                  <c:v>22.233332999999988</c:v>
                </c:pt>
                <c:pt idx="1335">
                  <c:v>22.25</c:v>
                </c:pt>
                <c:pt idx="1336">
                  <c:v>22.266666999999998</c:v>
                </c:pt>
                <c:pt idx="1337">
                  <c:v>22.283332999999999</c:v>
                </c:pt>
                <c:pt idx="1338">
                  <c:v>22.299999999999997</c:v>
                </c:pt>
                <c:pt idx="1339">
                  <c:v>22.316666999999995</c:v>
                </c:pt>
                <c:pt idx="1340">
                  <c:v>22.333332999999996</c:v>
                </c:pt>
                <c:pt idx="1341">
                  <c:v>22.349999999999994</c:v>
                </c:pt>
                <c:pt idx="1342">
                  <c:v>22.366666999999993</c:v>
                </c:pt>
                <c:pt idx="1343">
                  <c:v>22.383332999999993</c:v>
                </c:pt>
                <c:pt idx="1344">
                  <c:v>22.399999999999991</c:v>
                </c:pt>
                <c:pt idx="1345">
                  <c:v>22.41666699999999</c:v>
                </c:pt>
                <c:pt idx="1346">
                  <c:v>22.43333299999999</c:v>
                </c:pt>
                <c:pt idx="1347">
                  <c:v>22.449999999999989</c:v>
                </c:pt>
                <c:pt idx="1348">
                  <c:v>22.466667000000001</c:v>
                </c:pt>
                <c:pt idx="1349">
                  <c:v>22.483332999999988</c:v>
                </c:pt>
                <c:pt idx="1350">
                  <c:v>22.5</c:v>
                </c:pt>
                <c:pt idx="1351">
                  <c:v>22.516666999999998</c:v>
                </c:pt>
                <c:pt idx="1352">
                  <c:v>22.533332999999999</c:v>
                </c:pt>
                <c:pt idx="1353">
                  <c:v>22.549999999999997</c:v>
                </c:pt>
                <c:pt idx="1354">
                  <c:v>22.566666999999995</c:v>
                </c:pt>
                <c:pt idx="1355">
                  <c:v>22.583332999999996</c:v>
                </c:pt>
                <c:pt idx="1356">
                  <c:v>22.599999999999994</c:v>
                </c:pt>
                <c:pt idx="1357">
                  <c:v>22.616666999999993</c:v>
                </c:pt>
                <c:pt idx="1358">
                  <c:v>22.633332999999993</c:v>
                </c:pt>
                <c:pt idx="1359">
                  <c:v>22.649999999999991</c:v>
                </c:pt>
                <c:pt idx="1360">
                  <c:v>22.66666699999999</c:v>
                </c:pt>
                <c:pt idx="1361">
                  <c:v>22.68333299999999</c:v>
                </c:pt>
                <c:pt idx="1362">
                  <c:v>22.699999999999989</c:v>
                </c:pt>
                <c:pt idx="1363">
                  <c:v>22.716667000000001</c:v>
                </c:pt>
                <c:pt idx="1364">
                  <c:v>22.733332999999988</c:v>
                </c:pt>
                <c:pt idx="1365">
                  <c:v>22.75</c:v>
                </c:pt>
                <c:pt idx="1366">
                  <c:v>22.766666999999998</c:v>
                </c:pt>
                <c:pt idx="1367">
                  <c:v>22.783332999999999</c:v>
                </c:pt>
                <c:pt idx="1368">
                  <c:v>22.799999999999997</c:v>
                </c:pt>
                <c:pt idx="1369">
                  <c:v>22.816666999999995</c:v>
                </c:pt>
                <c:pt idx="1370">
                  <c:v>22.833332999999996</c:v>
                </c:pt>
                <c:pt idx="1371">
                  <c:v>22.849999999999994</c:v>
                </c:pt>
                <c:pt idx="1372">
                  <c:v>22.866666999999993</c:v>
                </c:pt>
                <c:pt idx="1373">
                  <c:v>22.883332999999993</c:v>
                </c:pt>
                <c:pt idx="1374">
                  <c:v>22.899999999999991</c:v>
                </c:pt>
                <c:pt idx="1375">
                  <c:v>22.91666699999999</c:v>
                </c:pt>
                <c:pt idx="1376">
                  <c:v>22.93333299999999</c:v>
                </c:pt>
                <c:pt idx="1377">
                  <c:v>22.949999999999989</c:v>
                </c:pt>
                <c:pt idx="1378">
                  <c:v>22.966667000000001</c:v>
                </c:pt>
                <c:pt idx="1379">
                  <c:v>22.983332999999988</c:v>
                </c:pt>
                <c:pt idx="1380">
                  <c:v>23</c:v>
                </c:pt>
                <c:pt idx="1381">
                  <c:v>23.016666999999998</c:v>
                </c:pt>
                <c:pt idx="1382">
                  <c:v>23.033332999999999</c:v>
                </c:pt>
                <c:pt idx="1383">
                  <c:v>23.049999999999997</c:v>
                </c:pt>
                <c:pt idx="1384">
                  <c:v>23.066666999999995</c:v>
                </c:pt>
                <c:pt idx="1385">
                  <c:v>23.083332999999996</c:v>
                </c:pt>
                <c:pt idx="1386">
                  <c:v>23.099999999999994</c:v>
                </c:pt>
                <c:pt idx="1387">
                  <c:v>23.116666999999993</c:v>
                </c:pt>
                <c:pt idx="1388">
                  <c:v>23.133332999999993</c:v>
                </c:pt>
                <c:pt idx="1389">
                  <c:v>23.149999999999991</c:v>
                </c:pt>
                <c:pt idx="1390">
                  <c:v>23.16666699999999</c:v>
                </c:pt>
                <c:pt idx="1391">
                  <c:v>23.18333299999999</c:v>
                </c:pt>
                <c:pt idx="1392">
                  <c:v>23.199999999999989</c:v>
                </c:pt>
                <c:pt idx="1393">
                  <c:v>23.216667000000001</c:v>
                </c:pt>
                <c:pt idx="1394">
                  <c:v>23.233332999999988</c:v>
                </c:pt>
                <c:pt idx="1395">
                  <c:v>23.25</c:v>
                </c:pt>
                <c:pt idx="1396">
                  <c:v>23.266666999999998</c:v>
                </c:pt>
                <c:pt idx="1397">
                  <c:v>23.283332999999999</c:v>
                </c:pt>
                <c:pt idx="1398">
                  <c:v>23.299999999999997</c:v>
                </c:pt>
                <c:pt idx="1399">
                  <c:v>23.316666999999995</c:v>
                </c:pt>
                <c:pt idx="1400">
                  <c:v>23.333332999999996</c:v>
                </c:pt>
                <c:pt idx="1401">
                  <c:v>23.349999999999994</c:v>
                </c:pt>
                <c:pt idx="1402">
                  <c:v>23.366666999999993</c:v>
                </c:pt>
                <c:pt idx="1403">
                  <c:v>23.383332999999993</c:v>
                </c:pt>
                <c:pt idx="1404">
                  <c:v>23.399999999999991</c:v>
                </c:pt>
                <c:pt idx="1405">
                  <c:v>23.41666699999999</c:v>
                </c:pt>
                <c:pt idx="1406">
                  <c:v>23.43333299999999</c:v>
                </c:pt>
                <c:pt idx="1407">
                  <c:v>23.449999999999989</c:v>
                </c:pt>
                <c:pt idx="1408">
                  <c:v>23.466667000000001</c:v>
                </c:pt>
                <c:pt idx="1409">
                  <c:v>23.483332999999988</c:v>
                </c:pt>
                <c:pt idx="1410">
                  <c:v>23.5</c:v>
                </c:pt>
                <c:pt idx="1411">
                  <c:v>23.516666999999998</c:v>
                </c:pt>
                <c:pt idx="1412">
                  <c:v>23.533332999999999</c:v>
                </c:pt>
                <c:pt idx="1413">
                  <c:v>23.549999999999997</c:v>
                </c:pt>
                <c:pt idx="1414">
                  <c:v>23.566666999999995</c:v>
                </c:pt>
                <c:pt idx="1415">
                  <c:v>23.583332999999996</c:v>
                </c:pt>
                <c:pt idx="1416">
                  <c:v>23.599999999999994</c:v>
                </c:pt>
                <c:pt idx="1417">
                  <c:v>23.616666999999993</c:v>
                </c:pt>
                <c:pt idx="1418">
                  <c:v>23.633332999999993</c:v>
                </c:pt>
                <c:pt idx="1419">
                  <c:v>23.649999999999991</c:v>
                </c:pt>
                <c:pt idx="1420">
                  <c:v>23.66666699999999</c:v>
                </c:pt>
                <c:pt idx="1421">
                  <c:v>23.68333299999999</c:v>
                </c:pt>
                <c:pt idx="1422">
                  <c:v>23.699999999999989</c:v>
                </c:pt>
                <c:pt idx="1423">
                  <c:v>23.716667000000001</c:v>
                </c:pt>
                <c:pt idx="1424">
                  <c:v>23.733332999999988</c:v>
                </c:pt>
                <c:pt idx="1425">
                  <c:v>23.75</c:v>
                </c:pt>
                <c:pt idx="1426">
                  <c:v>23.766666999999998</c:v>
                </c:pt>
                <c:pt idx="1427">
                  <c:v>23.783332999999999</c:v>
                </c:pt>
                <c:pt idx="1428">
                  <c:v>23.799999999999997</c:v>
                </c:pt>
                <c:pt idx="1429">
                  <c:v>23.816666999999995</c:v>
                </c:pt>
                <c:pt idx="1430">
                  <c:v>23.833332999999996</c:v>
                </c:pt>
                <c:pt idx="1431">
                  <c:v>23.849999999999994</c:v>
                </c:pt>
                <c:pt idx="1432">
                  <c:v>23.866666999999993</c:v>
                </c:pt>
                <c:pt idx="1433">
                  <c:v>23.883332999999993</c:v>
                </c:pt>
                <c:pt idx="1434">
                  <c:v>23.899999999999991</c:v>
                </c:pt>
                <c:pt idx="1435">
                  <c:v>23.91666699999999</c:v>
                </c:pt>
                <c:pt idx="1436">
                  <c:v>23.93333299999999</c:v>
                </c:pt>
                <c:pt idx="1437">
                  <c:v>23.949999999999989</c:v>
                </c:pt>
                <c:pt idx="1438">
                  <c:v>23.966667000000001</c:v>
                </c:pt>
                <c:pt idx="1439">
                  <c:v>23.983332999999988</c:v>
                </c:pt>
                <c:pt idx="1440">
                  <c:v>24</c:v>
                </c:pt>
                <c:pt idx="1441">
                  <c:v>24.016666999999998</c:v>
                </c:pt>
                <c:pt idx="1442">
                  <c:v>24.033332999999999</c:v>
                </c:pt>
                <c:pt idx="1443">
                  <c:v>24.049999999999997</c:v>
                </c:pt>
                <c:pt idx="1444">
                  <c:v>24.066666999999995</c:v>
                </c:pt>
                <c:pt idx="1445">
                  <c:v>24.083332999999996</c:v>
                </c:pt>
                <c:pt idx="1446">
                  <c:v>24.099999999999994</c:v>
                </c:pt>
                <c:pt idx="1447">
                  <c:v>24.116666999999993</c:v>
                </c:pt>
                <c:pt idx="1448">
                  <c:v>24.133332999999993</c:v>
                </c:pt>
                <c:pt idx="1449">
                  <c:v>24.149999999999991</c:v>
                </c:pt>
                <c:pt idx="1450">
                  <c:v>24.16666699999999</c:v>
                </c:pt>
                <c:pt idx="1451">
                  <c:v>24.18333299999999</c:v>
                </c:pt>
                <c:pt idx="1452">
                  <c:v>24.199999999999989</c:v>
                </c:pt>
                <c:pt idx="1453">
                  <c:v>24.216667000000001</c:v>
                </c:pt>
                <c:pt idx="1454">
                  <c:v>24.233332999999988</c:v>
                </c:pt>
                <c:pt idx="1455">
                  <c:v>24.25</c:v>
                </c:pt>
                <c:pt idx="1456">
                  <c:v>24.266666999999998</c:v>
                </c:pt>
                <c:pt idx="1457">
                  <c:v>24.283332999999999</c:v>
                </c:pt>
                <c:pt idx="1458">
                  <c:v>24.299999999999997</c:v>
                </c:pt>
                <c:pt idx="1459">
                  <c:v>24.316666999999995</c:v>
                </c:pt>
                <c:pt idx="1460">
                  <c:v>24.333332999999996</c:v>
                </c:pt>
                <c:pt idx="1461">
                  <c:v>24.349999999999994</c:v>
                </c:pt>
                <c:pt idx="1462">
                  <c:v>24.366666999999993</c:v>
                </c:pt>
                <c:pt idx="1463">
                  <c:v>24.383332999999993</c:v>
                </c:pt>
                <c:pt idx="1464">
                  <c:v>24.399999999999991</c:v>
                </c:pt>
                <c:pt idx="1465">
                  <c:v>24.41666699999999</c:v>
                </c:pt>
                <c:pt idx="1466">
                  <c:v>24.43333299999999</c:v>
                </c:pt>
                <c:pt idx="1467">
                  <c:v>24.449999999999989</c:v>
                </c:pt>
                <c:pt idx="1468">
                  <c:v>24.466667000000001</c:v>
                </c:pt>
                <c:pt idx="1469">
                  <c:v>24.483332999999988</c:v>
                </c:pt>
                <c:pt idx="1470">
                  <c:v>24.5</c:v>
                </c:pt>
                <c:pt idx="1471">
                  <c:v>24.516666999999998</c:v>
                </c:pt>
                <c:pt idx="1472">
                  <c:v>24.533332999999999</c:v>
                </c:pt>
                <c:pt idx="1473">
                  <c:v>24.549999999999997</c:v>
                </c:pt>
                <c:pt idx="1474">
                  <c:v>24.566666999999995</c:v>
                </c:pt>
                <c:pt idx="1475">
                  <c:v>24.583332999999996</c:v>
                </c:pt>
                <c:pt idx="1476">
                  <c:v>24.599999999999994</c:v>
                </c:pt>
                <c:pt idx="1477">
                  <c:v>24.616666999999993</c:v>
                </c:pt>
                <c:pt idx="1478">
                  <c:v>24.633332999999993</c:v>
                </c:pt>
                <c:pt idx="1479">
                  <c:v>24.649999999999991</c:v>
                </c:pt>
                <c:pt idx="1480">
                  <c:v>24.66666699999999</c:v>
                </c:pt>
                <c:pt idx="1481">
                  <c:v>24.68333299999999</c:v>
                </c:pt>
                <c:pt idx="1482">
                  <c:v>24.699999999999989</c:v>
                </c:pt>
                <c:pt idx="1483">
                  <c:v>24.716667000000001</c:v>
                </c:pt>
                <c:pt idx="1484">
                  <c:v>24.733332999999988</c:v>
                </c:pt>
                <c:pt idx="1485">
                  <c:v>24.75</c:v>
                </c:pt>
                <c:pt idx="1486">
                  <c:v>24.766666999999998</c:v>
                </c:pt>
                <c:pt idx="1487">
                  <c:v>24.783332999999999</c:v>
                </c:pt>
                <c:pt idx="1488">
                  <c:v>24.799999999999997</c:v>
                </c:pt>
                <c:pt idx="1489">
                  <c:v>24.816666999999995</c:v>
                </c:pt>
                <c:pt idx="1490">
                  <c:v>24.833332999999996</c:v>
                </c:pt>
                <c:pt idx="1491">
                  <c:v>24.849999999999994</c:v>
                </c:pt>
                <c:pt idx="1492">
                  <c:v>24.866666999999993</c:v>
                </c:pt>
                <c:pt idx="1493">
                  <c:v>24.883332999999993</c:v>
                </c:pt>
                <c:pt idx="1494">
                  <c:v>24.899999999999991</c:v>
                </c:pt>
                <c:pt idx="1495">
                  <c:v>24.91666699999999</c:v>
                </c:pt>
                <c:pt idx="1496">
                  <c:v>24.93333299999999</c:v>
                </c:pt>
                <c:pt idx="1497">
                  <c:v>24.949999999999989</c:v>
                </c:pt>
                <c:pt idx="1498">
                  <c:v>24.966667000000001</c:v>
                </c:pt>
                <c:pt idx="1499">
                  <c:v>24.983332999999988</c:v>
                </c:pt>
                <c:pt idx="1500">
                  <c:v>25</c:v>
                </c:pt>
                <c:pt idx="1501">
                  <c:v>25.016666999999998</c:v>
                </c:pt>
                <c:pt idx="1502">
                  <c:v>25.033332999999999</c:v>
                </c:pt>
                <c:pt idx="1503">
                  <c:v>25.049999999999997</c:v>
                </c:pt>
                <c:pt idx="1504">
                  <c:v>25.066666999999995</c:v>
                </c:pt>
                <c:pt idx="1505">
                  <c:v>25.083332999999996</c:v>
                </c:pt>
                <c:pt idx="1506">
                  <c:v>25.099999999999994</c:v>
                </c:pt>
                <c:pt idx="1507">
                  <c:v>25.116666999999993</c:v>
                </c:pt>
                <c:pt idx="1508">
                  <c:v>25.133332999999993</c:v>
                </c:pt>
                <c:pt idx="1509">
                  <c:v>25.149999999999991</c:v>
                </c:pt>
                <c:pt idx="1510">
                  <c:v>25.16666699999999</c:v>
                </c:pt>
                <c:pt idx="1511">
                  <c:v>25.18333299999999</c:v>
                </c:pt>
                <c:pt idx="1512">
                  <c:v>25.199999999999989</c:v>
                </c:pt>
                <c:pt idx="1513">
                  <c:v>25.216667000000001</c:v>
                </c:pt>
                <c:pt idx="1514">
                  <c:v>25.233332999999988</c:v>
                </c:pt>
                <c:pt idx="1515">
                  <c:v>25.25</c:v>
                </c:pt>
                <c:pt idx="1516">
                  <c:v>25.266666999999998</c:v>
                </c:pt>
                <c:pt idx="1517">
                  <c:v>25.283332999999999</c:v>
                </c:pt>
                <c:pt idx="1518">
                  <c:v>25.299999999999997</c:v>
                </c:pt>
                <c:pt idx="1519">
                  <c:v>25.316666999999995</c:v>
                </c:pt>
                <c:pt idx="1520">
                  <c:v>25.333332999999996</c:v>
                </c:pt>
                <c:pt idx="1521">
                  <c:v>25.349999999999994</c:v>
                </c:pt>
                <c:pt idx="1522">
                  <c:v>25.366666999999993</c:v>
                </c:pt>
                <c:pt idx="1523">
                  <c:v>25.383332999999993</c:v>
                </c:pt>
                <c:pt idx="1524">
                  <c:v>25.399999999999991</c:v>
                </c:pt>
                <c:pt idx="1525">
                  <c:v>25.41666699999999</c:v>
                </c:pt>
                <c:pt idx="1526">
                  <c:v>25.43333299999999</c:v>
                </c:pt>
                <c:pt idx="1527">
                  <c:v>25.449999999999989</c:v>
                </c:pt>
                <c:pt idx="1528">
                  <c:v>25.466667000000001</c:v>
                </c:pt>
                <c:pt idx="1529">
                  <c:v>25.483332999999988</c:v>
                </c:pt>
                <c:pt idx="1530">
                  <c:v>25.5</c:v>
                </c:pt>
                <c:pt idx="1531">
                  <c:v>25.516666999999998</c:v>
                </c:pt>
                <c:pt idx="1532">
                  <c:v>25.533332999999999</c:v>
                </c:pt>
                <c:pt idx="1533">
                  <c:v>25.549999999999997</c:v>
                </c:pt>
                <c:pt idx="1534">
                  <c:v>25.566666999999995</c:v>
                </c:pt>
                <c:pt idx="1535">
                  <c:v>25.583332999999996</c:v>
                </c:pt>
                <c:pt idx="1536">
                  <c:v>25.599999999999994</c:v>
                </c:pt>
                <c:pt idx="1537">
                  <c:v>25.616666999999993</c:v>
                </c:pt>
                <c:pt idx="1538">
                  <c:v>25.633332999999993</c:v>
                </c:pt>
                <c:pt idx="1539">
                  <c:v>25.649999999999991</c:v>
                </c:pt>
                <c:pt idx="1540">
                  <c:v>25.66666699999999</c:v>
                </c:pt>
                <c:pt idx="1541">
                  <c:v>25.68333299999999</c:v>
                </c:pt>
                <c:pt idx="1542">
                  <c:v>25.699999999999989</c:v>
                </c:pt>
                <c:pt idx="1543">
                  <c:v>25.716667000000001</c:v>
                </c:pt>
                <c:pt idx="1544">
                  <c:v>25.733332999999988</c:v>
                </c:pt>
                <c:pt idx="1545">
                  <c:v>25.75</c:v>
                </c:pt>
                <c:pt idx="1546">
                  <c:v>25.766666999999998</c:v>
                </c:pt>
                <c:pt idx="1547">
                  <c:v>25.783332999999999</c:v>
                </c:pt>
                <c:pt idx="1548">
                  <c:v>25.799999999999997</c:v>
                </c:pt>
                <c:pt idx="1549">
                  <c:v>25.816666999999995</c:v>
                </c:pt>
                <c:pt idx="1550">
                  <c:v>25.833332999999996</c:v>
                </c:pt>
                <c:pt idx="1551">
                  <c:v>25.849999999999994</c:v>
                </c:pt>
                <c:pt idx="1552">
                  <c:v>25.866666999999993</c:v>
                </c:pt>
                <c:pt idx="1553">
                  <c:v>25.883332999999993</c:v>
                </c:pt>
                <c:pt idx="1554">
                  <c:v>25.899999999999991</c:v>
                </c:pt>
                <c:pt idx="1555">
                  <c:v>25.91666699999999</c:v>
                </c:pt>
                <c:pt idx="1556">
                  <c:v>25.93333299999999</c:v>
                </c:pt>
                <c:pt idx="1557">
                  <c:v>25.949999999999989</c:v>
                </c:pt>
                <c:pt idx="1558">
                  <c:v>25.966667000000001</c:v>
                </c:pt>
                <c:pt idx="1559">
                  <c:v>25.983332999999988</c:v>
                </c:pt>
                <c:pt idx="1560">
                  <c:v>26</c:v>
                </c:pt>
                <c:pt idx="1561">
                  <c:v>26.016666999999998</c:v>
                </c:pt>
                <c:pt idx="1562">
                  <c:v>26.033332999999999</c:v>
                </c:pt>
                <c:pt idx="1563">
                  <c:v>26.049999999999997</c:v>
                </c:pt>
                <c:pt idx="1564">
                  <c:v>26.066666999999995</c:v>
                </c:pt>
                <c:pt idx="1565">
                  <c:v>26.083332999999996</c:v>
                </c:pt>
                <c:pt idx="1566">
                  <c:v>26.099999999999994</c:v>
                </c:pt>
                <c:pt idx="1567">
                  <c:v>26.116666999999993</c:v>
                </c:pt>
                <c:pt idx="1568">
                  <c:v>26.133332999999993</c:v>
                </c:pt>
                <c:pt idx="1569">
                  <c:v>26.149999999999991</c:v>
                </c:pt>
                <c:pt idx="1570">
                  <c:v>26.16666699999999</c:v>
                </c:pt>
                <c:pt idx="1571">
                  <c:v>26.18333299999999</c:v>
                </c:pt>
                <c:pt idx="1572">
                  <c:v>26.199999999999989</c:v>
                </c:pt>
                <c:pt idx="1573">
                  <c:v>26.216667000000001</c:v>
                </c:pt>
                <c:pt idx="1574">
                  <c:v>26.233332999999988</c:v>
                </c:pt>
                <c:pt idx="1575">
                  <c:v>26.25</c:v>
                </c:pt>
                <c:pt idx="1576">
                  <c:v>26.266666999999998</c:v>
                </c:pt>
                <c:pt idx="1577">
                  <c:v>26.283332999999999</c:v>
                </c:pt>
                <c:pt idx="1578">
                  <c:v>26.299999999999997</c:v>
                </c:pt>
                <c:pt idx="1579">
                  <c:v>26.316666999999995</c:v>
                </c:pt>
                <c:pt idx="1580">
                  <c:v>26.333332999999996</c:v>
                </c:pt>
                <c:pt idx="1581">
                  <c:v>26.349999999999994</c:v>
                </c:pt>
                <c:pt idx="1582">
                  <c:v>26.366666999999993</c:v>
                </c:pt>
                <c:pt idx="1583">
                  <c:v>26.383332999999993</c:v>
                </c:pt>
                <c:pt idx="1584">
                  <c:v>26.399999999999991</c:v>
                </c:pt>
                <c:pt idx="1585">
                  <c:v>26.41666699999999</c:v>
                </c:pt>
                <c:pt idx="1586">
                  <c:v>26.43333299999999</c:v>
                </c:pt>
                <c:pt idx="1587">
                  <c:v>26.449999999999989</c:v>
                </c:pt>
                <c:pt idx="1588">
                  <c:v>26.466667000000001</c:v>
                </c:pt>
                <c:pt idx="1589">
                  <c:v>26.483332999999988</c:v>
                </c:pt>
                <c:pt idx="1590">
                  <c:v>26.5</c:v>
                </c:pt>
                <c:pt idx="1591">
                  <c:v>26.516666999999998</c:v>
                </c:pt>
                <c:pt idx="1592">
                  <c:v>26.533332999999999</c:v>
                </c:pt>
                <c:pt idx="1593">
                  <c:v>26.549999999999997</c:v>
                </c:pt>
                <c:pt idx="1594">
                  <c:v>26.566666999999995</c:v>
                </c:pt>
                <c:pt idx="1595">
                  <c:v>26.583332999999996</c:v>
                </c:pt>
                <c:pt idx="1596">
                  <c:v>26.599999999999994</c:v>
                </c:pt>
                <c:pt idx="1597">
                  <c:v>26.616666999999993</c:v>
                </c:pt>
                <c:pt idx="1598">
                  <c:v>26.633332999999993</c:v>
                </c:pt>
                <c:pt idx="1599">
                  <c:v>26.649999999999991</c:v>
                </c:pt>
                <c:pt idx="1600">
                  <c:v>26.66666699999999</c:v>
                </c:pt>
                <c:pt idx="1601">
                  <c:v>26.68333299999999</c:v>
                </c:pt>
                <c:pt idx="1602">
                  <c:v>26.699999999999989</c:v>
                </c:pt>
                <c:pt idx="1603">
                  <c:v>26.716667000000001</c:v>
                </c:pt>
                <c:pt idx="1604">
                  <c:v>26.733332999999988</c:v>
                </c:pt>
                <c:pt idx="1605">
                  <c:v>26.75</c:v>
                </c:pt>
                <c:pt idx="1606">
                  <c:v>26.766666999999998</c:v>
                </c:pt>
                <c:pt idx="1607">
                  <c:v>26.783332999999999</c:v>
                </c:pt>
                <c:pt idx="1608">
                  <c:v>26.799999999999997</c:v>
                </c:pt>
                <c:pt idx="1609">
                  <c:v>26.816666999999995</c:v>
                </c:pt>
                <c:pt idx="1610">
                  <c:v>26.833332999999996</c:v>
                </c:pt>
                <c:pt idx="1611">
                  <c:v>26.849999999999994</c:v>
                </c:pt>
                <c:pt idx="1612">
                  <c:v>26.866666999999993</c:v>
                </c:pt>
                <c:pt idx="1613">
                  <c:v>26.883332999999993</c:v>
                </c:pt>
                <c:pt idx="1614">
                  <c:v>26.899999999999991</c:v>
                </c:pt>
                <c:pt idx="1615">
                  <c:v>26.91666699999999</c:v>
                </c:pt>
                <c:pt idx="1616">
                  <c:v>26.93333299999999</c:v>
                </c:pt>
                <c:pt idx="1617">
                  <c:v>26.949999999999989</c:v>
                </c:pt>
                <c:pt idx="1618">
                  <c:v>26.966667000000001</c:v>
                </c:pt>
                <c:pt idx="1619">
                  <c:v>26.983332999999988</c:v>
                </c:pt>
                <c:pt idx="1620">
                  <c:v>27</c:v>
                </c:pt>
                <c:pt idx="1621">
                  <c:v>27.016666999999998</c:v>
                </c:pt>
                <c:pt idx="1622">
                  <c:v>27.033332999999999</c:v>
                </c:pt>
                <c:pt idx="1623">
                  <c:v>27.049999999999997</c:v>
                </c:pt>
                <c:pt idx="1624">
                  <c:v>27.066666999999995</c:v>
                </c:pt>
                <c:pt idx="1625">
                  <c:v>27.083332999999996</c:v>
                </c:pt>
                <c:pt idx="1626">
                  <c:v>27.099999999999994</c:v>
                </c:pt>
                <c:pt idx="1627">
                  <c:v>27.116666999999993</c:v>
                </c:pt>
                <c:pt idx="1628">
                  <c:v>27.133332999999993</c:v>
                </c:pt>
                <c:pt idx="1629">
                  <c:v>27.149999999999991</c:v>
                </c:pt>
                <c:pt idx="1630">
                  <c:v>27.16666699999999</c:v>
                </c:pt>
                <c:pt idx="1631">
                  <c:v>27.18333299999999</c:v>
                </c:pt>
                <c:pt idx="1632">
                  <c:v>27.199999999999989</c:v>
                </c:pt>
                <c:pt idx="1633">
                  <c:v>27.216667000000001</c:v>
                </c:pt>
                <c:pt idx="1634">
                  <c:v>27.233332999999988</c:v>
                </c:pt>
                <c:pt idx="1635">
                  <c:v>27.25</c:v>
                </c:pt>
                <c:pt idx="1636">
                  <c:v>27.266666999999998</c:v>
                </c:pt>
                <c:pt idx="1637">
                  <c:v>27.283332999999999</c:v>
                </c:pt>
                <c:pt idx="1638">
                  <c:v>27.299999999999997</c:v>
                </c:pt>
                <c:pt idx="1639">
                  <c:v>27.316666999999995</c:v>
                </c:pt>
                <c:pt idx="1640">
                  <c:v>27.333332999999996</c:v>
                </c:pt>
                <c:pt idx="1641">
                  <c:v>27.349999999999994</c:v>
                </c:pt>
                <c:pt idx="1642">
                  <c:v>27.366666999999993</c:v>
                </c:pt>
                <c:pt idx="1643">
                  <c:v>27.383332999999993</c:v>
                </c:pt>
                <c:pt idx="1644">
                  <c:v>27.399999999999991</c:v>
                </c:pt>
                <c:pt idx="1645">
                  <c:v>27.41666699999999</c:v>
                </c:pt>
                <c:pt idx="1646">
                  <c:v>27.43333299999999</c:v>
                </c:pt>
                <c:pt idx="1647">
                  <c:v>27.449999999999989</c:v>
                </c:pt>
                <c:pt idx="1648">
                  <c:v>27.466667000000001</c:v>
                </c:pt>
                <c:pt idx="1649">
                  <c:v>27.483332999999988</c:v>
                </c:pt>
                <c:pt idx="1650">
                  <c:v>27.5</c:v>
                </c:pt>
                <c:pt idx="1651">
                  <c:v>27.516666999999998</c:v>
                </c:pt>
                <c:pt idx="1652">
                  <c:v>27.533332999999999</c:v>
                </c:pt>
                <c:pt idx="1653">
                  <c:v>27.549999999999997</c:v>
                </c:pt>
                <c:pt idx="1654">
                  <c:v>27.566666999999995</c:v>
                </c:pt>
                <c:pt idx="1655">
                  <c:v>27.583332999999996</c:v>
                </c:pt>
                <c:pt idx="1656">
                  <c:v>27.599999999999994</c:v>
                </c:pt>
                <c:pt idx="1657">
                  <c:v>27.616666999999993</c:v>
                </c:pt>
                <c:pt idx="1658">
                  <c:v>27.633332999999993</c:v>
                </c:pt>
                <c:pt idx="1659">
                  <c:v>27.649999999999991</c:v>
                </c:pt>
                <c:pt idx="1660">
                  <c:v>27.66666699999999</c:v>
                </c:pt>
                <c:pt idx="1661">
                  <c:v>27.68333299999999</c:v>
                </c:pt>
                <c:pt idx="1662">
                  <c:v>27.699999999999989</c:v>
                </c:pt>
                <c:pt idx="1663">
                  <c:v>27.716667000000001</c:v>
                </c:pt>
                <c:pt idx="1664">
                  <c:v>27.733332999999988</c:v>
                </c:pt>
                <c:pt idx="1665">
                  <c:v>27.75</c:v>
                </c:pt>
                <c:pt idx="1666">
                  <c:v>27.766666999999998</c:v>
                </c:pt>
                <c:pt idx="1667">
                  <c:v>27.783332999999999</c:v>
                </c:pt>
                <c:pt idx="1668">
                  <c:v>27.799999999999997</c:v>
                </c:pt>
                <c:pt idx="1669">
                  <c:v>27.816666999999995</c:v>
                </c:pt>
                <c:pt idx="1670">
                  <c:v>27.833332999999996</c:v>
                </c:pt>
                <c:pt idx="1671">
                  <c:v>27.849999999999994</c:v>
                </c:pt>
                <c:pt idx="1672">
                  <c:v>27.866666999999993</c:v>
                </c:pt>
                <c:pt idx="1673">
                  <c:v>27.883332999999993</c:v>
                </c:pt>
                <c:pt idx="1674">
                  <c:v>27.899999999999991</c:v>
                </c:pt>
                <c:pt idx="1675">
                  <c:v>27.91666699999999</c:v>
                </c:pt>
                <c:pt idx="1676">
                  <c:v>27.93333299999999</c:v>
                </c:pt>
                <c:pt idx="1677">
                  <c:v>27.949999999999989</c:v>
                </c:pt>
                <c:pt idx="1678">
                  <c:v>27.966667000000001</c:v>
                </c:pt>
                <c:pt idx="1679">
                  <c:v>27.983332999999988</c:v>
                </c:pt>
                <c:pt idx="1680">
                  <c:v>28</c:v>
                </c:pt>
                <c:pt idx="1681">
                  <c:v>28.016666999999998</c:v>
                </c:pt>
                <c:pt idx="1682">
                  <c:v>28.033332999999999</c:v>
                </c:pt>
                <c:pt idx="1683">
                  <c:v>28.049999999999997</c:v>
                </c:pt>
                <c:pt idx="1684">
                  <c:v>28.066666999999995</c:v>
                </c:pt>
                <c:pt idx="1685">
                  <c:v>28.083332999999996</c:v>
                </c:pt>
                <c:pt idx="1686">
                  <c:v>28.099999999999994</c:v>
                </c:pt>
                <c:pt idx="1687">
                  <c:v>28.116666999999993</c:v>
                </c:pt>
                <c:pt idx="1688">
                  <c:v>28.133332999999993</c:v>
                </c:pt>
                <c:pt idx="1689">
                  <c:v>28.149999999999991</c:v>
                </c:pt>
                <c:pt idx="1690">
                  <c:v>28.16666699999999</c:v>
                </c:pt>
                <c:pt idx="1691">
                  <c:v>28.18333299999999</c:v>
                </c:pt>
                <c:pt idx="1692">
                  <c:v>28.199999999999989</c:v>
                </c:pt>
                <c:pt idx="1693">
                  <c:v>28.216667000000001</c:v>
                </c:pt>
                <c:pt idx="1694">
                  <c:v>28.233332999999988</c:v>
                </c:pt>
                <c:pt idx="1695">
                  <c:v>28.25</c:v>
                </c:pt>
                <c:pt idx="1696">
                  <c:v>28.266666999999998</c:v>
                </c:pt>
                <c:pt idx="1697">
                  <c:v>28.283332999999999</c:v>
                </c:pt>
                <c:pt idx="1698">
                  <c:v>28.299999999999997</c:v>
                </c:pt>
                <c:pt idx="1699">
                  <c:v>28.316666999999995</c:v>
                </c:pt>
                <c:pt idx="1700">
                  <c:v>28.333332999999996</c:v>
                </c:pt>
                <c:pt idx="1701">
                  <c:v>28.349999999999994</c:v>
                </c:pt>
                <c:pt idx="1702">
                  <c:v>28.366666999999993</c:v>
                </c:pt>
                <c:pt idx="1703">
                  <c:v>28.383332999999993</c:v>
                </c:pt>
                <c:pt idx="1704">
                  <c:v>28.399999999999991</c:v>
                </c:pt>
                <c:pt idx="1705">
                  <c:v>28.41666699999999</c:v>
                </c:pt>
                <c:pt idx="1706">
                  <c:v>28.43333299999999</c:v>
                </c:pt>
                <c:pt idx="1707">
                  <c:v>28.449999999999989</c:v>
                </c:pt>
                <c:pt idx="1708">
                  <c:v>28.466667000000001</c:v>
                </c:pt>
                <c:pt idx="1709">
                  <c:v>28.483332999999988</c:v>
                </c:pt>
                <c:pt idx="1710">
                  <c:v>28.5</c:v>
                </c:pt>
                <c:pt idx="1711">
                  <c:v>28.516666999999998</c:v>
                </c:pt>
                <c:pt idx="1712">
                  <c:v>28.533332999999999</c:v>
                </c:pt>
                <c:pt idx="1713">
                  <c:v>28.549999999999997</c:v>
                </c:pt>
                <c:pt idx="1714">
                  <c:v>28.566666999999995</c:v>
                </c:pt>
                <c:pt idx="1715">
                  <c:v>28.583332999999996</c:v>
                </c:pt>
                <c:pt idx="1716">
                  <c:v>28.599999999999994</c:v>
                </c:pt>
                <c:pt idx="1717">
                  <c:v>28.616666999999993</c:v>
                </c:pt>
                <c:pt idx="1718">
                  <c:v>28.633332999999993</c:v>
                </c:pt>
                <c:pt idx="1719">
                  <c:v>28.649999999999991</c:v>
                </c:pt>
                <c:pt idx="1720">
                  <c:v>28.66666699999999</c:v>
                </c:pt>
                <c:pt idx="1721">
                  <c:v>28.68333299999999</c:v>
                </c:pt>
                <c:pt idx="1722">
                  <c:v>28.699999999999989</c:v>
                </c:pt>
                <c:pt idx="1723">
                  <c:v>28.716667000000001</c:v>
                </c:pt>
                <c:pt idx="1724">
                  <c:v>28.733332999999988</c:v>
                </c:pt>
                <c:pt idx="1725">
                  <c:v>28.75</c:v>
                </c:pt>
                <c:pt idx="1726">
                  <c:v>28.766666999999998</c:v>
                </c:pt>
                <c:pt idx="1727">
                  <c:v>28.783332999999999</c:v>
                </c:pt>
                <c:pt idx="1728">
                  <c:v>28.799999999999997</c:v>
                </c:pt>
                <c:pt idx="1729">
                  <c:v>28.816666999999995</c:v>
                </c:pt>
                <c:pt idx="1730">
                  <c:v>28.833332999999996</c:v>
                </c:pt>
                <c:pt idx="1731">
                  <c:v>28.849999999999994</c:v>
                </c:pt>
                <c:pt idx="1732">
                  <c:v>28.866666999999993</c:v>
                </c:pt>
                <c:pt idx="1733">
                  <c:v>28.883332999999993</c:v>
                </c:pt>
                <c:pt idx="1734">
                  <c:v>28.899999999999991</c:v>
                </c:pt>
                <c:pt idx="1735">
                  <c:v>28.91666699999999</c:v>
                </c:pt>
                <c:pt idx="1736">
                  <c:v>28.93333299999999</c:v>
                </c:pt>
                <c:pt idx="1737">
                  <c:v>28.949999999999989</c:v>
                </c:pt>
                <c:pt idx="1738">
                  <c:v>28.966667000000001</c:v>
                </c:pt>
                <c:pt idx="1739">
                  <c:v>28.983332999999988</c:v>
                </c:pt>
                <c:pt idx="1740">
                  <c:v>29</c:v>
                </c:pt>
                <c:pt idx="1741">
                  <c:v>29.016666999999998</c:v>
                </c:pt>
                <c:pt idx="1742">
                  <c:v>29.033332999999999</c:v>
                </c:pt>
                <c:pt idx="1743">
                  <c:v>29.049999999999997</c:v>
                </c:pt>
                <c:pt idx="1744">
                  <c:v>29.066666999999995</c:v>
                </c:pt>
                <c:pt idx="1745">
                  <c:v>29.083332999999996</c:v>
                </c:pt>
                <c:pt idx="1746">
                  <c:v>29.099999999999994</c:v>
                </c:pt>
                <c:pt idx="1747">
                  <c:v>29.116666999999993</c:v>
                </c:pt>
                <c:pt idx="1748">
                  <c:v>29.133332999999993</c:v>
                </c:pt>
                <c:pt idx="1749">
                  <c:v>29.149999999999991</c:v>
                </c:pt>
                <c:pt idx="1750">
                  <c:v>29.16666699999999</c:v>
                </c:pt>
                <c:pt idx="1751">
                  <c:v>29.18333299999999</c:v>
                </c:pt>
                <c:pt idx="1752">
                  <c:v>29.199999999999989</c:v>
                </c:pt>
                <c:pt idx="1753">
                  <c:v>29.216667000000001</c:v>
                </c:pt>
                <c:pt idx="1754">
                  <c:v>29.233332999999988</c:v>
                </c:pt>
                <c:pt idx="1755">
                  <c:v>29.25</c:v>
                </c:pt>
                <c:pt idx="1756">
                  <c:v>29.266666999999998</c:v>
                </c:pt>
                <c:pt idx="1757">
                  <c:v>29.283332999999999</c:v>
                </c:pt>
                <c:pt idx="1758">
                  <c:v>29.299999999999997</c:v>
                </c:pt>
                <c:pt idx="1759">
                  <c:v>29.316666999999995</c:v>
                </c:pt>
                <c:pt idx="1760">
                  <c:v>29.333332999999996</c:v>
                </c:pt>
                <c:pt idx="1761">
                  <c:v>29.349999999999994</c:v>
                </c:pt>
                <c:pt idx="1762">
                  <c:v>29.366666999999993</c:v>
                </c:pt>
                <c:pt idx="1763">
                  <c:v>29.383332999999993</c:v>
                </c:pt>
                <c:pt idx="1764">
                  <c:v>29.399999999999991</c:v>
                </c:pt>
                <c:pt idx="1765">
                  <c:v>29.41666699999999</c:v>
                </c:pt>
                <c:pt idx="1766">
                  <c:v>29.43333299999999</c:v>
                </c:pt>
                <c:pt idx="1767">
                  <c:v>29.449999999999989</c:v>
                </c:pt>
                <c:pt idx="1768">
                  <c:v>29.466667000000001</c:v>
                </c:pt>
                <c:pt idx="1769">
                  <c:v>29.483332999999988</c:v>
                </c:pt>
                <c:pt idx="1770">
                  <c:v>29.5</c:v>
                </c:pt>
                <c:pt idx="1771">
                  <c:v>29.516666999999998</c:v>
                </c:pt>
                <c:pt idx="1772">
                  <c:v>29.533332999999999</c:v>
                </c:pt>
                <c:pt idx="1773">
                  <c:v>29.549999999999997</c:v>
                </c:pt>
                <c:pt idx="1774">
                  <c:v>29.566666999999995</c:v>
                </c:pt>
                <c:pt idx="1775">
                  <c:v>29.583332999999996</c:v>
                </c:pt>
                <c:pt idx="1776">
                  <c:v>29.599999999999994</c:v>
                </c:pt>
                <c:pt idx="1777">
                  <c:v>29.616666999999993</c:v>
                </c:pt>
                <c:pt idx="1778">
                  <c:v>29.633332999999993</c:v>
                </c:pt>
                <c:pt idx="1779">
                  <c:v>29.649999999999991</c:v>
                </c:pt>
                <c:pt idx="1780">
                  <c:v>29.66666699999999</c:v>
                </c:pt>
                <c:pt idx="1781">
                  <c:v>29.68333299999999</c:v>
                </c:pt>
                <c:pt idx="1782">
                  <c:v>29.699999999999989</c:v>
                </c:pt>
                <c:pt idx="1783">
                  <c:v>29.716667000000001</c:v>
                </c:pt>
                <c:pt idx="1784">
                  <c:v>29.733332999999988</c:v>
                </c:pt>
                <c:pt idx="1785">
                  <c:v>29.75</c:v>
                </c:pt>
                <c:pt idx="1786">
                  <c:v>29.766666999999998</c:v>
                </c:pt>
                <c:pt idx="1787">
                  <c:v>29.783332999999999</c:v>
                </c:pt>
                <c:pt idx="1788">
                  <c:v>29.799999999999997</c:v>
                </c:pt>
                <c:pt idx="1789">
                  <c:v>29.816666999999995</c:v>
                </c:pt>
                <c:pt idx="1790">
                  <c:v>29.833332999999996</c:v>
                </c:pt>
                <c:pt idx="1791">
                  <c:v>29.849999999999994</c:v>
                </c:pt>
                <c:pt idx="1792">
                  <c:v>29.866666999999993</c:v>
                </c:pt>
                <c:pt idx="1793">
                  <c:v>29.883332999999993</c:v>
                </c:pt>
                <c:pt idx="1794">
                  <c:v>29.899999999999991</c:v>
                </c:pt>
                <c:pt idx="1795">
                  <c:v>29.91666699999999</c:v>
                </c:pt>
                <c:pt idx="1796">
                  <c:v>29.93333299999999</c:v>
                </c:pt>
                <c:pt idx="1797">
                  <c:v>29.949999999999989</c:v>
                </c:pt>
                <c:pt idx="1798">
                  <c:v>29.966667000000001</c:v>
                </c:pt>
                <c:pt idx="1799">
                  <c:v>29.983332999999988</c:v>
                </c:pt>
                <c:pt idx="1800">
                  <c:v>30</c:v>
                </c:pt>
                <c:pt idx="1801">
                  <c:v>30.016666999999998</c:v>
                </c:pt>
                <c:pt idx="1802">
                  <c:v>30.033332999999999</c:v>
                </c:pt>
                <c:pt idx="1803">
                  <c:v>30.049999999999997</c:v>
                </c:pt>
                <c:pt idx="1804">
                  <c:v>30.066666999999995</c:v>
                </c:pt>
                <c:pt idx="1805">
                  <c:v>30.083332999999996</c:v>
                </c:pt>
                <c:pt idx="1806">
                  <c:v>30.099999999999994</c:v>
                </c:pt>
                <c:pt idx="1807">
                  <c:v>30.116666999999993</c:v>
                </c:pt>
                <c:pt idx="1808">
                  <c:v>30.133332999999993</c:v>
                </c:pt>
                <c:pt idx="1809">
                  <c:v>30.149999999999991</c:v>
                </c:pt>
                <c:pt idx="1810">
                  <c:v>30.16666699999999</c:v>
                </c:pt>
                <c:pt idx="1811">
                  <c:v>30.18333299999999</c:v>
                </c:pt>
                <c:pt idx="1812">
                  <c:v>30.199999999999989</c:v>
                </c:pt>
                <c:pt idx="1813">
                  <c:v>30.216667000000001</c:v>
                </c:pt>
                <c:pt idx="1814">
                  <c:v>30.233332999999988</c:v>
                </c:pt>
                <c:pt idx="1815">
                  <c:v>30.25</c:v>
                </c:pt>
                <c:pt idx="1816">
                  <c:v>30.266666999999998</c:v>
                </c:pt>
                <c:pt idx="1817">
                  <c:v>30.283332999999999</c:v>
                </c:pt>
                <c:pt idx="1818">
                  <c:v>30.299999999999997</c:v>
                </c:pt>
                <c:pt idx="1819">
                  <c:v>30.316666999999995</c:v>
                </c:pt>
                <c:pt idx="1820">
                  <c:v>30.333332999999996</c:v>
                </c:pt>
                <c:pt idx="1821">
                  <c:v>30.349999999999994</c:v>
                </c:pt>
                <c:pt idx="1822">
                  <c:v>30.366666999999993</c:v>
                </c:pt>
                <c:pt idx="1823">
                  <c:v>30.383332999999993</c:v>
                </c:pt>
                <c:pt idx="1824">
                  <c:v>30.399999999999991</c:v>
                </c:pt>
                <c:pt idx="1825">
                  <c:v>30.41666699999999</c:v>
                </c:pt>
                <c:pt idx="1826">
                  <c:v>30.43333299999999</c:v>
                </c:pt>
                <c:pt idx="1827">
                  <c:v>30.449999999999989</c:v>
                </c:pt>
                <c:pt idx="1828">
                  <c:v>30.466667000000001</c:v>
                </c:pt>
                <c:pt idx="1829">
                  <c:v>30.483332999999988</c:v>
                </c:pt>
                <c:pt idx="1830">
                  <c:v>30.5</c:v>
                </c:pt>
                <c:pt idx="1831">
                  <c:v>30.516666999999998</c:v>
                </c:pt>
                <c:pt idx="1832">
                  <c:v>30.533332999999999</c:v>
                </c:pt>
                <c:pt idx="1833">
                  <c:v>30.549999999999997</c:v>
                </c:pt>
                <c:pt idx="1834">
                  <c:v>30.566666999999995</c:v>
                </c:pt>
                <c:pt idx="1835">
                  <c:v>30.583332999999996</c:v>
                </c:pt>
                <c:pt idx="1836">
                  <c:v>30.599999999999994</c:v>
                </c:pt>
                <c:pt idx="1837">
                  <c:v>30.616666999999993</c:v>
                </c:pt>
                <c:pt idx="1838">
                  <c:v>30.633332999999993</c:v>
                </c:pt>
                <c:pt idx="1839">
                  <c:v>30.649999999999991</c:v>
                </c:pt>
                <c:pt idx="1840">
                  <c:v>30.66666699999999</c:v>
                </c:pt>
                <c:pt idx="1841">
                  <c:v>30.68333299999999</c:v>
                </c:pt>
                <c:pt idx="1842">
                  <c:v>30.699999999999989</c:v>
                </c:pt>
                <c:pt idx="1843">
                  <c:v>30.716667000000001</c:v>
                </c:pt>
                <c:pt idx="1844">
                  <c:v>30.733332999999988</c:v>
                </c:pt>
                <c:pt idx="1845">
                  <c:v>30.75</c:v>
                </c:pt>
                <c:pt idx="1846">
                  <c:v>30.766666999999998</c:v>
                </c:pt>
                <c:pt idx="1847">
                  <c:v>30.783332999999999</c:v>
                </c:pt>
                <c:pt idx="1848">
                  <c:v>30.799999999999997</c:v>
                </c:pt>
                <c:pt idx="1849">
                  <c:v>30.816666999999995</c:v>
                </c:pt>
                <c:pt idx="1850">
                  <c:v>30.833332999999996</c:v>
                </c:pt>
                <c:pt idx="1851">
                  <c:v>30.849999999999994</c:v>
                </c:pt>
                <c:pt idx="1852">
                  <c:v>30.866666999999993</c:v>
                </c:pt>
                <c:pt idx="1853">
                  <c:v>30.883332999999993</c:v>
                </c:pt>
                <c:pt idx="1854">
                  <c:v>30.899999999999991</c:v>
                </c:pt>
                <c:pt idx="1855">
                  <c:v>30.91666699999999</c:v>
                </c:pt>
                <c:pt idx="1856">
                  <c:v>30.93333299999999</c:v>
                </c:pt>
                <c:pt idx="1857">
                  <c:v>30.949999999999989</c:v>
                </c:pt>
                <c:pt idx="1858">
                  <c:v>30.966667000000001</c:v>
                </c:pt>
                <c:pt idx="1859">
                  <c:v>30.983332999999988</c:v>
                </c:pt>
                <c:pt idx="1860">
                  <c:v>31</c:v>
                </c:pt>
                <c:pt idx="1861">
                  <c:v>31.016666999999998</c:v>
                </c:pt>
                <c:pt idx="1862">
                  <c:v>31.033332999999999</c:v>
                </c:pt>
                <c:pt idx="1863">
                  <c:v>31.049999999999997</c:v>
                </c:pt>
                <c:pt idx="1864">
                  <c:v>31.066666999999995</c:v>
                </c:pt>
                <c:pt idx="1865">
                  <c:v>31.083332999999996</c:v>
                </c:pt>
                <c:pt idx="1866">
                  <c:v>31.099999999999994</c:v>
                </c:pt>
                <c:pt idx="1867">
                  <c:v>31.116666999999993</c:v>
                </c:pt>
                <c:pt idx="1868">
                  <c:v>31.133332999999993</c:v>
                </c:pt>
                <c:pt idx="1869">
                  <c:v>31.149999999999991</c:v>
                </c:pt>
                <c:pt idx="1870">
                  <c:v>31.16666699999999</c:v>
                </c:pt>
                <c:pt idx="1871">
                  <c:v>31.18333299999999</c:v>
                </c:pt>
                <c:pt idx="1872">
                  <c:v>31.199999999999989</c:v>
                </c:pt>
                <c:pt idx="1873">
                  <c:v>31.216667000000001</c:v>
                </c:pt>
                <c:pt idx="1874">
                  <c:v>31.233332999999988</c:v>
                </c:pt>
                <c:pt idx="1875">
                  <c:v>31.25</c:v>
                </c:pt>
                <c:pt idx="1876">
                  <c:v>31.266666999999998</c:v>
                </c:pt>
                <c:pt idx="1877">
                  <c:v>31.283332999999999</c:v>
                </c:pt>
                <c:pt idx="1878">
                  <c:v>31.299999999999997</c:v>
                </c:pt>
                <c:pt idx="1879">
                  <c:v>31.316666999999995</c:v>
                </c:pt>
                <c:pt idx="1880">
                  <c:v>31.333332999999996</c:v>
                </c:pt>
                <c:pt idx="1881">
                  <c:v>31.349999999999994</c:v>
                </c:pt>
                <c:pt idx="1882">
                  <c:v>31.366666999999993</c:v>
                </c:pt>
                <c:pt idx="1883">
                  <c:v>31.383332999999993</c:v>
                </c:pt>
                <c:pt idx="1884">
                  <c:v>31.399999999999991</c:v>
                </c:pt>
                <c:pt idx="1885">
                  <c:v>31.41666699999999</c:v>
                </c:pt>
                <c:pt idx="1886">
                  <c:v>31.43333299999999</c:v>
                </c:pt>
                <c:pt idx="1887">
                  <c:v>31.449999999999989</c:v>
                </c:pt>
                <c:pt idx="1888">
                  <c:v>31.466667000000001</c:v>
                </c:pt>
                <c:pt idx="1889">
                  <c:v>31.483332999999988</c:v>
                </c:pt>
                <c:pt idx="1890">
                  <c:v>31.5</c:v>
                </c:pt>
                <c:pt idx="1891">
                  <c:v>31.516666999999998</c:v>
                </c:pt>
                <c:pt idx="1892">
                  <c:v>31.533332999999999</c:v>
                </c:pt>
                <c:pt idx="1893">
                  <c:v>31.549999999999997</c:v>
                </c:pt>
                <c:pt idx="1894">
                  <c:v>31.566666999999995</c:v>
                </c:pt>
                <c:pt idx="1895">
                  <c:v>31.583332999999996</c:v>
                </c:pt>
                <c:pt idx="1896">
                  <c:v>31.599999999999994</c:v>
                </c:pt>
                <c:pt idx="1897">
                  <c:v>31.616666999999993</c:v>
                </c:pt>
                <c:pt idx="1898">
                  <c:v>31.633332999999993</c:v>
                </c:pt>
                <c:pt idx="1899">
                  <c:v>31.649999999999991</c:v>
                </c:pt>
                <c:pt idx="1900">
                  <c:v>31.66666699999999</c:v>
                </c:pt>
                <c:pt idx="1901">
                  <c:v>31.68333299999999</c:v>
                </c:pt>
                <c:pt idx="1902">
                  <c:v>31.699999999999989</c:v>
                </c:pt>
                <c:pt idx="1903">
                  <c:v>31.716667000000001</c:v>
                </c:pt>
                <c:pt idx="1904">
                  <c:v>31.733332999999988</c:v>
                </c:pt>
                <c:pt idx="1905">
                  <c:v>31.75</c:v>
                </c:pt>
                <c:pt idx="1906">
                  <c:v>31.766666999999998</c:v>
                </c:pt>
                <c:pt idx="1907">
                  <c:v>31.783332999999999</c:v>
                </c:pt>
                <c:pt idx="1908">
                  <c:v>31.799999999999997</c:v>
                </c:pt>
                <c:pt idx="1909">
                  <c:v>31.816666999999995</c:v>
                </c:pt>
                <c:pt idx="1910">
                  <c:v>31.833332999999996</c:v>
                </c:pt>
                <c:pt idx="1911">
                  <c:v>31.849999999999994</c:v>
                </c:pt>
                <c:pt idx="1912">
                  <c:v>31.866666999999993</c:v>
                </c:pt>
                <c:pt idx="1913">
                  <c:v>31.883332999999993</c:v>
                </c:pt>
                <c:pt idx="1914">
                  <c:v>31.899999999999991</c:v>
                </c:pt>
                <c:pt idx="1915">
                  <c:v>31.91666699999999</c:v>
                </c:pt>
                <c:pt idx="1916">
                  <c:v>31.93333299999999</c:v>
                </c:pt>
                <c:pt idx="1917">
                  <c:v>31.949999999999989</c:v>
                </c:pt>
                <c:pt idx="1918">
                  <c:v>31.966667000000001</c:v>
                </c:pt>
                <c:pt idx="1919">
                  <c:v>31.983332999999988</c:v>
                </c:pt>
                <c:pt idx="1920">
                  <c:v>32</c:v>
                </c:pt>
                <c:pt idx="1921">
                  <c:v>32.016666999999998</c:v>
                </c:pt>
                <c:pt idx="1922">
                  <c:v>32.033332999999999</c:v>
                </c:pt>
                <c:pt idx="1923">
                  <c:v>32.049999999999997</c:v>
                </c:pt>
                <c:pt idx="1924">
                  <c:v>32.066666999999995</c:v>
                </c:pt>
                <c:pt idx="1925">
                  <c:v>32.083332999999996</c:v>
                </c:pt>
                <c:pt idx="1926">
                  <c:v>32.099999999999994</c:v>
                </c:pt>
                <c:pt idx="1927">
                  <c:v>32.116666999999993</c:v>
                </c:pt>
                <c:pt idx="1928">
                  <c:v>32.133332999999993</c:v>
                </c:pt>
                <c:pt idx="1929">
                  <c:v>32.149999999999991</c:v>
                </c:pt>
                <c:pt idx="1930">
                  <c:v>32.16666699999999</c:v>
                </c:pt>
                <c:pt idx="1931">
                  <c:v>32.18333299999999</c:v>
                </c:pt>
                <c:pt idx="1932">
                  <c:v>32.199999999999989</c:v>
                </c:pt>
                <c:pt idx="1933">
                  <c:v>32.216667000000001</c:v>
                </c:pt>
                <c:pt idx="1934">
                  <c:v>32.233332999999988</c:v>
                </c:pt>
                <c:pt idx="1935">
                  <c:v>32.25</c:v>
                </c:pt>
                <c:pt idx="1936">
                  <c:v>32.266666999999998</c:v>
                </c:pt>
                <c:pt idx="1937">
                  <c:v>32.283332999999999</c:v>
                </c:pt>
                <c:pt idx="1938">
                  <c:v>32.299999999999997</c:v>
                </c:pt>
                <c:pt idx="1939">
                  <c:v>32.316666999999995</c:v>
                </c:pt>
                <c:pt idx="1940">
                  <c:v>32.333332999999996</c:v>
                </c:pt>
                <c:pt idx="1941">
                  <c:v>32.349999999999994</c:v>
                </c:pt>
                <c:pt idx="1942">
                  <c:v>32.366666999999993</c:v>
                </c:pt>
                <c:pt idx="1943">
                  <c:v>32.383332999999993</c:v>
                </c:pt>
                <c:pt idx="1944">
                  <c:v>32.399999999999991</c:v>
                </c:pt>
                <c:pt idx="1945">
                  <c:v>32.41666699999999</c:v>
                </c:pt>
                <c:pt idx="1946">
                  <c:v>32.43333299999999</c:v>
                </c:pt>
                <c:pt idx="1947">
                  <c:v>32.449999999999989</c:v>
                </c:pt>
                <c:pt idx="1948">
                  <c:v>32.466667000000001</c:v>
                </c:pt>
                <c:pt idx="1949">
                  <c:v>32.483332999999988</c:v>
                </c:pt>
                <c:pt idx="1950">
                  <c:v>32.5</c:v>
                </c:pt>
                <c:pt idx="1951">
                  <c:v>32.516666999999998</c:v>
                </c:pt>
                <c:pt idx="1952">
                  <c:v>32.533332999999999</c:v>
                </c:pt>
                <c:pt idx="1953">
                  <c:v>32.549999999999997</c:v>
                </c:pt>
                <c:pt idx="1954">
                  <c:v>32.566666999999995</c:v>
                </c:pt>
                <c:pt idx="1955">
                  <c:v>32.583332999999996</c:v>
                </c:pt>
                <c:pt idx="1956">
                  <c:v>32.599999999999994</c:v>
                </c:pt>
                <c:pt idx="1957">
                  <c:v>32.616666999999993</c:v>
                </c:pt>
                <c:pt idx="1958">
                  <c:v>32.633332999999993</c:v>
                </c:pt>
                <c:pt idx="1959">
                  <c:v>32.649999999999991</c:v>
                </c:pt>
                <c:pt idx="1960">
                  <c:v>32.66666699999999</c:v>
                </c:pt>
                <c:pt idx="1961">
                  <c:v>32.68333299999999</c:v>
                </c:pt>
                <c:pt idx="1962">
                  <c:v>32.699999999999989</c:v>
                </c:pt>
                <c:pt idx="1963">
                  <c:v>32.716667000000001</c:v>
                </c:pt>
                <c:pt idx="1964">
                  <c:v>32.733332999999988</c:v>
                </c:pt>
                <c:pt idx="1965">
                  <c:v>32.75</c:v>
                </c:pt>
                <c:pt idx="1966">
                  <c:v>32.766666999999998</c:v>
                </c:pt>
                <c:pt idx="1967">
                  <c:v>32.783332999999999</c:v>
                </c:pt>
                <c:pt idx="1968">
                  <c:v>32.799999999999997</c:v>
                </c:pt>
                <c:pt idx="1969">
                  <c:v>32.816666999999995</c:v>
                </c:pt>
                <c:pt idx="1970">
                  <c:v>32.833332999999996</c:v>
                </c:pt>
                <c:pt idx="1971">
                  <c:v>32.849999999999994</c:v>
                </c:pt>
                <c:pt idx="1972">
                  <c:v>32.866666999999993</c:v>
                </c:pt>
                <c:pt idx="1973">
                  <c:v>32.883332999999993</c:v>
                </c:pt>
                <c:pt idx="1974">
                  <c:v>32.899999999999991</c:v>
                </c:pt>
                <c:pt idx="1975">
                  <c:v>32.91666699999999</c:v>
                </c:pt>
                <c:pt idx="1976">
                  <c:v>32.93333299999999</c:v>
                </c:pt>
                <c:pt idx="1977">
                  <c:v>32.949999999999989</c:v>
                </c:pt>
                <c:pt idx="1978">
                  <c:v>32.966667000000001</c:v>
                </c:pt>
                <c:pt idx="1979">
                  <c:v>32.983332999999988</c:v>
                </c:pt>
                <c:pt idx="1980">
                  <c:v>33</c:v>
                </c:pt>
                <c:pt idx="1981">
                  <c:v>33.016666999999998</c:v>
                </c:pt>
                <c:pt idx="1982">
                  <c:v>33.033332999999999</c:v>
                </c:pt>
                <c:pt idx="1983">
                  <c:v>33.049999999999997</c:v>
                </c:pt>
                <c:pt idx="1984">
                  <c:v>33.066666999999995</c:v>
                </c:pt>
                <c:pt idx="1985">
                  <c:v>33.083332999999996</c:v>
                </c:pt>
                <c:pt idx="1986">
                  <c:v>33.099999999999994</c:v>
                </c:pt>
                <c:pt idx="1987">
                  <c:v>33.116666999999993</c:v>
                </c:pt>
                <c:pt idx="1988">
                  <c:v>33.133332999999993</c:v>
                </c:pt>
                <c:pt idx="1989">
                  <c:v>33.149999999999991</c:v>
                </c:pt>
                <c:pt idx="1990">
                  <c:v>33.16666699999999</c:v>
                </c:pt>
                <c:pt idx="1991">
                  <c:v>33.18333299999999</c:v>
                </c:pt>
                <c:pt idx="1992">
                  <c:v>33.199999999999989</c:v>
                </c:pt>
                <c:pt idx="1993">
                  <c:v>33.216667000000001</c:v>
                </c:pt>
                <c:pt idx="1994">
                  <c:v>33.233332999999988</c:v>
                </c:pt>
                <c:pt idx="1995">
                  <c:v>33.25</c:v>
                </c:pt>
                <c:pt idx="1996">
                  <c:v>33.266666999999998</c:v>
                </c:pt>
                <c:pt idx="1997">
                  <c:v>33.283332999999999</c:v>
                </c:pt>
                <c:pt idx="1998">
                  <c:v>33.299999999999997</c:v>
                </c:pt>
                <c:pt idx="1999">
                  <c:v>33.316666999999995</c:v>
                </c:pt>
                <c:pt idx="2000">
                  <c:v>33.333332999999996</c:v>
                </c:pt>
                <c:pt idx="2001">
                  <c:v>33.349999999999994</c:v>
                </c:pt>
                <c:pt idx="2002">
                  <c:v>33.366666999999993</c:v>
                </c:pt>
                <c:pt idx="2003">
                  <c:v>33.383332999999993</c:v>
                </c:pt>
                <c:pt idx="2004">
                  <c:v>33.399999999999991</c:v>
                </c:pt>
                <c:pt idx="2005">
                  <c:v>33.41666699999999</c:v>
                </c:pt>
                <c:pt idx="2006">
                  <c:v>33.43333299999999</c:v>
                </c:pt>
                <c:pt idx="2007">
                  <c:v>33.449999999999989</c:v>
                </c:pt>
                <c:pt idx="2008">
                  <c:v>33.466667000000001</c:v>
                </c:pt>
                <c:pt idx="2009">
                  <c:v>33.483332999999988</c:v>
                </c:pt>
                <c:pt idx="2010">
                  <c:v>33.5</c:v>
                </c:pt>
                <c:pt idx="2011">
                  <c:v>33.516666999999998</c:v>
                </c:pt>
                <c:pt idx="2012">
                  <c:v>33.533332999999999</c:v>
                </c:pt>
                <c:pt idx="2013">
                  <c:v>33.549999999999997</c:v>
                </c:pt>
                <c:pt idx="2014">
                  <c:v>33.566666999999995</c:v>
                </c:pt>
                <c:pt idx="2015">
                  <c:v>33.583332999999996</c:v>
                </c:pt>
                <c:pt idx="2016">
                  <c:v>33.599999999999994</c:v>
                </c:pt>
                <c:pt idx="2017">
                  <c:v>33.616666999999993</c:v>
                </c:pt>
                <c:pt idx="2018">
                  <c:v>33.633332999999993</c:v>
                </c:pt>
                <c:pt idx="2019">
                  <c:v>33.649999999999991</c:v>
                </c:pt>
                <c:pt idx="2020">
                  <c:v>33.66666699999999</c:v>
                </c:pt>
                <c:pt idx="2021">
                  <c:v>33.68333299999999</c:v>
                </c:pt>
                <c:pt idx="2022">
                  <c:v>33.699999999999989</c:v>
                </c:pt>
                <c:pt idx="2023">
                  <c:v>33.716667000000001</c:v>
                </c:pt>
                <c:pt idx="2024">
                  <c:v>33.733332999999988</c:v>
                </c:pt>
                <c:pt idx="2025">
                  <c:v>33.75</c:v>
                </c:pt>
                <c:pt idx="2026">
                  <c:v>33.766666999999998</c:v>
                </c:pt>
                <c:pt idx="2027">
                  <c:v>33.783332999999999</c:v>
                </c:pt>
                <c:pt idx="2028">
                  <c:v>33.799999999999997</c:v>
                </c:pt>
                <c:pt idx="2029">
                  <c:v>33.816666999999995</c:v>
                </c:pt>
                <c:pt idx="2030">
                  <c:v>33.833332999999996</c:v>
                </c:pt>
                <c:pt idx="2031">
                  <c:v>33.849999999999994</c:v>
                </c:pt>
                <c:pt idx="2032">
                  <c:v>33.866666999999993</c:v>
                </c:pt>
                <c:pt idx="2033">
                  <c:v>33.883332999999993</c:v>
                </c:pt>
                <c:pt idx="2034">
                  <c:v>33.899999999999991</c:v>
                </c:pt>
                <c:pt idx="2035">
                  <c:v>33.91666699999999</c:v>
                </c:pt>
                <c:pt idx="2036">
                  <c:v>33.93333299999999</c:v>
                </c:pt>
                <c:pt idx="2037">
                  <c:v>33.949999999999989</c:v>
                </c:pt>
                <c:pt idx="2038">
                  <c:v>33.966667000000001</c:v>
                </c:pt>
                <c:pt idx="2039">
                  <c:v>33.983332999999988</c:v>
                </c:pt>
                <c:pt idx="2040">
                  <c:v>34</c:v>
                </c:pt>
                <c:pt idx="2041">
                  <c:v>34.016666999999998</c:v>
                </c:pt>
                <c:pt idx="2042">
                  <c:v>34.033332999999999</c:v>
                </c:pt>
                <c:pt idx="2043">
                  <c:v>34.049999999999997</c:v>
                </c:pt>
                <c:pt idx="2044">
                  <c:v>34.066666999999995</c:v>
                </c:pt>
                <c:pt idx="2045">
                  <c:v>34.083332999999996</c:v>
                </c:pt>
                <c:pt idx="2046">
                  <c:v>34.099999999999994</c:v>
                </c:pt>
                <c:pt idx="2047">
                  <c:v>34.116666999999993</c:v>
                </c:pt>
                <c:pt idx="2048">
                  <c:v>34.133332999999993</c:v>
                </c:pt>
                <c:pt idx="2049">
                  <c:v>34.149999999999991</c:v>
                </c:pt>
                <c:pt idx="2050">
                  <c:v>34.16666699999999</c:v>
                </c:pt>
                <c:pt idx="2051">
                  <c:v>34.18333299999999</c:v>
                </c:pt>
                <c:pt idx="2052">
                  <c:v>34.199999999999989</c:v>
                </c:pt>
                <c:pt idx="2053">
                  <c:v>34.216667000000001</c:v>
                </c:pt>
                <c:pt idx="2054">
                  <c:v>34.233332999999988</c:v>
                </c:pt>
                <c:pt idx="2055">
                  <c:v>34.25</c:v>
                </c:pt>
                <c:pt idx="2056">
                  <c:v>34.266666999999998</c:v>
                </c:pt>
                <c:pt idx="2057">
                  <c:v>34.283332999999999</c:v>
                </c:pt>
                <c:pt idx="2058">
                  <c:v>34.299999999999997</c:v>
                </c:pt>
                <c:pt idx="2059">
                  <c:v>34.316666999999995</c:v>
                </c:pt>
                <c:pt idx="2060">
                  <c:v>34.333332999999996</c:v>
                </c:pt>
                <c:pt idx="2061">
                  <c:v>34.349999999999994</c:v>
                </c:pt>
                <c:pt idx="2062">
                  <c:v>34.366666999999993</c:v>
                </c:pt>
                <c:pt idx="2063">
                  <c:v>34.383332999999993</c:v>
                </c:pt>
                <c:pt idx="2064">
                  <c:v>34.399999999999991</c:v>
                </c:pt>
                <c:pt idx="2065">
                  <c:v>34.41666699999999</c:v>
                </c:pt>
                <c:pt idx="2066">
                  <c:v>34.43333299999999</c:v>
                </c:pt>
                <c:pt idx="2067">
                  <c:v>34.449999999999989</c:v>
                </c:pt>
                <c:pt idx="2068">
                  <c:v>34.466667000000001</c:v>
                </c:pt>
                <c:pt idx="2069">
                  <c:v>34.483332999999988</c:v>
                </c:pt>
                <c:pt idx="2070">
                  <c:v>34.5</c:v>
                </c:pt>
                <c:pt idx="2071">
                  <c:v>34.516666999999998</c:v>
                </c:pt>
                <c:pt idx="2072">
                  <c:v>34.533332999999999</c:v>
                </c:pt>
                <c:pt idx="2073">
                  <c:v>34.549999999999997</c:v>
                </c:pt>
                <c:pt idx="2074">
                  <c:v>34.566666999999995</c:v>
                </c:pt>
                <c:pt idx="2075">
                  <c:v>34.583332999999996</c:v>
                </c:pt>
                <c:pt idx="2076">
                  <c:v>34.599999999999994</c:v>
                </c:pt>
                <c:pt idx="2077">
                  <c:v>34.616666999999993</c:v>
                </c:pt>
                <c:pt idx="2078">
                  <c:v>34.633332999999993</c:v>
                </c:pt>
                <c:pt idx="2079">
                  <c:v>34.649999999999991</c:v>
                </c:pt>
                <c:pt idx="2080">
                  <c:v>34.66666699999999</c:v>
                </c:pt>
                <c:pt idx="2081">
                  <c:v>34.68333299999999</c:v>
                </c:pt>
                <c:pt idx="2082">
                  <c:v>34.699999999999989</c:v>
                </c:pt>
                <c:pt idx="2083">
                  <c:v>34.716667000000001</c:v>
                </c:pt>
                <c:pt idx="2084">
                  <c:v>34.733332999999988</c:v>
                </c:pt>
                <c:pt idx="2085">
                  <c:v>34.75</c:v>
                </c:pt>
                <c:pt idx="2086">
                  <c:v>34.766666999999998</c:v>
                </c:pt>
                <c:pt idx="2087">
                  <c:v>34.783332999999999</c:v>
                </c:pt>
                <c:pt idx="2088">
                  <c:v>34.799999999999997</c:v>
                </c:pt>
                <c:pt idx="2089">
                  <c:v>34.816666999999995</c:v>
                </c:pt>
                <c:pt idx="2090">
                  <c:v>34.833332999999996</c:v>
                </c:pt>
                <c:pt idx="2091">
                  <c:v>34.849999999999994</c:v>
                </c:pt>
                <c:pt idx="2092">
                  <c:v>34.866666999999993</c:v>
                </c:pt>
                <c:pt idx="2093">
                  <c:v>34.883332999999993</c:v>
                </c:pt>
                <c:pt idx="2094">
                  <c:v>34.899999999999991</c:v>
                </c:pt>
                <c:pt idx="2095">
                  <c:v>34.91666699999999</c:v>
                </c:pt>
                <c:pt idx="2096">
                  <c:v>34.93333299999999</c:v>
                </c:pt>
                <c:pt idx="2097">
                  <c:v>34.949999999999989</c:v>
                </c:pt>
                <c:pt idx="2098">
                  <c:v>34.966667000000001</c:v>
                </c:pt>
                <c:pt idx="2099">
                  <c:v>34.983332999999988</c:v>
                </c:pt>
                <c:pt idx="2100">
                  <c:v>35</c:v>
                </c:pt>
                <c:pt idx="2101">
                  <c:v>35.016666999999998</c:v>
                </c:pt>
                <c:pt idx="2102">
                  <c:v>35.033332999999999</c:v>
                </c:pt>
                <c:pt idx="2103">
                  <c:v>35.049999999999997</c:v>
                </c:pt>
                <c:pt idx="2104">
                  <c:v>35.066666999999995</c:v>
                </c:pt>
                <c:pt idx="2105">
                  <c:v>35.083332999999996</c:v>
                </c:pt>
                <c:pt idx="2106">
                  <c:v>35.099999999999994</c:v>
                </c:pt>
                <c:pt idx="2107">
                  <c:v>35.116666999999993</c:v>
                </c:pt>
                <c:pt idx="2108">
                  <c:v>35.133332999999993</c:v>
                </c:pt>
                <c:pt idx="2109">
                  <c:v>35.149999999999991</c:v>
                </c:pt>
                <c:pt idx="2110">
                  <c:v>35.16666699999999</c:v>
                </c:pt>
                <c:pt idx="2111">
                  <c:v>35.18333299999999</c:v>
                </c:pt>
                <c:pt idx="2112">
                  <c:v>35.199999999999989</c:v>
                </c:pt>
                <c:pt idx="2113">
                  <c:v>35.216667000000001</c:v>
                </c:pt>
                <c:pt idx="2114">
                  <c:v>35.233332999999988</c:v>
                </c:pt>
                <c:pt idx="2115">
                  <c:v>35.25</c:v>
                </c:pt>
                <c:pt idx="2116">
                  <c:v>35.266666999999998</c:v>
                </c:pt>
                <c:pt idx="2117">
                  <c:v>35.283332999999999</c:v>
                </c:pt>
                <c:pt idx="2118">
                  <c:v>35.299999999999997</c:v>
                </c:pt>
                <c:pt idx="2119">
                  <c:v>35.316666999999995</c:v>
                </c:pt>
                <c:pt idx="2120">
                  <c:v>35.333332999999996</c:v>
                </c:pt>
                <c:pt idx="2121">
                  <c:v>35.349999999999994</c:v>
                </c:pt>
                <c:pt idx="2122">
                  <c:v>35.366666999999993</c:v>
                </c:pt>
                <c:pt idx="2123">
                  <c:v>35.383332999999993</c:v>
                </c:pt>
                <c:pt idx="2124">
                  <c:v>35.399999999999991</c:v>
                </c:pt>
                <c:pt idx="2125">
                  <c:v>35.41666699999999</c:v>
                </c:pt>
                <c:pt idx="2126">
                  <c:v>35.43333299999999</c:v>
                </c:pt>
                <c:pt idx="2127">
                  <c:v>35.449999999999989</c:v>
                </c:pt>
                <c:pt idx="2128">
                  <c:v>35.466667000000001</c:v>
                </c:pt>
                <c:pt idx="2129">
                  <c:v>35.483332999999988</c:v>
                </c:pt>
                <c:pt idx="2130">
                  <c:v>35.5</c:v>
                </c:pt>
                <c:pt idx="2131">
                  <c:v>35.516666999999998</c:v>
                </c:pt>
                <c:pt idx="2132">
                  <c:v>35.533332999999999</c:v>
                </c:pt>
                <c:pt idx="2133">
                  <c:v>35.549999999999997</c:v>
                </c:pt>
                <c:pt idx="2134">
                  <c:v>35.566666999999995</c:v>
                </c:pt>
                <c:pt idx="2135">
                  <c:v>35.583332999999996</c:v>
                </c:pt>
                <c:pt idx="2136">
                  <c:v>35.599999999999994</c:v>
                </c:pt>
                <c:pt idx="2137">
                  <c:v>35.616666999999993</c:v>
                </c:pt>
                <c:pt idx="2138">
                  <c:v>35.633332999999993</c:v>
                </c:pt>
                <c:pt idx="2139">
                  <c:v>35.649999999999991</c:v>
                </c:pt>
                <c:pt idx="2140">
                  <c:v>35.66666699999999</c:v>
                </c:pt>
                <c:pt idx="2141">
                  <c:v>35.68333299999999</c:v>
                </c:pt>
                <c:pt idx="2142">
                  <c:v>35.699999999999989</c:v>
                </c:pt>
                <c:pt idx="2143">
                  <c:v>35.716667000000001</c:v>
                </c:pt>
                <c:pt idx="2144">
                  <c:v>35.733332999999988</c:v>
                </c:pt>
                <c:pt idx="2145">
                  <c:v>35.75</c:v>
                </c:pt>
                <c:pt idx="2146">
                  <c:v>35.766666999999998</c:v>
                </c:pt>
                <c:pt idx="2147">
                  <c:v>35.783332999999999</c:v>
                </c:pt>
                <c:pt idx="2148">
                  <c:v>35.799999999999997</c:v>
                </c:pt>
                <c:pt idx="2149">
                  <c:v>35.816666999999995</c:v>
                </c:pt>
                <c:pt idx="2150">
                  <c:v>35.833332999999996</c:v>
                </c:pt>
                <c:pt idx="2151">
                  <c:v>35.849999999999994</c:v>
                </c:pt>
                <c:pt idx="2152">
                  <c:v>35.866666999999993</c:v>
                </c:pt>
                <c:pt idx="2153">
                  <c:v>35.883332999999993</c:v>
                </c:pt>
                <c:pt idx="2154">
                  <c:v>35.899999999999991</c:v>
                </c:pt>
                <c:pt idx="2155">
                  <c:v>35.91666699999999</c:v>
                </c:pt>
                <c:pt idx="2156">
                  <c:v>35.93333299999999</c:v>
                </c:pt>
                <c:pt idx="2157">
                  <c:v>35.949999999999989</c:v>
                </c:pt>
                <c:pt idx="2158">
                  <c:v>35.966667000000001</c:v>
                </c:pt>
                <c:pt idx="2159">
                  <c:v>35.983332999999988</c:v>
                </c:pt>
                <c:pt idx="2160">
                  <c:v>36</c:v>
                </c:pt>
                <c:pt idx="2161">
                  <c:v>36.016666999999998</c:v>
                </c:pt>
                <c:pt idx="2162">
                  <c:v>36.033332999999999</c:v>
                </c:pt>
                <c:pt idx="2163">
                  <c:v>36.049999999999997</c:v>
                </c:pt>
                <c:pt idx="2164">
                  <c:v>36.066666999999995</c:v>
                </c:pt>
                <c:pt idx="2165">
                  <c:v>36.083332999999996</c:v>
                </c:pt>
                <c:pt idx="2166">
                  <c:v>36.099999999999994</c:v>
                </c:pt>
                <c:pt idx="2167">
                  <c:v>36.116666999999993</c:v>
                </c:pt>
                <c:pt idx="2168">
                  <c:v>36.133332999999993</c:v>
                </c:pt>
                <c:pt idx="2169">
                  <c:v>36.149999999999991</c:v>
                </c:pt>
                <c:pt idx="2170">
                  <c:v>36.16666699999999</c:v>
                </c:pt>
                <c:pt idx="2171">
                  <c:v>36.18333299999999</c:v>
                </c:pt>
                <c:pt idx="2172">
                  <c:v>36.199999999999989</c:v>
                </c:pt>
                <c:pt idx="2173">
                  <c:v>36.216667000000001</c:v>
                </c:pt>
                <c:pt idx="2174">
                  <c:v>36.233332999999988</c:v>
                </c:pt>
                <c:pt idx="2175">
                  <c:v>36.25</c:v>
                </c:pt>
                <c:pt idx="2176">
                  <c:v>36.266666999999998</c:v>
                </c:pt>
                <c:pt idx="2177">
                  <c:v>36.283332999999999</c:v>
                </c:pt>
                <c:pt idx="2178">
                  <c:v>36.299999999999997</c:v>
                </c:pt>
                <c:pt idx="2179">
                  <c:v>36.316666999999995</c:v>
                </c:pt>
                <c:pt idx="2180">
                  <c:v>36.333332999999996</c:v>
                </c:pt>
                <c:pt idx="2181">
                  <c:v>36.349999999999994</c:v>
                </c:pt>
                <c:pt idx="2182">
                  <c:v>36.366666999999993</c:v>
                </c:pt>
                <c:pt idx="2183">
                  <c:v>36.383332999999993</c:v>
                </c:pt>
                <c:pt idx="2184">
                  <c:v>36.399999999999991</c:v>
                </c:pt>
                <c:pt idx="2185">
                  <c:v>36.41666699999999</c:v>
                </c:pt>
                <c:pt idx="2186">
                  <c:v>36.43333299999999</c:v>
                </c:pt>
                <c:pt idx="2187">
                  <c:v>36.449999999999989</c:v>
                </c:pt>
                <c:pt idx="2188">
                  <c:v>36.466667000000001</c:v>
                </c:pt>
                <c:pt idx="2189">
                  <c:v>36.483332999999988</c:v>
                </c:pt>
                <c:pt idx="2190">
                  <c:v>36.5</c:v>
                </c:pt>
                <c:pt idx="2191">
                  <c:v>36.516666999999998</c:v>
                </c:pt>
                <c:pt idx="2192">
                  <c:v>36.533332999999999</c:v>
                </c:pt>
                <c:pt idx="2193">
                  <c:v>36.549999999999997</c:v>
                </c:pt>
                <c:pt idx="2194">
                  <c:v>36.566666999999995</c:v>
                </c:pt>
                <c:pt idx="2195">
                  <c:v>36.583332999999996</c:v>
                </c:pt>
                <c:pt idx="2196">
                  <c:v>36.599999999999994</c:v>
                </c:pt>
                <c:pt idx="2197">
                  <c:v>36.616666999999993</c:v>
                </c:pt>
                <c:pt idx="2198">
                  <c:v>36.633332999999993</c:v>
                </c:pt>
                <c:pt idx="2199">
                  <c:v>36.649999999999991</c:v>
                </c:pt>
                <c:pt idx="2200">
                  <c:v>36.66666699999999</c:v>
                </c:pt>
                <c:pt idx="2201">
                  <c:v>36.68333299999999</c:v>
                </c:pt>
                <c:pt idx="2202">
                  <c:v>36.699999999999989</c:v>
                </c:pt>
                <c:pt idx="2203">
                  <c:v>36.716667000000001</c:v>
                </c:pt>
                <c:pt idx="2204">
                  <c:v>36.733332999999988</c:v>
                </c:pt>
                <c:pt idx="2205">
                  <c:v>36.75</c:v>
                </c:pt>
                <c:pt idx="2206">
                  <c:v>36.766666999999998</c:v>
                </c:pt>
                <c:pt idx="2207">
                  <c:v>36.783332999999999</c:v>
                </c:pt>
                <c:pt idx="2208">
                  <c:v>36.799999999999997</c:v>
                </c:pt>
                <c:pt idx="2209">
                  <c:v>36.816666999999995</c:v>
                </c:pt>
                <c:pt idx="2210">
                  <c:v>36.833332999999996</c:v>
                </c:pt>
                <c:pt idx="2211">
                  <c:v>36.849999999999994</c:v>
                </c:pt>
                <c:pt idx="2212">
                  <c:v>36.866666999999993</c:v>
                </c:pt>
                <c:pt idx="2213">
                  <c:v>36.883332999999993</c:v>
                </c:pt>
                <c:pt idx="2214">
                  <c:v>36.899999999999991</c:v>
                </c:pt>
                <c:pt idx="2215">
                  <c:v>36.91666699999999</c:v>
                </c:pt>
                <c:pt idx="2216">
                  <c:v>36.93333299999999</c:v>
                </c:pt>
                <c:pt idx="2217">
                  <c:v>36.949999999999989</c:v>
                </c:pt>
                <c:pt idx="2218">
                  <c:v>36.966667000000001</c:v>
                </c:pt>
                <c:pt idx="2219">
                  <c:v>36.983332999999988</c:v>
                </c:pt>
                <c:pt idx="2220">
                  <c:v>37</c:v>
                </c:pt>
                <c:pt idx="2221">
                  <c:v>37.016666999999998</c:v>
                </c:pt>
                <c:pt idx="2222">
                  <c:v>37.033332999999999</c:v>
                </c:pt>
                <c:pt idx="2223">
                  <c:v>37.049999999999997</c:v>
                </c:pt>
                <c:pt idx="2224">
                  <c:v>37.066666999999995</c:v>
                </c:pt>
                <c:pt idx="2225">
                  <c:v>37.083332999999996</c:v>
                </c:pt>
                <c:pt idx="2226">
                  <c:v>37.099999999999994</c:v>
                </c:pt>
                <c:pt idx="2227">
                  <c:v>37.116666999999993</c:v>
                </c:pt>
                <c:pt idx="2228">
                  <c:v>37.133332999999993</c:v>
                </c:pt>
                <c:pt idx="2229">
                  <c:v>37.149999999999991</c:v>
                </c:pt>
                <c:pt idx="2230">
                  <c:v>37.16666699999999</c:v>
                </c:pt>
                <c:pt idx="2231">
                  <c:v>37.18333299999999</c:v>
                </c:pt>
                <c:pt idx="2232">
                  <c:v>37.199999999999989</c:v>
                </c:pt>
                <c:pt idx="2233">
                  <c:v>37.216667000000001</c:v>
                </c:pt>
                <c:pt idx="2234">
                  <c:v>37.233332999999988</c:v>
                </c:pt>
                <c:pt idx="2235">
                  <c:v>37.25</c:v>
                </c:pt>
                <c:pt idx="2236">
                  <c:v>37.266666999999998</c:v>
                </c:pt>
                <c:pt idx="2237">
                  <c:v>37.283332999999999</c:v>
                </c:pt>
                <c:pt idx="2238">
                  <c:v>37.299999999999997</c:v>
                </c:pt>
                <c:pt idx="2239">
                  <c:v>37.316666999999995</c:v>
                </c:pt>
                <c:pt idx="2240">
                  <c:v>37.333332999999996</c:v>
                </c:pt>
                <c:pt idx="2241">
                  <c:v>37.349999999999994</c:v>
                </c:pt>
                <c:pt idx="2242">
                  <c:v>37.366666999999993</c:v>
                </c:pt>
                <c:pt idx="2243">
                  <c:v>37.383332999999993</c:v>
                </c:pt>
                <c:pt idx="2244">
                  <c:v>37.399999999999991</c:v>
                </c:pt>
                <c:pt idx="2245">
                  <c:v>37.41666699999999</c:v>
                </c:pt>
                <c:pt idx="2246">
                  <c:v>37.43333299999999</c:v>
                </c:pt>
                <c:pt idx="2247">
                  <c:v>37.449999999999989</c:v>
                </c:pt>
                <c:pt idx="2248">
                  <c:v>37.466667000000001</c:v>
                </c:pt>
                <c:pt idx="2249">
                  <c:v>37.483332999999988</c:v>
                </c:pt>
                <c:pt idx="2250">
                  <c:v>37.5</c:v>
                </c:pt>
                <c:pt idx="2251">
                  <c:v>37.516666999999998</c:v>
                </c:pt>
                <c:pt idx="2252">
                  <c:v>37.533332999999999</c:v>
                </c:pt>
                <c:pt idx="2253">
                  <c:v>37.549999999999997</c:v>
                </c:pt>
                <c:pt idx="2254">
                  <c:v>37.566666999999995</c:v>
                </c:pt>
                <c:pt idx="2255">
                  <c:v>37.583332999999996</c:v>
                </c:pt>
                <c:pt idx="2256">
                  <c:v>37.599999999999994</c:v>
                </c:pt>
                <c:pt idx="2257">
                  <c:v>37.616666999999993</c:v>
                </c:pt>
                <c:pt idx="2258">
                  <c:v>37.633332999999993</c:v>
                </c:pt>
                <c:pt idx="2259">
                  <c:v>37.649999999999991</c:v>
                </c:pt>
                <c:pt idx="2260">
                  <c:v>37.66666699999999</c:v>
                </c:pt>
                <c:pt idx="2261">
                  <c:v>37.68333299999999</c:v>
                </c:pt>
                <c:pt idx="2262">
                  <c:v>37.699999999999989</c:v>
                </c:pt>
                <c:pt idx="2263">
                  <c:v>37.716667000000001</c:v>
                </c:pt>
                <c:pt idx="2264">
                  <c:v>37.733332999999988</c:v>
                </c:pt>
                <c:pt idx="2265">
                  <c:v>37.75</c:v>
                </c:pt>
                <c:pt idx="2266">
                  <c:v>37.766666999999998</c:v>
                </c:pt>
                <c:pt idx="2267">
                  <c:v>37.783332999999999</c:v>
                </c:pt>
                <c:pt idx="2268">
                  <c:v>37.799999999999997</c:v>
                </c:pt>
                <c:pt idx="2269">
                  <c:v>37.816666999999995</c:v>
                </c:pt>
                <c:pt idx="2270">
                  <c:v>37.833332999999996</c:v>
                </c:pt>
                <c:pt idx="2271">
                  <c:v>37.849999999999994</c:v>
                </c:pt>
                <c:pt idx="2272">
                  <c:v>37.866666999999993</c:v>
                </c:pt>
                <c:pt idx="2273">
                  <c:v>37.883332999999993</c:v>
                </c:pt>
                <c:pt idx="2274">
                  <c:v>37.899999999999991</c:v>
                </c:pt>
                <c:pt idx="2275">
                  <c:v>37.91666699999999</c:v>
                </c:pt>
                <c:pt idx="2276">
                  <c:v>37.93333299999999</c:v>
                </c:pt>
                <c:pt idx="2277">
                  <c:v>37.949999999999989</c:v>
                </c:pt>
                <c:pt idx="2278">
                  <c:v>37.966667000000001</c:v>
                </c:pt>
                <c:pt idx="2279">
                  <c:v>37.983332999999988</c:v>
                </c:pt>
                <c:pt idx="2280">
                  <c:v>38</c:v>
                </c:pt>
                <c:pt idx="2281">
                  <c:v>38.016666999999998</c:v>
                </c:pt>
                <c:pt idx="2282">
                  <c:v>38.033332999999999</c:v>
                </c:pt>
                <c:pt idx="2283">
                  <c:v>38.049999999999997</c:v>
                </c:pt>
                <c:pt idx="2284">
                  <c:v>38.066666999999995</c:v>
                </c:pt>
                <c:pt idx="2285">
                  <c:v>38.083332999999996</c:v>
                </c:pt>
                <c:pt idx="2286">
                  <c:v>38.099999999999994</c:v>
                </c:pt>
                <c:pt idx="2287">
                  <c:v>38.116666999999993</c:v>
                </c:pt>
                <c:pt idx="2288">
                  <c:v>38.133332999999993</c:v>
                </c:pt>
                <c:pt idx="2289">
                  <c:v>38.149999999999991</c:v>
                </c:pt>
                <c:pt idx="2290">
                  <c:v>38.16666699999999</c:v>
                </c:pt>
                <c:pt idx="2291">
                  <c:v>38.18333299999999</c:v>
                </c:pt>
                <c:pt idx="2292">
                  <c:v>38.199999999999989</c:v>
                </c:pt>
                <c:pt idx="2293">
                  <c:v>38.216667000000001</c:v>
                </c:pt>
                <c:pt idx="2294">
                  <c:v>38.233332999999988</c:v>
                </c:pt>
                <c:pt idx="2295">
                  <c:v>38.25</c:v>
                </c:pt>
                <c:pt idx="2296">
                  <c:v>38.266666999999998</c:v>
                </c:pt>
                <c:pt idx="2297">
                  <c:v>38.283332999999999</c:v>
                </c:pt>
                <c:pt idx="2298">
                  <c:v>38.299999999999997</c:v>
                </c:pt>
                <c:pt idx="2299">
                  <c:v>38.316666999999995</c:v>
                </c:pt>
                <c:pt idx="2300">
                  <c:v>38.333332999999996</c:v>
                </c:pt>
                <c:pt idx="2301">
                  <c:v>38.349999999999994</c:v>
                </c:pt>
                <c:pt idx="2302">
                  <c:v>38.366666999999993</c:v>
                </c:pt>
                <c:pt idx="2303">
                  <c:v>38.383332999999993</c:v>
                </c:pt>
                <c:pt idx="2304">
                  <c:v>38.399999999999991</c:v>
                </c:pt>
                <c:pt idx="2305">
                  <c:v>38.41666699999999</c:v>
                </c:pt>
                <c:pt idx="2306">
                  <c:v>38.43333299999999</c:v>
                </c:pt>
                <c:pt idx="2307">
                  <c:v>38.449999999999989</c:v>
                </c:pt>
                <c:pt idx="2308">
                  <c:v>38.466667000000001</c:v>
                </c:pt>
                <c:pt idx="2309">
                  <c:v>38.483332999999988</c:v>
                </c:pt>
                <c:pt idx="2310">
                  <c:v>38.5</c:v>
                </c:pt>
                <c:pt idx="2311">
                  <c:v>38.516666999999998</c:v>
                </c:pt>
                <c:pt idx="2312">
                  <c:v>38.533332999999999</c:v>
                </c:pt>
                <c:pt idx="2313">
                  <c:v>38.549999999999997</c:v>
                </c:pt>
                <c:pt idx="2314">
                  <c:v>38.566666999999995</c:v>
                </c:pt>
                <c:pt idx="2315">
                  <c:v>38.583332999999996</c:v>
                </c:pt>
                <c:pt idx="2316">
                  <c:v>38.599999999999994</c:v>
                </c:pt>
                <c:pt idx="2317">
                  <c:v>38.616666999999993</c:v>
                </c:pt>
                <c:pt idx="2318">
                  <c:v>38.633332999999993</c:v>
                </c:pt>
                <c:pt idx="2319">
                  <c:v>38.649999999999991</c:v>
                </c:pt>
                <c:pt idx="2320">
                  <c:v>38.66666699999999</c:v>
                </c:pt>
                <c:pt idx="2321">
                  <c:v>38.68333299999999</c:v>
                </c:pt>
                <c:pt idx="2322">
                  <c:v>38.699999999999989</c:v>
                </c:pt>
                <c:pt idx="2323">
                  <c:v>38.716667000000001</c:v>
                </c:pt>
                <c:pt idx="2324">
                  <c:v>38.733332999999988</c:v>
                </c:pt>
                <c:pt idx="2325">
                  <c:v>38.75</c:v>
                </c:pt>
                <c:pt idx="2326">
                  <c:v>38.766666999999998</c:v>
                </c:pt>
                <c:pt idx="2327">
                  <c:v>38.783332999999999</c:v>
                </c:pt>
                <c:pt idx="2328">
                  <c:v>38.799999999999997</c:v>
                </c:pt>
                <c:pt idx="2329">
                  <c:v>38.816666999999995</c:v>
                </c:pt>
                <c:pt idx="2330">
                  <c:v>38.833332999999996</c:v>
                </c:pt>
                <c:pt idx="2331">
                  <c:v>38.849999999999994</c:v>
                </c:pt>
                <c:pt idx="2332">
                  <c:v>38.866666999999993</c:v>
                </c:pt>
                <c:pt idx="2333">
                  <c:v>38.883332999999993</c:v>
                </c:pt>
                <c:pt idx="2334">
                  <c:v>38.899999999999991</c:v>
                </c:pt>
                <c:pt idx="2335">
                  <c:v>38.91666699999999</c:v>
                </c:pt>
                <c:pt idx="2336">
                  <c:v>38.93333299999999</c:v>
                </c:pt>
                <c:pt idx="2337">
                  <c:v>38.949999999999989</c:v>
                </c:pt>
                <c:pt idx="2338">
                  <c:v>38.966667000000001</c:v>
                </c:pt>
                <c:pt idx="2339">
                  <c:v>38.983332999999988</c:v>
                </c:pt>
                <c:pt idx="2340">
                  <c:v>39</c:v>
                </c:pt>
                <c:pt idx="2341">
                  <c:v>39.016666999999998</c:v>
                </c:pt>
                <c:pt idx="2342">
                  <c:v>39.033332999999999</c:v>
                </c:pt>
                <c:pt idx="2343">
                  <c:v>39.049999999999997</c:v>
                </c:pt>
                <c:pt idx="2344">
                  <c:v>39.066666999999995</c:v>
                </c:pt>
                <c:pt idx="2345">
                  <c:v>39.083332999999996</c:v>
                </c:pt>
                <c:pt idx="2346">
                  <c:v>39.099999999999994</c:v>
                </c:pt>
                <c:pt idx="2347">
                  <c:v>39.116666999999993</c:v>
                </c:pt>
                <c:pt idx="2348">
                  <c:v>39.133332999999993</c:v>
                </c:pt>
                <c:pt idx="2349">
                  <c:v>39.149999999999991</c:v>
                </c:pt>
                <c:pt idx="2350">
                  <c:v>39.16666699999999</c:v>
                </c:pt>
                <c:pt idx="2351">
                  <c:v>39.18333299999999</c:v>
                </c:pt>
                <c:pt idx="2352">
                  <c:v>39.199999999999989</c:v>
                </c:pt>
                <c:pt idx="2353">
                  <c:v>39.216667000000001</c:v>
                </c:pt>
                <c:pt idx="2354">
                  <c:v>39.233332999999988</c:v>
                </c:pt>
                <c:pt idx="2355">
                  <c:v>39.25</c:v>
                </c:pt>
                <c:pt idx="2356">
                  <c:v>39.266666999999998</c:v>
                </c:pt>
                <c:pt idx="2357">
                  <c:v>39.283332999999999</c:v>
                </c:pt>
                <c:pt idx="2358">
                  <c:v>39.299999999999997</c:v>
                </c:pt>
                <c:pt idx="2359">
                  <c:v>39.316666999999995</c:v>
                </c:pt>
                <c:pt idx="2360">
                  <c:v>39.333332999999996</c:v>
                </c:pt>
                <c:pt idx="2361">
                  <c:v>39.349999999999994</c:v>
                </c:pt>
                <c:pt idx="2362">
                  <c:v>39.366666999999993</c:v>
                </c:pt>
                <c:pt idx="2363">
                  <c:v>39.383332999999993</c:v>
                </c:pt>
                <c:pt idx="2364">
                  <c:v>39.399999999999991</c:v>
                </c:pt>
                <c:pt idx="2365">
                  <c:v>39.41666699999999</c:v>
                </c:pt>
                <c:pt idx="2366">
                  <c:v>39.43333299999999</c:v>
                </c:pt>
                <c:pt idx="2367">
                  <c:v>39.449999999999989</c:v>
                </c:pt>
                <c:pt idx="2368">
                  <c:v>39.466667000000001</c:v>
                </c:pt>
                <c:pt idx="2369">
                  <c:v>39.483332999999988</c:v>
                </c:pt>
                <c:pt idx="2370">
                  <c:v>39.5</c:v>
                </c:pt>
                <c:pt idx="2371">
                  <c:v>39.516666999999998</c:v>
                </c:pt>
                <c:pt idx="2372">
                  <c:v>39.533332999999999</c:v>
                </c:pt>
                <c:pt idx="2373">
                  <c:v>39.549999999999997</c:v>
                </c:pt>
                <c:pt idx="2374">
                  <c:v>39.566666999999995</c:v>
                </c:pt>
                <c:pt idx="2375">
                  <c:v>39.583332999999996</c:v>
                </c:pt>
                <c:pt idx="2376">
                  <c:v>39.599999999999994</c:v>
                </c:pt>
                <c:pt idx="2377">
                  <c:v>39.616666999999993</c:v>
                </c:pt>
                <c:pt idx="2378">
                  <c:v>39.633332999999993</c:v>
                </c:pt>
                <c:pt idx="2379">
                  <c:v>39.649999999999991</c:v>
                </c:pt>
                <c:pt idx="2380">
                  <c:v>39.66666699999999</c:v>
                </c:pt>
                <c:pt idx="2381">
                  <c:v>39.68333299999999</c:v>
                </c:pt>
                <c:pt idx="2382">
                  <c:v>39.699999999999989</c:v>
                </c:pt>
                <c:pt idx="2383">
                  <c:v>39.716667000000001</c:v>
                </c:pt>
                <c:pt idx="2384">
                  <c:v>39.733332999999988</c:v>
                </c:pt>
                <c:pt idx="2385">
                  <c:v>39.75</c:v>
                </c:pt>
                <c:pt idx="2386">
                  <c:v>39.766666999999998</c:v>
                </c:pt>
                <c:pt idx="2387">
                  <c:v>39.783332999999999</c:v>
                </c:pt>
                <c:pt idx="2388">
                  <c:v>39.799999999999997</c:v>
                </c:pt>
                <c:pt idx="2389">
                  <c:v>39.816666999999995</c:v>
                </c:pt>
                <c:pt idx="2390">
                  <c:v>39.833332999999996</c:v>
                </c:pt>
                <c:pt idx="2391">
                  <c:v>39.849999999999994</c:v>
                </c:pt>
                <c:pt idx="2392">
                  <c:v>39.866666999999993</c:v>
                </c:pt>
                <c:pt idx="2393">
                  <c:v>39.883332999999993</c:v>
                </c:pt>
                <c:pt idx="2394">
                  <c:v>39.899999999999991</c:v>
                </c:pt>
                <c:pt idx="2395">
                  <c:v>39.91666699999999</c:v>
                </c:pt>
                <c:pt idx="2396">
                  <c:v>39.93333299999999</c:v>
                </c:pt>
                <c:pt idx="2397">
                  <c:v>39.949999999999989</c:v>
                </c:pt>
                <c:pt idx="2398">
                  <c:v>39.966667000000001</c:v>
                </c:pt>
                <c:pt idx="2399">
                  <c:v>39.983332999999988</c:v>
                </c:pt>
                <c:pt idx="2400">
                  <c:v>40</c:v>
                </c:pt>
                <c:pt idx="2401">
                  <c:v>40.016666999999998</c:v>
                </c:pt>
                <c:pt idx="2402">
                  <c:v>40.033332999999999</c:v>
                </c:pt>
                <c:pt idx="2403">
                  <c:v>40.049999999999997</c:v>
                </c:pt>
                <c:pt idx="2404">
                  <c:v>40.066666999999995</c:v>
                </c:pt>
                <c:pt idx="2405">
                  <c:v>40.083332999999996</c:v>
                </c:pt>
                <c:pt idx="2406">
                  <c:v>40.099999999999994</c:v>
                </c:pt>
                <c:pt idx="2407">
                  <c:v>40.116666999999993</c:v>
                </c:pt>
                <c:pt idx="2408">
                  <c:v>40.133332999999993</c:v>
                </c:pt>
                <c:pt idx="2409">
                  <c:v>40.149999999999991</c:v>
                </c:pt>
                <c:pt idx="2410">
                  <c:v>40.16666699999999</c:v>
                </c:pt>
                <c:pt idx="2411">
                  <c:v>40.18333299999999</c:v>
                </c:pt>
                <c:pt idx="2412">
                  <c:v>40.199999999999989</c:v>
                </c:pt>
                <c:pt idx="2413">
                  <c:v>40.216667000000001</c:v>
                </c:pt>
                <c:pt idx="2414">
                  <c:v>40.233332999999988</c:v>
                </c:pt>
                <c:pt idx="2415">
                  <c:v>40.25</c:v>
                </c:pt>
                <c:pt idx="2416">
                  <c:v>40.266666999999998</c:v>
                </c:pt>
                <c:pt idx="2417">
                  <c:v>40.283332999999999</c:v>
                </c:pt>
                <c:pt idx="2418">
                  <c:v>40.299999999999997</c:v>
                </c:pt>
                <c:pt idx="2419">
                  <c:v>40.316666999999995</c:v>
                </c:pt>
                <c:pt idx="2420">
                  <c:v>40.333332999999996</c:v>
                </c:pt>
                <c:pt idx="2421">
                  <c:v>40.349999999999994</c:v>
                </c:pt>
                <c:pt idx="2422">
                  <c:v>40.366666999999993</c:v>
                </c:pt>
                <c:pt idx="2423">
                  <c:v>40.383332999999993</c:v>
                </c:pt>
                <c:pt idx="2424">
                  <c:v>40.399999999999991</c:v>
                </c:pt>
                <c:pt idx="2425">
                  <c:v>40.41666699999999</c:v>
                </c:pt>
                <c:pt idx="2426">
                  <c:v>40.43333299999999</c:v>
                </c:pt>
                <c:pt idx="2427">
                  <c:v>40.449999999999989</c:v>
                </c:pt>
                <c:pt idx="2428">
                  <c:v>40.466667000000001</c:v>
                </c:pt>
                <c:pt idx="2429">
                  <c:v>40.483332999999988</c:v>
                </c:pt>
                <c:pt idx="2430">
                  <c:v>40.5</c:v>
                </c:pt>
                <c:pt idx="2431">
                  <c:v>40.516666999999998</c:v>
                </c:pt>
                <c:pt idx="2432">
                  <c:v>40.533332999999999</c:v>
                </c:pt>
                <c:pt idx="2433">
                  <c:v>40.549999999999997</c:v>
                </c:pt>
                <c:pt idx="2434">
                  <c:v>40.566666999999995</c:v>
                </c:pt>
                <c:pt idx="2435">
                  <c:v>40.583332999999996</c:v>
                </c:pt>
                <c:pt idx="2436">
                  <c:v>40.599999999999994</c:v>
                </c:pt>
                <c:pt idx="2437">
                  <c:v>40.616666999999993</c:v>
                </c:pt>
                <c:pt idx="2438">
                  <c:v>40.633332999999993</c:v>
                </c:pt>
                <c:pt idx="2439">
                  <c:v>40.649999999999991</c:v>
                </c:pt>
                <c:pt idx="2440">
                  <c:v>40.66666699999999</c:v>
                </c:pt>
                <c:pt idx="2441">
                  <c:v>40.68333299999999</c:v>
                </c:pt>
                <c:pt idx="2442">
                  <c:v>40.699999999999989</c:v>
                </c:pt>
                <c:pt idx="2443">
                  <c:v>40.716667000000001</c:v>
                </c:pt>
                <c:pt idx="2444">
                  <c:v>40.733332999999988</c:v>
                </c:pt>
                <c:pt idx="2445">
                  <c:v>40.75</c:v>
                </c:pt>
                <c:pt idx="2446">
                  <c:v>40.766666999999998</c:v>
                </c:pt>
                <c:pt idx="2447">
                  <c:v>40.783332999999999</c:v>
                </c:pt>
                <c:pt idx="2448">
                  <c:v>40.799999999999997</c:v>
                </c:pt>
                <c:pt idx="2449">
                  <c:v>40.816666999999995</c:v>
                </c:pt>
                <c:pt idx="2450">
                  <c:v>40.833332999999996</c:v>
                </c:pt>
                <c:pt idx="2451">
                  <c:v>40.849999999999994</c:v>
                </c:pt>
                <c:pt idx="2452">
                  <c:v>40.866666999999993</c:v>
                </c:pt>
                <c:pt idx="2453">
                  <c:v>40.883332999999993</c:v>
                </c:pt>
                <c:pt idx="2454">
                  <c:v>40.899999999999991</c:v>
                </c:pt>
                <c:pt idx="2455">
                  <c:v>40.91666699999999</c:v>
                </c:pt>
                <c:pt idx="2456">
                  <c:v>40.93333299999999</c:v>
                </c:pt>
                <c:pt idx="2457">
                  <c:v>40.949999999999989</c:v>
                </c:pt>
                <c:pt idx="2458">
                  <c:v>40.966667000000001</c:v>
                </c:pt>
                <c:pt idx="2459">
                  <c:v>40.983332999999988</c:v>
                </c:pt>
                <c:pt idx="2460">
                  <c:v>41</c:v>
                </c:pt>
                <c:pt idx="2461">
                  <c:v>41.016666999999998</c:v>
                </c:pt>
                <c:pt idx="2462">
                  <c:v>41.033332999999999</c:v>
                </c:pt>
                <c:pt idx="2463">
                  <c:v>41.05</c:v>
                </c:pt>
                <c:pt idx="2464">
                  <c:v>41.066666999999995</c:v>
                </c:pt>
                <c:pt idx="2465">
                  <c:v>41.083332999999996</c:v>
                </c:pt>
                <c:pt idx="2466">
                  <c:v>41.099999999999994</c:v>
                </c:pt>
                <c:pt idx="2467">
                  <c:v>41.116666999999993</c:v>
                </c:pt>
                <c:pt idx="2468">
                  <c:v>41.133332999999993</c:v>
                </c:pt>
                <c:pt idx="2469">
                  <c:v>41.149999999999991</c:v>
                </c:pt>
                <c:pt idx="2470">
                  <c:v>41.16666699999999</c:v>
                </c:pt>
                <c:pt idx="2471">
                  <c:v>41.18333299999999</c:v>
                </c:pt>
                <c:pt idx="2472">
                  <c:v>41.199999999999989</c:v>
                </c:pt>
                <c:pt idx="2473">
                  <c:v>41.216667000000001</c:v>
                </c:pt>
                <c:pt idx="2474">
                  <c:v>41.233332999999988</c:v>
                </c:pt>
                <c:pt idx="2475">
                  <c:v>41.25</c:v>
                </c:pt>
                <c:pt idx="2476">
                  <c:v>41.266666999999998</c:v>
                </c:pt>
                <c:pt idx="2477">
                  <c:v>41.283332999999999</c:v>
                </c:pt>
                <c:pt idx="2478">
                  <c:v>41.3</c:v>
                </c:pt>
                <c:pt idx="2479">
                  <c:v>41.316666999999995</c:v>
                </c:pt>
                <c:pt idx="2480">
                  <c:v>41.333332999999996</c:v>
                </c:pt>
                <c:pt idx="2481">
                  <c:v>41.349999999999994</c:v>
                </c:pt>
                <c:pt idx="2482">
                  <c:v>41.366666999999993</c:v>
                </c:pt>
                <c:pt idx="2483">
                  <c:v>41.383332999999993</c:v>
                </c:pt>
                <c:pt idx="2484">
                  <c:v>41.399999999999991</c:v>
                </c:pt>
                <c:pt idx="2485">
                  <c:v>41.41666699999999</c:v>
                </c:pt>
                <c:pt idx="2486">
                  <c:v>41.43333299999999</c:v>
                </c:pt>
                <c:pt idx="2487">
                  <c:v>41.449999999999989</c:v>
                </c:pt>
                <c:pt idx="2488">
                  <c:v>41.466667000000001</c:v>
                </c:pt>
                <c:pt idx="2489">
                  <c:v>41.483332999999988</c:v>
                </c:pt>
                <c:pt idx="2490">
                  <c:v>41.5</c:v>
                </c:pt>
                <c:pt idx="2491">
                  <c:v>41.516666999999998</c:v>
                </c:pt>
                <c:pt idx="2492">
                  <c:v>41.533332999999999</c:v>
                </c:pt>
                <c:pt idx="2493">
                  <c:v>41.55</c:v>
                </c:pt>
                <c:pt idx="2494">
                  <c:v>41.566666999999995</c:v>
                </c:pt>
                <c:pt idx="2495">
                  <c:v>41.583332999999996</c:v>
                </c:pt>
                <c:pt idx="2496">
                  <c:v>41.599999999999994</c:v>
                </c:pt>
                <c:pt idx="2497">
                  <c:v>41.616666999999993</c:v>
                </c:pt>
                <c:pt idx="2498">
                  <c:v>41.633332999999993</c:v>
                </c:pt>
                <c:pt idx="2499">
                  <c:v>41.649999999999991</c:v>
                </c:pt>
                <c:pt idx="2500">
                  <c:v>41.66666699999999</c:v>
                </c:pt>
                <c:pt idx="2501">
                  <c:v>41.68333299999999</c:v>
                </c:pt>
                <c:pt idx="2502">
                  <c:v>41.699999999999989</c:v>
                </c:pt>
                <c:pt idx="2503">
                  <c:v>41.716667000000001</c:v>
                </c:pt>
                <c:pt idx="2504">
                  <c:v>41.733332999999988</c:v>
                </c:pt>
                <c:pt idx="2505">
                  <c:v>41.75</c:v>
                </c:pt>
                <c:pt idx="2506">
                  <c:v>41.766666999999998</c:v>
                </c:pt>
                <c:pt idx="2507">
                  <c:v>41.783332999999999</c:v>
                </c:pt>
                <c:pt idx="2508">
                  <c:v>41.8</c:v>
                </c:pt>
                <c:pt idx="2509">
                  <c:v>41.816666999999995</c:v>
                </c:pt>
                <c:pt idx="2510">
                  <c:v>41.833332999999996</c:v>
                </c:pt>
                <c:pt idx="2511">
                  <c:v>41.849999999999994</c:v>
                </c:pt>
                <c:pt idx="2512">
                  <c:v>41.866666999999993</c:v>
                </c:pt>
                <c:pt idx="2513">
                  <c:v>41.883332999999993</c:v>
                </c:pt>
                <c:pt idx="2514">
                  <c:v>41.899999999999991</c:v>
                </c:pt>
                <c:pt idx="2515">
                  <c:v>41.91666699999999</c:v>
                </c:pt>
                <c:pt idx="2516">
                  <c:v>41.93333299999999</c:v>
                </c:pt>
                <c:pt idx="2517">
                  <c:v>41.949999999999989</c:v>
                </c:pt>
                <c:pt idx="2518">
                  <c:v>41.966667000000001</c:v>
                </c:pt>
                <c:pt idx="2519">
                  <c:v>41.983332999999988</c:v>
                </c:pt>
                <c:pt idx="2520">
                  <c:v>42</c:v>
                </c:pt>
                <c:pt idx="2521">
                  <c:v>42.016666999999998</c:v>
                </c:pt>
                <c:pt idx="2522">
                  <c:v>42.033332999999999</c:v>
                </c:pt>
                <c:pt idx="2523">
                  <c:v>42.05</c:v>
                </c:pt>
                <c:pt idx="2524">
                  <c:v>42.066666999999995</c:v>
                </c:pt>
                <c:pt idx="2525">
                  <c:v>42.083332999999996</c:v>
                </c:pt>
                <c:pt idx="2526">
                  <c:v>42.099999999999994</c:v>
                </c:pt>
                <c:pt idx="2527">
                  <c:v>42.116666999999993</c:v>
                </c:pt>
                <c:pt idx="2528">
                  <c:v>42.133332999999993</c:v>
                </c:pt>
                <c:pt idx="2529">
                  <c:v>42.149999999999991</c:v>
                </c:pt>
                <c:pt idx="2530">
                  <c:v>42.16666699999999</c:v>
                </c:pt>
                <c:pt idx="2531">
                  <c:v>42.18333299999999</c:v>
                </c:pt>
                <c:pt idx="2532">
                  <c:v>42.199999999999989</c:v>
                </c:pt>
                <c:pt idx="2533">
                  <c:v>42.216667000000001</c:v>
                </c:pt>
                <c:pt idx="2534">
                  <c:v>42.233332999999988</c:v>
                </c:pt>
                <c:pt idx="2535">
                  <c:v>42.25</c:v>
                </c:pt>
                <c:pt idx="2536">
                  <c:v>42.266666999999998</c:v>
                </c:pt>
                <c:pt idx="2537">
                  <c:v>42.283332999999999</c:v>
                </c:pt>
                <c:pt idx="2538">
                  <c:v>42.3</c:v>
                </c:pt>
                <c:pt idx="2539">
                  <c:v>42.316666999999995</c:v>
                </c:pt>
                <c:pt idx="2540">
                  <c:v>42.333332999999996</c:v>
                </c:pt>
                <c:pt idx="2541">
                  <c:v>42.349999999999994</c:v>
                </c:pt>
                <c:pt idx="2542">
                  <c:v>42.366666999999993</c:v>
                </c:pt>
                <c:pt idx="2543">
                  <c:v>42.383332999999993</c:v>
                </c:pt>
                <c:pt idx="2544">
                  <c:v>42.399999999999991</c:v>
                </c:pt>
                <c:pt idx="2545">
                  <c:v>42.41666699999999</c:v>
                </c:pt>
                <c:pt idx="2546">
                  <c:v>42.43333299999999</c:v>
                </c:pt>
                <c:pt idx="2547">
                  <c:v>42.449999999999989</c:v>
                </c:pt>
                <c:pt idx="2548">
                  <c:v>42.466667000000001</c:v>
                </c:pt>
                <c:pt idx="2549">
                  <c:v>42.483332999999988</c:v>
                </c:pt>
                <c:pt idx="2550">
                  <c:v>42.5</c:v>
                </c:pt>
                <c:pt idx="2551">
                  <c:v>42.516666999999998</c:v>
                </c:pt>
                <c:pt idx="2552">
                  <c:v>42.533332999999999</c:v>
                </c:pt>
                <c:pt idx="2553">
                  <c:v>42.55</c:v>
                </c:pt>
                <c:pt idx="2554">
                  <c:v>42.566666999999995</c:v>
                </c:pt>
                <c:pt idx="2555">
                  <c:v>42.583332999999996</c:v>
                </c:pt>
                <c:pt idx="2556">
                  <c:v>42.599999999999994</c:v>
                </c:pt>
                <c:pt idx="2557">
                  <c:v>42.616666999999993</c:v>
                </c:pt>
                <c:pt idx="2558">
                  <c:v>42.633332999999993</c:v>
                </c:pt>
                <c:pt idx="2559">
                  <c:v>42.649999999999991</c:v>
                </c:pt>
                <c:pt idx="2560">
                  <c:v>42.66666699999999</c:v>
                </c:pt>
                <c:pt idx="2561">
                  <c:v>42.68333299999999</c:v>
                </c:pt>
                <c:pt idx="2562">
                  <c:v>42.699999999999989</c:v>
                </c:pt>
                <c:pt idx="2563">
                  <c:v>42.716667000000001</c:v>
                </c:pt>
                <c:pt idx="2564">
                  <c:v>42.733332999999988</c:v>
                </c:pt>
                <c:pt idx="2565">
                  <c:v>42.75</c:v>
                </c:pt>
                <c:pt idx="2566">
                  <c:v>42.766666999999998</c:v>
                </c:pt>
                <c:pt idx="2567">
                  <c:v>42.783332999999999</c:v>
                </c:pt>
                <c:pt idx="2568">
                  <c:v>42.8</c:v>
                </c:pt>
                <c:pt idx="2569">
                  <c:v>42.816666999999995</c:v>
                </c:pt>
                <c:pt idx="2570">
                  <c:v>42.833332999999996</c:v>
                </c:pt>
                <c:pt idx="2571">
                  <c:v>42.849999999999994</c:v>
                </c:pt>
                <c:pt idx="2572">
                  <c:v>42.866666999999993</c:v>
                </c:pt>
                <c:pt idx="2573">
                  <c:v>42.883332999999993</c:v>
                </c:pt>
                <c:pt idx="2574">
                  <c:v>42.899999999999991</c:v>
                </c:pt>
                <c:pt idx="2575">
                  <c:v>42.91666699999999</c:v>
                </c:pt>
                <c:pt idx="2576">
                  <c:v>42.93333299999999</c:v>
                </c:pt>
                <c:pt idx="2577">
                  <c:v>42.949999999999989</c:v>
                </c:pt>
                <c:pt idx="2578">
                  <c:v>42.966667000000001</c:v>
                </c:pt>
                <c:pt idx="2579">
                  <c:v>42.983332999999988</c:v>
                </c:pt>
                <c:pt idx="2580">
                  <c:v>43</c:v>
                </c:pt>
                <c:pt idx="2581">
                  <c:v>43.016666999999998</c:v>
                </c:pt>
                <c:pt idx="2582">
                  <c:v>43.033332999999999</c:v>
                </c:pt>
                <c:pt idx="2583">
                  <c:v>43.05</c:v>
                </c:pt>
                <c:pt idx="2584">
                  <c:v>43.066666999999995</c:v>
                </c:pt>
                <c:pt idx="2585">
                  <c:v>43.083332999999996</c:v>
                </c:pt>
                <c:pt idx="2586">
                  <c:v>43.099999999999994</c:v>
                </c:pt>
                <c:pt idx="2587">
                  <c:v>43.116666999999993</c:v>
                </c:pt>
                <c:pt idx="2588">
                  <c:v>43.133332999999993</c:v>
                </c:pt>
                <c:pt idx="2589">
                  <c:v>43.149999999999991</c:v>
                </c:pt>
                <c:pt idx="2590">
                  <c:v>43.16666699999999</c:v>
                </c:pt>
                <c:pt idx="2591">
                  <c:v>43.18333299999999</c:v>
                </c:pt>
                <c:pt idx="2592">
                  <c:v>43.199999999999989</c:v>
                </c:pt>
                <c:pt idx="2593">
                  <c:v>43.216667000000001</c:v>
                </c:pt>
                <c:pt idx="2594">
                  <c:v>43.233332999999988</c:v>
                </c:pt>
                <c:pt idx="2595">
                  <c:v>43.25</c:v>
                </c:pt>
                <c:pt idx="2596">
                  <c:v>43.266666999999998</c:v>
                </c:pt>
                <c:pt idx="2597">
                  <c:v>43.283332999999999</c:v>
                </c:pt>
                <c:pt idx="2598">
                  <c:v>43.3</c:v>
                </c:pt>
                <c:pt idx="2599">
                  <c:v>43.316666999999995</c:v>
                </c:pt>
                <c:pt idx="2600">
                  <c:v>43.333332999999996</c:v>
                </c:pt>
                <c:pt idx="2601">
                  <c:v>43.349999999999994</c:v>
                </c:pt>
                <c:pt idx="2602">
                  <c:v>43.366666999999993</c:v>
                </c:pt>
                <c:pt idx="2603">
                  <c:v>43.383332999999993</c:v>
                </c:pt>
                <c:pt idx="2604">
                  <c:v>43.399999999999991</c:v>
                </c:pt>
                <c:pt idx="2605">
                  <c:v>43.41666699999999</c:v>
                </c:pt>
                <c:pt idx="2606">
                  <c:v>43.43333299999999</c:v>
                </c:pt>
                <c:pt idx="2607">
                  <c:v>43.449999999999989</c:v>
                </c:pt>
                <c:pt idx="2608">
                  <c:v>43.466667000000001</c:v>
                </c:pt>
                <c:pt idx="2609">
                  <c:v>43.483332999999988</c:v>
                </c:pt>
                <c:pt idx="2610">
                  <c:v>43.5</c:v>
                </c:pt>
                <c:pt idx="2611">
                  <c:v>43.516666999999998</c:v>
                </c:pt>
                <c:pt idx="2612">
                  <c:v>43.533332999999999</c:v>
                </c:pt>
                <c:pt idx="2613">
                  <c:v>43.55</c:v>
                </c:pt>
                <c:pt idx="2614">
                  <c:v>43.566666999999995</c:v>
                </c:pt>
                <c:pt idx="2615">
                  <c:v>43.583332999999996</c:v>
                </c:pt>
                <c:pt idx="2616">
                  <c:v>43.599999999999994</c:v>
                </c:pt>
                <c:pt idx="2617">
                  <c:v>43.616666999999993</c:v>
                </c:pt>
                <c:pt idx="2618">
                  <c:v>43.633332999999993</c:v>
                </c:pt>
                <c:pt idx="2619">
                  <c:v>43.649999999999991</c:v>
                </c:pt>
                <c:pt idx="2620">
                  <c:v>43.66666699999999</c:v>
                </c:pt>
                <c:pt idx="2621">
                  <c:v>43.68333299999999</c:v>
                </c:pt>
                <c:pt idx="2622">
                  <c:v>43.699999999999989</c:v>
                </c:pt>
                <c:pt idx="2623">
                  <c:v>43.716667000000001</c:v>
                </c:pt>
                <c:pt idx="2624">
                  <c:v>43.733332999999988</c:v>
                </c:pt>
                <c:pt idx="2625">
                  <c:v>43.75</c:v>
                </c:pt>
                <c:pt idx="2626">
                  <c:v>43.766666999999998</c:v>
                </c:pt>
                <c:pt idx="2627">
                  <c:v>43.783332999999999</c:v>
                </c:pt>
                <c:pt idx="2628">
                  <c:v>43.8</c:v>
                </c:pt>
                <c:pt idx="2629">
                  <c:v>43.816666999999995</c:v>
                </c:pt>
                <c:pt idx="2630">
                  <c:v>43.833332999999996</c:v>
                </c:pt>
                <c:pt idx="2631">
                  <c:v>43.849999999999994</c:v>
                </c:pt>
                <c:pt idx="2632">
                  <c:v>43.866666999999993</c:v>
                </c:pt>
                <c:pt idx="2633">
                  <c:v>43.883332999999993</c:v>
                </c:pt>
                <c:pt idx="2634">
                  <c:v>43.899999999999991</c:v>
                </c:pt>
                <c:pt idx="2635">
                  <c:v>43.91666699999999</c:v>
                </c:pt>
                <c:pt idx="2636">
                  <c:v>43.93333299999999</c:v>
                </c:pt>
                <c:pt idx="2637">
                  <c:v>43.949999999999989</c:v>
                </c:pt>
                <c:pt idx="2638">
                  <c:v>43.966667000000001</c:v>
                </c:pt>
                <c:pt idx="2639">
                  <c:v>43.983332999999988</c:v>
                </c:pt>
                <c:pt idx="2640">
                  <c:v>44</c:v>
                </c:pt>
                <c:pt idx="2641">
                  <c:v>44.016666999999998</c:v>
                </c:pt>
                <c:pt idx="2642">
                  <c:v>44.033332999999999</c:v>
                </c:pt>
                <c:pt idx="2643">
                  <c:v>44.05</c:v>
                </c:pt>
                <c:pt idx="2644">
                  <c:v>44.066666999999995</c:v>
                </c:pt>
                <c:pt idx="2645">
                  <c:v>44.083332999999996</c:v>
                </c:pt>
                <c:pt idx="2646">
                  <c:v>44.099999999999994</c:v>
                </c:pt>
                <c:pt idx="2647">
                  <c:v>44.116666999999993</c:v>
                </c:pt>
                <c:pt idx="2648">
                  <c:v>44.133332999999993</c:v>
                </c:pt>
                <c:pt idx="2649">
                  <c:v>44.149999999999991</c:v>
                </c:pt>
                <c:pt idx="2650">
                  <c:v>44.16666699999999</c:v>
                </c:pt>
                <c:pt idx="2651">
                  <c:v>44.18333299999999</c:v>
                </c:pt>
                <c:pt idx="2652">
                  <c:v>44.199999999999989</c:v>
                </c:pt>
                <c:pt idx="2653">
                  <c:v>44.216667000000001</c:v>
                </c:pt>
                <c:pt idx="2654">
                  <c:v>44.233332999999988</c:v>
                </c:pt>
                <c:pt idx="2655">
                  <c:v>44.25</c:v>
                </c:pt>
                <c:pt idx="2656">
                  <c:v>44.266666999999998</c:v>
                </c:pt>
                <c:pt idx="2657">
                  <c:v>44.283332999999999</c:v>
                </c:pt>
                <c:pt idx="2658">
                  <c:v>44.3</c:v>
                </c:pt>
                <c:pt idx="2659">
                  <c:v>44.316666999999995</c:v>
                </c:pt>
                <c:pt idx="2660">
                  <c:v>44.333332999999996</c:v>
                </c:pt>
                <c:pt idx="2661">
                  <c:v>44.349999999999994</c:v>
                </c:pt>
                <c:pt idx="2662">
                  <c:v>44.366666999999993</c:v>
                </c:pt>
                <c:pt idx="2663">
                  <c:v>44.383332999999993</c:v>
                </c:pt>
                <c:pt idx="2664">
                  <c:v>44.399999999999991</c:v>
                </c:pt>
                <c:pt idx="2665">
                  <c:v>44.41666699999999</c:v>
                </c:pt>
                <c:pt idx="2666">
                  <c:v>44.43333299999999</c:v>
                </c:pt>
                <c:pt idx="2667">
                  <c:v>44.449999999999989</c:v>
                </c:pt>
                <c:pt idx="2668">
                  <c:v>44.466667000000001</c:v>
                </c:pt>
                <c:pt idx="2669">
                  <c:v>44.483332999999988</c:v>
                </c:pt>
                <c:pt idx="2670">
                  <c:v>44.5</c:v>
                </c:pt>
                <c:pt idx="2671">
                  <c:v>44.516666999999998</c:v>
                </c:pt>
                <c:pt idx="2672">
                  <c:v>44.533332999999999</c:v>
                </c:pt>
                <c:pt idx="2673">
                  <c:v>44.55</c:v>
                </c:pt>
                <c:pt idx="2674">
                  <c:v>44.566666999999995</c:v>
                </c:pt>
                <c:pt idx="2675">
                  <c:v>44.583332999999996</c:v>
                </c:pt>
                <c:pt idx="2676">
                  <c:v>44.599999999999994</c:v>
                </c:pt>
                <c:pt idx="2677">
                  <c:v>44.616666999999993</c:v>
                </c:pt>
                <c:pt idx="2678">
                  <c:v>44.633332999999993</c:v>
                </c:pt>
                <c:pt idx="2679">
                  <c:v>44.649999999999991</c:v>
                </c:pt>
                <c:pt idx="2680">
                  <c:v>44.66666699999999</c:v>
                </c:pt>
                <c:pt idx="2681">
                  <c:v>44.68333299999999</c:v>
                </c:pt>
                <c:pt idx="2682">
                  <c:v>44.699999999999989</c:v>
                </c:pt>
                <c:pt idx="2683">
                  <c:v>44.716667000000001</c:v>
                </c:pt>
                <c:pt idx="2684">
                  <c:v>44.733332999999988</c:v>
                </c:pt>
                <c:pt idx="2685">
                  <c:v>44.75</c:v>
                </c:pt>
                <c:pt idx="2686">
                  <c:v>44.766666999999998</c:v>
                </c:pt>
                <c:pt idx="2687">
                  <c:v>44.783332999999999</c:v>
                </c:pt>
                <c:pt idx="2688">
                  <c:v>44.8</c:v>
                </c:pt>
                <c:pt idx="2689">
                  <c:v>44.816666999999995</c:v>
                </c:pt>
                <c:pt idx="2690">
                  <c:v>44.833332999999996</c:v>
                </c:pt>
                <c:pt idx="2691">
                  <c:v>44.849999999999994</c:v>
                </c:pt>
                <c:pt idx="2692">
                  <c:v>44.866666999999993</c:v>
                </c:pt>
                <c:pt idx="2693">
                  <c:v>44.883332999999993</c:v>
                </c:pt>
                <c:pt idx="2694">
                  <c:v>44.899999999999991</c:v>
                </c:pt>
                <c:pt idx="2695">
                  <c:v>44.91666699999999</c:v>
                </c:pt>
                <c:pt idx="2696">
                  <c:v>44.93333299999999</c:v>
                </c:pt>
                <c:pt idx="2697">
                  <c:v>44.949999999999989</c:v>
                </c:pt>
                <c:pt idx="2698">
                  <c:v>44.966667000000001</c:v>
                </c:pt>
                <c:pt idx="2699">
                  <c:v>44.983332999999988</c:v>
                </c:pt>
                <c:pt idx="2700">
                  <c:v>45</c:v>
                </c:pt>
                <c:pt idx="2701">
                  <c:v>45.016666999999998</c:v>
                </c:pt>
                <c:pt idx="2702">
                  <c:v>45.033332999999999</c:v>
                </c:pt>
                <c:pt idx="2703">
                  <c:v>45.05</c:v>
                </c:pt>
                <c:pt idx="2704">
                  <c:v>45.066666999999995</c:v>
                </c:pt>
                <c:pt idx="2705">
                  <c:v>45.083332999999996</c:v>
                </c:pt>
                <c:pt idx="2706">
                  <c:v>45.099999999999994</c:v>
                </c:pt>
                <c:pt idx="2707">
                  <c:v>45.116666999999993</c:v>
                </c:pt>
                <c:pt idx="2708">
                  <c:v>45.133332999999993</c:v>
                </c:pt>
                <c:pt idx="2709">
                  <c:v>45.149999999999991</c:v>
                </c:pt>
                <c:pt idx="2710">
                  <c:v>45.16666699999999</c:v>
                </c:pt>
                <c:pt idx="2711">
                  <c:v>45.18333299999999</c:v>
                </c:pt>
                <c:pt idx="2712">
                  <c:v>45.199999999999989</c:v>
                </c:pt>
                <c:pt idx="2713">
                  <c:v>45.216667000000001</c:v>
                </c:pt>
                <c:pt idx="2714">
                  <c:v>45.233332999999988</c:v>
                </c:pt>
                <c:pt idx="2715">
                  <c:v>45.25</c:v>
                </c:pt>
                <c:pt idx="2716">
                  <c:v>45.266666999999998</c:v>
                </c:pt>
                <c:pt idx="2717">
                  <c:v>45.283332999999999</c:v>
                </c:pt>
                <c:pt idx="2718">
                  <c:v>45.3</c:v>
                </c:pt>
                <c:pt idx="2719">
                  <c:v>45.316666999999995</c:v>
                </c:pt>
                <c:pt idx="2720">
                  <c:v>45.333332999999996</c:v>
                </c:pt>
                <c:pt idx="2721">
                  <c:v>45.349999999999994</c:v>
                </c:pt>
                <c:pt idx="2722">
                  <c:v>45.366666999999993</c:v>
                </c:pt>
                <c:pt idx="2723">
                  <c:v>45.383332999999993</c:v>
                </c:pt>
                <c:pt idx="2724">
                  <c:v>45.399999999999991</c:v>
                </c:pt>
                <c:pt idx="2725">
                  <c:v>45.41666699999999</c:v>
                </c:pt>
                <c:pt idx="2726">
                  <c:v>45.43333299999999</c:v>
                </c:pt>
                <c:pt idx="2727">
                  <c:v>45.449999999999989</c:v>
                </c:pt>
                <c:pt idx="2728">
                  <c:v>45.466667000000001</c:v>
                </c:pt>
                <c:pt idx="2729">
                  <c:v>45.483332999999988</c:v>
                </c:pt>
                <c:pt idx="2730">
                  <c:v>45.5</c:v>
                </c:pt>
                <c:pt idx="2731">
                  <c:v>45.516666999999998</c:v>
                </c:pt>
                <c:pt idx="2732">
                  <c:v>45.533332999999999</c:v>
                </c:pt>
                <c:pt idx="2733">
                  <c:v>45.55</c:v>
                </c:pt>
                <c:pt idx="2734">
                  <c:v>45.566666999999995</c:v>
                </c:pt>
                <c:pt idx="2735">
                  <c:v>45.583332999999996</c:v>
                </c:pt>
                <c:pt idx="2736">
                  <c:v>45.599999999999994</c:v>
                </c:pt>
                <c:pt idx="2737">
                  <c:v>45.616666999999993</c:v>
                </c:pt>
                <c:pt idx="2738">
                  <c:v>45.633332999999993</c:v>
                </c:pt>
                <c:pt idx="2739">
                  <c:v>45.649999999999991</c:v>
                </c:pt>
                <c:pt idx="2740">
                  <c:v>45.66666699999999</c:v>
                </c:pt>
                <c:pt idx="2741">
                  <c:v>45.68333299999999</c:v>
                </c:pt>
                <c:pt idx="2742">
                  <c:v>45.699999999999989</c:v>
                </c:pt>
                <c:pt idx="2743">
                  <c:v>45.716667000000001</c:v>
                </c:pt>
                <c:pt idx="2744">
                  <c:v>45.733332999999988</c:v>
                </c:pt>
                <c:pt idx="2745">
                  <c:v>45.75</c:v>
                </c:pt>
                <c:pt idx="2746">
                  <c:v>45.766666999999998</c:v>
                </c:pt>
                <c:pt idx="2747">
                  <c:v>45.783332999999999</c:v>
                </c:pt>
                <c:pt idx="2748">
                  <c:v>45.8</c:v>
                </c:pt>
                <c:pt idx="2749">
                  <c:v>45.816666999999995</c:v>
                </c:pt>
                <c:pt idx="2750">
                  <c:v>45.833332999999996</c:v>
                </c:pt>
                <c:pt idx="2751">
                  <c:v>45.849999999999994</c:v>
                </c:pt>
                <c:pt idx="2752">
                  <c:v>45.866666999999993</c:v>
                </c:pt>
                <c:pt idx="2753">
                  <c:v>45.883332999999993</c:v>
                </c:pt>
                <c:pt idx="2754">
                  <c:v>45.899999999999991</c:v>
                </c:pt>
                <c:pt idx="2755">
                  <c:v>45.91666699999999</c:v>
                </c:pt>
                <c:pt idx="2756">
                  <c:v>45.93333299999999</c:v>
                </c:pt>
                <c:pt idx="2757">
                  <c:v>45.949999999999989</c:v>
                </c:pt>
                <c:pt idx="2758">
                  <c:v>45.966667000000001</c:v>
                </c:pt>
                <c:pt idx="2759">
                  <c:v>45.983332999999988</c:v>
                </c:pt>
                <c:pt idx="2760">
                  <c:v>46</c:v>
                </c:pt>
                <c:pt idx="2761">
                  <c:v>46.016666999999998</c:v>
                </c:pt>
                <c:pt idx="2762">
                  <c:v>46.033332999999999</c:v>
                </c:pt>
                <c:pt idx="2763">
                  <c:v>46.05</c:v>
                </c:pt>
                <c:pt idx="2764">
                  <c:v>46.066666999999995</c:v>
                </c:pt>
                <c:pt idx="2765">
                  <c:v>46.083332999999996</c:v>
                </c:pt>
                <c:pt idx="2766">
                  <c:v>46.099999999999994</c:v>
                </c:pt>
                <c:pt idx="2767">
                  <c:v>46.116666999999993</c:v>
                </c:pt>
                <c:pt idx="2768">
                  <c:v>46.133332999999993</c:v>
                </c:pt>
                <c:pt idx="2769">
                  <c:v>46.149999999999991</c:v>
                </c:pt>
                <c:pt idx="2770">
                  <c:v>46.16666699999999</c:v>
                </c:pt>
                <c:pt idx="2771">
                  <c:v>46.18333299999999</c:v>
                </c:pt>
                <c:pt idx="2772">
                  <c:v>46.199999999999989</c:v>
                </c:pt>
                <c:pt idx="2773">
                  <c:v>46.216667000000001</c:v>
                </c:pt>
                <c:pt idx="2774">
                  <c:v>46.233332999999988</c:v>
                </c:pt>
                <c:pt idx="2775">
                  <c:v>46.25</c:v>
                </c:pt>
                <c:pt idx="2776">
                  <c:v>46.266666999999998</c:v>
                </c:pt>
                <c:pt idx="2777">
                  <c:v>46.283332999999999</c:v>
                </c:pt>
                <c:pt idx="2778">
                  <c:v>46.3</c:v>
                </c:pt>
                <c:pt idx="2779">
                  <c:v>46.316666999999995</c:v>
                </c:pt>
                <c:pt idx="2780">
                  <c:v>46.333332999999996</c:v>
                </c:pt>
                <c:pt idx="2781">
                  <c:v>46.349999999999994</c:v>
                </c:pt>
                <c:pt idx="2782">
                  <c:v>46.366666999999993</c:v>
                </c:pt>
                <c:pt idx="2783">
                  <c:v>46.383332999999993</c:v>
                </c:pt>
                <c:pt idx="2784">
                  <c:v>46.399999999999991</c:v>
                </c:pt>
                <c:pt idx="2785">
                  <c:v>46.41666699999999</c:v>
                </c:pt>
                <c:pt idx="2786">
                  <c:v>46.43333299999999</c:v>
                </c:pt>
                <c:pt idx="2787">
                  <c:v>46.449999999999989</c:v>
                </c:pt>
                <c:pt idx="2788">
                  <c:v>46.466667000000001</c:v>
                </c:pt>
                <c:pt idx="2789">
                  <c:v>46.483332999999988</c:v>
                </c:pt>
                <c:pt idx="2790">
                  <c:v>46.5</c:v>
                </c:pt>
                <c:pt idx="2791">
                  <c:v>46.516666999999998</c:v>
                </c:pt>
                <c:pt idx="2792">
                  <c:v>46.533332999999999</c:v>
                </c:pt>
                <c:pt idx="2793">
                  <c:v>46.55</c:v>
                </c:pt>
                <c:pt idx="2794">
                  <c:v>46.566666999999995</c:v>
                </c:pt>
                <c:pt idx="2795">
                  <c:v>46.583332999999996</c:v>
                </c:pt>
                <c:pt idx="2796">
                  <c:v>46.599999999999994</c:v>
                </c:pt>
                <c:pt idx="2797">
                  <c:v>46.616666999999993</c:v>
                </c:pt>
                <c:pt idx="2798">
                  <c:v>46.633332999999993</c:v>
                </c:pt>
                <c:pt idx="2799">
                  <c:v>46.649999999999991</c:v>
                </c:pt>
                <c:pt idx="2800">
                  <c:v>46.66666699999999</c:v>
                </c:pt>
                <c:pt idx="2801">
                  <c:v>46.68333299999999</c:v>
                </c:pt>
                <c:pt idx="2802">
                  <c:v>46.699999999999989</c:v>
                </c:pt>
                <c:pt idx="2803">
                  <c:v>46.716667000000001</c:v>
                </c:pt>
                <c:pt idx="2804">
                  <c:v>46.733332999999988</c:v>
                </c:pt>
                <c:pt idx="2805">
                  <c:v>46.75</c:v>
                </c:pt>
                <c:pt idx="2806">
                  <c:v>46.766666999999998</c:v>
                </c:pt>
                <c:pt idx="2807">
                  <c:v>46.783332999999999</c:v>
                </c:pt>
                <c:pt idx="2808">
                  <c:v>46.8</c:v>
                </c:pt>
                <c:pt idx="2809">
                  <c:v>46.816666999999995</c:v>
                </c:pt>
                <c:pt idx="2810">
                  <c:v>46.833332999999996</c:v>
                </c:pt>
                <c:pt idx="2811">
                  <c:v>46.849999999999994</c:v>
                </c:pt>
                <c:pt idx="2812">
                  <c:v>46.866666999999993</c:v>
                </c:pt>
                <c:pt idx="2813">
                  <c:v>46.883332999999993</c:v>
                </c:pt>
                <c:pt idx="2814">
                  <c:v>46.899999999999991</c:v>
                </c:pt>
                <c:pt idx="2815">
                  <c:v>46.91666699999999</c:v>
                </c:pt>
                <c:pt idx="2816">
                  <c:v>46.93333299999999</c:v>
                </c:pt>
                <c:pt idx="2817">
                  <c:v>46.949999999999989</c:v>
                </c:pt>
                <c:pt idx="2818">
                  <c:v>46.966667000000001</c:v>
                </c:pt>
                <c:pt idx="2819">
                  <c:v>46.983332999999988</c:v>
                </c:pt>
                <c:pt idx="2820">
                  <c:v>47</c:v>
                </c:pt>
                <c:pt idx="2821">
                  <c:v>47.016666999999998</c:v>
                </c:pt>
                <c:pt idx="2822">
                  <c:v>47.033332999999999</c:v>
                </c:pt>
                <c:pt idx="2823">
                  <c:v>47.05</c:v>
                </c:pt>
                <c:pt idx="2824">
                  <c:v>47.066666999999995</c:v>
                </c:pt>
                <c:pt idx="2825">
                  <c:v>47.083332999999996</c:v>
                </c:pt>
                <c:pt idx="2826">
                  <c:v>47.099999999999994</c:v>
                </c:pt>
                <c:pt idx="2827">
                  <c:v>47.116666999999993</c:v>
                </c:pt>
                <c:pt idx="2828">
                  <c:v>47.133332999999993</c:v>
                </c:pt>
                <c:pt idx="2829">
                  <c:v>47.149999999999991</c:v>
                </c:pt>
                <c:pt idx="2830">
                  <c:v>47.16666699999999</c:v>
                </c:pt>
                <c:pt idx="2831">
                  <c:v>47.18333299999999</c:v>
                </c:pt>
                <c:pt idx="2832">
                  <c:v>47.199999999999989</c:v>
                </c:pt>
                <c:pt idx="2833">
                  <c:v>47.216667000000001</c:v>
                </c:pt>
                <c:pt idx="2834">
                  <c:v>47.233332999999988</c:v>
                </c:pt>
                <c:pt idx="2835">
                  <c:v>47.25</c:v>
                </c:pt>
                <c:pt idx="2836">
                  <c:v>47.266666999999998</c:v>
                </c:pt>
                <c:pt idx="2837">
                  <c:v>47.283332999999999</c:v>
                </c:pt>
                <c:pt idx="2838">
                  <c:v>47.3</c:v>
                </c:pt>
                <c:pt idx="2839">
                  <c:v>47.316666999999995</c:v>
                </c:pt>
                <c:pt idx="2840">
                  <c:v>47.333332999999996</c:v>
                </c:pt>
                <c:pt idx="2841">
                  <c:v>47.349999999999994</c:v>
                </c:pt>
                <c:pt idx="2842">
                  <c:v>47.366666999999993</c:v>
                </c:pt>
                <c:pt idx="2843">
                  <c:v>47.383332999999993</c:v>
                </c:pt>
                <c:pt idx="2844">
                  <c:v>47.399999999999991</c:v>
                </c:pt>
                <c:pt idx="2845">
                  <c:v>47.41666699999999</c:v>
                </c:pt>
                <c:pt idx="2846">
                  <c:v>47.43333299999999</c:v>
                </c:pt>
                <c:pt idx="2847">
                  <c:v>47.449999999999989</c:v>
                </c:pt>
                <c:pt idx="2848">
                  <c:v>47.466667000000001</c:v>
                </c:pt>
                <c:pt idx="2849">
                  <c:v>47.483332999999988</c:v>
                </c:pt>
                <c:pt idx="2850">
                  <c:v>47.5</c:v>
                </c:pt>
                <c:pt idx="2851">
                  <c:v>47.516666999999998</c:v>
                </c:pt>
                <c:pt idx="2852">
                  <c:v>47.533332999999999</c:v>
                </c:pt>
                <c:pt idx="2853">
                  <c:v>47.55</c:v>
                </c:pt>
                <c:pt idx="2854">
                  <c:v>47.566666999999995</c:v>
                </c:pt>
                <c:pt idx="2855">
                  <c:v>47.583332999999996</c:v>
                </c:pt>
                <c:pt idx="2856">
                  <c:v>47.599999999999994</c:v>
                </c:pt>
                <c:pt idx="2857">
                  <c:v>47.616666999999993</c:v>
                </c:pt>
                <c:pt idx="2858">
                  <c:v>47.633332999999993</c:v>
                </c:pt>
                <c:pt idx="2859">
                  <c:v>47.649999999999991</c:v>
                </c:pt>
                <c:pt idx="2860">
                  <c:v>47.66666699999999</c:v>
                </c:pt>
                <c:pt idx="2861">
                  <c:v>47.68333299999999</c:v>
                </c:pt>
                <c:pt idx="2862">
                  <c:v>47.699999999999989</c:v>
                </c:pt>
                <c:pt idx="2863">
                  <c:v>47.716667000000001</c:v>
                </c:pt>
                <c:pt idx="2864">
                  <c:v>47.733332999999988</c:v>
                </c:pt>
                <c:pt idx="2865">
                  <c:v>47.75</c:v>
                </c:pt>
                <c:pt idx="2866">
                  <c:v>47.766666999999998</c:v>
                </c:pt>
                <c:pt idx="2867">
                  <c:v>47.783332999999999</c:v>
                </c:pt>
                <c:pt idx="2868">
                  <c:v>47.8</c:v>
                </c:pt>
                <c:pt idx="2869">
                  <c:v>47.816666999999995</c:v>
                </c:pt>
                <c:pt idx="2870">
                  <c:v>47.833332999999996</c:v>
                </c:pt>
                <c:pt idx="2871">
                  <c:v>47.849999999999994</c:v>
                </c:pt>
                <c:pt idx="2872">
                  <c:v>47.866666999999993</c:v>
                </c:pt>
                <c:pt idx="2873">
                  <c:v>47.883332999999993</c:v>
                </c:pt>
                <c:pt idx="2874">
                  <c:v>47.899999999999991</c:v>
                </c:pt>
                <c:pt idx="2875">
                  <c:v>47.91666699999999</c:v>
                </c:pt>
                <c:pt idx="2876">
                  <c:v>47.93333299999999</c:v>
                </c:pt>
                <c:pt idx="2877">
                  <c:v>47.949999999999989</c:v>
                </c:pt>
                <c:pt idx="2878">
                  <c:v>47.966667000000001</c:v>
                </c:pt>
                <c:pt idx="2879">
                  <c:v>47.983332999999988</c:v>
                </c:pt>
                <c:pt idx="2880">
                  <c:v>48</c:v>
                </c:pt>
                <c:pt idx="2881">
                  <c:v>48.016666999999998</c:v>
                </c:pt>
                <c:pt idx="2882">
                  <c:v>48.033332999999999</c:v>
                </c:pt>
                <c:pt idx="2883">
                  <c:v>48.05</c:v>
                </c:pt>
                <c:pt idx="2884">
                  <c:v>48.066666999999995</c:v>
                </c:pt>
                <c:pt idx="2885">
                  <c:v>48.083332999999996</c:v>
                </c:pt>
                <c:pt idx="2886">
                  <c:v>48.099999999999994</c:v>
                </c:pt>
                <c:pt idx="2887">
                  <c:v>48.116667000000007</c:v>
                </c:pt>
                <c:pt idx="2888">
                  <c:v>48.133332999999993</c:v>
                </c:pt>
                <c:pt idx="2889">
                  <c:v>48.150000000000006</c:v>
                </c:pt>
                <c:pt idx="2890">
                  <c:v>48.16666699999999</c:v>
                </c:pt>
                <c:pt idx="2891">
                  <c:v>48.183333000000005</c:v>
                </c:pt>
                <c:pt idx="2892">
                  <c:v>48.199999999999989</c:v>
                </c:pt>
                <c:pt idx="2893">
                  <c:v>48.216667000000001</c:v>
                </c:pt>
                <c:pt idx="2894">
                  <c:v>48.233332999999988</c:v>
                </c:pt>
                <c:pt idx="2895">
                  <c:v>48.25</c:v>
                </c:pt>
                <c:pt idx="2896">
                  <c:v>48.266666999999984</c:v>
                </c:pt>
                <c:pt idx="2897">
                  <c:v>48.283332999999999</c:v>
                </c:pt>
                <c:pt idx="2898">
                  <c:v>48.299999999999983</c:v>
                </c:pt>
                <c:pt idx="2899">
                  <c:v>48.316666999999995</c:v>
                </c:pt>
                <c:pt idx="2900">
                  <c:v>48.333332999999982</c:v>
                </c:pt>
                <c:pt idx="2901">
                  <c:v>48.349999999999994</c:v>
                </c:pt>
                <c:pt idx="2902">
                  <c:v>48.366667000000007</c:v>
                </c:pt>
                <c:pt idx="2903">
                  <c:v>48.383332999999993</c:v>
                </c:pt>
                <c:pt idx="2904">
                  <c:v>48.400000000000006</c:v>
                </c:pt>
                <c:pt idx="2905">
                  <c:v>48.41666699999999</c:v>
                </c:pt>
                <c:pt idx="2906">
                  <c:v>48.433333000000005</c:v>
                </c:pt>
                <c:pt idx="2907">
                  <c:v>48.449999999999989</c:v>
                </c:pt>
                <c:pt idx="2908">
                  <c:v>48.466667000000001</c:v>
                </c:pt>
                <c:pt idx="2909">
                  <c:v>48.483332999999988</c:v>
                </c:pt>
                <c:pt idx="2910">
                  <c:v>48.5</c:v>
                </c:pt>
                <c:pt idx="2911">
                  <c:v>48.516666999999984</c:v>
                </c:pt>
                <c:pt idx="2912">
                  <c:v>48.533332999999999</c:v>
                </c:pt>
                <c:pt idx="2913">
                  <c:v>48.549999999999983</c:v>
                </c:pt>
                <c:pt idx="2914">
                  <c:v>48.566666999999995</c:v>
                </c:pt>
                <c:pt idx="2915">
                  <c:v>48.583332999999982</c:v>
                </c:pt>
                <c:pt idx="2916">
                  <c:v>48.599999999999994</c:v>
                </c:pt>
                <c:pt idx="2917">
                  <c:v>48.616667000000007</c:v>
                </c:pt>
                <c:pt idx="2918">
                  <c:v>48.633332999999993</c:v>
                </c:pt>
                <c:pt idx="2919">
                  <c:v>48.650000000000006</c:v>
                </c:pt>
                <c:pt idx="2920">
                  <c:v>48.66666699999999</c:v>
                </c:pt>
                <c:pt idx="2921">
                  <c:v>48.683333000000005</c:v>
                </c:pt>
                <c:pt idx="2922">
                  <c:v>48.699999999999989</c:v>
                </c:pt>
                <c:pt idx="2923">
                  <c:v>48.716667000000001</c:v>
                </c:pt>
                <c:pt idx="2924">
                  <c:v>48.733332999999988</c:v>
                </c:pt>
                <c:pt idx="2925">
                  <c:v>48.75</c:v>
                </c:pt>
                <c:pt idx="2926">
                  <c:v>48.766666999999984</c:v>
                </c:pt>
                <c:pt idx="2927">
                  <c:v>48.783332999999999</c:v>
                </c:pt>
                <c:pt idx="2928">
                  <c:v>48.799999999999983</c:v>
                </c:pt>
                <c:pt idx="2929">
                  <c:v>48.816666999999995</c:v>
                </c:pt>
                <c:pt idx="2930">
                  <c:v>48.833332999999982</c:v>
                </c:pt>
                <c:pt idx="2931">
                  <c:v>48.849999999999994</c:v>
                </c:pt>
                <c:pt idx="2932">
                  <c:v>48.866667000000007</c:v>
                </c:pt>
                <c:pt idx="2933">
                  <c:v>48.883332999999993</c:v>
                </c:pt>
                <c:pt idx="2934">
                  <c:v>48.900000000000006</c:v>
                </c:pt>
                <c:pt idx="2935">
                  <c:v>48.91666699999999</c:v>
                </c:pt>
                <c:pt idx="2936">
                  <c:v>48.933333000000005</c:v>
                </c:pt>
                <c:pt idx="2937">
                  <c:v>48.949999999999989</c:v>
                </c:pt>
                <c:pt idx="2938">
                  <c:v>48.966667000000001</c:v>
                </c:pt>
                <c:pt idx="2939">
                  <c:v>48.983332999999988</c:v>
                </c:pt>
                <c:pt idx="2940">
                  <c:v>49</c:v>
                </c:pt>
                <c:pt idx="2941">
                  <c:v>49.016666999999984</c:v>
                </c:pt>
                <c:pt idx="2942">
                  <c:v>49.033332999999999</c:v>
                </c:pt>
                <c:pt idx="2943">
                  <c:v>49.049999999999983</c:v>
                </c:pt>
                <c:pt idx="2944">
                  <c:v>49.066666999999995</c:v>
                </c:pt>
                <c:pt idx="2945">
                  <c:v>49.083332999999982</c:v>
                </c:pt>
                <c:pt idx="2946">
                  <c:v>49.099999999999994</c:v>
                </c:pt>
                <c:pt idx="2947">
                  <c:v>49.116667000000007</c:v>
                </c:pt>
                <c:pt idx="2948">
                  <c:v>49.133332999999993</c:v>
                </c:pt>
                <c:pt idx="2949">
                  <c:v>49.150000000000006</c:v>
                </c:pt>
                <c:pt idx="2950">
                  <c:v>49.16666699999999</c:v>
                </c:pt>
                <c:pt idx="2951">
                  <c:v>49.183333000000005</c:v>
                </c:pt>
                <c:pt idx="2952">
                  <c:v>49.199999999999989</c:v>
                </c:pt>
                <c:pt idx="2953">
                  <c:v>49.216667000000001</c:v>
                </c:pt>
                <c:pt idx="2954">
                  <c:v>49.233332999999988</c:v>
                </c:pt>
                <c:pt idx="2955">
                  <c:v>49.25</c:v>
                </c:pt>
                <c:pt idx="2956">
                  <c:v>49.266666999999984</c:v>
                </c:pt>
                <c:pt idx="2957">
                  <c:v>49.283332999999999</c:v>
                </c:pt>
                <c:pt idx="2958">
                  <c:v>49.299999999999983</c:v>
                </c:pt>
                <c:pt idx="2959">
                  <c:v>49.316666999999995</c:v>
                </c:pt>
                <c:pt idx="2960">
                  <c:v>49.333332999999982</c:v>
                </c:pt>
                <c:pt idx="2961">
                  <c:v>49.349999999999994</c:v>
                </c:pt>
                <c:pt idx="2962">
                  <c:v>49.366667000000007</c:v>
                </c:pt>
                <c:pt idx="2963">
                  <c:v>49.383332999999993</c:v>
                </c:pt>
                <c:pt idx="2964">
                  <c:v>49.400000000000006</c:v>
                </c:pt>
                <c:pt idx="2965">
                  <c:v>49.41666699999999</c:v>
                </c:pt>
                <c:pt idx="2966">
                  <c:v>49.433333000000005</c:v>
                </c:pt>
                <c:pt idx="2967">
                  <c:v>49.449999999999989</c:v>
                </c:pt>
                <c:pt idx="2968">
                  <c:v>49.466667000000001</c:v>
                </c:pt>
                <c:pt idx="2969">
                  <c:v>49.483332999999988</c:v>
                </c:pt>
                <c:pt idx="2970">
                  <c:v>49.5</c:v>
                </c:pt>
                <c:pt idx="2971">
                  <c:v>49.516666999999984</c:v>
                </c:pt>
                <c:pt idx="2972">
                  <c:v>49.533332999999999</c:v>
                </c:pt>
                <c:pt idx="2973">
                  <c:v>49.549999999999983</c:v>
                </c:pt>
                <c:pt idx="2974">
                  <c:v>49.566666999999995</c:v>
                </c:pt>
                <c:pt idx="2975">
                  <c:v>49.583332999999982</c:v>
                </c:pt>
                <c:pt idx="2976">
                  <c:v>49.599999999999994</c:v>
                </c:pt>
                <c:pt idx="2977">
                  <c:v>49.616667000000007</c:v>
                </c:pt>
                <c:pt idx="2978">
                  <c:v>49.633332999999993</c:v>
                </c:pt>
                <c:pt idx="2979">
                  <c:v>49.650000000000006</c:v>
                </c:pt>
                <c:pt idx="2980">
                  <c:v>49.66666699999999</c:v>
                </c:pt>
                <c:pt idx="2981">
                  <c:v>49.683333000000005</c:v>
                </c:pt>
                <c:pt idx="2982">
                  <c:v>49.699999999999989</c:v>
                </c:pt>
                <c:pt idx="2983">
                  <c:v>49.716667000000001</c:v>
                </c:pt>
                <c:pt idx="2984">
                  <c:v>49.733332999999988</c:v>
                </c:pt>
                <c:pt idx="2985">
                  <c:v>49.75</c:v>
                </c:pt>
                <c:pt idx="2986">
                  <c:v>49.766666999999984</c:v>
                </c:pt>
                <c:pt idx="2987">
                  <c:v>49.783332999999999</c:v>
                </c:pt>
                <c:pt idx="2988">
                  <c:v>49.799999999999983</c:v>
                </c:pt>
                <c:pt idx="2989">
                  <c:v>49.816666999999995</c:v>
                </c:pt>
                <c:pt idx="2990">
                  <c:v>49.833332999999982</c:v>
                </c:pt>
                <c:pt idx="2991">
                  <c:v>49.849999999999994</c:v>
                </c:pt>
                <c:pt idx="2992">
                  <c:v>49.866667000000007</c:v>
                </c:pt>
                <c:pt idx="2993">
                  <c:v>49.883332999999993</c:v>
                </c:pt>
                <c:pt idx="2994">
                  <c:v>49.900000000000006</c:v>
                </c:pt>
                <c:pt idx="2995">
                  <c:v>49.91666699999999</c:v>
                </c:pt>
                <c:pt idx="2996">
                  <c:v>49.933333000000005</c:v>
                </c:pt>
                <c:pt idx="2997">
                  <c:v>49.949999999999989</c:v>
                </c:pt>
                <c:pt idx="2998">
                  <c:v>49.966667000000001</c:v>
                </c:pt>
                <c:pt idx="2999">
                  <c:v>49.983332999999988</c:v>
                </c:pt>
                <c:pt idx="3000">
                  <c:v>50</c:v>
                </c:pt>
                <c:pt idx="3001">
                  <c:v>50.016666999999984</c:v>
                </c:pt>
                <c:pt idx="3002">
                  <c:v>50.033332999999999</c:v>
                </c:pt>
                <c:pt idx="3003">
                  <c:v>50.049999999999983</c:v>
                </c:pt>
                <c:pt idx="3004">
                  <c:v>50.066666999999995</c:v>
                </c:pt>
                <c:pt idx="3005">
                  <c:v>50.083332999999982</c:v>
                </c:pt>
                <c:pt idx="3006">
                  <c:v>50.099999999999994</c:v>
                </c:pt>
                <c:pt idx="3007">
                  <c:v>50.116667000000007</c:v>
                </c:pt>
                <c:pt idx="3008">
                  <c:v>50.133332999999993</c:v>
                </c:pt>
                <c:pt idx="3009">
                  <c:v>50.150000000000006</c:v>
                </c:pt>
                <c:pt idx="3010">
                  <c:v>50.16666699999999</c:v>
                </c:pt>
                <c:pt idx="3011">
                  <c:v>50.183333000000005</c:v>
                </c:pt>
                <c:pt idx="3012">
                  <c:v>50.199999999999989</c:v>
                </c:pt>
                <c:pt idx="3013">
                  <c:v>50.216667000000001</c:v>
                </c:pt>
                <c:pt idx="3014">
                  <c:v>50.233332999999988</c:v>
                </c:pt>
                <c:pt idx="3015">
                  <c:v>50.25</c:v>
                </c:pt>
                <c:pt idx="3016">
                  <c:v>50.266666999999984</c:v>
                </c:pt>
                <c:pt idx="3017">
                  <c:v>50.283332999999999</c:v>
                </c:pt>
                <c:pt idx="3018">
                  <c:v>50.299999999999983</c:v>
                </c:pt>
                <c:pt idx="3019">
                  <c:v>50.316666999999995</c:v>
                </c:pt>
                <c:pt idx="3020">
                  <c:v>50.333332999999982</c:v>
                </c:pt>
                <c:pt idx="3021">
                  <c:v>50.349999999999994</c:v>
                </c:pt>
                <c:pt idx="3022">
                  <c:v>50.366667000000007</c:v>
                </c:pt>
                <c:pt idx="3023">
                  <c:v>50.383332999999993</c:v>
                </c:pt>
                <c:pt idx="3024">
                  <c:v>50.400000000000006</c:v>
                </c:pt>
                <c:pt idx="3025">
                  <c:v>50.41666699999999</c:v>
                </c:pt>
                <c:pt idx="3026">
                  <c:v>50.433333000000005</c:v>
                </c:pt>
                <c:pt idx="3027">
                  <c:v>50.449999999999989</c:v>
                </c:pt>
                <c:pt idx="3028">
                  <c:v>50.466667000000001</c:v>
                </c:pt>
                <c:pt idx="3029">
                  <c:v>50.483332999999988</c:v>
                </c:pt>
                <c:pt idx="3030">
                  <c:v>50.5</c:v>
                </c:pt>
                <c:pt idx="3031">
                  <c:v>50.516666999999984</c:v>
                </c:pt>
                <c:pt idx="3032">
                  <c:v>50.533332999999999</c:v>
                </c:pt>
                <c:pt idx="3033">
                  <c:v>50.549999999999983</c:v>
                </c:pt>
                <c:pt idx="3034">
                  <c:v>50.566666999999995</c:v>
                </c:pt>
                <c:pt idx="3035">
                  <c:v>50.583332999999982</c:v>
                </c:pt>
                <c:pt idx="3036">
                  <c:v>50.599999999999994</c:v>
                </c:pt>
                <c:pt idx="3037">
                  <c:v>50.616667000000007</c:v>
                </c:pt>
                <c:pt idx="3038">
                  <c:v>50.633332999999993</c:v>
                </c:pt>
                <c:pt idx="3039">
                  <c:v>50.650000000000006</c:v>
                </c:pt>
                <c:pt idx="3040">
                  <c:v>50.66666699999999</c:v>
                </c:pt>
                <c:pt idx="3041">
                  <c:v>50.683333000000005</c:v>
                </c:pt>
                <c:pt idx="3042">
                  <c:v>50.699999999999989</c:v>
                </c:pt>
                <c:pt idx="3043">
                  <c:v>50.716667000000001</c:v>
                </c:pt>
                <c:pt idx="3044">
                  <c:v>50.733332999999988</c:v>
                </c:pt>
                <c:pt idx="3045">
                  <c:v>50.75</c:v>
                </c:pt>
                <c:pt idx="3046">
                  <c:v>50.766666999999984</c:v>
                </c:pt>
                <c:pt idx="3047">
                  <c:v>50.783332999999999</c:v>
                </c:pt>
                <c:pt idx="3048">
                  <c:v>50.799999999999983</c:v>
                </c:pt>
                <c:pt idx="3049">
                  <c:v>50.816666999999995</c:v>
                </c:pt>
                <c:pt idx="3050">
                  <c:v>50.833332999999982</c:v>
                </c:pt>
                <c:pt idx="3051">
                  <c:v>50.849999999999994</c:v>
                </c:pt>
                <c:pt idx="3052">
                  <c:v>50.866667000000007</c:v>
                </c:pt>
                <c:pt idx="3053">
                  <c:v>50.883332999999993</c:v>
                </c:pt>
                <c:pt idx="3054">
                  <c:v>50.900000000000006</c:v>
                </c:pt>
                <c:pt idx="3055">
                  <c:v>50.91666699999999</c:v>
                </c:pt>
                <c:pt idx="3056">
                  <c:v>50.933333000000005</c:v>
                </c:pt>
                <c:pt idx="3057">
                  <c:v>50.949999999999989</c:v>
                </c:pt>
                <c:pt idx="3058">
                  <c:v>50.966667000000001</c:v>
                </c:pt>
                <c:pt idx="3059">
                  <c:v>50.983332999999988</c:v>
                </c:pt>
                <c:pt idx="3060">
                  <c:v>51</c:v>
                </c:pt>
                <c:pt idx="3061">
                  <c:v>51.016666999999984</c:v>
                </c:pt>
                <c:pt idx="3062">
                  <c:v>51.033332999999999</c:v>
                </c:pt>
                <c:pt idx="3063">
                  <c:v>51.049999999999983</c:v>
                </c:pt>
                <c:pt idx="3064">
                  <c:v>51.066666999999995</c:v>
                </c:pt>
                <c:pt idx="3065">
                  <c:v>51.083332999999982</c:v>
                </c:pt>
                <c:pt idx="3066">
                  <c:v>51.099999999999994</c:v>
                </c:pt>
                <c:pt idx="3067">
                  <c:v>51.116667000000007</c:v>
                </c:pt>
                <c:pt idx="3068">
                  <c:v>51.133332999999993</c:v>
                </c:pt>
                <c:pt idx="3069">
                  <c:v>51.150000000000006</c:v>
                </c:pt>
                <c:pt idx="3070">
                  <c:v>51.16666699999999</c:v>
                </c:pt>
                <c:pt idx="3071">
                  <c:v>51.183333000000005</c:v>
                </c:pt>
                <c:pt idx="3072">
                  <c:v>51.199999999999989</c:v>
                </c:pt>
                <c:pt idx="3073">
                  <c:v>51.216667000000001</c:v>
                </c:pt>
                <c:pt idx="3074">
                  <c:v>51.233332999999988</c:v>
                </c:pt>
                <c:pt idx="3075">
                  <c:v>51.25</c:v>
                </c:pt>
                <c:pt idx="3076">
                  <c:v>51.266666999999984</c:v>
                </c:pt>
                <c:pt idx="3077">
                  <c:v>51.283332999999999</c:v>
                </c:pt>
                <c:pt idx="3078">
                  <c:v>51.299999999999983</c:v>
                </c:pt>
                <c:pt idx="3079">
                  <c:v>51.316666999999995</c:v>
                </c:pt>
                <c:pt idx="3080">
                  <c:v>51.333332999999982</c:v>
                </c:pt>
                <c:pt idx="3081">
                  <c:v>51.349999999999994</c:v>
                </c:pt>
                <c:pt idx="3082">
                  <c:v>51.366667000000007</c:v>
                </c:pt>
                <c:pt idx="3083">
                  <c:v>51.383332999999993</c:v>
                </c:pt>
                <c:pt idx="3084">
                  <c:v>51.400000000000006</c:v>
                </c:pt>
                <c:pt idx="3085">
                  <c:v>51.41666699999999</c:v>
                </c:pt>
                <c:pt idx="3086">
                  <c:v>51.433333000000005</c:v>
                </c:pt>
                <c:pt idx="3087">
                  <c:v>51.449999999999989</c:v>
                </c:pt>
                <c:pt idx="3088">
                  <c:v>51.466667000000001</c:v>
                </c:pt>
                <c:pt idx="3089">
                  <c:v>51.483332999999988</c:v>
                </c:pt>
                <c:pt idx="3090">
                  <c:v>51.5</c:v>
                </c:pt>
                <c:pt idx="3091">
                  <c:v>51.516666999999984</c:v>
                </c:pt>
                <c:pt idx="3092">
                  <c:v>51.533332999999999</c:v>
                </c:pt>
                <c:pt idx="3093">
                  <c:v>51.549999999999983</c:v>
                </c:pt>
                <c:pt idx="3094">
                  <c:v>51.566666999999995</c:v>
                </c:pt>
                <c:pt idx="3095">
                  <c:v>51.583332999999982</c:v>
                </c:pt>
                <c:pt idx="3096">
                  <c:v>51.599999999999994</c:v>
                </c:pt>
                <c:pt idx="3097">
                  <c:v>51.616667000000007</c:v>
                </c:pt>
                <c:pt idx="3098">
                  <c:v>51.633332999999993</c:v>
                </c:pt>
                <c:pt idx="3099">
                  <c:v>51.650000000000006</c:v>
                </c:pt>
                <c:pt idx="3100">
                  <c:v>51.66666699999999</c:v>
                </c:pt>
                <c:pt idx="3101">
                  <c:v>51.683333000000005</c:v>
                </c:pt>
                <c:pt idx="3102">
                  <c:v>51.699999999999989</c:v>
                </c:pt>
                <c:pt idx="3103">
                  <c:v>51.716667000000001</c:v>
                </c:pt>
                <c:pt idx="3104">
                  <c:v>51.733332999999988</c:v>
                </c:pt>
                <c:pt idx="3105">
                  <c:v>51.75</c:v>
                </c:pt>
                <c:pt idx="3106">
                  <c:v>51.766666999999984</c:v>
                </c:pt>
                <c:pt idx="3107">
                  <c:v>51.783332999999999</c:v>
                </c:pt>
                <c:pt idx="3108">
                  <c:v>51.799999999999983</c:v>
                </c:pt>
                <c:pt idx="3109">
                  <c:v>51.816666999999995</c:v>
                </c:pt>
                <c:pt idx="3110">
                  <c:v>51.833332999999982</c:v>
                </c:pt>
                <c:pt idx="3111">
                  <c:v>51.849999999999994</c:v>
                </c:pt>
                <c:pt idx="3112">
                  <c:v>51.866667000000007</c:v>
                </c:pt>
                <c:pt idx="3113">
                  <c:v>51.883332999999993</c:v>
                </c:pt>
                <c:pt idx="3114">
                  <c:v>51.900000000000006</c:v>
                </c:pt>
                <c:pt idx="3115">
                  <c:v>51.91666699999999</c:v>
                </c:pt>
                <c:pt idx="3116">
                  <c:v>51.933333000000005</c:v>
                </c:pt>
                <c:pt idx="3117">
                  <c:v>51.949999999999989</c:v>
                </c:pt>
                <c:pt idx="3118">
                  <c:v>51.966667000000001</c:v>
                </c:pt>
                <c:pt idx="3119">
                  <c:v>51.983332999999988</c:v>
                </c:pt>
                <c:pt idx="3120">
                  <c:v>52</c:v>
                </c:pt>
                <c:pt idx="3121">
                  <c:v>52.016666999999984</c:v>
                </c:pt>
                <c:pt idx="3122">
                  <c:v>52.033332999999999</c:v>
                </c:pt>
                <c:pt idx="3123">
                  <c:v>52.049999999999983</c:v>
                </c:pt>
                <c:pt idx="3124">
                  <c:v>52.066666999999995</c:v>
                </c:pt>
                <c:pt idx="3125">
                  <c:v>52.083332999999982</c:v>
                </c:pt>
                <c:pt idx="3126">
                  <c:v>52.099999999999994</c:v>
                </c:pt>
                <c:pt idx="3127">
                  <c:v>52.116667000000007</c:v>
                </c:pt>
                <c:pt idx="3128">
                  <c:v>52.133332999999993</c:v>
                </c:pt>
                <c:pt idx="3129">
                  <c:v>52.150000000000006</c:v>
                </c:pt>
                <c:pt idx="3130">
                  <c:v>52.16666699999999</c:v>
                </c:pt>
                <c:pt idx="3131">
                  <c:v>52.183333000000005</c:v>
                </c:pt>
                <c:pt idx="3132">
                  <c:v>52.199999999999989</c:v>
                </c:pt>
                <c:pt idx="3133">
                  <c:v>52.216667000000001</c:v>
                </c:pt>
                <c:pt idx="3134">
                  <c:v>52.233332999999988</c:v>
                </c:pt>
                <c:pt idx="3135">
                  <c:v>52.25</c:v>
                </c:pt>
                <c:pt idx="3136">
                  <c:v>52.266666999999984</c:v>
                </c:pt>
                <c:pt idx="3137">
                  <c:v>52.283332999999999</c:v>
                </c:pt>
                <c:pt idx="3138">
                  <c:v>52.299999999999983</c:v>
                </c:pt>
                <c:pt idx="3139">
                  <c:v>52.316666999999995</c:v>
                </c:pt>
                <c:pt idx="3140">
                  <c:v>52.333332999999982</c:v>
                </c:pt>
                <c:pt idx="3141">
                  <c:v>52.349999999999994</c:v>
                </c:pt>
                <c:pt idx="3142">
                  <c:v>52.366667000000007</c:v>
                </c:pt>
                <c:pt idx="3143">
                  <c:v>52.383332999999993</c:v>
                </c:pt>
                <c:pt idx="3144">
                  <c:v>52.400000000000006</c:v>
                </c:pt>
                <c:pt idx="3145">
                  <c:v>52.41666699999999</c:v>
                </c:pt>
                <c:pt idx="3146">
                  <c:v>52.433333000000005</c:v>
                </c:pt>
                <c:pt idx="3147">
                  <c:v>52.449999999999989</c:v>
                </c:pt>
                <c:pt idx="3148">
                  <c:v>52.466667000000001</c:v>
                </c:pt>
                <c:pt idx="3149">
                  <c:v>52.483332999999988</c:v>
                </c:pt>
                <c:pt idx="3150">
                  <c:v>52.5</c:v>
                </c:pt>
                <c:pt idx="3151">
                  <c:v>52.516666999999984</c:v>
                </c:pt>
                <c:pt idx="3152">
                  <c:v>52.533332999999999</c:v>
                </c:pt>
                <c:pt idx="3153">
                  <c:v>52.549999999999983</c:v>
                </c:pt>
                <c:pt idx="3154">
                  <c:v>52.566666999999995</c:v>
                </c:pt>
                <c:pt idx="3155">
                  <c:v>52.583332999999982</c:v>
                </c:pt>
                <c:pt idx="3156">
                  <c:v>52.599999999999994</c:v>
                </c:pt>
                <c:pt idx="3157">
                  <c:v>52.616667000000007</c:v>
                </c:pt>
                <c:pt idx="3158">
                  <c:v>52.633332999999993</c:v>
                </c:pt>
                <c:pt idx="3159">
                  <c:v>52.650000000000006</c:v>
                </c:pt>
                <c:pt idx="3160">
                  <c:v>52.66666699999999</c:v>
                </c:pt>
                <c:pt idx="3161">
                  <c:v>52.683333000000005</c:v>
                </c:pt>
                <c:pt idx="3162">
                  <c:v>52.699999999999989</c:v>
                </c:pt>
                <c:pt idx="3163">
                  <c:v>52.716667000000001</c:v>
                </c:pt>
                <c:pt idx="3164">
                  <c:v>52.733332999999988</c:v>
                </c:pt>
                <c:pt idx="3165">
                  <c:v>52.75</c:v>
                </c:pt>
                <c:pt idx="3166">
                  <c:v>52.766666999999984</c:v>
                </c:pt>
                <c:pt idx="3167">
                  <c:v>52.783332999999999</c:v>
                </c:pt>
                <c:pt idx="3168">
                  <c:v>52.799999999999983</c:v>
                </c:pt>
                <c:pt idx="3169">
                  <c:v>52.816666999999995</c:v>
                </c:pt>
                <c:pt idx="3170">
                  <c:v>52.833332999999982</c:v>
                </c:pt>
                <c:pt idx="3171">
                  <c:v>52.849999999999994</c:v>
                </c:pt>
                <c:pt idx="3172">
                  <c:v>52.866667000000007</c:v>
                </c:pt>
                <c:pt idx="3173">
                  <c:v>52.883332999999993</c:v>
                </c:pt>
                <c:pt idx="3174">
                  <c:v>52.900000000000006</c:v>
                </c:pt>
                <c:pt idx="3175">
                  <c:v>52.91666699999999</c:v>
                </c:pt>
                <c:pt idx="3176">
                  <c:v>52.933333000000005</c:v>
                </c:pt>
                <c:pt idx="3177">
                  <c:v>52.949999999999989</c:v>
                </c:pt>
                <c:pt idx="3178">
                  <c:v>52.966667000000001</c:v>
                </c:pt>
                <c:pt idx="3179">
                  <c:v>52.983332999999988</c:v>
                </c:pt>
                <c:pt idx="3180">
                  <c:v>53</c:v>
                </c:pt>
                <c:pt idx="3181">
                  <c:v>53.016666999999984</c:v>
                </c:pt>
                <c:pt idx="3182">
                  <c:v>53.033332999999999</c:v>
                </c:pt>
                <c:pt idx="3183">
                  <c:v>53.049999999999983</c:v>
                </c:pt>
                <c:pt idx="3184">
                  <c:v>53.066666999999995</c:v>
                </c:pt>
                <c:pt idx="3185">
                  <c:v>53.083332999999982</c:v>
                </c:pt>
                <c:pt idx="3186">
                  <c:v>53.099999999999994</c:v>
                </c:pt>
                <c:pt idx="3187">
                  <c:v>53.116667000000007</c:v>
                </c:pt>
                <c:pt idx="3188">
                  <c:v>53.133332999999993</c:v>
                </c:pt>
                <c:pt idx="3189">
                  <c:v>53.150000000000006</c:v>
                </c:pt>
                <c:pt idx="3190">
                  <c:v>53.16666699999999</c:v>
                </c:pt>
                <c:pt idx="3191">
                  <c:v>53.183333000000005</c:v>
                </c:pt>
                <c:pt idx="3192">
                  <c:v>53.199999999999989</c:v>
                </c:pt>
                <c:pt idx="3193">
                  <c:v>53.216667000000001</c:v>
                </c:pt>
                <c:pt idx="3194">
                  <c:v>53.233332999999988</c:v>
                </c:pt>
                <c:pt idx="3195">
                  <c:v>53.25</c:v>
                </c:pt>
                <c:pt idx="3196">
                  <c:v>53.266666999999984</c:v>
                </c:pt>
                <c:pt idx="3197">
                  <c:v>53.283332999999999</c:v>
                </c:pt>
                <c:pt idx="3198">
                  <c:v>53.299999999999983</c:v>
                </c:pt>
                <c:pt idx="3199">
                  <c:v>53.316666999999995</c:v>
                </c:pt>
                <c:pt idx="3200">
                  <c:v>53.333332999999982</c:v>
                </c:pt>
                <c:pt idx="3201">
                  <c:v>53.349999999999994</c:v>
                </c:pt>
                <c:pt idx="3202">
                  <c:v>53.366667000000007</c:v>
                </c:pt>
                <c:pt idx="3203">
                  <c:v>53.383332999999993</c:v>
                </c:pt>
                <c:pt idx="3204">
                  <c:v>53.400000000000006</c:v>
                </c:pt>
                <c:pt idx="3205">
                  <c:v>53.41666699999999</c:v>
                </c:pt>
                <c:pt idx="3206">
                  <c:v>53.433333000000005</c:v>
                </c:pt>
                <c:pt idx="3207">
                  <c:v>53.449999999999989</c:v>
                </c:pt>
                <c:pt idx="3208">
                  <c:v>53.466667000000001</c:v>
                </c:pt>
                <c:pt idx="3209">
                  <c:v>53.483332999999988</c:v>
                </c:pt>
                <c:pt idx="3210">
                  <c:v>53.5</c:v>
                </c:pt>
                <c:pt idx="3211">
                  <c:v>53.516666999999984</c:v>
                </c:pt>
                <c:pt idx="3212">
                  <c:v>53.533332999999999</c:v>
                </c:pt>
                <c:pt idx="3213">
                  <c:v>53.549999999999983</c:v>
                </c:pt>
                <c:pt idx="3214">
                  <c:v>53.566666999999995</c:v>
                </c:pt>
                <c:pt idx="3215">
                  <c:v>53.583332999999982</c:v>
                </c:pt>
                <c:pt idx="3216">
                  <c:v>53.599999999999994</c:v>
                </c:pt>
                <c:pt idx="3217">
                  <c:v>53.616667000000007</c:v>
                </c:pt>
                <c:pt idx="3218">
                  <c:v>53.633332999999993</c:v>
                </c:pt>
                <c:pt idx="3219">
                  <c:v>53.650000000000006</c:v>
                </c:pt>
                <c:pt idx="3220">
                  <c:v>53.66666699999999</c:v>
                </c:pt>
                <c:pt idx="3221">
                  <c:v>53.683333000000005</c:v>
                </c:pt>
                <c:pt idx="3222">
                  <c:v>53.699999999999989</c:v>
                </c:pt>
                <c:pt idx="3223">
                  <c:v>53.716667000000001</c:v>
                </c:pt>
                <c:pt idx="3224">
                  <c:v>53.733332999999988</c:v>
                </c:pt>
                <c:pt idx="3225">
                  <c:v>53.75</c:v>
                </c:pt>
                <c:pt idx="3226">
                  <c:v>53.766666999999984</c:v>
                </c:pt>
                <c:pt idx="3227">
                  <c:v>53.783332999999999</c:v>
                </c:pt>
                <c:pt idx="3228">
                  <c:v>53.799999999999983</c:v>
                </c:pt>
                <c:pt idx="3229">
                  <c:v>53.816666999999995</c:v>
                </c:pt>
                <c:pt idx="3230">
                  <c:v>53.833332999999982</c:v>
                </c:pt>
                <c:pt idx="3231">
                  <c:v>53.849999999999994</c:v>
                </c:pt>
                <c:pt idx="3232">
                  <c:v>53.866667000000007</c:v>
                </c:pt>
                <c:pt idx="3233">
                  <c:v>53.883332999999993</c:v>
                </c:pt>
                <c:pt idx="3234">
                  <c:v>53.900000000000006</c:v>
                </c:pt>
                <c:pt idx="3235">
                  <c:v>53.91666699999999</c:v>
                </c:pt>
                <c:pt idx="3236">
                  <c:v>53.933333000000005</c:v>
                </c:pt>
                <c:pt idx="3237">
                  <c:v>53.949999999999989</c:v>
                </c:pt>
                <c:pt idx="3238">
                  <c:v>53.966667000000001</c:v>
                </c:pt>
                <c:pt idx="3239">
                  <c:v>53.983332999999988</c:v>
                </c:pt>
                <c:pt idx="3240">
                  <c:v>54</c:v>
                </c:pt>
                <c:pt idx="3241">
                  <c:v>54.016666999999984</c:v>
                </c:pt>
                <c:pt idx="3242">
                  <c:v>54.033332999999999</c:v>
                </c:pt>
                <c:pt idx="3243">
                  <c:v>54.049999999999983</c:v>
                </c:pt>
                <c:pt idx="3244">
                  <c:v>54.066666999999995</c:v>
                </c:pt>
                <c:pt idx="3245">
                  <c:v>54.083332999999982</c:v>
                </c:pt>
                <c:pt idx="3246">
                  <c:v>54.099999999999994</c:v>
                </c:pt>
                <c:pt idx="3247">
                  <c:v>54.116667000000007</c:v>
                </c:pt>
                <c:pt idx="3248">
                  <c:v>54.133332999999993</c:v>
                </c:pt>
                <c:pt idx="3249">
                  <c:v>54.150000000000006</c:v>
                </c:pt>
                <c:pt idx="3250">
                  <c:v>54.16666699999999</c:v>
                </c:pt>
                <c:pt idx="3251">
                  <c:v>54.183333000000005</c:v>
                </c:pt>
                <c:pt idx="3252">
                  <c:v>54.199999999999989</c:v>
                </c:pt>
                <c:pt idx="3253">
                  <c:v>54.216667000000001</c:v>
                </c:pt>
                <c:pt idx="3254">
                  <c:v>54.233332999999988</c:v>
                </c:pt>
                <c:pt idx="3255">
                  <c:v>54.25</c:v>
                </c:pt>
                <c:pt idx="3256">
                  <c:v>54.266666999999984</c:v>
                </c:pt>
                <c:pt idx="3257">
                  <c:v>54.283332999999999</c:v>
                </c:pt>
                <c:pt idx="3258">
                  <c:v>54.299999999999983</c:v>
                </c:pt>
                <c:pt idx="3259">
                  <c:v>54.316666999999995</c:v>
                </c:pt>
                <c:pt idx="3260">
                  <c:v>54.333332999999982</c:v>
                </c:pt>
                <c:pt idx="3261">
                  <c:v>54.349999999999994</c:v>
                </c:pt>
                <c:pt idx="3262">
                  <c:v>54.366667000000007</c:v>
                </c:pt>
                <c:pt idx="3263">
                  <c:v>54.383332999999993</c:v>
                </c:pt>
                <c:pt idx="3264">
                  <c:v>54.400000000000006</c:v>
                </c:pt>
                <c:pt idx="3265">
                  <c:v>54.41666699999999</c:v>
                </c:pt>
                <c:pt idx="3266">
                  <c:v>54.433333000000005</c:v>
                </c:pt>
                <c:pt idx="3267">
                  <c:v>54.449999999999989</c:v>
                </c:pt>
                <c:pt idx="3268">
                  <c:v>54.466667000000001</c:v>
                </c:pt>
                <c:pt idx="3269">
                  <c:v>54.483332999999988</c:v>
                </c:pt>
                <c:pt idx="3270">
                  <c:v>54.5</c:v>
                </c:pt>
                <c:pt idx="3271">
                  <c:v>54.516666999999984</c:v>
                </c:pt>
                <c:pt idx="3272">
                  <c:v>54.533332999999999</c:v>
                </c:pt>
                <c:pt idx="3273">
                  <c:v>54.549999999999983</c:v>
                </c:pt>
                <c:pt idx="3274">
                  <c:v>54.566666999999995</c:v>
                </c:pt>
                <c:pt idx="3275">
                  <c:v>54.583332999999982</c:v>
                </c:pt>
                <c:pt idx="3276">
                  <c:v>54.599999999999994</c:v>
                </c:pt>
                <c:pt idx="3277">
                  <c:v>54.616667000000007</c:v>
                </c:pt>
                <c:pt idx="3278">
                  <c:v>54.633332999999993</c:v>
                </c:pt>
                <c:pt idx="3279">
                  <c:v>54.650000000000006</c:v>
                </c:pt>
                <c:pt idx="3280">
                  <c:v>54.66666699999999</c:v>
                </c:pt>
                <c:pt idx="3281">
                  <c:v>54.683333000000005</c:v>
                </c:pt>
                <c:pt idx="3282">
                  <c:v>54.699999999999989</c:v>
                </c:pt>
                <c:pt idx="3283">
                  <c:v>54.716667000000001</c:v>
                </c:pt>
                <c:pt idx="3284">
                  <c:v>54.733332999999988</c:v>
                </c:pt>
                <c:pt idx="3285">
                  <c:v>54.75</c:v>
                </c:pt>
                <c:pt idx="3286">
                  <c:v>54.766666999999984</c:v>
                </c:pt>
                <c:pt idx="3287">
                  <c:v>54.783332999999999</c:v>
                </c:pt>
                <c:pt idx="3288">
                  <c:v>54.799999999999983</c:v>
                </c:pt>
                <c:pt idx="3289">
                  <c:v>54.816666999999995</c:v>
                </c:pt>
                <c:pt idx="3290">
                  <c:v>54.833332999999982</c:v>
                </c:pt>
                <c:pt idx="3291">
                  <c:v>54.849999999999994</c:v>
                </c:pt>
                <c:pt idx="3292">
                  <c:v>54.866667000000007</c:v>
                </c:pt>
                <c:pt idx="3293">
                  <c:v>54.883332999999993</c:v>
                </c:pt>
                <c:pt idx="3294">
                  <c:v>54.900000000000006</c:v>
                </c:pt>
                <c:pt idx="3295">
                  <c:v>54.91666699999999</c:v>
                </c:pt>
                <c:pt idx="3296">
                  <c:v>54.933333000000005</c:v>
                </c:pt>
                <c:pt idx="3297">
                  <c:v>54.949999999999989</c:v>
                </c:pt>
                <c:pt idx="3298">
                  <c:v>54.966667000000001</c:v>
                </c:pt>
                <c:pt idx="3299">
                  <c:v>54.983332999999988</c:v>
                </c:pt>
                <c:pt idx="3300">
                  <c:v>55</c:v>
                </c:pt>
                <c:pt idx="3301">
                  <c:v>55.016666999999984</c:v>
                </c:pt>
                <c:pt idx="3302">
                  <c:v>55.033332999999999</c:v>
                </c:pt>
                <c:pt idx="3303">
                  <c:v>55.049999999999983</c:v>
                </c:pt>
                <c:pt idx="3304">
                  <c:v>55.066666999999995</c:v>
                </c:pt>
                <c:pt idx="3305">
                  <c:v>55.083332999999982</c:v>
                </c:pt>
                <c:pt idx="3306">
                  <c:v>55.099999999999994</c:v>
                </c:pt>
                <c:pt idx="3307">
                  <c:v>55.116667000000007</c:v>
                </c:pt>
                <c:pt idx="3308">
                  <c:v>55.133332999999993</c:v>
                </c:pt>
                <c:pt idx="3309">
                  <c:v>55.150000000000006</c:v>
                </c:pt>
                <c:pt idx="3310">
                  <c:v>55.16666699999999</c:v>
                </c:pt>
                <c:pt idx="3311">
                  <c:v>55.183333000000005</c:v>
                </c:pt>
                <c:pt idx="3312">
                  <c:v>55.199999999999989</c:v>
                </c:pt>
                <c:pt idx="3313">
                  <c:v>55.216667000000001</c:v>
                </c:pt>
                <c:pt idx="3314">
                  <c:v>55.233332999999988</c:v>
                </c:pt>
                <c:pt idx="3315">
                  <c:v>55.25</c:v>
                </c:pt>
                <c:pt idx="3316">
                  <c:v>55.266666999999984</c:v>
                </c:pt>
                <c:pt idx="3317">
                  <c:v>55.283332999999999</c:v>
                </c:pt>
                <c:pt idx="3318">
                  <c:v>55.299999999999983</c:v>
                </c:pt>
                <c:pt idx="3319">
                  <c:v>55.316666999999995</c:v>
                </c:pt>
                <c:pt idx="3320">
                  <c:v>55.333332999999982</c:v>
                </c:pt>
                <c:pt idx="3321">
                  <c:v>55.349999999999994</c:v>
                </c:pt>
                <c:pt idx="3322">
                  <c:v>55.366667000000007</c:v>
                </c:pt>
                <c:pt idx="3323">
                  <c:v>55.383332999999993</c:v>
                </c:pt>
                <c:pt idx="3324">
                  <c:v>55.400000000000006</c:v>
                </c:pt>
                <c:pt idx="3325">
                  <c:v>55.41666699999999</c:v>
                </c:pt>
                <c:pt idx="3326">
                  <c:v>55.433333000000005</c:v>
                </c:pt>
                <c:pt idx="3327">
                  <c:v>55.449999999999989</c:v>
                </c:pt>
                <c:pt idx="3328">
                  <c:v>55.466667000000001</c:v>
                </c:pt>
                <c:pt idx="3329">
                  <c:v>55.483332999999988</c:v>
                </c:pt>
                <c:pt idx="3330">
                  <c:v>55.5</c:v>
                </c:pt>
                <c:pt idx="3331">
                  <c:v>55.516666999999984</c:v>
                </c:pt>
                <c:pt idx="3332">
                  <c:v>55.533332999999999</c:v>
                </c:pt>
                <c:pt idx="3333">
                  <c:v>55.549999999999983</c:v>
                </c:pt>
                <c:pt idx="3334">
                  <c:v>55.566666999999995</c:v>
                </c:pt>
                <c:pt idx="3335">
                  <c:v>55.583332999999982</c:v>
                </c:pt>
                <c:pt idx="3336">
                  <c:v>55.599999999999994</c:v>
                </c:pt>
                <c:pt idx="3337">
                  <c:v>55.616667000000007</c:v>
                </c:pt>
                <c:pt idx="3338">
                  <c:v>55.633332999999993</c:v>
                </c:pt>
                <c:pt idx="3339">
                  <c:v>55.650000000000006</c:v>
                </c:pt>
                <c:pt idx="3340">
                  <c:v>55.66666699999999</c:v>
                </c:pt>
                <c:pt idx="3341">
                  <c:v>55.683333000000005</c:v>
                </c:pt>
                <c:pt idx="3342">
                  <c:v>55.699999999999989</c:v>
                </c:pt>
                <c:pt idx="3343">
                  <c:v>55.716667000000001</c:v>
                </c:pt>
                <c:pt idx="3344">
                  <c:v>55.733332999999988</c:v>
                </c:pt>
                <c:pt idx="3345">
                  <c:v>55.75</c:v>
                </c:pt>
                <c:pt idx="3346">
                  <c:v>55.766666999999984</c:v>
                </c:pt>
                <c:pt idx="3347">
                  <c:v>55.783332999999999</c:v>
                </c:pt>
                <c:pt idx="3348">
                  <c:v>55.799999999999983</c:v>
                </c:pt>
                <c:pt idx="3349">
                  <c:v>55.816666999999995</c:v>
                </c:pt>
                <c:pt idx="3350">
                  <c:v>55.833332999999982</c:v>
                </c:pt>
                <c:pt idx="3351">
                  <c:v>55.849999999999994</c:v>
                </c:pt>
                <c:pt idx="3352">
                  <c:v>55.866667000000007</c:v>
                </c:pt>
                <c:pt idx="3353">
                  <c:v>55.883332999999993</c:v>
                </c:pt>
                <c:pt idx="3354">
                  <c:v>55.900000000000006</c:v>
                </c:pt>
                <c:pt idx="3355">
                  <c:v>55.91666699999999</c:v>
                </c:pt>
                <c:pt idx="3356">
                  <c:v>55.933333000000005</c:v>
                </c:pt>
                <c:pt idx="3357">
                  <c:v>55.949999999999989</c:v>
                </c:pt>
                <c:pt idx="3358">
                  <c:v>55.966667000000001</c:v>
                </c:pt>
                <c:pt idx="3359">
                  <c:v>55.983332999999988</c:v>
                </c:pt>
                <c:pt idx="3360">
                  <c:v>56</c:v>
                </c:pt>
                <c:pt idx="3361">
                  <c:v>56.016666999999984</c:v>
                </c:pt>
                <c:pt idx="3362">
                  <c:v>56.033332999999999</c:v>
                </c:pt>
                <c:pt idx="3363">
                  <c:v>56.049999999999983</c:v>
                </c:pt>
                <c:pt idx="3364">
                  <c:v>56.066666999999995</c:v>
                </c:pt>
                <c:pt idx="3365">
                  <c:v>56.083332999999982</c:v>
                </c:pt>
                <c:pt idx="3366">
                  <c:v>56.099999999999994</c:v>
                </c:pt>
                <c:pt idx="3367">
                  <c:v>56.116667000000007</c:v>
                </c:pt>
                <c:pt idx="3368">
                  <c:v>56.133332999999993</c:v>
                </c:pt>
                <c:pt idx="3369">
                  <c:v>56.150000000000006</c:v>
                </c:pt>
                <c:pt idx="3370">
                  <c:v>56.16666699999999</c:v>
                </c:pt>
                <c:pt idx="3371">
                  <c:v>56.183333000000005</c:v>
                </c:pt>
                <c:pt idx="3372">
                  <c:v>56.199999999999989</c:v>
                </c:pt>
                <c:pt idx="3373">
                  <c:v>56.216667000000001</c:v>
                </c:pt>
                <c:pt idx="3374">
                  <c:v>56.233332999999988</c:v>
                </c:pt>
                <c:pt idx="3375">
                  <c:v>56.25</c:v>
                </c:pt>
                <c:pt idx="3376">
                  <c:v>56.266666999999984</c:v>
                </c:pt>
                <c:pt idx="3377">
                  <c:v>56.283332999999999</c:v>
                </c:pt>
                <c:pt idx="3378">
                  <c:v>56.299999999999983</c:v>
                </c:pt>
                <c:pt idx="3379">
                  <c:v>56.316666999999995</c:v>
                </c:pt>
                <c:pt idx="3380">
                  <c:v>56.333332999999982</c:v>
                </c:pt>
                <c:pt idx="3381">
                  <c:v>56.349999999999994</c:v>
                </c:pt>
                <c:pt idx="3382">
                  <c:v>56.366667000000007</c:v>
                </c:pt>
                <c:pt idx="3383">
                  <c:v>56.383332999999993</c:v>
                </c:pt>
                <c:pt idx="3384">
                  <c:v>56.400000000000006</c:v>
                </c:pt>
                <c:pt idx="3385">
                  <c:v>56.41666699999999</c:v>
                </c:pt>
                <c:pt idx="3386">
                  <c:v>56.433333000000005</c:v>
                </c:pt>
                <c:pt idx="3387">
                  <c:v>56.449999999999989</c:v>
                </c:pt>
                <c:pt idx="3388">
                  <c:v>56.466667000000001</c:v>
                </c:pt>
                <c:pt idx="3389">
                  <c:v>56.483332999999988</c:v>
                </c:pt>
                <c:pt idx="3390">
                  <c:v>56.5</c:v>
                </c:pt>
                <c:pt idx="3391">
                  <c:v>56.516666999999984</c:v>
                </c:pt>
                <c:pt idx="3392">
                  <c:v>56.533332999999999</c:v>
                </c:pt>
                <c:pt idx="3393">
                  <c:v>56.549999999999983</c:v>
                </c:pt>
                <c:pt idx="3394">
                  <c:v>56.566666999999995</c:v>
                </c:pt>
                <c:pt idx="3395">
                  <c:v>56.583332999999982</c:v>
                </c:pt>
                <c:pt idx="3396">
                  <c:v>56.599999999999994</c:v>
                </c:pt>
                <c:pt idx="3397">
                  <c:v>56.616667000000007</c:v>
                </c:pt>
                <c:pt idx="3398">
                  <c:v>56.633332999999993</c:v>
                </c:pt>
                <c:pt idx="3399">
                  <c:v>56.650000000000006</c:v>
                </c:pt>
                <c:pt idx="3400">
                  <c:v>56.66666699999999</c:v>
                </c:pt>
                <c:pt idx="3401">
                  <c:v>56.683333000000005</c:v>
                </c:pt>
                <c:pt idx="3402">
                  <c:v>56.699999999999989</c:v>
                </c:pt>
                <c:pt idx="3403">
                  <c:v>56.716667000000001</c:v>
                </c:pt>
                <c:pt idx="3404">
                  <c:v>56.733332999999988</c:v>
                </c:pt>
                <c:pt idx="3405">
                  <c:v>56.75</c:v>
                </c:pt>
                <c:pt idx="3406">
                  <c:v>56.766666999999984</c:v>
                </c:pt>
                <c:pt idx="3407">
                  <c:v>56.783332999999999</c:v>
                </c:pt>
                <c:pt idx="3408">
                  <c:v>56.799999999999983</c:v>
                </c:pt>
                <c:pt idx="3409">
                  <c:v>56.816666999999995</c:v>
                </c:pt>
                <c:pt idx="3410">
                  <c:v>56.833332999999982</c:v>
                </c:pt>
                <c:pt idx="3411">
                  <c:v>56.849999999999994</c:v>
                </c:pt>
                <c:pt idx="3412">
                  <c:v>56.866667000000007</c:v>
                </c:pt>
                <c:pt idx="3413">
                  <c:v>56.883332999999993</c:v>
                </c:pt>
                <c:pt idx="3414">
                  <c:v>56.900000000000006</c:v>
                </c:pt>
                <c:pt idx="3415">
                  <c:v>56.91666699999999</c:v>
                </c:pt>
                <c:pt idx="3416">
                  <c:v>56.933333000000005</c:v>
                </c:pt>
                <c:pt idx="3417">
                  <c:v>56.949999999999989</c:v>
                </c:pt>
                <c:pt idx="3418">
                  <c:v>56.966667000000001</c:v>
                </c:pt>
                <c:pt idx="3419">
                  <c:v>56.983332999999988</c:v>
                </c:pt>
                <c:pt idx="3420">
                  <c:v>57</c:v>
                </c:pt>
                <c:pt idx="3421">
                  <c:v>57.016666999999984</c:v>
                </c:pt>
                <c:pt idx="3422">
                  <c:v>57.033332999999999</c:v>
                </c:pt>
                <c:pt idx="3423">
                  <c:v>57.049999999999983</c:v>
                </c:pt>
                <c:pt idx="3424">
                  <c:v>57.066666999999995</c:v>
                </c:pt>
                <c:pt idx="3425">
                  <c:v>57.083332999999982</c:v>
                </c:pt>
                <c:pt idx="3426">
                  <c:v>57.099999999999994</c:v>
                </c:pt>
                <c:pt idx="3427">
                  <c:v>57.116667000000007</c:v>
                </c:pt>
                <c:pt idx="3428">
                  <c:v>57.133332999999993</c:v>
                </c:pt>
                <c:pt idx="3429">
                  <c:v>57.150000000000006</c:v>
                </c:pt>
                <c:pt idx="3430">
                  <c:v>57.16666699999999</c:v>
                </c:pt>
                <c:pt idx="3431">
                  <c:v>57.183333000000005</c:v>
                </c:pt>
                <c:pt idx="3432">
                  <c:v>57.199999999999989</c:v>
                </c:pt>
                <c:pt idx="3433">
                  <c:v>57.216667000000001</c:v>
                </c:pt>
                <c:pt idx="3434">
                  <c:v>57.233332999999988</c:v>
                </c:pt>
                <c:pt idx="3435">
                  <c:v>57.25</c:v>
                </c:pt>
                <c:pt idx="3436">
                  <c:v>57.266666999999984</c:v>
                </c:pt>
                <c:pt idx="3437">
                  <c:v>57.283332999999999</c:v>
                </c:pt>
                <c:pt idx="3438">
                  <c:v>57.299999999999983</c:v>
                </c:pt>
                <c:pt idx="3439">
                  <c:v>57.316666999999995</c:v>
                </c:pt>
                <c:pt idx="3440">
                  <c:v>57.333332999999982</c:v>
                </c:pt>
                <c:pt idx="3441">
                  <c:v>57.349999999999994</c:v>
                </c:pt>
                <c:pt idx="3442">
                  <c:v>57.366667000000007</c:v>
                </c:pt>
                <c:pt idx="3443">
                  <c:v>57.383332999999993</c:v>
                </c:pt>
                <c:pt idx="3444">
                  <c:v>57.400000000000006</c:v>
                </c:pt>
                <c:pt idx="3445">
                  <c:v>57.41666699999999</c:v>
                </c:pt>
                <c:pt idx="3446">
                  <c:v>57.433333000000005</c:v>
                </c:pt>
                <c:pt idx="3447">
                  <c:v>57.449999999999989</c:v>
                </c:pt>
                <c:pt idx="3448">
                  <c:v>57.466667000000001</c:v>
                </c:pt>
                <c:pt idx="3449">
                  <c:v>57.483332999999988</c:v>
                </c:pt>
                <c:pt idx="3450">
                  <c:v>57.5</c:v>
                </c:pt>
                <c:pt idx="3451">
                  <c:v>57.516666999999984</c:v>
                </c:pt>
                <c:pt idx="3452">
                  <c:v>57.533332999999999</c:v>
                </c:pt>
                <c:pt idx="3453">
                  <c:v>57.549999999999983</c:v>
                </c:pt>
                <c:pt idx="3454">
                  <c:v>57.566666999999995</c:v>
                </c:pt>
                <c:pt idx="3455">
                  <c:v>57.583332999999982</c:v>
                </c:pt>
                <c:pt idx="3456">
                  <c:v>57.599999999999994</c:v>
                </c:pt>
                <c:pt idx="3457">
                  <c:v>57.616667000000007</c:v>
                </c:pt>
                <c:pt idx="3458">
                  <c:v>57.633332999999993</c:v>
                </c:pt>
                <c:pt idx="3459">
                  <c:v>57.650000000000006</c:v>
                </c:pt>
                <c:pt idx="3460">
                  <c:v>57.66666699999999</c:v>
                </c:pt>
                <c:pt idx="3461">
                  <c:v>57.683333000000005</c:v>
                </c:pt>
                <c:pt idx="3462">
                  <c:v>57.699999999999989</c:v>
                </c:pt>
                <c:pt idx="3463">
                  <c:v>57.716667000000001</c:v>
                </c:pt>
                <c:pt idx="3464">
                  <c:v>57.733332999999988</c:v>
                </c:pt>
                <c:pt idx="3465">
                  <c:v>57.75</c:v>
                </c:pt>
                <c:pt idx="3466">
                  <c:v>57.766666999999984</c:v>
                </c:pt>
                <c:pt idx="3467">
                  <c:v>57.783332999999999</c:v>
                </c:pt>
                <c:pt idx="3468">
                  <c:v>57.799999999999983</c:v>
                </c:pt>
                <c:pt idx="3469">
                  <c:v>57.816666999999995</c:v>
                </c:pt>
                <c:pt idx="3470">
                  <c:v>57.833332999999982</c:v>
                </c:pt>
                <c:pt idx="3471">
                  <c:v>57.849999999999994</c:v>
                </c:pt>
                <c:pt idx="3472">
                  <c:v>57.866667000000007</c:v>
                </c:pt>
                <c:pt idx="3473">
                  <c:v>57.883332999999993</c:v>
                </c:pt>
                <c:pt idx="3474">
                  <c:v>57.900000000000006</c:v>
                </c:pt>
                <c:pt idx="3475">
                  <c:v>57.91666699999999</c:v>
                </c:pt>
                <c:pt idx="3476">
                  <c:v>57.933333000000005</c:v>
                </c:pt>
                <c:pt idx="3477">
                  <c:v>57.949999999999989</c:v>
                </c:pt>
                <c:pt idx="3478">
                  <c:v>57.966667000000001</c:v>
                </c:pt>
                <c:pt idx="3479">
                  <c:v>57.983332999999988</c:v>
                </c:pt>
                <c:pt idx="3480">
                  <c:v>58</c:v>
                </c:pt>
                <c:pt idx="3481">
                  <c:v>58.016666999999984</c:v>
                </c:pt>
                <c:pt idx="3482">
                  <c:v>58.033332999999999</c:v>
                </c:pt>
                <c:pt idx="3483">
                  <c:v>58.049999999999983</c:v>
                </c:pt>
                <c:pt idx="3484">
                  <c:v>58.066666999999995</c:v>
                </c:pt>
                <c:pt idx="3485">
                  <c:v>58.083332999999982</c:v>
                </c:pt>
                <c:pt idx="3486">
                  <c:v>58.099999999999994</c:v>
                </c:pt>
                <c:pt idx="3487">
                  <c:v>58.116667000000007</c:v>
                </c:pt>
                <c:pt idx="3488">
                  <c:v>58.133332999999993</c:v>
                </c:pt>
                <c:pt idx="3489">
                  <c:v>58.150000000000006</c:v>
                </c:pt>
                <c:pt idx="3490">
                  <c:v>58.16666699999999</c:v>
                </c:pt>
                <c:pt idx="3491">
                  <c:v>58.183333000000005</c:v>
                </c:pt>
                <c:pt idx="3492">
                  <c:v>58.199999999999989</c:v>
                </c:pt>
                <c:pt idx="3493">
                  <c:v>58.216667000000001</c:v>
                </c:pt>
                <c:pt idx="3494">
                  <c:v>58.233332999999988</c:v>
                </c:pt>
                <c:pt idx="3495">
                  <c:v>58.25</c:v>
                </c:pt>
                <c:pt idx="3496">
                  <c:v>58.266666999999984</c:v>
                </c:pt>
                <c:pt idx="3497">
                  <c:v>58.283332999999999</c:v>
                </c:pt>
                <c:pt idx="3498">
                  <c:v>58.299999999999983</c:v>
                </c:pt>
                <c:pt idx="3499">
                  <c:v>58.316666999999995</c:v>
                </c:pt>
                <c:pt idx="3500">
                  <c:v>58.333332999999982</c:v>
                </c:pt>
                <c:pt idx="3501">
                  <c:v>58.349999999999994</c:v>
                </c:pt>
                <c:pt idx="3502">
                  <c:v>58.366667000000007</c:v>
                </c:pt>
                <c:pt idx="3503">
                  <c:v>58.383332999999993</c:v>
                </c:pt>
                <c:pt idx="3504">
                  <c:v>58.400000000000006</c:v>
                </c:pt>
                <c:pt idx="3505">
                  <c:v>58.41666699999999</c:v>
                </c:pt>
                <c:pt idx="3506">
                  <c:v>58.433333000000005</c:v>
                </c:pt>
                <c:pt idx="3507">
                  <c:v>58.449999999999989</c:v>
                </c:pt>
                <c:pt idx="3508">
                  <c:v>58.466667000000001</c:v>
                </c:pt>
                <c:pt idx="3509">
                  <c:v>58.483332999999988</c:v>
                </c:pt>
                <c:pt idx="3510">
                  <c:v>58.5</c:v>
                </c:pt>
                <c:pt idx="3511">
                  <c:v>58.516666999999984</c:v>
                </c:pt>
                <c:pt idx="3512">
                  <c:v>58.533332999999999</c:v>
                </c:pt>
                <c:pt idx="3513">
                  <c:v>58.549999999999983</c:v>
                </c:pt>
                <c:pt idx="3514">
                  <c:v>58.566666999999995</c:v>
                </c:pt>
                <c:pt idx="3515">
                  <c:v>58.583332999999982</c:v>
                </c:pt>
                <c:pt idx="3516">
                  <c:v>58.599999999999994</c:v>
                </c:pt>
                <c:pt idx="3517">
                  <c:v>58.616667000000007</c:v>
                </c:pt>
                <c:pt idx="3518">
                  <c:v>58.633332999999993</c:v>
                </c:pt>
                <c:pt idx="3519">
                  <c:v>58.650000000000006</c:v>
                </c:pt>
                <c:pt idx="3520">
                  <c:v>58.66666699999999</c:v>
                </c:pt>
                <c:pt idx="3521">
                  <c:v>58.683333000000005</c:v>
                </c:pt>
                <c:pt idx="3522">
                  <c:v>58.699999999999989</c:v>
                </c:pt>
                <c:pt idx="3523">
                  <c:v>58.716667000000001</c:v>
                </c:pt>
                <c:pt idx="3524">
                  <c:v>58.733332999999988</c:v>
                </c:pt>
                <c:pt idx="3525">
                  <c:v>58.75</c:v>
                </c:pt>
                <c:pt idx="3526">
                  <c:v>58.766666999999984</c:v>
                </c:pt>
                <c:pt idx="3527">
                  <c:v>58.783332999999999</c:v>
                </c:pt>
                <c:pt idx="3528">
                  <c:v>58.799999999999983</c:v>
                </c:pt>
                <c:pt idx="3529">
                  <c:v>58.816666999999995</c:v>
                </c:pt>
                <c:pt idx="3530">
                  <c:v>58.833332999999982</c:v>
                </c:pt>
                <c:pt idx="3531">
                  <c:v>58.849999999999994</c:v>
                </c:pt>
                <c:pt idx="3532">
                  <c:v>58.866667000000007</c:v>
                </c:pt>
                <c:pt idx="3533">
                  <c:v>58.883332999999993</c:v>
                </c:pt>
                <c:pt idx="3534">
                  <c:v>58.900000000000006</c:v>
                </c:pt>
                <c:pt idx="3535">
                  <c:v>58.91666699999999</c:v>
                </c:pt>
                <c:pt idx="3536">
                  <c:v>58.933333000000005</c:v>
                </c:pt>
                <c:pt idx="3537">
                  <c:v>58.949999999999989</c:v>
                </c:pt>
                <c:pt idx="3538">
                  <c:v>58.966667000000001</c:v>
                </c:pt>
                <c:pt idx="3539">
                  <c:v>58.983332999999988</c:v>
                </c:pt>
                <c:pt idx="3540">
                  <c:v>59</c:v>
                </c:pt>
                <c:pt idx="3541">
                  <c:v>59.016666999999984</c:v>
                </c:pt>
                <c:pt idx="3542">
                  <c:v>59.033332999999999</c:v>
                </c:pt>
                <c:pt idx="3543">
                  <c:v>59.049999999999983</c:v>
                </c:pt>
                <c:pt idx="3544">
                  <c:v>59.066666999999995</c:v>
                </c:pt>
                <c:pt idx="3545">
                  <c:v>59.083332999999982</c:v>
                </c:pt>
                <c:pt idx="3546">
                  <c:v>59.099999999999994</c:v>
                </c:pt>
                <c:pt idx="3547">
                  <c:v>59.116667000000007</c:v>
                </c:pt>
                <c:pt idx="3548">
                  <c:v>59.133332999999993</c:v>
                </c:pt>
                <c:pt idx="3549">
                  <c:v>59.150000000000006</c:v>
                </c:pt>
                <c:pt idx="3550">
                  <c:v>59.16666699999999</c:v>
                </c:pt>
                <c:pt idx="3551">
                  <c:v>59.183333000000005</c:v>
                </c:pt>
                <c:pt idx="3552">
                  <c:v>59.199999999999989</c:v>
                </c:pt>
                <c:pt idx="3553">
                  <c:v>59.216667000000001</c:v>
                </c:pt>
                <c:pt idx="3554">
                  <c:v>59.233332999999988</c:v>
                </c:pt>
                <c:pt idx="3555">
                  <c:v>59.25</c:v>
                </c:pt>
                <c:pt idx="3556">
                  <c:v>59.266666999999984</c:v>
                </c:pt>
                <c:pt idx="3557">
                  <c:v>59.283332999999999</c:v>
                </c:pt>
                <c:pt idx="3558">
                  <c:v>59.299999999999983</c:v>
                </c:pt>
                <c:pt idx="3559">
                  <c:v>59.316666999999995</c:v>
                </c:pt>
                <c:pt idx="3560">
                  <c:v>59.333332999999982</c:v>
                </c:pt>
                <c:pt idx="3561">
                  <c:v>59.349999999999994</c:v>
                </c:pt>
                <c:pt idx="3562">
                  <c:v>59.366667000000007</c:v>
                </c:pt>
                <c:pt idx="3563">
                  <c:v>59.383332999999993</c:v>
                </c:pt>
                <c:pt idx="3564">
                  <c:v>59.400000000000006</c:v>
                </c:pt>
                <c:pt idx="3565">
                  <c:v>59.41666699999999</c:v>
                </c:pt>
                <c:pt idx="3566">
                  <c:v>59.433333000000005</c:v>
                </c:pt>
                <c:pt idx="3567">
                  <c:v>59.449999999999989</c:v>
                </c:pt>
                <c:pt idx="3568">
                  <c:v>59.466667000000001</c:v>
                </c:pt>
                <c:pt idx="3569">
                  <c:v>59.483332999999988</c:v>
                </c:pt>
                <c:pt idx="3570">
                  <c:v>59.5</c:v>
                </c:pt>
                <c:pt idx="3571">
                  <c:v>59.516666999999984</c:v>
                </c:pt>
                <c:pt idx="3572">
                  <c:v>59.533332999999999</c:v>
                </c:pt>
                <c:pt idx="3573">
                  <c:v>59.549999999999983</c:v>
                </c:pt>
                <c:pt idx="3574">
                  <c:v>59.566666999999995</c:v>
                </c:pt>
                <c:pt idx="3575">
                  <c:v>59.583332999999982</c:v>
                </c:pt>
                <c:pt idx="3576">
                  <c:v>59.599999999999994</c:v>
                </c:pt>
                <c:pt idx="3577">
                  <c:v>59.616667000000007</c:v>
                </c:pt>
                <c:pt idx="3578">
                  <c:v>59.633332999999993</c:v>
                </c:pt>
                <c:pt idx="3579">
                  <c:v>59.650000000000006</c:v>
                </c:pt>
                <c:pt idx="3580">
                  <c:v>59.66666699999999</c:v>
                </c:pt>
                <c:pt idx="3581">
                  <c:v>59.683333000000005</c:v>
                </c:pt>
                <c:pt idx="3582">
                  <c:v>59.699999999999989</c:v>
                </c:pt>
                <c:pt idx="3583">
                  <c:v>59.716667000000001</c:v>
                </c:pt>
                <c:pt idx="3584">
                  <c:v>59.733332999999988</c:v>
                </c:pt>
                <c:pt idx="3585">
                  <c:v>59.75</c:v>
                </c:pt>
                <c:pt idx="3586">
                  <c:v>59.766666999999984</c:v>
                </c:pt>
                <c:pt idx="3587">
                  <c:v>59.783332999999999</c:v>
                </c:pt>
                <c:pt idx="3588">
                  <c:v>59.799999999999983</c:v>
                </c:pt>
                <c:pt idx="3589">
                  <c:v>59.816666999999995</c:v>
                </c:pt>
                <c:pt idx="3590">
                  <c:v>59.833332999999982</c:v>
                </c:pt>
                <c:pt idx="3591">
                  <c:v>59.849999999999994</c:v>
                </c:pt>
                <c:pt idx="3592">
                  <c:v>59.866667000000007</c:v>
                </c:pt>
                <c:pt idx="3593">
                  <c:v>59.883332999999993</c:v>
                </c:pt>
                <c:pt idx="3594">
                  <c:v>59.900000000000006</c:v>
                </c:pt>
                <c:pt idx="3595">
                  <c:v>59.91666699999999</c:v>
                </c:pt>
                <c:pt idx="3596">
                  <c:v>59.933333000000005</c:v>
                </c:pt>
                <c:pt idx="3597">
                  <c:v>59.949999999999989</c:v>
                </c:pt>
                <c:pt idx="3598">
                  <c:v>59.966667000000001</c:v>
                </c:pt>
                <c:pt idx="3599">
                  <c:v>59.983332999999988</c:v>
                </c:pt>
                <c:pt idx="3600">
                  <c:v>60</c:v>
                </c:pt>
                <c:pt idx="3601">
                  <c:v>60.016666999999984</c:v>
                </c:pt>
                <c:pt idx="3602">
                  <c:v>60.033332999999999</c:v>
                </c:pt>
                <c:pt idx="3603">
                  <c:v>60.049999999999983</c:v>
                </c:pt>
                <c:pt idx="3604">
                  <c:v>60.066666999999995</c:v>
                </c:pt>
                <c:pt idx="3605">
                  <c:v>60.083332999999982</c:v>
                </c:pt>
                <c:pt idx="3606">
                  <c:v>60.099999999999994</c:v>
                </c:pt>
                <c:pt idx="3607">
                  <c:v>60.116667000000007</c:v>
                </c:pt>
                <c:pt idx="3608">
                  <c:v>60.133332999999993</c:v>
                </c:pt>
                <c:pt idx="3609">
                  <c:v>60.150000000000006</c:v>
                </c:pt>
                <c:pt idx="3610">
                  <c:v>60.16666699999999</c:v>
                </c:pt>
                <c:pt idx="3611">
                  <c:v>60.183333000000005</c:v>
                </c:pt>
                <c:pt idx="3612">
                  <c:v>60.199999999999989</c:v>
                </c:pt>
                <c:pt idx="3613">
                  <c:v>60.216667000000001</c:v>
                </c:pt>
                <c:pt idx="3614">
                  <c:v>60.233332999999988</c:v>
                </c:pt>
                <c:pt idx="3615">
                  <c:v>60.25</c:v>
                </c:pt>
                <c:pt idx="3616">
                  <c:v>60.266666999999984</c:v>
                </c:pt>
                <c:pt idx="3617">
                  <c:v>60.283332999999999</c:v>
                </c:pt>
                <c:pt idx="3618">
                  <c:v>60.299999999999983</c:v>
                </c:pt>
                <c:pt idx="3619">
                  <c:v>60.316666999999995</c:v>
                </c:pt>
                <c:pt idx="3620">
                  <c:v>60.333332999999982</c:v>
                </c:pt>
                <c:pt idx="3621">
                  <c:v>60.349999999999994</c:v>
                </c:pt>
                <c:pt idx="3622">
                  <c:v>60.366667000000007</c:v>
                </c:pt>
                <c:pt idx="3623">
                  <c:v>60.383332999999993</c:v>
                </c:pt>
                <c:pt idx="3624">
                  <c:v>60.400000000000006</c:v>
                </c:pt>
                <c:pt idx="3625">
                  <c:v>60.41666699999999</c:v>
                </c:pt>
                <c:pt idx="3626">
                  <c:v>60.433333000000005</c:v>
                </c:pt>
                <c:pt idx="3627">
                  <c:v>60.449999999999989</c:v>
                </c:pt>
                <c:pt idx="3628">
                  <c:v>60.466667000000001</c:v>
                </c:pt>
                <c:pt idx="3629">
                  <c:v>60.483332999999988</c:v>
                </c:pt>
                <c:pt idx="3630">
                  <c:v>60.5</c:v>
                </c:pt>
                <c:pt idx="3631">
                  <c:v>60.516666999999984</c:v>
                </c:pt>
                <c:pt idx="3632">
                  <c:v>60.533332999999999</c:v>
                </c:pt>
                <c:pt idx="3633">
                  <c:v>60.549999999999983</c:v>
                </c:pt>
                <c:pt idx="3634">
                  <c:v>60.566666999999995</c:v>
                </c:pt>
                <c:pt idx="3635">
                  <c:v>60.583332999999982</c:v>
                </c:pt>
                <c:pt idx="3636">
                  <c:v>60.599999999999994</c:v>
                </c:pt>
                <c:pt idx="3637">
                  <c:v>60.616667000000007</c:v>
                </c:pt>
                <c:pt idx="3638">
                  <c:v>60.633332999999993</c:v>
                </c:pt>
                <c:pt idx="3639">
                  <c:v>60.650000000000006</c:v>
                </c:pt>
                <c:pt idx="3640">
                  <c:v>60.66666699999999</c:v>
                </c:pt>
                <c:pt idx="3641">
                  <c:v>60.683333000000005</c:v>
                </c:pt>
                <c:pt idx="3642">
                  <c:v>60.699999999999989</c:v>
                </c:pt>
                <c:pt idx="3643">
                  <c:v>60.716667000000001</c:v>
                </c:pt>
                <c:pt idx="3644">
                  <c:v>60.733332999999988</c:v>
                </c:pt>
                <c:pt idx="3645">
                  <c:v>60.75</c:v>
                </c:pt>
                <c:pt idx="3646">
                  <c:v>60.766666999999984</c:v>
                </c:pt>
                <c:pt idx="3647">
                  <c:v>60.783332999999999</c:v>
                </c:pt>
                <c:pt idx="3648">
                  <c:v>60.799999999999983</c:v>
                </c:pt>
                <c:pt idx="3649">
                  <c:v>60.816666999999995</c:v>
                </c:pt>
                <c:pt idx="3650">
                  <c:v>60.833332999999982</c:v>
                </c:pt>
                <c:pt idx="3651">
                  <c:v>60.849999999999994</c:v>
                </c:pt>
                <c:pt idx="3652">
                  <c:v>60.866667000000007</c:v>
                </c:pt>
                <c:pt idx="3653">
                  <c:v>60.883332999999993</c:v>
                </c:pt>
                <c:pt idx="3654">
                  <c:v>60.900000000000006</c:v>
                </c:pt>
                <c:pt idx="3655">
                  <c:v>60.91666699999999</c:v>
                </c:pt>
                <c:pt idx="3656">
                  <c:v>60.933333000000005</c:v>
                </c:pt>
                <c:pt idx="3657">
                  <c:v>60.949999999999989</c:v>
                </c:pt>
                <c:pt idx="3658">
                  <c:v>60.966667000000001</c:v>
                </c:pt>
                <c:pt idx="3659">
                  <c:v>60.983332999999988</c:v>
                </c:pt>
                <c:pt idx="3660">
                  <c:v>61</c:v>
                </c:pt>
                <c:pt idx="3661">
                  <c:v>61.016666999999984</c:v>
                </c:pt>
                <c:pt idx="3662">
                  <c:v>61.033332999999999</c:v>
                </c:pt>
                <c:pt idx="3663">
                  <c:v>61.049999999999983</c:v>
                </c:pt>
                <c:pt idx="3664">
                  <c:v>61.066666999999995</c:v>
                </c:pt>
                <c:pt idx="3665">
                  <c:v>61.083332999999982</c:v>
                </c:pt>
                <c:pt idx="3666">
                  <c:v>61.099999999999994</c:v>
                </c:pt>
                <c:pt idx="3667">
                  <c:v>61.116667000000007</c:v>
                </c:pt>
                <c:pt idx="3668">
                  <c:v>61.133332999999993</c:v>
                </c:pt>
                <c:pt idx="3669">
                  <c:v>61.150000000000006</c:v>
                </c:pt>
                <c:pt idx="3670">
                  <c:v>61.16666699999999</c:v>
                </c:pt>
                <c:pt idx="3671">
                  <c:v>61.183333000000005</c:v>
                </c:pt>
                <c:pt idx="3672">
                  <c:v>61.199999999999989</c:v>
                </c:pt>
                <c:pt idx="3673">
                  <c:v>61.216667000000001</c:v>
                </c:pt>
                <c:pt idx="3674">
                  <c:v>61.233332999999988</c:v>
                </c:pt>
                <c:pt idx="3675">
                  <c:v>61.25</c:v>
                </c:pt>
                <c:pt idx="3676">
                  <c:v>61.266666999999984</c:v>
                </c:pt>
                <c:pt idx="3677">
                  <c:v>61.283332999999999</c:v>
                </c:pt>
                <c:pt idx="3678">
                  <c:v>61.299999999999983</c:v>
                </c:pt>
                <c:pt idx="3679">
                  <c:v>61.316666999999995</c:v>
                </c:pt>
                <c:pt idx="3680">
                  <c:v>61.333332999999982</c:v>
                </c:pt>
                <c:pt idx="3681">
                  <c:v>61.349999999999994</c:v>
                </c:pt>
                <c:pt idx="3682">
                  <c:v>61.366667000000007</c:v>
                </c:pt>
                <c:pt idx="3683">
                  <c:v>61.383332999999993</c:v>
                </c:pt>
                <c:pt idx="3684">
                  <c:v>61.400000000000006</c:v>
                </c:pt>
                <c:pt idx="3685">
                  <c:v>61.41666699999999</c:v>
                </c:pt>
                <c:pt idx="3686">
                  <c:v>61.433333000000005</c:v>
                </c:pt>
                <c:pt idx="3687">
                  <c:v>61.449999999999989</c:v>
                </c:pt>
                <c:pt idx="3688">
                  <c:v>61.466667000000001</c:v>
                </c:pt>
                <c:pt idx="3689">
                  <c:v>61.483332999999988</c:v>
                </c:pt>
                <c:pt idx="3690">
                  <c:v>61.5</c:v>
                </c:pt>
                <c:pt idx="3691">
                  <c:v>61.516666999999984</c:v>
                </c:pt>
                <c:pt idx="3692">
                  <c:v>61.533332999999999</c:v>
                </c:pt>
                <c:pt idx="3693">
                  <c:v>61.549999999999983</c:v>
                </c:pt>
                <c:pt idx="3694">
                  <c:v>61.566666999999995</c:v>
                </c:pt>
                <c:pt idx="3695">
                  <c:v>61.583332999999982</c:v>
                </c:pt>
                <c:pt idx="3696">
                  <c:v>61.599999999999994</c:v>
                </c:pt>
                <c:pt idx="3697">
                  <c:v>61.616667000000007</c:v>
                </c:pt>
                <c:pt idx="3698">
                  <c:v>61.633332999999993</c:v>
                </c:pt>
                <c:pt idx="3699">
                  <c:v>61.650000000000006</c:v>
                </c:pt>
                <c:pt idx="3700">
                  <c:v>61.66666699999999</c:v>
                </c:pt>
                <c:pt idx="3701">
                  <c:v>61.683333000000005</c:v>
                </c:pt>
                <c:pt idx="3702">
                  <c:v>61.699999999999989</c:v>
                </c:pt>
                <c:pt idx="3703">
                  <c:v>61.716667000000001</c:v>
                </c:pt>
                <c:pt idx="3704">
                  <c:v>61.733332999999988</c:v>
                </c:pt>
                <c:pt idx="3705">
                  <c:v>61.75</c:v>
                </c:pt>
                <c:pt idx="3706">
                  <c:v>61.766666999999984</c:v>
                </c:pt>
                <c:pt idx="3707">
                  <c:v>61.783332999999999</c:v>
                </c:pt>
                <c:pt idx="3708">
                  <c:v>61.799999999999983</c:v>
                </c:pt>
                <c:pt idx="3709">
                  <c:v>61.816666999999995</c:v>
                </c:pt>
                <c:pt idx="3710">
                  <c:v>61.833332999999982</c:v>
                </c:pt>
                <c:pt idx="3711">
                  <c:v>61.849999999999994</c:v>
                </c:pt>
                <c:pt idx="3712">
                  <c:v>61.866667000000007</c:v>
                </c:pt>
                <c:pt idx="3713">
                  <c:v>61.883332999999993</c:v>
                </c:pt>
                <c:pt idx="3714">
                  <c:v>61.900000000000006</c:v>
                </c:pt>
                <c:pt idx="3715">
                  <c:v>61.91666699999999</c:v>
                </c:pt>
                <c:pt idx="3716">
                  <c:v>61.933333000000005</c:v>
                </c:pt>
                <c:pt idx="3717">
                  <c:v>61.949999999999989</c:v>
                </c:pt>
                <c:pt idx="3718">
                  <c:v>61.966667000000001</c:v>
                </c:pt>
                <c:pt idx="3719">
                  <c:v>61.983332999999988</c:v>
                </c:pt>
                <c:pt idx="3720">
                  <c:v>62</c:v>
                </c:pt>
                <c:pt idx="3721">
                  <c:v>62.016666999999984</c:v>
                </c:pt>
                <c:pt idx="3722">
                  <c:v>62.033332999999999</c:v>
                </c:pt>
                <c:pt idx="3723">
                  <c:v>62.049999999999983</c:v>
                </c:pt>
                <c:pt idx="3724">
                  <c:v>62.066666999999995</c:v>
                </c:pt>
                <c:pt idx="3725">
                  <c:v>62.083332999999982</c:v>
                </c:pt>
                <c:pt idx="3726">
                  <c:v>62.099999999999994</c:v>
                </c:pt>
                <c:pt idx="3727">
                  <c:v>62.116667000000007</c:v>
                </c:pt>
                <c:pt idx="3728">
                  <c:v>62.133332999999993</c:v>
                </c:pt>
                <c:pt idx="3729">
                  <c:v>62.150000000000006</c:v>
                </c:pt>
                <c:pt idx="3730">
                  <c:v>62.16666699999999</c:v>
                </c:pt>
                <c:pt idx="3731">
                  <c:v>62.183333000000005</c:v>
                </c:pt>
                <c:pt idx="3732">
                  <c:v>62.199999999999989</c:v>
                </c:pt>
                <c:pt idx="3733">
                  <c:v>62.216667000000001</c:v>
                </c:pt>
                <c:pt idx="3734">
                  <c:v>62.233332999999988</c:v>
                </c:pt>
                <c:pt idx="3735">
                  <c:v>62.25</c:v>
                </c:pt>
                <c:pt idx="3736">
                  <c:v>62.266666999999984</c:v>
                </c:pt>
                <c:pt idx="3737">
                  <c:v>62.283332999999999</c:v>
                </c:pt>
                <c:pt idx="3738">
                  <c:v>62.299999999999983</c:v>
                </c:pt>
                <c:pt idx="3739">
                  <c:v>62.316666999999995</c:v>
                </c:pt>
                <c:pt idx="3740">
                  <c:v>62.333332999999982</c:v>
                </c:pt>
                <c:pt idx="3741">
                  <c:v>62.349999999999994</c:v>
                </c:pt>
                <c:pt idx="3742">
                  <c:v>62.366667000000007</c:v>
                </c:pt>
                <c:pt idx="3743">
                  <c:v>62.383332999999993</c:v>
                </c:pt>
                <c:pt idx="3744">
                  <c:v>62.400000000000006</c:v>
                </c:pt>
                <c:pt idx="3745">
                  <c:v>62.41666699999999</c:v>
                </c:pt>
                <c:pt idx="3746">
                  <c:v>62.433333000000005</c:v>
                </c:pt>
                <c:pt idx="3747">
                  <c:v>62.449999999999989</c:v>
                </c:pt>
                <c:pt idx="3748">
                  <c:v>62.466667000000001</c:v>
                </c:pt>
                <c:pt idx="3749">
                  <c:v>62.483332999999988</c:v>
                </c:pt>
                <c:pt idx="3750">
                  <c:v>62.5</c:v>
                </c:pt>
                <c:pt idx="3751">
                  <c:v>62.516666999999984</c:v>
                </c:pt>
                <c:pt idx="3752">
                  <c:v>62.533332999999999</c:v>
                </c:pt>
                <c:pt idx="3753">
                  <c:v>62.549999999999983</c:v>
                </c:pt>
                <c:pt idx="3754">
                  <c:v>62.566666999999995</c:v>
                </c:pt>
                <c:pt idx="3755">
                  <c:v>62.583332999999982</c:v>
                </c:pt>
                <c:pt idx="3756">
                  <c:v>62.599999999999994</c:v>
                </c:pt>
                <c:pt idx="3757">
                  <c:v>62.616667000000007</c:v>
                </c:pt>
                <c:pt idx="3758">
                  <c:v>62.633332999999993</c:v>
                </c:pt>
                <c:pt idx="3759">
                  <c:v>62.650000000000006</c:v>
                </c:pt>
                <c:pt idx="3760">
                  <c:v>62.66666699999999</c:v>
                </c:pt>
                <c:pt idx="3761">
                  <c:v>62.683333000000005</c:v>
                </c:pt>
                <c:pt idx="3762">
                  <c:v>62.699999999999989</c:v>
                </c:pt>
                <c:pt idx="3763">
                  <c:v>62.716667000000001</c:v>
                </c:pt>
                <c:pt idx="3764">
                  <c:v>62.733332999999988</c:v>
                </c:pt>
                <c:pt idx="3765">
                  <c:v>62.75</c:v>
                </c:pt>
                <c:pt idx="3766">
                  <c:v>62.766666999999984</c:v>
                </c:pt>
                <c:pt idx="3767">
                  <c:v>62.783332999999999</c:v>
                </c:pt>
                <c:pt idx="3768">
                  <c:v>62.799999999999983</c:v>
                </c:pt>
                <c:pt idx="3769">
                  <c:v>62.816666999999995</c:v>
                </c:pt>
                <c:pt idx="3770">
                  <c:v>62.833332999999982</c:v>
                </c:pt>
                <c:pt idx="3771">
                  <c:v>62.849999999999994</c:v>
                </c:pt>
                <c:pt idx="3772">
                  <c:v>62.866667000000007</c:v>
                </c:pt>
                <c:pt idx="3773">
                  <c:v>62.883332999999993</c:v>
                </c:pt>
                <c:pt idx="3774">
                  <c:v>62.900000000000006</c:v>
                </c:pt>
                <c:pt idx="3775">
                  <c:v>62.91666699999999</c:v>
                </c:pt>
                <c:pt idx="3776">
                  <c:v>62.933333000000005</c:v>
                </c:pt>
                <c:pt idx="3777">
                  <c:v>62.949999999999989</c:v>
                </c:pt>
                <c:pt idx="3778">
                  <c:v>62.966667000000001</c:v>
                </c:pt>
                <c:pt idx="3779">
                  <c:v>62.983332999999988</c:v>
                </c:pt>
                <c:pt idx="3780">
                  <c:v>63</c:v>
                </c:pt>
                <c:pt idx="3781">
                  <c:v>63.016666999999984</c:v>
                </c:pt>
                <c:pt idx="3782">
                  <c:v>63.033332999999999</c:v>
                </c:pt>
                <c:pt idx="3783">
                  <c:v>63.049999999999983</c:v>
                </c:pt>
                <c:pt idx="3784">
                  <c:v>63.066666999999995</c:v>
                </c:pt>
                <c:pt idx="3785">
                  <c:v>63.083332999999982</c:v>
                </c:pt>
                <c:pt idx="3786">
                  <c:v>63.099999999999994</c:v>
                </c:pt>
                <c:pt idx="3787">
                  <c:v>63.116667000000007</c:v>
                </c:pt>
                <c:pt idx="3788">
                  <c:v>63.133332999999993</c:v>
                </c:pt>
                <c:pt idx="3789">
                  <c:v>63.150000000000006</c:v>
                </c:pt>
                <c:pt idx="3790">
                  <c:v>63.16666699999999</c:v>
                </c:pt>
                <c:pt idx="3791">
                  <c:v>63.183333000000005</c:v>
                </c:pt>
                <c:pt idx="3792">
                  <c:v>63.199999999999989</c:v>
                </c:pt>
                <c:pt idx="3793">
                  <c:v>63.216667000000001</c:v>
                </c:pt>
                <c:pt idx="3794">
                  <c:v>63.233332999999988</c:v>
                </c:pt>
                <c:pt idx="3795">
                  <c:v>63.25</c:v>
                </c:pt>
                <c:pt idx="3796">
                  <c:v>63.266666999999984</c:v>
                </c:pt>
                <c:pt idx="3797">
                  <c:v>63.283332999999999</c:v>
                </c:pt>
                <c:pt idx="3798">
                  <c:v>63.299999999999983</c:v>
                </c:pt>
                <c:pt idx="3799">
                  <c:v>63.316666999999995</c:v>
                </c:pt>
                <c:pt idx="3800">
                  <c:v>63.333332999999982</c:v>
                </c:pt>
                <c:pt idx="3801">
                  <c:v>63.349999999999994</c:v>
                </c:pt>
                <c:pt idx="3802">
                  <c:v>63.366667000000007</c:v>
                </c:pt>
                <c:pt idx="3803">
                  <c:v>63.383332999999993</c:v>
                </c:pt>
                <c:pt idx="3804">
                  <c:v>63.400000000000006</c:v>
                </c:pt>
                <c:pt idx="3805">
                  <c:v>63.41666699999999</c:v>
                </c:pt>
                <c:pt idx="3806">
                  <c:v>63.433333000000005</c:v>
                </c:pt>
                <c:pt idx="3807">
                  <c:v>63.449999999999989</c:v>
                </c:pt>
                <c:pt idx="3808">
                  <c:v>63.466667000000001</c:v>
                </c:pt>
                <c:pt idx="3809">
                  <c:v>63.483332999999988</c:v>
                </c:pt>
                <c:pt idx="3810">
                  <c:v>63.5</c:v>
                </c:pt>
                <c:pt idx="3811">
                  <c:v>63.516666999999984</c:v>
                </c:pt>
                <c:pt idx="3812">
                  <c:v>63.533332999999999</c:v>
                </c:pt>
                <c:pt idx="3813">
                  <c:v>63.549999999999983</c:v>
                </c:pt>
                <c:pt idx="3814">
                  <c:v>63.566666999999995</c:v>
                </c:pt>
                <c:pt idx="3815">
                  <c:v>63.583332999999982</c:v>
                </c:pt>
                <c:pt idx="3816">
                  <c:v>63.599999999999994</c:v>
                </c:pt>
                <c:pt idx="3817">
                  <c:v>63.616667000000007</c:v>
                </c:pt>
                <c:pt idx="3818">
                  <c:v>63.633332999999993</c:v>
                </c:pt>
                <c:pt idx="3819">
                  <c:v>63.650000000000006</c:v>
                </c:pt>
                <c:pt idx="3820">
                  <c:v>63.66666699999999</c:v>
                </c:pt>
                <c:pt idx="3821">
                  <c:v>63.683333000000005</c:v>
                </c:pt>
                <c:pt idx="3822">
                  <c:v>63.699999999999989</c:v>
                </c:pt>
                <c:pt idx="3823">
                  <c:v>63.716667000000001</c:v>
                </c:pt>
                <c:pt idx="3824">
                  <c:v>63.733332999999988</c:v>
                </c:pt>
                <c:pt idx="3825">
                  <c:v>63.75</c:v>
                </c:pt>
                <c:pt idx="3826">
                  <c:v>63.766666999999984</c:v>
                </c:pt>
                <c:pt idx="3827">
                  <c:v>63.783332999999999</c:v>
                </c:pt>
                <c:pt idx="3828">
                  <c:v>63.799999999999983</c:v>
                </c:pt>
                <c:pt idx="3829">
                  <c:v>63.816666999999995</c:v>
                </c:pt>
                <c:pt idx="3830">
                  <c:v>63.833332999999982</c:v>
                </c:pt>
                <c:pt idx="3831">
                  <c:v>63.849999999999994</c:v>
                </c:pt>
                <c:pt idx="3832">
                  <c:v>63.866667000000007</c:v>
                </c:pt>
                <c:pt idx="3833">
                  <c:v>63.883332999999993</c:v>
                </c:pt>
                <c:pt idx="3834">
                  <c:v>63.900000000000006</c:v>
                </c:pt>
                <c:pt idx="3835">
                  <c:v>63.91666699999999</c:v>
                </c:pt>
                <c:pt idx="3836">
                  <c:v>63.933333000000005</c:v>
                </c:pt>
                <c:pt idx="3837">
                  <c:v>63.949999999999989</c:v>
                </c:pt>
                <c:pt idx="3838">
                  <c:v>63.966667000000001</c:v>
                </c:pt>
                <c:pt idx="3839">
                  <c:v>63.983332999999988</c:v>
                </c:pt>
                <c:pt idx="3840">
                  <c:v>64</c:v>
                </c:pt>
                <c:pt idx="3841">
                  <c:v>64.016666999999984</c:v>
                </c:pt>
                <c:pt idx="3842">
                  <c:v>64.033332999999999</c:v>
                </c:pt>
                <c:pt idx="3843">
                  <c:v>64.049999999999983</c:v>
                </c:pt>
                <c:pt idx="3844">
                  <c:v>64.066666999999995</c:v>
                </c:pt>
                <c:pt idx="3845">
                  <c:v>64.083332999999982</c:v>
                </c:pt>
                <c:pt idx="3846">
                  <c:v>64.099999999999994</c:v>
                </c:pt>
                <c:pt idx="3847">
                  <c:v>64.116667000000007</c:v>
                </c:pt>
                <c:pt idx="3848">
                  <c:v>64.133332999999993</c:v>
                </c:pt>
                <c:pt idx="3849">
                  <c:v>64.150000000000006</c:v>
                </c:pt>
                <c:pt idx="3850">
                  <c:v>64.16666699999999</c:v>
                </c:pt>
                <c:pt idx="3851">
                  <c:v>64.183333000000005</c:v>
                </c:pt>
                <c:pt idx="3852">
                  <c:v>64.199999999999989</c:v>
                </c:pt>
                <c:pt idx="3853">
                  <c:v>64.216667000000001</c:v>
                </c:pt>
                <c:pt idx="3854">
                  <c:v>64.233332999999988</c:v>
                </c:pt>
                <c:pt idx="3855">
                  <c:v>64.25</c:v>
                </c:pt>
                <c:pt idx="3856">
                  <c:v>64.266666999999984</c:v>
                </c:pt>
                <c:pt idx="3857">
                  <c:v>64.283332999999999</c:v>
                </c:pt>
                <c:pt idx="3858">
                  <c:v>64.299999999999983</c:v>
                </c:pt>
                <c:pt idx="3859">
                  <c:v>64.316666999999995</c:v>
                </c:pt>
                <c:pt idx="3860">
                  <c:v>64.333332999999982</c:v>
                </c:pt>
                <c:pt idx="3861">
                  <c:v>64.349999999999994</c:v>
                </c:pt>
                <c:pt idx="3862">
                  <c:v>64.366667000000007</c:v>
                </c:pt>
                <c:pt idx="3863">
                  <c:v>64.383332999999993</c:v>
                </c:pt>
                <c:pt idx="3864">
                  <c:v>64.400000000000006</c:v>
                </c:pt>
                <c:pt idx="3865">
                  <c:v>64.41666699999999</c:v>
                </c:pt>
                <c:pt idx="3866">
                  <c:v>64.433333000000005</c:v>
                </c:pt>
                <c:pt idx="3867">
                  <c:v>64.449999999999989</c:v>
                </c:pt>
                <c:pt idx="3868">
                  <c:v>64.466667000000001</c:v>
                </c:pt>
                <c:pt idx="3869">
                  <c:v>64.483332999999988</c:v>
                </c:pt>
                <c:pt idx="3870">
                  <c:v>64.5</c:v>
                </c:pt>
                <c:pt idx="3871">
                  <c:v>64.516666999999984</c:v>
                </c:pt>
                <c:pt idx="3872">
                  <c:v>64.533332999999999</c:v>
                </c:pt>
                <c:pt idx="3873">
                  <c:v>64.549999999999983</c:v>
                </c:pt>
                <c:pt idx="3874">
                  <c:v>64.566666999999995</c:v>
                </c:pt>
                <c:pt idx="3875">
                  <c:v>64.583332999999982</c:v>
                </c:pt>
                <c:pt idx="3876">
                  <c:v>64.599999999999994</c:v>
                </c:pt>
                <c:pt idx="3877">
                  <c:v>64.616667000000007</c:v>
                </c:pt>
                <c:pt idx="3878">
                  <c:v>64.633332999999993</c:v>
                </c:pt>
                <c:pt idx="3879">
                  <c:v>64.650000000000006</c:v>
                </c:pt>
                <c:pt idx="3880">
                  <c:v>64.66666699999999</c:v>
                </c:pt>
                <c:pt idx="3881">
                  <c:v>64.683333000000005</c:v>
                </c:pt>
                <c:pt idx="3882">
                  <c:v>64.699999999999989</c:v>
                </c:pt>
                <c:pt idx="3883">
                  <c:v>64.716667000000001</c:v>
                </c:pt>
                <c:pt idx="3884">
                  <c:v>64.733332999999988</c:v>
                </c:pt>
                <c:pt idx="3885">
                  <c:v>64.75</c:v>
                </c:pt>
                <c:pt idx="3886">
                  <c:v>64.766666999999984</c:v>
                </c:pt>
                <c:pt idx="3887">
                  <c:v>64.783332999999999</c:v>
                </c:pt>
                <c:pt idx="3888">
                  <c:v>64.799999999999983</c:v>
                </c:pt>
                <c:pt idx="3889">
                  <c:v>64.816666999999995</c:v>
                </c:pt>
                <c:pt idx="3890">
                  <c:v>64.833332999999982</c:v>
                </c:pt>
                <c:pt idx="3891">
                  <c:v>64.849999999999994</c:v>
                </c:pt>
                <c:pt idx="3892">
                  <c:v>64.866667000000007</c:v>
                </c:pt>
                <c:pt idx="3893">
                  <c:v>64.883332999999993</c:v>
                </c:pt>
                <c:pt idx="3894">
                  <c:v>64.900000000000006</c:v>
                </c:pt>
                <c:pt idx="3895">
                  <c:v>64.91666699999999</c:v>
                </c:pt>
                <c:pt idx="3896">
                  <c:v>64.933333000000005</c:v>
                </c:pt>
                <c:pt idx="3897">
                  <c:v>64.949999999999989</c:v>
                </c:pt>
                <c:pt idx="3898">
                  <c:v>64.966667000000001</c:v>
                </c:pt>
                <c:pt idx="3899">
                  <c:v>64.983332999999988</c:v>
                </c:pt>
                <c:pt idx="3900">
                  <c:v>65</c:v>
                </c:pt>
                <c:pt idx="3901">
                  <c:v>65.016666999999984</c:v>
                </c:pt>
                <c:pt idx="3902">
                  <c:v>65.033332999999999</c:v>
                </c:pt>
                <c:pt idx="3903">
                  <c:v>65.049999999999983</c:v>
                </c:pt>
                <c:pt idx="3904">
                  <c:v>65.066666999999995</c:v>
                </c:pt>
                <c:pt idx="3905">
                  <c:v>65.083332999999982</c:v>
                </c:pt>
                <c:pt idx="3906">
                  <c:v>65.099999999999994</c:v>
                </c:pt>
                <c:pt idx="3907">
                  <c:v>65.116667000000007</c:v>
                </c:pt>
                <c:pt idx="3908">
                  <c:v>65.133332999999993</c:v>
                </c:pt>
                <c:pt idx="3909">
                  <c:v>65.150000000000006</c:v>
                </c:pt>
                <c:pt idx="3910">
                  <c:v>65.16666699999999</c:v>
                </c:pt>
                <c:pt idx="3911">
                  <c:v>65.183333000000005</c:v>
                </c:pt>
                <c:pt idx="3912">
                  <c:v>65.199999999999989</c:v>
                </c:pt>
                <c:pt idx="3913">
                  <c:v>65.216667000000001</c:v>
                </c:pt>
                <c:pt idx="3914">
                  <c:v>65.233332999999988</c:v>
                </c:pt>
                <c:pt idx="3915">
                  <c:v>65.25</c:v>
                </c:pt>
                <c:pt idx="3916">
                  <c:v>65.266666999999984</c:v>
                </c:pt>
                <c:pt idx="3917">
                  <c:v>65.283332999999999</c:v>
                </c:pt>
                <c:pt idx="3918">
                  <c:v>65.299999999999983</c:v>
                </c:pt>
                <c:pt idx="3919">
                  <c:v>65.316666999999995</c:v>
                </c:pt>
                <c:pt idx="3920">
                  <c:v>65.333332999999982</c:v>
                </c:pt>
                <c:pt idx="3921">
                  <c:v>65.349999999999994</c:v>
                </c:pt>
                <c:pt idx="3922">
                  <c:v>65.366667000000007</c:v>
                </c:pt>
                <c:pt idx="3923">
                  <c:v>65.383332999999993</c:v>
                </c:pt>
                <c:pt idx="3924">
                  <c:v>65.400000000000006</c:v>
                </c:pt>
                <c:pt idx="3925">
                  <c:v>65.41666699999999</c:v>
                </c:pt>
                <c:pt idx="3926">
                  <c:v>65.433333000000005</c:v>
                </c:pt>
                <c:pt idx="3927">
                  <c:v>65.449999999999989</c:v>
                </c:pt>
                <c:pt idx="3928">
                  <c:v>65.466667000000001</c:v>
                </c:pt>
                <c:pt idx="3929">
                  <c:v>65.483332999999988</c:v>
                </c:pt>
                <c:pt idx="3930">
                  <c:v>65.5</c:v>
                </c:pt>
                <c:pt idx="3931">
                  <c:v>65.516666999999984</c:v>
                </c:pt>
                <c:pt idx="3932">
                  <c:v>65.533332999999999</c:v>
                </c:pt>
                <c:pt idx="3933">
                  <c:v>65.549999999999983</c:v>
                </c:pt>
                <c:pt idx="3934">
                  <c:v>65.566666999999995</c:v>
                </c:pt>
                <c:pt idx="3935">
                  <c:v>65.583332999999982</c:v>
                </c:pt>
                <c:pt idx="3936">
                  <c:v>65.599999999999994</c:v>
                </c:pt>
                <c:pt idx="3937">
                  <c:v>65.616667000000007</c:v>
                </c:pt>
                <c:pt idx="3938">
                  <c:v>65.633332999999993</c:v>
                </c:pt>
                <c:pt idx="3939">
                  <c:v>65.650000000000006</c:v>
                </c:pt>
                <c:pt idx="3940">
                  <c:v>65.66666699999999</c:v>
                </c:pt>
                <c:pt idx="3941">
                  <c:v>65.683333000000005</c:v>
                </c:pt>
                <c:pt idx="3942">
                  <c:v>65.699999999999989</c:v>
                </c:pt>
                <c:pt idx="3943">
                  <c:v>65.716667000000001</c:v>
                </c:pt>
                <c:pt idx="3944">
                  <c:v>65.733332999999988</c:v>
                </c:pt>
                <c:pt idx="3945">
                  <c:v>65.75</c:v>
                </c:pt>
                <c:pt idx="3946">
                  <c:v>65.766666999999984</c:v>
                </c:pt>
                <c:pt idx="3947">
                  <c:v>65.783332999999999</c:v>
                </c:pt>
                <c:pt idx="3948">
                  <c:v>65.799999999999983</c:v>
                </c:pt>
                <c:pt idx="3949">
                  <c:v>65.816666999999995</c:v>
                </c:pt>
                <c:pt idx="3950">
                  <c:v>65.833332999999982</c:v>
                </c:pt>
                <c:pt idx="3951">
                  <c:v>65.849999999999994</c:v>
                </c:pt>
                <c:pt idx="3952">
                  <c:v>65.866667000000007</c:v>
                </c:pt>
                <c:pt idx="3953">
                  <c:v>65.883332999999993</c:v>
                </c:pt>
                <c:pt idx="3954">
                  <c:v>65.900000000000006</c:v>
                </c:pt>
                <c:pt idx="3955">
                  <c:v>65.91666699999999</c:v>
                </c:pt>
                <c:pt idx="3956">
                  <c:v>65.933333000000005</c:v>
                </c:pt>
                <c:pt idx="3957">
                  <c:v>65.949999999999989</c:v>
                </c:pt>
                <c:pt idx="3958">
                  <c:v>65.966667000000001</c:v>
                </c:pt>
                <c:pt idx="3959">
                  <c:v>65.983332999999988</c:v>
                </c:pt>
                <c:pt idx="3960">
                  <c:v>66</c:v>
                </c:pt>
                <c:pt idx="3961">
                  <c:v>66.016666999999984</c:v>
                </c:pt>
                <c:pt idx="3962">
                  <c:v>66.033332999999999</c:v>
                </c:pt>
                <c:pt idx="3963">
                  <c:v>66.049999999999983</c:v>
                </c:pt>
                <c:pt idx="3964">
                  <c:v>66.066666999999995</c:v>
                </c:pt>
                <c:pt idx="3965">
                  <c:v>66.083332999999982</c:v>
                </c:pt>
                <c:pt idx="3966">
                  <c:v>66.099999999999994</c:v>
                </c:pt>
                <c:pt idx="3967">
                  <c:v>66.116667000000007</c:v>
                </c:pt>
                <c:pt idx="3968">
                  <c:v>66.133332999999993</c:v>
                </c:pt>
                <c:pt idx="3969">
                  <c:v>66.150000000000006</c:v>
                </c:pt>
                <c:pt idx="3970">
                  <c:v>66.16666699999999</c:v>
                </c:pt>
                <c:pt idx="3971">
                  <c:v>66.183333000000005</c:v>
                </c:pt>
                <c:pt idx="3972">
                  <c:v>66.199999999999989</c:v>
                </c:pt>
                <c:pt idx="3973">
                  <c:v>66.216667000000001</c:v>
                </c:pt>
                <c:pt idx="3974">
                  <c:v>66.233332999999988</c:v>
                </c:pt>
                <c:pt idx="3975">
                  <c:v>66.25</c:v>
                </c:pt>
                <c:pt idx="3976">
                  <c:v>66.266666999999984</c:v>
                </c:pt>
                <c:pt idx="3977">
                  <c:v>66.283332999999999</c:v>
                </c:pt>
                <c:pt idx="3978">
                  <c:v>66.299999999999983</c:v>
                </c:pt>
                <c:pt idx="3979">
                  <c:v>66.316666999999995</c:v>
                </c:pt>
                <c:pt idx="3980">
                  <c:v>66.333332999999982</c:v>
                </c:pt>
                <c:pt idx="3981">
                  <c:v>66.349999999999994</c:v>
                </c:pt>
                <c:pt idx="3982">
                  <c:v>66.366667000000007</c:v>
                </c:pt>
                <c:pt idx="3983">
                  <c:v>66.383332999999993</c:v>
                </c:pt>
                <c:pt idx="3984">
                  <c:v>66.400000000000006</c:v>
                </c:pt>
                <c:pt idx="3985">
                  <c:v>66.41666699999999</c:v>
                </c:pt>
                <c:pt idx="3986">
                  <c:v>66.433333000000005</c:v>
                </c:pt>
                <c:pt idx="3987">
                  <c:v>66.449999999999989</c:v>
                </c:pt>
                <c:pt idx="3988">
                  <c:v>66.466667000000001</c:v>
                </c:pt>
                <c:pt idx="3989">
                  <c:v>66.483332999999988</c:v>
                </c:pt>
                <c:pt idx="3990">
                  <c:v>66.5</c:v>
                </c:pt>
                <c:pt idx="3991">
                  <c:v>66.516666999999984</c:v>
                </c:pt>
                <c:pt idx="3992">
                  <c:v>66.533332999999999</c:v>
                </c:pt>
                <c:pt idx="3993">
                  <c:v>66.549999999999983</c:v>
                </c:pt>
                <c:pt idx="3994">
                  <c:v>66.566666999999995</c:v>
                </c:pt>
                <c:pt idx="3995">
                  <c:v>66.583332999999982</c:v>
                </c:pt>
                <c:pt idx="3996">
                  <c:v>66.599999999999994</c:v>
                </c:pt>
                <c:pt idx="3997">
                  <c:v>66.616667000000007</c:v>
                </c:pt>
                <c:pt idx="3998">
                  <c:v>66.633332999999993</c:v>
                </c:pt>
                <c:pt idx="3999">
                  <c:v>66.650000000000006</c:v>
                </c:pt>
                <c:pt idx="4000">
                  <c:v>66.66666699999999</c:v>
                </c:pt>
                <c:pt idx="4001">
                  <c:v>66.683333000000005</c:v>
                </c:pt>
                <c:pt idx="4002">
                  <c:v>66.699999999999989</c:v>
                </c:pt>
                <c:pt idx="4003">
                  <c:v>66.716667000000001</c:v>
                </c:pt>
                <c:pt idx="4004">
                  <c:v>66.733332999999988</c:v>
                </c:pt>
                <c:pt idx="4005">
                  <c:v>66.75</c:v>
                </c:pt>
                <c:pt idx="4006">
                  <c:v>66.766666999999984</c:v>
                </c:pt>
                <c:pt idx="4007">
                  <c:v>66.783332999999999</c:v>
                </c:pt>
                <c:pt idx="4008">
                  <c:v>66.799999999999983</c:v>
                </c:pt>
                <c:pt idx="4009">
                  <c:v>66.816666999999995</c:v>
                </c:pt>
                <c:pt idx="4010">
                  <c:v>66.833332999999982</c:v>
                </c:pt>
                <c:pt idx="4011">
                  <c:v>66.849999999999994</c:v>
                </c:pt>
                <c:pt idx="4012">
                  <c:v>66.866667000000007</c:v>
                </c:pt>
                <c:pt idx="4013">
                  <c:v>66.883332999999993</c:v>
                </c:pt>
                <c:pt idx="4014">
                  <c:v>66.900000000000006</c:v>
                </c:pt>
                <c:pt idx="4015">
                  <c:v>66.91666699999999</c:v>
                </c:pt>
                <c:pt idx="4016">
                  <c:v>66.933333000000005</c:v>
                </c:pt>
                <c:pt idx="4017">
                  <c:v>66.949999999999989</c:v>
                </c:pt>
                <c:pt idx="4018">
                  <c:v>66.966667000000001</c:v>
                </c:pt>
                <c:pt idx="4019">
                  <c:v>66.983332999999988</c:v>
                </c:pt>
                <c:pt idx="4020">
                  <c:v>67</c:v>
                </c:pt>
                <c:pt idx="4021">
                  <c:v>67.016666999999984</c:v>
                </c:pt>
                <c:pt idx="4022">
                  <c:v>67.033332999999999</c:v>
                </c:pt>
                <c:pt idx="4023">
                  <c:v>67.049999999999983</c:v>
                </c:pt>
                <c:pt idx="4024">
                  <c:v>67.066666999999995</c:v>
                </c:pt>
                <c:pt idx="4025">
                  <c:v>67.083332999999982</c:v>
                </c:pt>
                <c:pt idx="4026">
                  <c:v>67.099999999999994</c:v>
                </c:pt>
                <c:pt idx="4027">
                  <c:v>67.116667000000007</c:v>
                </c:pt>
                <c:pt idx="4028">
                  <c:v>67.133332999999993</c:v>
                </c:pt>
                <c:pt idx="4029">
                  <c:v>67.150000000000006</c:v>
                </c:pt>
                <c:pt idx="4030">
                  <c:v>67.16666699999999</c:v>
                </c:pt>
                <c:pt idx="4031">
                  <c:v>67.183333000000005</c:v>
                </c:pt>
                <c:pt idx="4032">
                  <c:v>67.199999999999989</c:v>
                </c:pt>
                <c:pt idx="4033">
                  <c:v>67.216667000000001</c:v>
                </c:pt>
                <c:pt idx="4034">
                  <c:v>67.233332999999988</c:v>
                </c:pt>
                <c:pt idx="4035">
                  <c:v>67.25</c:v>
                </c:pt>
                <c:pt idx="4036">
                  <c:v>67.266666999999984</c:v>
                </c:pt>
                <c:pt idx="4037">
                  <c:v>67.283332999999999</c:v>
                </c:pt>
                <c:pt idx="4038">
                  <c:v>67.299999999999983</c:v>
                </c:pt>
                <c:pt idx="4039">
                  <c:v>67.316666999999995</c:v>
                </c:pt>
                <c:pt idx="4040">
                  <c:v>67.333332999999982</c:v>
                </c:pt>
                <c:pt idx="4041">
                  <c:v>67.349999999999994</c:v>
                </c:pt>
                <c:pt idx="4042">
                  <c:v>67.366667000000007</c:v>
                </c:pt>
                <c:pt idx="4043">
                  <c:v>67.383332999999993</c:v>
                </c:pt>
                <c:pt idx="4044">
                  <c:v>67.400000000000006</c:v>
                </c:pt>
                <c:pt idx="4045">
                  <c:v>67.41666699999999</c:v>
                </c:pt>
                <c:pt idx="4046">
                  <c:v>67.433333000000005</c:v>
                </c:pt>
                <c:pt idx="4047">
                  <c:v>67.449999999999989</c:v>
                </c:pt>
                <c:pt idx="4048">
                  <c:v>67.466667000000001</c:v>
                </c:pt>
                <c:pt idx="4049">
                  <c:v>67.483332999999988</c:v>
                </c:pt>
                <c:pt idx="4050">
                  <c:v>67.5</c:v>
                </c:pt>
                <c:pt idx="4051">
                  <c:v>67.516666999999984</c:v>
                </c:pt>
                <c:pt idx="4052">
                  <c:v>67.533332999999999</c:v>
                </c:pt>
                <c:pt idx="4053">
                  <c:v>67.549999999999983</c:v>
                </c:pt>
                <c:pt idx="4054">
                  <c:v>67.566666999999995</c:v>
                </c:pt>
                <c:pt idx="4055">
                  <c:v>67.583332999999982</c:v>
                </c:pt>
                <c:pt idx="4056">
                  <c:v>67.599999999999994</c:v>
                </c:pt>
                <c:pt idx="4057">
                  <c:v>67.616667000000007</c:v>
                </c:pt>
                <c:pt idx="4058">
                  <c:v>67.633332999999993</c:v>
                </c:pt>
                <c:pt idx="4059">
                  <c:v>67.650000000000006</c:v>
                </c:pt>
                <c:pt idx="4060">
                  <c:v>67.66666699999999</c:v>
                </c:pt>
                <c:pt idx="4061">
                  <c:v>67.683333000000005</c:v>
                </c:pt>
                <c:pt idx="4062">
                  <c:v>67.699999999999989</c:v>
                </c:pt>
                <c:pt idx="4063">
                  <c:v>67.716667000000001</c:v>
                </c:pt>
                <c:pt idx="4064">
                  <c:v>67.733332999999988</c:v>
                </c:pt>
                <c:pt idx="4065">
                  <c:v>67.75</c:v>
                </c:pt>
                <c:pt idx="4066">
                  <c:v>67.766666999999984</c:v>
                </c:pt>
                <c:pt idx="4067">
                  <c:v>67.783332999999999</c:v>
                </c:pt>
                <c:pt idx="4068">
                  <c:v>67.799999999999983</c:v>
                </c:pt>
                <c:pt idx="4069">
                  <c:v>67.816666999999995</c:v>
                </c:pt>
                <c:pt idx="4070">
                  <c:v>67.833332999999982</c:v>
                </c:pt>
                <c:pt idx="4071">
                  <c:v>67.849999999999994</c:v>
                </c:pt>
                <c:pt idx="4072">
                  <c:v>67.866667000000007</c:v>
                </c:pt>
                <c:pt idx="4073">
                  <c:v>67.883332999999993</c:v>
                </c:pt>
                <c:pt idx="4074">
                  <c:v>67.900000000000006</c:v>
                </c:pt>
                <c:pt idx="4075">
                  <c:v>67.91666699999999</c:v>
                </c:pt>
                <c:pt idx="4076">
                  <c:v>67.933333000000005</c:v>
                </c:pt>
                <c:pt idx="4077">
                  <c:v>67.949999999999989</c:v>
                </c:pt>
                <c:pt idx="4078">
                  <c:v>67.966667000000001</c:v>
                </c:pt>
                <c:pt idx="4079">
                  <c:v>67.983332999999988</c:v>
                </c:pt>
                <c:pt idx="4080">
                  <c:v>68</c:v>
                </c:pt>
                <c:pt idx="4081">
                  <c:v>68.016666999999984</c:v>
                </c:pt>
                <c:pt idx="4082">
                  <c:v>68.033332999999999</c:v>
                </c:pt>
                <c:pt idx="4083">
                  <c:v>68.049999999999983</c:v>
                </c:pt>
                <c:pt idx="4084">
                  <c:v>68.066666999999995</c:v>
                </c:pt>
                <c:pt idx="4085">
                  <c:v>68.083332999999982</c:v>
                </c:pt>
                <c:pt idx="4086">
                  <c:v>68.099999999999994</c:v>
                </c:pt>
                <c:pt idx="4087">
                  <c:v>68.116667000000007</c:v>
                </c:pt>
                <c:pt idx="4088">
                  <c:v>68.133332999999993</c:v>
                </c:pt>
                <c:pt idx="4089">
                  <c:v>68.150000000000006</c:v>
                </c:pt>
                <c:pt idx="4090">
                  <c:v>68.16666699999999</c:v>
                </c:pt>
                <c:pt idx="4091">
                  <c:v>68.183333000000005</c:v>
                </c:pt>
                <c:pt idx="4092">
                  <c:v>68.199999999999989</c:v>
                </c:pt>
                <c:pt idx="4093">
                  <c:v>68.216667000000001</c:v>
                </c:pt>
                <c:pt idx="4094">
                  <c:v>68.233332999999988</c:v>
                </c:pt>
                <c:pt idx="4095">
                  <c:v>68.25</c:v>
                </c:pt>
                <c:pt idx="4096">
                  <c:v>68.266666999999984</c:v>
                </c:pt>
                <c:pt idx="4097">
                  <c:v>68.283332999999999</c:v>
                </c:pt>
                <c:pt idx="4098">
                  <c:v>68.299999999999983</c:v>
                </c:pt>
                <c:pt idx="4099">
                  <c:v>68.316666999999995</c:v>
                </c:pt>
                <c:pt idx="4100">
                  <c:v>68.333332999999982</c:v>
                </c:pt>
                <c:pt idx="4101">
                  <c:v>68.349999999999994</c:v>
                </c:pt>
                <c:pt idx="4102">
                  <c:v>68.366667000000007</c:v>
                </c:pt>
                <c:pt idx="4103">
                  <c:v>68.383332999999993</c:v>
                </c:pt>
                <c:pt idx="4104">
                  <c:v>68.400000000000006</c:v>
                </c:pt>
                <c:pt idx="4105">
                  <c:v>68.41666699999999</c:v>
                </c:pt>
                <c:pt idx="4106">
                  <c:v>68.433333000000005</c:v>
                </c:pt>
                <c:pt idx="4107">
                  <c:v>68.449999999999989</c:v>
                </c:pt>
                <c:pt idx="4108">
                  <c:v>68.466667000000001</c:v>
                </c:pt>
                <c:pt idx="4109">
                  <c:v>68.483332999999988</c:v>
                </c:pt>
                <c:pt idx="4110">
                  <c:v>68.5</c:v>
                </c:pt>
                <c:pt idx="4111">
                  <c:v>68.516666999999984</c:v>
                </c:pt>
                <c:pt idx="4112">
                  <c:v>68.533332999999999</c:v>
                </c:pt>
                <c:pt idx="4113">
                  <c:v>68.549999999999983</c:v>
                </c:pt>
                <c:pt idx="4114">
                  <c:v>68.566666999999995</c:v>
                </c:pt>
                <c:pt idx="4115">
                  <c:v>68.583332999999982</c:v>
                </c:pt>
                <c:pt idx="4116">
                  <c:v>68.599999999999994</c:v>
                </c:pt>
                <c:pt idx="4117">
                  <c:v>68.616667000000007</c:v>
                </c:pt>
                <c:pt idx="4118">
                  <c:v>68.633332999999993</c:v>
                </c:pt>
                <c:pt idx="4119">
                  <c:v>68.650000000000006</c:v>
                </c:pt>
                <c:pt idx="4120">
                  <c:v>68.66666699999999</c:v>
                </c:pt>
                <c:pt idx="4121">
                  <c:v>68.683333000000005</c:v>
                </c:pt>
                <c:pt idx="4122">
                  <c:v>68.699999999999989</c:v>
                </c:pt>
                <c:pt idx="4123">
                  <c:v>68.716667000000001</c:v>
                </c:pt>
                <c:pt idx="4124">
                  <c:v>68.733332999999988</c:v>
                </c:pt>
                <c:pt idx="4125">
                  <c:v>68.75</c:v>
                </c:pt>
                <c:pt idx="4126">
                  <c:v>68.766666999999984</c:v>
                </c:pt>
                <c:pt idx="4127">
                  <c:v>68.783332999999999</c:v>
                </c:pt>
                <c:pt idx="4128">
                  <c:v>68.799999999999983</c:v>
                </c:pt>
                <c:pt idx="4129">
                  <c:v>68.816666999999995</c:v>
                </c:pt>
                <c:pt idx="4130">
                  <c:v>68.833332999999982</c:v>
                </c:pt>
                <c:pt idx="4131">
                  <c:v>68.849999999999994</c:v>
                </c:pt>
                <c:pt idx="4132">
                  <c:v>68.866667000000007</c:v>
                </c:pt>
                <c:pt idx="4133">
                  <c:v>68.883332999999993</c:v>
                </c:pt>
                <c:pt idx="4134">
                  <c:v>68.900000000000006</c:v>
                </c:pt>
                <c:pt idx="4135">
                  <c:v>68.91666699999999</c:v>
                </c:pt>
                <c:pt idx="4136">
                  <c:v>68.933333000000005</c:v>
                </c:pt>
                <c:pt idx="4137">
                  <c:v>68.949999999999989</c:v>
                </c:pt>
                <c:pt idx="4138">
                  <c:v>68.966667000000001</c:v>
                </c:pt>
                <c:pt idx="4139">
                  <c:v>68.983332999999988</c:v>
                </c:pt>
                <c:pt idx="4140">
                  <c:v>69</c:v>
                </c:pt>
                <c:pt idx="4141">
                  <c:v>69.016666999999984</c:v>
                </c:pt>
                <c:pt idx="4142">
                  <c:v>69.033332999999999</c:v>
                </c:pt>
                <c:pt idx="4143">
                  <c:v>69.049999999999983</c:v>
                </c:pt>
                <c:pt idx="4144">
                  <c:v>69.066666999999995</c:v>
                </c:pt>
                <c:pt idx="4145">
                  <c:v>69.083332999999982</c:v>
                </c:pt>
                <c:pt idx="4146">
                  <c:v>69.099999999999994</c:v>
                </c:pt>
                <c:pt idx="4147">
                  <c:v>69.116667000000007</c:v>
                </c:pt>
                <c:pt idx="4148">
                  <c:v>69.133332999999993</c:v>
                </c:pt>
                <c:pt idx="4149">
                  <c:v>69.150000000000006</c:v>
                </c:pt>
                <c:pt idx="4150">
                  <c:v>69.16666699999999</c:v>
                </c:pt>
                <c:pt idx="4151">
                  <c:v>69.183333000000005</c:v>
                </c:pt>
                <c:pt idx="4152">
                  <c:v>69.199999999999989</c:v>
                </c:pt>
                <c:pt idx="4153">
                  <c:v>69.216667000000001</c:v>
                </c:pt>
                <c:pt idx="4154">
                  <c:v>69.233332999999988</c:v>
                </c:pt>
                <c:pt idx="4155">
                  <c:v>69.25</c:v>
                </c:pt>
                <c:pt idx="4156">
                  <c:v>69.266666999999984</c:v>
                </c:pt>
                <c:pt idx="4157">
                  <c:v>69.283332999999999</c:v>
                </c:pt>
                <c:pt idx="4158">
                  <c:v>69.299999999999983</c:v>
                </c:pt>
                <c:pt idx="4159">
                  <c:v>69.316666999999995</c:v>
                </c:pt>
                <c:pt idx="4160">
                  <c:v>69.333332999999982</c:v>
                </c:pt>
                <c:pt idx="4161">
                  <c:v>69.349999999999994</c:v>
                </c:pt>
                <c:pt idx="4162">
                  <c:v>69.366667000000007</c:v>
                </c:pt>
                <c:pt idx="4163">
                  <c:v>69.383332999999993</c:v>
                </c:pt>
                <c:pt idx="4164">
                  <c:v>69.400000000000006</c:v>
                </c:pt>
                <c:pt idx="4165">
                  <c:v>69.41666699999999</c:v>
                </c:pt>
                <c:pt idx="4166">
                  <c:v>69.433333000000005</c:v>
                </c:pt>
                <c:pt idx="4167">
                  <c:v>69.449999999999989</c:v>
                </c:pt>
                <c:pt idx="4168">
                  <c:v>69.466667000000001</c:v>
                </c:pt>
                <c:pt idx="4169">
                  <c:v>69.483332999999988</c:v>
                </c:pt>
                <c:pt idx="4170">
                  <c:v>69.5</c:v>
                </c:pt>
                <c:pt idx="4171">
                  <c:v>69.516666999999984</c:v>
                </c:pt>
                <c:pt idx="4172">
                  <c:v>69.533332999999999</c:v>
                </c:pt>
                <c:pt idx="4173">
                  <c:v>69.549999999999983</c:v>
                </c:pt>
                <c:pt idx="4174">
                  <c:v>69.566666999999995</c:v>
                </c:pt>
                <c:pt idx="4175">
                  <c:v>69.583332999999982</c:v>
                </c:pt>
                <c:pt idx="4176">
                  <c:v>69.599999999999994</c:v>
                </c:pt>
                <c:pt idx="4177">
                  <c:v>69.616667000000007</c:v>
                </c:pt>
                <c:pt idx="4178">
                  <c:v>69.633332999999993</c:v>
                </c:pt>
                <c:pt idx="4179">
                  <c:v>69.650000000000006</c:v>
                </c:pt>
                <c:pt idx="4180">
                  <c:v>69.66666699999999</c:v>
                </c:pt>
                <c:pt idx="4181">
                  <c:v>69.683333000000005</c:v>
                </c:pt>
                <c:pt idx="4182">
                  <c:v>69.699999999999989</c:v>
                </c:pt>
                <c:pt idx="4183">
                  <c:v>69.716667000000001</c:v>
                </c:pt>
                <c:pt idx="4184">
                  <c:v>69.733332999999988</c:v>
                </c:pt>
                <c:pt idx="4185">
                  <c:v>69.75</c:v>
                </c:pt>
                <c:pt idx="4186">
                  <c:v>69.766666999999984</c:v>
                </c:pt>
                <c:pt idx="4187">
                  <c:v>69.783332999999999</c:v>
                </c:pt>
                <c:pt idx="4188">
                  <c:v>69.799999999999983</c:v>
                </c:pt>
                <c:pt idx="4189">
                  <c:v>69.816666999999995</c:v>
                </c:pt>
                <c:pt idx="4190">
                  <c:v>69.833332999999982</c:v>
                </c:pt>
                <c:pt idx="4191">
                  <c:v>69.849999999999994</c:v>
                </c:pt>
                <c:pt idx="4192">
                  <c:v>69.866667000000007</c:v>
                </c:pt>
                <c:pt idx="4193">
                  <c:v>69.883332999999993</c:v>
                </c:pt>
                <c:pt idx="4194">
                  <c:v>69.900000000000006</c:v>
                </c:pt>
                <c:pt idx="4195">
                  <c:v>69.91666699999999</c:v>
                </c:pt>
                <c:pt idx="4196">
                  <c:v>69.933333000000005</c:v>
                </c:pt>
                <c:pt idx="4197">
                  <c:v>69.949999999999989</c:v>
                </c:pt>
                <c:pt idx="4198">
                  <c:v>69.966667000000001</c:v>
                </c:pt>
                <c:pt idx="4199">
                  <c:v>69.983332999999988</c:v>
                </c:pt>
                <c:pt idx="4200">
                  <c:v>70</c:v>
                </c:pt>
                <c:pt idx="4201">
                  <c:v>70.016666999999984</c:v>
                </c:pt>
                <c:pt idx="4202">
                  <c:v>70.033332999999999</c:v>
                </c:pt>
                <c:pt idx="4203">
                  <c:v>70.049999999999983</c:v>
                </c:pt>
                <c:pt idx="4204">
                  <c:v>70.066666999999995</c:v>
                </c:pt>
                <c:pt idx="4205">
                  <c:v>70.083332999999982</c:v>
                </c:pt>
                <c:pt idx="4206">
                  <c:v>70.099999999999994</c:v>
                </c:pt>
                <c:pt idx="4207">
                  <c:v>70.116667000000007</c:v>
                </c:pt>
                <c:pt idx="4208">
                  <c:v>70.133332999999993</c:v>
                </c:pt>
                <c:pt idx="4209">
                  <c:v>70.150000000000006</c:v>
                </c:pt>
                <c:pt idx="4210">
                  <c:v>70.16666699999999</c:v>
                </c:pt>
                <c:pt idx="4211">
                  <c:v>70.183333000000005</c:v>
                </c:pt>
                <c:pt idx="4212">
                  <c:v>70.199999999999989</c:v>
                </c:pt>
                <c:pt idx="4213">
                  <c:v>70.216667000000001</c:v>
                </c:pt>
                <c:pt idx="4214">
                  <c:v>70.233332999999988</c:v>
                </c:pt>
                <c:pt idx="4215">
                  <c:v>70.25</c:v>
                </c:pt>
                <c:pt idx="4216">
                  <c:v>70.266666999999984</c:v>
                </c:pt>
                <c:pt idx="4217">
                  <c:v>70.283332999999999</c:v>
                </c:pt>
                <c:pt idx="4218">
                  <c:v>70.299999999999983</c:v>
                </c:pt>
                <c:pt idx="4219">
                  <c:v>70.316666999999995</c:v>
                </c:pt>
                <c:pt idx="4220">
                  <c:v>70.333332999999982</c:v>
                </c:pt>
                <c:pt idx="4221">
                  <c:v>70.349999999999994</c:v>
                </c:pt>
                <c:pt idx="4222">
                  <c:v>70.366667000000007</c:v>
                </c:pt>
                <c:pt idx="4223">
                  <c:v>70.383332999999993</c:v>
                </c:pt>
                <c:pt idx="4224">
                  <c:v>70.400000000000006</c:v>
                </c:pt>
                <c:pt idx="4225">
                  <c:v>70.41666699999999</c:v>
                </c:pt>
                <c:pt idx="4226">
                  <c:v>70.433333000000005</c:v>
                </c:pt>
                <c:pt idx="4227">
                  <c:v>70.449999999999989</c:v>
                </c:pt>
                <c:pt idx="4228">
                  <c:v>70.466667000000001</c:v>
                </c:pt>
                <c:pt idx="4229">
                  <c:v>70.483332999999988</c:v>
                </c:pt>
                <c:pt idx="4230">
                  <c:v>70.5</c:v>
                </c:pt>
                <c:pt idx="4231">
                  <c:v>70.516666999999984</c:v>
                </c:pt>
                <c:pt idx="4232">
                  <c:v>70.533332999999999</c:v>
                </c:pt>
                <c:pt idx="4233">
                  <c:v>70.549999999999983</c:v>
                </c:pt>
                <c:pt idx="4234">
                  <c:v>70.566666999999995</c:v>
                </c:pt>
                <c:pt idx="4235">
                  <c:v>70.583332999999982</c:v>
                </c:pt>
                <c:pt idx="4236">
                  <c:v>70.599999999999994</c:v>
                </c:pt>
                <c:pt idx="4237">
                  <c:v>70.616667000000007</c:v>
                </c:pt>
                <c:pt idx="4238">
                  <c:v>70.633332999999993</c:v>
                </c:pt>
                <c:pt idx="4239">
                  <c:v>70.650000000000006</c:v>
                </c:pt>
                <c:pt idx="4240">
                  <c:v>70.66666699999999</c:v>
                </c:pt>
                <c:pt idx="4241">
                  <c:v>70.683333000000005</c:v>
                </c:pt>
                <c:pt idx="4242">
                  <c:v>70.699999999999989</c:v>
                </c:pt>
                <c:pt idx="4243">
                  <c:v>70.716667000000001</c:v>
                </c:pt>
                <c:pt idx="4244">
                  <c:v>70.733332999999988</c:v>
                </c:pt>
                <c:pt idx="4245">
                  <c:v>70.75</c:v>
                </c:pt>
                <c:pt idx="4246">
                  <c:v>70.766666999999984</c:v>
                </c:pt>
                <c:pt idx="4247">
                  <c:v>70.783332999999999</c:v>
                </c:pt>
                <c:pt idx="4248">
                  <c:v>70.799999999999983</c:v>
                </c:pt>
                <c:pt idx="4249">
                  <c:v>70.816666999999995</c:v>
                </c:pt>
                <c:pt idx="4250">
                  <c:v>70.833332999999982</c:v>
                </c:pt>
                <c:pt idx="4251">
                  <c:v>70.849999999999994</c:v>
                </c:pt>
                <c:pt idx="4252">
                  <c:v>70.866667000000007</c:v>
                </c:pt>
                <c:pt idx="4253">
                  <c:v>70.883332999999993</c:v>
                </c:pt>
                <c:pt idx="4254">
                  <c:v>70.900000000000006</c:v>
                </c:pt>
                <c:pt idx="4255">
                  <c:v>70.91666699999999</c:v>
                </c:pt>
                <c:pt idx="4256">
                  <c:v>70.933333000000005</c:v>
                </c:pt>
                <c:pt idx="4257">
                  <c:v>70.949999999999989</c:v>
                </c:pt>
                <c:pt idx="4258">
                  <c:v>70.966667000000001</c:v>
                </c:pt>
                <c:pt idx="4259">
                  <c:v>70.983332999999988</c:v>
                </c:pt>
                <c:pt idx="4260">
                  <c:v>71</c:v>
                </c:pt>
                <c:pt idx="4261">
                  <c:v>71.016666999999984</c:v>
                </c:pt>
                <c:pt idx="4262">
                  <c:v>71.033332999999999</c:v>
                </c:pt>
                <c:pt idx="4263">
                  <c:v>71.049999999999983</c:v>
                </c:pt>
                <c:pt idx="4264">
                  <c:v>71.066666999999995</c:v>
                </c:pt>
                <c:pt idx="4265">
                  <c:v>71.083332999999982</c:v>
                </c:pt>
                <c:pt idx="4266">
                  <c:v>71.099999999999994</c:v>
                </c:pt>
                <c:pt idx="4267">
                  <c:v>71.116667000000007</c:v>
                </c:pt>
                <c:pt idx="4268">
                  <c:v>71.133332999999993</c:v>
                </c:pt>
                <c:pt idx="4269">
                  <c:v>71.150000000000006</c:v>
                </c:pt>
                <c:pt idx="4270">
                  <c:v>71.16666699999999</c:v>
                </c:pt>
                <c:pt idx="4271">
                  <c:v>71.183333000000005</c:v>
                </c:pt>
                <c:pt idx="4272">
                  <c:v>71.199999999999989</c:v>
                </c:pt>
                <c:pt idx="4273">
                  <c:v>71.216667000000001</c:v>
                </c:pt>
                <c:pt idx="4274">
                  <c:v>71.233332999999988</c:v>
                </c:pt>
                <c:pt idx="4275">
                  <c:v>71.25</c:v>
                </c:pt>
                <c:pt idx="4276">
                  <c:v>71.266666999999984</c:v>
                </c:pt>
                <c:pt idx="4277">
                  <c:v>71.283332999999999</c:v>
                </c:pt>
                <c:pt idx="4278">
                  <c:v>71.299999999999983</c:v>
                </c:pt>
                <c:pt idx="4279">
                  <c:v>71.316666999999995</c:v>
                </c:pt>
                <c:pt idx="4280">
                  <c:v>71.333332999999982</c:v>
                </c:pt>
                <c:pt idx="4281">
                  <c:v>71.349999999999994</c:v>
                </c:pt>
                <c:pt idx="4282">
                  <c:v>71.366667000000007</c:v>
                </c:pt>
                <c:pt idx="4283">
                  <c:v>71.383332999999993</c:v>
                </c:pt>
                <c:pt idx="4284">
                  <c:v>71.400000000000006</c:v>
                </c:pt>
                <c:pt idx="4285">
                  <c:v>71.41666699999999</c:v>
                </c:pt>
                <c:pt idx="4286">
                  <c:v>71.433333000000005</c:v>
                </c:pt>
                <c:pt idx="4287">
                  <c:v>71.449999999999989</c:v>
                </c:pt>
                <c:pt idx="4288">
                  <c:v>71.466667000000001</c:v>
                </c:pt>
                <c:pt idx="4289">
                  <c:v>71.483332999999988</c:v>
                </c:pt>
                <c:pt idx="4290">
                  <c:v>71.5</c:v>
                </c:pt>
                <c:pt idx="4291">
                  <c:v>71.516666999999984</c:v>
                </c:pt>
                <c:pt idx="4292">
                  <c:v>71.533332999999999</c:v>
                </c:pt>
                <c:pt idx="4293">
                  <c:v>71.549999999999983</c:v>
                </c:pt>
                <c:pt idx="4294">
                  <c:v>71.566666999999995</c:v>
                </c:pt>
                <c:pt idx="4295">
                  <c:v>71.583332999999982</c:v>
                </c:pt>
                <c:pt idx="4296">
                  <c:v>71.599999999999994</c:v>
                </c:pt>
                <c:pt idx="4297">
                  <c:v>71.616667000000007</c:v>
                </c:pt>
                <c:pt idx="4298">
                  <c:v>71.633332999999993</c:v>
                </c:pt>
                <c:pt idx="4299">
                  <c:v>71.650000000000006</c:v>
                </c:pt>
                <c:pt idx="4300">
                  <c:v>71.66666699999999</c:v>
                </c:pt>
                <c:pt idx="4301">
                  <c:v>71.683333000000005</c:v>
                </c:pt>
                <c:pt idx="4302">
                  <c:v>71.699999999999989</c:v>
                </c:pt>
                <c:pt idx="4303">
                  <c:v>71.716667000000001</c:v>
                </c:pt>
                <c:pt idx="4304">
                  <c:v>71.733332999999988</c:v>
                </c:pt>
                <c:pt idx="4305">
                  <c:v>71.75</c:v>
                </c:pt>
                <c:pt idx="4306">
                  <c:v>71.766666999999984</c:v>
                </c:pt>
                <c:pt idx="4307">
                  <c:v>71.783332999999999</c:v>
                </c:pt>
                <c:pt idx="4308">
                  <c:v>71.799999999999983</c:v>
                </c:pt>
                <c:pt idx="4309">
                  <c:v>71.816666999999995</c:v>
                </c:pt>
                <c:pt idx="4310">
                  <c:v>71.833332999999982</c:v>
                </c:pt>
                <c:pt idx="4311">
                  <c:v>71.849999999999994</c:v>
                </c:pt>
                <c:pt idx="4312">
                  <c:v>71.866667000000007</c:v>
                </c:pt>
                <c:pt idx="4313">
                  <c:v>71.883332999999993</c:v>
                </c:pt>
                <c:pt idx="4314">
                  <c:v>71.900000000000006</c:v>
                </c:pt>
                <c:pt idx="4315">
                  <c:v>71.91666699999999</c:v>
                </c:pt>
                <c:pt idx="4316">
                  <c:v>71.933333000000005</c:v>
                </c:pt>
                <c:pt idx="4317">
                  <c:v>71.949999999999989</c:v>
                </c:pt>
                <c:pt idx="4318">
                  <c:v>71.966667000000001</c:v>
                </c:pt>
                <c:pt idx="4319">
                  <c:v>71.983332999999988</c:v>
                </c:pt>
                <c:pt idx="4320">
                  <c:v>72</c:v>
                </c:pt>
                <c:pt idx="4321">
                  <c:v>72.016666999999984</c:v>
                </c:pt>
                <c:pt idx="4322">
                  <c:v>72.033332999999999</c:v>
                </c:pt>
                <c:pt idx="4323">
                  <c:v>72.049999999999983</c:v>
                </c:pt>
                <c:pt idx="4324">
                  <c:v>72.066666999999995</c:v>
                </c:pt>
                <c:pt idx="4325">
                  <c:v>72.083332999999982</c:v>
                </c:pt>
                <c:pt idx="4326">
                  <c:v>72.099999999999994</c:v>
                </c:pt>
                <c:pt idx="4327">
                  <c:v>72.116667000000007</c:v>
                </c:pt>
                <c:pt idx="4328">
                  <c:v>72.133332999999993</c:v>
                </c:pt>
                <c:pt idx="4329">
                  <c:v>72.150000000000006</c:v>
                </c:pt>
                <c:pt idx="4330">
                  <c:v>72.16666699999999</c:v>
                </c:pt>
                <c:pt idx="4331">
                  <c:v>72.183333000000005</c:v>
                </c:pt>
                <c:pt idx="4332">
                  <c:v>72.199999999999989</c:v>
                </c:pt>
                <c:pt idx="4333">
                  <c:v>72.216667000000001</c:v>
                </c:pt>
                <c:pt idx="4334">
                  <c:v>72.233332999999988</c:v>
                </c:pt>
                <c:pt idx="4335">
                  <c:v>72.25</c:v>
                </c:pt>
                <c:pt idx="4336">
                  <c:v>72.266666999999984</c:v>
                </c:pt>
                <c:pt idx="4337">
                  <c:v>72.283332999999999</c:v>
                </c:pt>
                <c:pt idx="4338">
                  <c:v>72.299999999999983</c:v>
                </c:pt>
                <c:pt idx="4339">
                  <c:v>72.316666999999995</c:v>
                </c:pt>
                <c:pt idx="4340">
                  <c:v>72.333332999999982</c:v>
                </c:pt>
                <c:pt idx="4341">
                  <c:v>72.349999999999994</c:v>
                </c:pt>
                <c:pt idx="4342">
                  <c:v>72.366667000000007</c:v>
                </c:pt>
                <c:pt idx="4343">
                  <c:v>72.383332999999993</c:v>
                </c:pt>
                <c:pt idx="4344">
                  <c:v>72.400000000000006</c:v>
                </c:pt>
                <c:pt idx="4345">
                  <c:v>72.41666699999999</c:v>
                </c:pt>
                <c:pt idx="4346">
                  <c:v>72.433333000000005</c:v>
                </c:pt>
                <c:pt idx="4347">
                  <c:v>72.449999999999989</c:v>
                </c:pt>
                <c:pt idx="4348">
                  <c:v>72.466667000000001</c:v>
                </c:pt>
                <c:pt idx="4349">
                  <c:v>72.483332999999988</c:v>
                </c:pt>
                <c:pt idx="4350">
                  <c:v>72.5</c:v>
                </c:pt>
                <c:pt idx="4351">
                  <c:v>72.516666999999984</c:v>
                </c:pt>
                <c:pt idx="4352">
                  <c:v>72.533332999999999</c:v>
                </c:pt>
                <c:pt idx="4353">
                  <c:v>72.549999999999983</c:v>
                </c:pt>
                <c:pt idx="4354">
                  <c:v>72.566666999999995</c:v>
                </c:pt>
                <c:pt idx="4355">
                  <c:v>72.583332999999982</c:v>
                </c:pt>
                <c:pt idx="4356">
                  <c:v>72.599999999999994</c:v>
                </c:pt>
                <c:pt idx="4357">
                  <c:v>72.616667000000007</c:v>
                </c:pt>
                <c:pt idx="4358">
                  <c:v>72.633332999999993</c:v>
                </c:pt>
                <c:pt idx="4359">
                  <c:v>72.650000000000006</c:v>
                </c:pt>
                <c:pt idx="4360">
                  <c:v>72.66666699999999</c:v>
                </c:pt>
                <c:pt idx="4361">
                  <c:v>72.683333000000005</c:v>
                </c:pt>
                <c:pt idx="4362">
                  <c:v>72.699999999999989</c:v>
                </c:pt>
                <c:pt idx="4363">
                  <c:v>72.716667000000001</c:v>
                </c:pt>
                <c:pt idx="4364">
                  <c:v>72.733332999999988</c:v>
                </c:pt>
                <c:pt idx="4365">
                  <c:v>72.75</c:v>
                </c:pt>
                <c:pt idx="4366">
                  <c:v>72.766666999999984</c:v>
                </c:pt>
                <c:pt idx="4367">
                  <c:v>72.783332999999999</c:v>
                </c:pt>
                <c:pt idx="4368">
                  <c:v>72.799999999999983</c:v>
                </c:pt>
                <c:pt idx="4369">
                  <c:v>72.816666999999995</c:v>
                </c:pt>
                <c:pt idx="4370">
                  <c:v>72.833332999999982</c:v>
                </c:pt>
                <c:pt idx="4371">
                  <c:v>72.849999999999994</c:v>
                </c:pt>
                <c:pt idx="4372">
                  <c:v>72.866667000000007</c:v>
                </c:pt>
                <c:pt idx="4373">
                  <c:v>72.883332999999993</c:v>
                </c:pt>
                <c:pt idx="4374">
                  <c:v>72.900000000000006</c:v>
                </c:pt>
                <c:pt idx="4375">
                  <c:v>72.91666699999999</c:v>
                </c:pt>
                <c:pt idx="4376">
                  <c:v>72.933333000000005</c:v>
                </c:pt>
                <c:pt idx="4377">
                  <c:v>72.949999999999989</c:v>
                </c:pt>
                <c:pt idx="4378">
                  <c:v>72.966667000000001</c:v>
                </c:pt>
                <c:pt idx="4379">
                  <c:v>72.983332999999988</c:v>
                </c:pt>
                <c:pt idx="4380">
                  <c:v>73</c:v>
                </c:pt>
                <c:pt idx="4381">
                  <c:v>73.016666999999984</c:v>
                </c:pt>
                <c:pt idx="4382">
                  <c:v>73.033332999999999</c:v>
                </c:pt>
                <c:pt idx="4383">
                  <c:v>73.049999999999983</c:v>
                </c:pt>
                <c:pt idx="4384">
                  <c:v>73.066666999999995</c:v>
                </c:pt>
                <c:pt idx="4385">
                  <c:v>73.083332999999982</c:v>
                </c:pt>
                <c:pt idx="4386">
                  <c:v>73.099999999999994</c:v>
                </c:pt>
                <c:pt idx="4387">
                  <c:v>73.116667000000007</c:v>
                </c:pt>
                <c:pt idx="4388">
                  <c:v>73.133332999999993</c:v>
                </c:pt>
                <c:pt idx="4389">
                  <c:v>73.150000000000006</c:v>
                </c:pt>
                <c:pt idx="4390">
                  <c:v>73.16666699999999</c:v>
                </c:pt>
                <c:pt idx="4391">
                  <c:v>73.183333000000005</c:v>
                </c:pt>
                <c:pt idx="4392">
                  <c:v>73.199999999999989</c:v>
                </c:pt>
                <c:pt idx="4393">
                  <c:v>73.216667000000001</c:v>
                </c:pt>
                <c:pt idx="4394">
                  <c:v>73.233332999999988</c:v>
                </c:pt>
                <c:pt idx="4395">
                  <c:v>73.25</c:v>
                </c:pt>
                <c:pt idx="4396">
                  <c:v>73.266666999999984</c:v>
                </c:pt>
                <c:pt idx="4397">
                  <c:v>73.283332999999999</c:v>
                </c:pt>
                <c:pt idx="4398">
                  <c:v>73.299999999999983</c:v>
                </c:pt>
                <c:pt idx="4399">
                  <c:v>73.316666999999995</c:v>
                </c:pt>
                <c:pt idx="4400">
                  <c:v>73.333332999999982</c:v>
                </c:pt>
                <c:pt idx="4401">
                  <c:v>73.349999999999994</c:v>
                </c:pt>
                <c:pt idx="4402">
                  <c:v>73.366667000000007</c:v>
                </c:pt>
                <c:pt idx="4403">
                  <c:v>73.383332999999993</c:v>
                </c:pt>
                <c:pt idx="4404">
                  <c:v>73.400000000000006</c:v>
                </c:pt>
                <c:pt idx="4405">
                  <c:v>73.41666699999999</c:v>
                </c:pt>
                <c:pt idx="4406">
                  <c:v>73.433333000000005</c:v>
                </c:pt>
                <c:pt idx="4407">
                  <c:v>73.449999999999989</c:v>
                </c:pt>
                <c:pt idx="4408">
                  <c:v>73.466667000000001</c:v>
                </c:pt>
                <c:pt idx="4409">
                  <c:v>73.483332999999988</c:v>
                </c:pt>
                <c:pt idx="4410">
                  <c:v>73.5</c:v>
                </c:pt>
                <c:pt idx="4411">
                  <c:v>73.516666999999984</c:v>
                </c:pt>
                <c:pt idx="4412">
                  <c:v>73.533332999999999</c:v>
                </c:pt>
                <c:pt idx="4413">
                  <c:v>73.549999999999983</c:v>
                </c:pt>
                <c:pt idx="4414">
                  <c:v>73.566666999999995</c:v>
                </c:pt>
                <c:pt idx="4415">
                  <c:v>73.583332999999982</c:v>
                </c:pt>
                <c:pt idx="4416">
                  <c:v>73.599999999999994</c:v>
                </c:pt>
                <c:pt idx="4417">
                  <c:v>73.616667000000007</c:v>
                </c:pt>
                <c:pt idx="4418">
                  <c:v>73.633332999999993</c:v>
                </c:pt>
                <c:pt idx="4419">
                  <c:v>73.650000000000006</c:v>
                </c:pt>
                <c:pt idx="4420">
                  <c:v>73.66666699999999</c:v>
                </c:pt>
                <c:pt idx="4421">
                  <c:v>73.683333000000005</c:v>
                </c:pt>
                <c:pt idx="4422">
                  <c:v>73.699999999999989</c:v>
                </c:pt>
                <c:pt idx="4423">
                  <c:v>73.716667000000001</c:v>
                </c:pt>
                <c:pt idx="4424">
                  <c:v>73.733332999999988</c:v>
                </c:pt>
                <c:pt idx="4425">
                  <c:v>73.75</c:v>
                </c:pt>
                <c:pt idx="4426">
                  <c:v>73.766666999999984</c:v>
                </c:pt>
                <c:pt idx="4427">
                  <c:v>73.783332999999999</c:v>
                </c:pt>
                <c:pt idx="4428">
                  <c:v>73.799999999999983</c:v>
                </c:pt>
                <c:pt idx="4429">
                  <c:v>73.816666999999995</c:v>
                </c:pt>
                <c:pt idx="4430">
                  <c:v>73.833332999999982</c:v>
                </c:pt>
                <c:pt idx="4431">
                  <c:v>73.849999999999994</c:v>
                </c:pt>
                <c:pt idx="4432">
                  <c:v>73.866667000000007</c:v>
                </c:pt>
                <c:pt idx="4433">
                  <c:v>73.883332999999993</c:v>
                </c:pt>
                <c:pt idx="4434">
                  <c:v>73.900000000000006</c:v>
                </c:pt>
                <c:pt idx="4435">
                  <c:v>73.91666699999999</c:v>
                </c:pt>
                <c:pt idx="4436">
                  <c:v>73.933333000000005</c:v>
                </c:pt>
                <c:pt idx="4437">
                  <c:v>73.949999999999989</c:v>
                </c:pt>
                <c:pt idx="4438">
                  <c:v>73.966667000000001</c:v>
                </c:pt>
                <c:pt idx="4439">
                  <c:v>73.983332999999988</c:v>
                </c:pt>
                <c:pt idx="4440">
                  <c:v>74</c:v>
                </c:pt>
                <c:pt idx="4441">
                  <c:v>74.016666999999984</c:v>
                </c:pt>
                <c:pt idx="4442">
                  <c:v>74.033332999999999</c:v>
                </c:pt>
                <c:pt idx="4443">
                  <c:v>74.049999999999983</c:v>
                </c:pt>
                <c:pt idx="4444">
                  <c:v>74.066666999999995</c:v>
                </c:pt>
                <c:pt idx="4445">
                  <c:v>74.083332999999982</c:v>
                </c:pt>
                <c:pt idx="4446">
                  <c:v>74.099999999999994</c:v>
                </c:pt>
                <c:pt idx="4447">
                  <c:v>74.116667000000007</c:v>
                </c:pt>
                <c:pt idx="4448">
                  <c:v>74.133332999999993</c:v>
                </c:pt>
                <c:pt idx="4449">
                  <c:v>74.150000000000006</c:v>
                </c:pt>
                <c:pt idx="4450">
                  <c:v>74.16666699999999</c:v>
                </c:pt>
                <c:pt idx="4451">
                  <c:v>74.183333000000005</c:v>
                </c:pt>
                <c:pt idx="4452">
                  <c:v>74.199999999999989</c:v>
                </c:pt>
                <c:pt idx="4453">
                  <c:v>74.216667000000001</c:v>
                </c:pt>
                <c:pt idx="4454">
                  <c:v>74.233332999999988</c:v>
                </c:pt>
                <c:pt idx="4455">
                  <c:v>74.25</c:v>
                </c:pt>
                <c:pt idx="4456">
                  <c:v>74.266666999999984</c:v>
                </c:pt>
                <c:pt idx="4457">
                  <c:v>74.283332999999999</c:v>
                </c:pt>
                <c:pt idx="4458">
                  <c:v>74.299999999999983</c:v>
                </c:pt>
                <c:pt idx="4459">
                  <c:v>74.316666999999995</c:v>
                </c:pt>
                <c:pt idx="4460">
                  <c:v>74.333332999999982</c:v>
                </c:pt>
                <c:pt idx="4461">
                  <c:v>74.349999999999994</c:v>
                </c:pt>
                <c:pt idx="4462">
                  <c:v>74.366667000000007</c:v>
                </c:pt>
                <c:pt idx="4463">
                  <c:v>74.383332999999993</c:v>
                </c:pt>
                <c:pt idx="4464">
                  <c:v>74.400000000000006</c:v>
                </c:pt>
                <c:pt idx="4465">
                  <c:v>74.41666699999999</c:v>
                </c:pt>
                <c:pt idx="4466">
                  <c:v>74.433333000000005</c:v>
                </c:pt>
                <c:pt idx="4467">
                  <c:v>74.449999999999989</c:v>
                </c:pt>
                <c:pt idx="4468">
                  <c:v>74.466667000000001</c:v>
                </c:pt>
                <c:pt idx="4469">
                  <c:v>74.483332999999988</c:v>
                </c:pt>
                <c:pt idx="4470">
                  <c:v>74.5</c:v>
                </c:pt>
                <c:pt idx="4471">
                  <c:v>74.516666999999984</c:v>
                </c:pt>
                <c:pt idx="4472">
                  <c:v>74.533332999999999</c:v>
                </c:pt>
                <c:pt idx="4473">
                  <c:v>74.549999999999983</c:v>
                </c:pt>
                <c:pt idx="4474">
                  <c:v>74.566666999999995</c:v>
                </c:pt>
                <c:pt idx="4475">
                  <c:v>74.583332999999982</c:v>
                </c:pt>
                <c:pt idx="4476">
                  <c:v>74.599999999999994</c:v>
                </c:pt>
                <c:pt idx="4477">
                  <c:v>74.616667000000007</c:v>
                </c:pt>
                <c:pt idx="4478">
                  <c:v>74.633332999999993</c:v>
                </c:pt>
                <c:pt idx="4479">
                  <c:v>74.650000000000006</c:v>
                </c:pt>
                <c:pt idx="4480">
                  <c:v>74.66666699999999</c:v>
                </c:pt>
                <c:pt idx="4481">
                  <c:v>74.683333000000005</c:v>
                </c:pt>
                <c:pt idx="4482">
                  <c:v>74.699999999999989</c:v>
                </c:pt>
                <c:pt idx="4483">
                  <c:v>74.716667000000001</c:v>
                </c:pt>
                <c:pt idx="4484">
                  <c:v>74.733332999999988</c:v>
                </c:pt>
                <c:pt idx="4485">
                  <c:v>74.75</c:v>
                </c:pt>
                <c:pt idx="4486">
                  <c:v>74.766666999999984</c:v>
                </c:pt>
                <c:pt idx="4487">
                  <c:v>74.783332999999999</c:v>
                </c:pt>
                <c:pt idx="4488">
                  <c:v>74.799999999999983</c:v>
                </c:pt>
                <c:pt idx="4489">
                  <c:v>74.816666999999995</c:v>
                </c:pt>
                <c:pt idx="4490">
                  <c:v>74.833332999999982</c:v>
                </c:pt>
                <c:pt idx="4491">
                  <c:v>74.849999999999994</c:v>
                </c:pt>
                <c:pt idx="4492">
                  <c:v>74.866667000000007</c:v>
                </c:pt>
                <c:pt idx="4493">
                  <c:v>74.883332999999993</c:v>
                </c:pt>
                <c:pt idx="4494">
                  <c:v>74.900000000000006</c:v>
                </c:pt>
                <c:pt idx="4495">
                  <c:v>74.91666699999999</c:v>
                </c:pt>
                <c:pt idx="4496">
                  <c:v>74.933333000000005</c:v>
                </c:pt>
                <c:pt idx="4497">
                  <c:v>74.949999999999989</c:v>
                </c:pt>
                <c:pt idx="4498">
                  <c:v>74.966667000000001</c:v>
                </c:pt>
                <c:pt idx="4499">
                  <c:v>74.983332999999988</c:v>
                </c:pt>
                <c:pt idx="4500">
                  <c:v>75</c:v>
                </c:pt>
                <c:pt idx="4501">
                  <c:v>75.016666999999984</c:v>
                </c:pt>
                <c:pt idx="4502">
                  <c:v>75.033332999999999</c:v>
                </c:pt>
                <c:pt idx="4503">
                  <c:v>75.049999999999983</c:v>
                </c:pt>
                <c:pt idx="4504">
                  <c:v>75.066666999999995</c:v>
                </c:pt>
                <c:pt idx="4505">
                  <c:v>75.083332999999982</c:v>
                </c:pt>
                <c:pt idx="4506">
                  <c:v>75.099999999999994</c:v>
                </c:pt>
                <c:pt idx="4507">
                  <c:v>75.116667000000007</c:v>
                </c:pt>
                <c:pt idx="4508">
                  <c:v>75.133332999999993</c:v>
                </c:pt>
                <c:pt idx="4509">
                  <c:v>75.150000000000006</c:v>
                </c:pt>
                <c:pt idx="4510">
                  <c:v>75.16666699999999</c:v>
                </c:pt>
                <c:pt idx="4511">
                  <c:v>75.183333000000005</c:v>
                </c:pt>
                <c:pt idx="4512">
                  <c:v>75.199999999999989</c:v>
                </c:pt>
                <c:pt idx="4513">
                  <c:v>75.216667000000001</c:v>
                </c:pt>
                <c:pt idx="4514">
                  <c:v>75.233332999999988</c:v>
                </c:pt>
                <c:pt idx="4515">
                  <c:v>75.25</c:v>
                </c:pt>
                <c:pt idx="4516">
                  <c:v>75.266666999999984</c:v>
                </c:pt>
                <c:pt idx="4517">
                  <c:v>75.283332999999999</c:v>
                </c:pt>
                <c:pt idx="4518">
                  <c:v>75.299999999999983</c:v>
                </c:pt>
                <c:pt idx="4519">
                  <c:v>75.316666999999995</c:v>
                </c:pt>
                <c:pt idx="4520">
                  <c:v>75.333332999999982</c:v>
                </c:pt>
                <c:pt idx="4521">
                  <c:v>75.349999999999994</c:v>
                </c:pt>
                <c:pt idx="4522">
                  <c:v>75.366667000000007</c:v>
                </c:pt>
                <c:pt idx="4523">
                  <c:v>75.383332999999993</c:v>
                </c:pt>
                <c:pt idx="4524">
                  <c:v>75.400000000000006</c:v>
                </c:pt>
                <c:pt idx="4525">
                  <c:v>75.41666699999999</c:v>
                </c:pt>
                <c:pt idx="4526">
                  <c:v>75.433333000000005</c:v>
                </c:pt>
                <c:pt idx="4527">
                  <c:v>75.449999999999989</c:v>
                </c:pt>
                <c:pt idx="4528">
                  <c:v>75.466667000000001</c:v>
                </c:pt>
                <c:pt idx="4529">
                  <c:v>75.483332999999988</c:v>
                </c:pt>
                <c:pt idx="4530">
                  <c:v>75.5</c:v>
                </c:pt>
                <c:pt idx="4531">
                  <c:v>75.516666999999984</c:v>
                </c:pt>
                <c:pt idx="4532">
                  <c:v>75.533332999999999</c:v>
                </c:pt>
                <c:pt idx="4533">
                  <c:v>75.549999999999983</c:v>
                </c:pt>
                <c:pt idx="4534">
                  <c:v>75.566666999999995</c:v>
                </c:pt>
                <c:pt idx="4535">
                  <c:v>75.583332999999982</c:v>
                </c:pt>
                <c:pt idx="4536">
                  <c:v>75.599999999999994</c:v>
                </c:pt>
                <c:pt idx="4537">
                  <c:v>75.616667000000007</c:v>
                </c:pt>
                <c:pt idx="4538">
                  <c:v>75.633332999999993</c:v>
                </c:pt>
                <c:pt idx="4539">
                  <c:v>75.650000000000006</c:v>
                </c:pt>
                <c:pt idx="4540">
                  <c:v>75.66666699999999</c:v>
                </c:pt>
                <c:pt idx="4541">
                  <c:v>75.683333000000005</c:v>
                </c:pt>
                <c:pt idx="4542">
                  <c:v>75.699999999999989</c:v>
                </c:pt>
                <c:pt idx="4543">
                  <c:v>75.716667000000001</c:v>
                </c:pt>
                <c:pt idx="4544">
                  <c:v>75.733332999999988</c:v>
                </c:pt>
                <c:pt idx="4545">
                  <c:v>75.75</c:v>
                </c:pt>
                <c:pt idx="4546">
                  <c:v>75.766666999999984</c:v>
                </c:pt>
                <c:pt idx="4547">
                  <c:v>75.783332999999999</c:v>
                </c:pt>
                <c:pt idx="4548">
                  <c:v>75.799999999999983</c:v>
                </c:pt>
                <c:pt idx="4549">
                  <c:v>75.816666999999995</c:v>
                </c:pt>
                <c:pt idx="4550">
                  <c:v>75.833332999999982</c:v>
                </c:pt>
                <c:pt idx="4551">
                  <c:v>75.849999999999994</c:v>
                </c:pt>
                <c:pt idx="4552">
                  <c:v>75.866667000000007</c:v>
                </c:pt>
                <c:pt idx="4553">
                  <c:v>75.883332999999993</c:v>
                </c:pt>
                <c:pt idx="4554">
                  <c:v>75.900000000000006</c:v>
                </c:pt>
                <c:pt idx="4555">
                  <c:v>75.91666699999999</c:v>
                </c:pt>
                <c:pt idx="4556">
                  <c:v>75.933333000000005</c:v>
                </c:pt>
                <c:pt idx="4557">
                  <c:v>75.949999999999989</c:v>
                </c:pt>
                <c:pt idx="4558">
                  <c:v>75.966667000000001</c:v>
                </c:pt>
                <c:pt idx="4559">
                  <c:v>75.983332999999988</c:v>
                </c:pt>
                <c:pt idx="4560">
                  <c:v>76</c:v>
                </c:pt>
                <c:pt idx="4561">
                  <c:v>76.016666999999984</c:v>
                </c:pt>
                <c:pt idx="4562">
                  <c:v>76.033332999999999</c:v>
                </c:pt>
                <c:pt idx="4563">
                  <c:v>76.049999999999983</c:v>
                </c:pt>
                <c:pt idx="4564">
                  <c:v>76.066666999999995</c:v>
                </c:pt>
                <c:pt idx="4565">
                  <c:v>76.083332999999982</c:v>
                </c:pt>
                <c:pt idx="4566">
                  <c:v>76.099999999999994</c:v>
                </c:pt>
                <c:pt idx="4567">
                  <c:v>76.116667000000007</c:v>
                </c:pt>
                <c:pt idx="4568">
                  <c:v>76.133332999999993</c:v>
                </c:pt>
                <c:pt idx="4569">
                  <c:v>76.150000000000006</c:v>
                </c:pt>
                <c:pt idx="4570">
                  <c:v>76.16666699999999</c:v>
                </c:pt>
                <c:pt idx="4571">
                  <c:v>76.183333000000005</c:v>
                </c:pt>
                <c:pt idx="4572">
                  <c:v>76.199999999999989</c:v>
                </c:pt>
                <c:pt idx="4573">
                  <c:v>76.216667000000001</c:v>
                </c:pt>
                <c:pt idx="4574">
                  <c:v>76.233332999999988</c:v>
                </c:pt>
                <c:pt idx="4575">
                  <c:v>76.25</c:v>
                </c:pt>
                <c:pt idx="4576">
                  <c:v>76.266666999999984</c:v>
                </c:pt>
                <c:pt idx="4577">
                  <c:v>76.283332999999999</c:v>
                </c:pt>
                <c:pt idx="4578">
                  <c:v>76.299999999999983</c:v>
                </c:pt>
                <c:pt idx="4579">
                  <c:v>76.316666999999995</c:v>
                </c:pt>
                <c:pt idx="4580">
                  <c:v>76.333332999999982</c:v>
                </c:pt>
                <c:pt idx="4581">
                  <c:v>76.349999999999994</c:v>
                </c:pt>
                <c:pt idx="4582">
                  <c:v>76.366667000000007</c:v>
                </c:pt>
                <c:pt idx="4583">
                  <c:v>76.383332999999993</c:v>
                </c:pt>
                <c:pt idx="4584">
                  <c:v>76.400000000000006</c:v>
                </c:pt>
                <c:pt idx="4585">
                  <c:v>76.41666699999999</c:v>
                </c:pt>
                <c:pt idx="4586">
                  <c:v>76.433333000000005</c:v>
                </c:pt>
                <c:pt idx="4587">
                  <c:v>76.449999999999989</c:v>
                </c:pt>
                <c:pt idx="4588">
                  <c:v>76.466667000000001</c:v>
                </c:pt>
                <c:pt idx="4589">
                  <c:v>76.483332999999988</c:v>
                </c:pt>
                <c:pt idx="4590">
                  <c:v>76.5</c:v>
                </c:pt>
                <c:pt idx="4591">
                  <c:v>76.516666999999984</c:v>
                </c:pt>
                <c:pt idx="4592">
                  <c:v>76.533332999999999</c:v>
                </c:pt>
                <c:pt idx="4593">
                  <c:v>76.549999999999983</c:v>
                </c:pt>
                <c:pt idx="4594">
                  <c:v>76.566666999999995</c:v>
                </c:pt>
                <c:pt idx="4595">
                  <c:v>76.583332999999982</c:v>
                </c:pt>
                <c:pt idx="4596">
                  <c:v>76.599999999999994</c:v>
                </c:pt>
                <c:pt idx="4597">
                  <c:v>76.616667000000007</c:v>
                </c:pt>
                <c:pt idx="4598">
                  <c:v>76.633332999999993</c:v>
                </c:pt>
                <c:pt idx="4599">
                  <c:v>76.650000000000006</c:v>
                </c:pt>
                <c:pt idx="4600">
                  <c:v>76.66666699999999</c:v>
                </c:pt>
                <c:pt idx="4601">
                  <c:v>76.683333000000005</c:v>
                </c:pt>
                <c:pt idx="4602">
                  <c:v>76.699999999999989</c:v>
                </c:pt>
                <c:pt idx="4603">
                  <c:v>76.716667000000001</c:v>
                </c:pt>
                <c:pt idx="4604">
                  <c:v>76.733332999999988</c:v>
                </c:pt>
                <c:pt idx="4605">
                  <c:v>76.75</c:v>
                </c:pt>
                <c:pt idx="4606">
                  <c:v>76.766666999999984</c:v>
                </c:pt>
                <c:pt idx="4607">
                  <c:v>76.783332999999999</c:v>
                </c:pt>
                <c:pt idx="4608">
                  <c:v>76.799999999999983</c:v>
                </c:pt>
                <c:pt idx="4609">
                  <c:v>76.816666999999995</c:v>
                </c:pt>
                <c:pt idx="4610">
                  <c:v>76.833332999999982</c:v>
                </c:pt>
                <c:pt idx="4611">
                  <c:v>76.849999999999994</c:v>
                </c:pt>
                <c:pt idx="4612">
                  <c:v>76.866667000000007</c:v>
                </c:pt>
                <c:pt idx="4613">
                  <c:v>76.883332999999993</c:v>
                </c:pt>
                <c:pt idx="4614">
                  <c:v>76.900000000000006</c:v>
                </c:pt>
                <c:pt idx="4615">
                  <c:v>76.91666699999999</c:v>
                </c:pt>
                <c:pt idx="4616">
                  <c:v>76.933333000000005</c:v>
                </c:pt>
                <c:pt idx="4617">
                  <c:v>76.949999999999989</c:v>
                </c:pt>
                <c:pt idx="4618">
                  <c:v>76.966667000000001</c:v>
                </c:pt>
                <c:pt idx="4619">
                  <c:v>76.983332999999988</c:v>
                </c:pt>
                <c:pt idx="4620">
                  <c:v>77</c:v>
                </c:pt>
                <c:pt idx="4621">
                  <c:v>77.016666999999984</c:v>
                </c:pt>
                <c:pt idx="4622">
                  <c:v>77.033332999999999</c:v>
                </c:pt>
                <c:pt idx="4623">
                  <c:v>77.049999999999983</c:v>
                </c:pt>
                <c:pt idx="4624">
                  <c:v>77.066666999999995</c:v>
                </c:pt>
                <c:pt idx="4625">
                  <c:v>77.083332999999982</c:v>
                </c:pt>
                <c:pt idx="4626">
                  <c:v>77.099999999999994</c:v>
                </c:pt>
                <c:pt idx="4627">
                  <c:v>77.116667000000007</c:v>
                </c:pt>
                <c:pt idx="4628">
                  <c:v>77.133332999999993</c:v>
                </c:pt>
                <c:pt idx="4629">
                  <c:v>77.150000000000006</c:v>
                </c:pt>
                <c:pt idx="4630">
                  <c:v>77.16666699999999</c:v>
                </c:pt>
                <c:pt idx="4631">
                  <c:v>77.183333000000005</c:v>
                </c:pt>
                <c:pt idx="4632">
                  <c:v>77.199999999999989</c:v>
                </c:pt>
                <c:pt idx="4633">
                  <c:v>77.216667000000001</c:v>
                </c:pt>
                <c:pt idx="4634">
                  <c:v>77.233332999999988</c:v>
                </c:pt>
                <c:pt idx="4635">
                  <c:v>77.25</c:v>
                </c:pt>
                <c:pt idx="4636">
                  <c:v>77.266666999999984</c:v>
                </c:pt>
                <c:pt idx="4637">
                  <c:v>77.283332999999999</c:v>
                </c:pt>
                <c:pt idx="4638">
                  <c:v>77.299999999999983</c:v>
                </c:pt>
                <c:pt idx="4639">
                  <c:v>77.316666999999995</c:v>
                </c:pt>
                <c:pt idx="4640">
                  <c:v>77.333332999999982</c:v>
                </c:pt>
                <c:pt idx="4641">
                  <c:v>77.349999999999994</c:v>
                </c:pt>
                <c:pt idx="4642">
                  <c:v>77.366667000000007</c:v>
                </c:pt>
                <c:pt idx="4643">
                  <c:v>77.383332999999993</c:v>
                </c:pt>
                <c:pt idx="4644">
                  <c:v>77.400000000000006</c:v>
                </c:pt>
                <c:pt idx="4645">
                  <c:v>77.41666699999999</c:v>
                </c:pt>
                <c:pt idx="4646">
                  <c:v>77.433333000000005</c:v>
                </c:pt>
                <c:pt idx="4647">
                  <c:v>77.449999999999989</c:v>
                </c:pt>
                <c:pt idx="4648">
                  <c:v>77.466667000000001</c:v>
                </c:pt>
                <c:pt idx="4649">
                  <c:v>77.483332999999988</c:v>
                </c:pt>
                <c:pt idx="4650">
                  <c:v>77.5</c:v>
                </c:pt>
                <c:pt idx="4651">
                  <c:v>77.516666999999984</c:v>
                </c:pt>
                <c:pt idx="4652">
                  <c:v>77.533332999999999</c:v>
                </c:pt>
                <c:pt idx="4653">
                  <c:v>77.549999999999983</c:v>
                </c:pt>
                <c:pt idx="4654">
                  <c:v>77.566666999999995</c:v>
                </c:pt>
                <c:pt idx="4655">
                  <c:v>77.583332999999982</c:v>
                </c:pt>
                <c:pt idx="4656">
                  <c:v>77.599999999999994</c:v>
                </c:pt>
                <c:pt idx="4657">
                  <c:v>77.616667000000007</c:v>
                </c:pt>
                <c:pt idx="4658">
                  <c:v>77.633332999999993</c:v>
                </c:pt>
                <c:pt idx="4659">
                  <c:v>77.650000000000006</c:v>
                </c:pt>
                <c:pt idx="4660">
                  <c:v>77.66666699999999</c:v>
                </c:pt>
                <c:pt idx="4661">
                  <c:v>77.683333000000005</c:v>
                </c:pt>
                <c:pt idx="4662">
                  <c:v>77.699999999999989</c:v>
                </c:pt>
                <c:pt idx="4663">
                  <c:v>77.716667000000001</c:v>
                </c:pt>
                <c:pt idx="4664">
                  <c:v>77.733332999999988</c:v>
                </c:pt>
                <c:pt idx="4665">
                  <c:v>77.75</c:v>
                </c:pt>
                <c:pt idx="4666">
                  <c:v>77.766666999999984</c:v>
                </c:pt>
                <c:pt idx="4667">
                  <c:v>77.783332999999999</c:v>
                </c:pt>
                <c:pt idx="4668">
                  <c:v>77.799999999999983</c:v>
                </c:pt>
                <c:pt idx="4669">
                  <c:v>77.816666999999995</c:v>
                </c:pt>
                <c:pt idx="4670">
                  <c:v>77.833332999999982</c:v>
                </c:pt>
                <c:pt idx="4671">
                  <c:v>77.849999999999994</c:v>
                </c:pt>
                <c:pt idx="4672">
                  <c:v>77.866667000000007</c:v>
                </c:pt>
                <c:pt idx="4673">
                  <c:v>77.883332999999993</c:v>
                </c:pt>
                <c:pt idx="4674">
                  <c:v>77.900000000000006</c:v>
                </c:pt>
                <c:pt idx="4675">
                  <c:v>77.91666699999999</c:v>
                </c:pt>
                <c:pt idx="4676">
                  <c:v>77.933333000000005</c:v>
                </c:pt>
                <c:pt idx="4677">
                  <c:v>77.949999999999989</c:v>
                </c:pt>
                <c:pt idx="4678">
                  <c:v>77.966667000000001</c:v>
                </c:pt>
                <c:pt idx="4679">
                  <c:v>77.983332999999988</c:v>
                </c:pt>
                <c:pt idx="4680">
                  <c:v>78</c:v>
                </c:pt>
                <c:pt idx="4681">
                  <c:v>78.016666999999984</c:v>
                </c:pt>
                <c:pt idx="4682">
                  <c:v>78.033332999999999</c:v>
                </c:pt>
                <c:pt idx="4683">
                  <c:v>78.049999999999983</c:v>
                </c:pt>
                <c:pt idx="4684">
                  <c:v>78.066666999999995</c:v>
                </c:pt>
                <c:pt idx="4685">
                  <c:v>78.083332999999982</c:v>
                </c:pt>
                <c:pt idx="4686">
                  <c:v>78.099999999999994</c:v>
                </c:pt>
                <c:pt idx="4687">
                  <c:v>78.116667000000007</c:v>
                </c:pt>
                <c:pt idx="4688">
                  <c:v>78.133332999999993</c:v>
                </c:pt>
                <c:pt idx="4689">
                  <c:v>78.150000000000006</c:v>
                </c:pt>
                <c:pt idx="4690">
                  <c:v>78.16666699999999</c:v>
                </c:pt>
                <c:pt idx="4691">
                  <c:v>78.183333000000005</c:v>
                </c:pt>
                <c:pt idx="4692">
                  <c:v>78.199999999999989</c:v>
                </c:pt>
                <c:pt idx="4693">
                  <c:v>78.216667000000001</c:v>
                </c:pt>
                <c:pt idx="4694">
                  <c:v>78.233332999999988</c:v>
                </c:pt>
                <c:pt idx="4695">
                  <c:v>78.25</c:v>
                </c:pt>
                <c:pt idx="4696">
                  <c:v>78.266666999999984</c:v>
                </c:pt>
                <c:pt idx="4697">
                  <c:v>78.283332999999999</c:v>
                </c:pt>
                <c:pt idx="4698">
                  <c:v>78.299999999999983</c:v>
                </c:pt>
                <c:pt idx="4699">
                  <c:v>78.316666999999995</c:v>
                </c:pt>
                <c:pt idx="4700">
                  <c:v>78.333332999999982</c:v>
                </c:pt>
                <c:pt idx="4701">
                  <c:v>78.349999999999994</c:v>
                </c:pt>
                <c:pt idx="4702">
                  <c:v>78.366667000000007</c:v>
                </c:pt>
                <c:pt idx="4703">
                  <c:v>78.383332999999993</c:v>
                </c:pt>
                <c:pt idx="4704">
                  <c:v>78.400000000000006</c:v>
                </c:pt>
                <c:pt idx="4705">
                  <c:v>78.41666699999999</c:v>
                </c:pt>
                <c:pt idx="4706">
                  <c:v>78.433333000000005</c:v>
                </c:pt>
                <c:pt idx="4707">
                  <c:v>78.449999999999989</c:v>
                </c:pt>
                <c:pt idx="4708">
                  <c:v>78.466667000000001</c:v>
                </c:pt>
                <c:pt idx="4709">
                  <c:v>78.483332999999988</c:v>
                </c:pt>
                <c:pt idx="4710">
                  <c:v>78.5</c:v>
                </c:pt>
                <c:pt idx="4711">
                  <c:v>78.516666999999984</c:v>
                </c:pt>
                <c:pt idx="4712">
                  <c:v>78.533332999999999</c:v>
                </c:pt>
                <c:pt idx="4713">
                  <c:v>78.549999999999983</c:v>
                </c:pt>
                <c:pt idx="4714">
                  <c:v>78.566666999999995</c:v>
                </c:pt>
                <c:pt idx="4715">
                  <c:v>78.583332999999982</c:v>
                </c:pt>
                <c:pt idx="4716">
                  <c:v>78.599999999999994</c:v>
                </c:pt>
                <c:pt idx="4717">
                  <c:v>78.616667000000007</c:v>
                </c:pt>
                <c:pt idx="4718">
                  <c:v>78.633332999999993</c:v>
                </c:pt>
                <c:pt idx="4719">
                  <c:v>78.650000000000006</c:v>
                </c:pt>
                <c:pt idx="4720">
                  <c:v>78.66666699999999</c:v>
                </c:pt>
                <c:pt idx="4721">
                  <c:v>78.683333000000005</c:v>
                </c:pt>
                <c:pt idx="4722">
                  <c:v>78.699999999999989</c:v>
                </c:pt>
                <c:pt idx="4723">
                  <c:v>78.716667000000001</c:v>
                </c:pt>
                <c:pt idx="4724">
                  <c:v>78.733332999999988</c:v>
                </c:pt>
                <c:pt idx="4725">
                  <c:v>78.75</c:v>
                </c:pt>
                <c:pt idx="4726">
                  <c:v>78.766666999999984</c:v>
                </c:pt>
                <c:pt idx="4727">
                  <c:v>78.783332999999999</c:v>
                </c:pt>
                <c:pt idx="4728">
                  <c:v>78.799999999999983</c:v>
                </c:pt>
                <c:pt idx="4729">
                  <c:v>78.816666999999995</c:v>
                </c:pt>
                <c:pt idx="4730">
                  <c:v>78.833332999999982</c:v>
                </c:pt>
                <c:pt idx="4731">
                  <c:v>78.849999999999994</c:v>
                </c:pt>
                <c:pt idx="4732">
                  <c:v>78.866667000000007</c:v>
                </c:pt>
                <c:pt idx="4733">
                  <c:v>78.883332999999993</c:v>
                </c:pt>
                <c:pt idx="4734">
                  <c:v>78.900000000000006</c:v>
                </c:pt>
                <c:pt idx="4735">
                  <c:v>78.91666699999999</c:v>
                </c:pt>
                <c:pt idx="4736">
                  <c:v>78.933333000000005</c:v>
                </c:pt>
                <c:pt idx="4737">
                  <c:v>78.949999999999989</c:v>
                </c:pt>
                <c:pt idx="4738">
                  <c:v>78.966667000000001</c:v>
                </c:pt>
                <c:pt idx="4739">
                  <c:v>78.983332999999988</c:v>
                </c:pt>
                <c:pt idx="4740">
                  <c:v>79</c:v>
                </c:pt>
                <c:pt idx="4741">
                  <c:v>79.016666999999984</c:v>
                </c:pt>
                <c:pt idx="4742">
                  <c:v>79.033332999999999</c:v>
                </c:pt>
                <c:pt idx="4743">
                  <c:v>79.049999999999983</c:v>
                </c:pt>
                <c:pt idx="4744">
                  <c:v>79.066666999999995</c:v>
                </c:pt>
                <c:pt idx="4745">
                  <c:v>79.083332999999982</c:v>
                </c:pt>
                <c:pt idx="4746">
                  <c:v>79.099999999999994</c:v>
                </c:pt>
                <c:pt idx="4747">
                  <c:v>79.116667000000007</c:v>
                </c:pt>
                <c:pt idx="4748">
                  <c:v>79.133332999999993</c:v>
                </c:pt>
                <c:pt idx="4749">
                  <c:v>79.150000000000006</c:v>
                </c:pt>
                <c:pt idx="4750">
                  <c:v>79.16666699999999</c:v>
                </c:pt>
                <c:pt idx="4751">
                  <c:v>79.183333000000005</c:v>
                </c:pt>
                <c:pt idx="4752">
                  <c:v>79.199999999999989</c:v>
                </c:pt>
                <c:pt idx="4753">
                  <c:v>79.216667000000001</c:v>
                </c:pt>
                <c:pt idx="4754">
                  <c:v>79.233332999999988</c:v>
                </c:pt>
                <c:pt idx="4755">
                  <c:v>79.25</c:v>
                </c:pt>
                <c:pt idx="4756">
                  <c:v>79.266666999999984</c:v>
                </c:pt>
                <c:pt idx="4757">
                  <c:v>79.283332999999999</c:v>
                </c:pt>
                <c:pt idx="4758">
                  <c:v>79.299999999999983</c:v>
                </c:pt>
                <c:pt idx="4759">
                  <c:v>79.316666999999995</c:v>
                </c:pt>
                <c:pt idx="4760">
                  <c:v>79.333332999999982</c:v>
                </c:pt>
                <c:pt idx="4761">
                  <c:v>79.349999999999994</c:v>
                </c:pt>
                <c:pt idx="4762">
                  <c:v>79.366667000000007</c:v>
                </c:pt>
                <c:pt idx="4763">
                  <c:v>79.383332999999993</c:v>
                </c:pt>
                <c:pt idx="4764">
                  <c:v>79.400000000000006</c:v>
                </c:pt>
                <c:pt idx="4765">
                  <c:v>79.41666699999999</c:v>
                </c:pt>
                <c:pt idx="4766">
                  <c:v>79.433333000000005</c:v>
                </c:pt>
                <c:pt idx="4767">
                  <c:v>79.449999999999989</c:v>
                </c:pt>
                <c:pt idx="4768">
                  <c:v>79.466667000000001</c:v>
                </c:pt>
                <c:pt idx="4769">
                  <c:v>79.483332999999988</c:v>
                </c:pt>
                <c:pt idx="4770">
                  <c:v>79.5</c:v>
                </c:pt>
                <c:pt idx="4771">
                  <c:v>79.516666999999984</c:v>
                </c:pt>
                <c:pt idx="4772">
                  <c:v>79.533332999999999</c:v>
                </c:pt>
                <c:pt idx="4773">
                  <c:v>79.549999999999983</c:v>
                </c:pt>
                <c:pt idx="4774">
                  <c:v>79.566666999999995</c:v>
                </c:pt>
                <c:pt idx="4775">
                  <c:v>79.583332999999982</c:v>
                </c:pt>
                <c:pt idx="4776">
                  <c:v>79.599999999999994</c:v>
                </c:pt>
                <c:pt idx="4777">
                  <c:v>79.616667000000007</c:v>
                </c:pt>
                <c:pt idx="4778">
                  <c:v>79.633332999999993</c:v>
                </c:pt>
                <c:pt idx="4779">
                  <c:v>79.650000000000006</c:v>
                </c:pt>
                <c:pt idx="4780">
                  <c:v>79.66666699999999</c:v>
                </c:pt>
                <c:pt idx="4781">
                  <c:v>79.683333000000005</c:v>
                </c:pt>
                <c:pt idx="4782">
                  <c:v>79.699999999999989</c:v>
                </c:pt>
                <c:pt idx="4783">
                  <c:v>79.716667000000001</c:v>
                </c:pt>
                <c:pt idx="4784">
                  <c:v>79.733332999999988</c:v>
                </c:pt>
                <c:pt idx="4785">
                  <c:v>79.75</c:v>
                </c:pt>
                <c:pt idx="4786">
                  <c:v>79.766666999999984</c:v>
                </c:pt>
                <c:pt idx="4787">
                  <c:v>79.783332999999999</c:v>
                </c:pt>
                <c:pt idx="4788">
                  <c:v>79.799999999999983</c:v>
                </c:pt>
                <c:pt idx="4789">
                  <c:v>79.816666999999995</c:v>
                </c:pt>
                <c:pt idx="4790">
                  <c:v>79.833332999999982</c:v>
                </c:pt>
                <c:pt idx="4791">
                  <c:v>79.849999999999994</c:v>
                </c:pt>
                <c:pt idx="4792">
                  <c:v>79.866667000000007</c:v>
                </c:pt>
                <c:pt idx="4793">
                  <c:v>79.883332999999993</c:v>
                </c:pt>
                <c:pt idx="4794">
                  <c:v>79.900000000000006</c:v>
                </c:pt>
                <c:pt idx="4795">
                  <c:v>79.91666699999999</c:v>
                </c:pt>
                <c:pt idx="4796">
                  <c:v>79.933333000000005</c:v>
                </c:pt>
                <c:pt idx="4797">
                  <c:v>79.949999999999989</c:v>
                </c:pt>
                <c:pt idx="4798">
                  <c:v>79.966667000000001</c:v>
                </c:pt>
                <c:pt idx="4799">
                  <c:v>79.983332999999988</c:v>
                </c:pt>
                <c:pt idx="4800">
                  <c:v>80</c:v>
                </c:pt>
                <c:pt idx="4801">
                  <c:v>80.016666999999984</c:v>
                </c:pt>
                <c:pt idx="4802">
                  <c:v>80.033332999999999</c:v>
                </c:pt>
                <c:pt idx="4803">
                  <c:v>80.049999999999983</c:v>
                </c:pt>
                <c:pt idx="4804">
                  <c:v>80.066666999999995</c:v>
                </c:pt>
                <c:pt idx="4805">
                  <c:v>80.083332999999982</c:v>
                </c:pt>
                <c:pt idx="4806">
                  <c:v>80.099999999999994</c:v>
                </c:pt>
                <c:pt idx="4807">
                  <c:v>80.116667000000007</c:v>
                </c:pt>
                <c:pt idx="4808">
                  <c:v>80.133332999999993</c:v>
                </c:pt>
                <c:pt idx="4809">
                  <c:v>80.150000000000006</c:v>
                </c:pt>
                <c:pt idx="4810">
                  <c:v>80.16666699999999</c:v>
                </c:pt>
                <c:pt idx="4811">
                  <c:v>80.183333000000005</c:v>
                </c:pt>
                <c:pt idx="4812">
                  <c:v>80.199999999999989</c:v>
                </c:pt>
                <c:pt idx="4813">
                  <c:v>80.216667000000001</c:v>
                </c:pt>
                <c:pt idx="4814">
                  <c:v>80.233332999999988</c:v>
                </c:pt>
                <c:pt idx="4815">
                  <c:v>80.25</c:v>
                </c:pt>
                <c:pt idx="4816">
                  <c:v>80.266666999999984</c:v>
                </c:pt>
                <c:pt idx="4817">
                  <c:v>80.283332999999999</c:v>
                </c:pt>
                <c:pt idx="4818">
                  <c:v>80.299999999999983</c:v>
                </c:pt>
                <c:pt idx="4819">
                  <c:v>80.316666999999995</c:v>
                </c:pt>
                <c:pt idx="4820">
                  <c:v>80.333332999999982</c:v>
                </c:pt>
                <c:pt idx="4821">
                  <c:v>80.349999999999994</c:v>
                </c:pt>
                <c:pt idx="4822">
                  <c:v>80.366667000000007</c:v>
                </c:pt>
                <c:pt idx="4823">
                  <c:v>80.383332999999993</c:v>
                </c:pt>
                <c:pt idx="4824">
                  <c:v>80.400000000000006</c:v>
                </c:pt>
                <c:pt idx="4825">
                  <c:v>80.41666699999999</c:v>
                </c:pt>
                <c:pt idx="4826">
                  <c:v>80.433333000000005</c:v>
                </c:pt>
                <c:pt idx="4827">
                  <c:v>80.449999999999989</c:v>
                </c:pt>
                <c:pt idx="4828">
                  <c:v>80.466667000000001</c:v>
                </c:pt>
                <c:pt idx="4829">
                  <c:v>80.483332999999988</c:v>
                </c:pt>
                <c:pt idx="4830">
                  <c:v>80.5</c:v>
                </c:pt>
                <c:pt idx="4831">
                  <c:v>80.516666999999984</c:v>
                </c:pt>
                <c:pt idx="4832">
                  <c:v>80.533332999999999</c:v>
                </c:pt>
                <c:pt idx="4833">
                  <c:v>80.549999999999983</c:v>
                </c:pt>
                <c:pt idx="4834">
                  <c:v>80.566666999999995</c:v>
                </c:pt>
                <c:pt idx="4835">
                  <c:v>80.583332999999982</c:v>
                </c:pt>
                <c:pt idx="4836">
                  <c:v>80.599999999999994</c:v>
                </c:pt>
                <c:pt idx="4837">
                  <c:v>80.616667000000007</c:v>
                </c:pt>
                <c:pt idx="4838">
                  <c:v>80.633332999999993</c:v>
                </c:pt>
                <c:pt idx="4839">
                  <c:v>80.650000000000006</c:v>
                </c:pt>
                <c:pt idx="4840">
                  <c:v>80.66666699999999</c:v>
                </c:pt>
                <c:pt idx="4841">
                  <c:v>80.683333000000005</c:v>
                </c:pt>
                <c:pt idx="4842">
                  <c:v>80.699999999999989</c:v>
                </c:pt>
                <c:pt idx="4843">
                  <c:v>80.716667000000001</c:v>
                </c:pt>
                <c:pt idx="4844">
                  <c:v>80.733332999999988</c:v>
                </c:pt>
                <c:pt idx="4845">
                  <c:v>80.75</c:v>
                </c:pt>
                <c:pt idx="4846">
                  <c:v>80.766666999999984</c:v>
                </c:pt>
                <c:pt idx="4847">
                  <c:v>80.783332999999999</c:v>
                </c:pt>
                <c:pt idx="4848">
                  <c:v>80.799999999999983</c:v>
                </c:pt>
                <c:pt idx="4849">
                  <c:v>80.816666999999995</c:v>
                </c:pt>
                <c:pt idx="4850">
                  <c:v>80.833332999999982</c:v>
                </c:pt>
                <c:pt idx="4851">
                  <c:v>80.849999999999994</c:v>
                </c:pt>
                <c:pt idx="4852">
                  <c:v>80.866667000000007</c:v>
                </c:pt>
                <c:pt idx="4853">
                  <c:v>80.883332999999993</c:v>
                </c:pt>
                <c:pt idx="4854">
                  <c:v>80.900000000000006</c:v>
                </c:pt>
                <c:pt idx="4855">
                  <c:v>80.91666699999999</c:v>
                </c:pt>
                <c:pt idx="4856">
                  <c:v>80.933333000000005</c:v>
                </c:pt>
                <c:pt idx="4857">
                  <c:v>80.949999999999989</c:v>
                </c:pt>
                <c:pt idx="4858">
                  <c:v>80.966667000000001</c:v>
                </c:pt>
                <c:pt idx="4859">
                  <c:v>80.983332999999988</c:v>
                </c:pt>
                <c:pt idx="4860">
                  <c:v>81</c:v>
                </c:pt>
                <c:pt idx="4861">
                  <c:v>81.016666999999984</c:v>
                </c:pt>
                <c:pt idx="4862">
                  <c:v>81.033332999999999</c:v>
                </c:pt>
                <c:pt idx="4863">
                  <c:v>81.049999999999983</c:v>
                </c:pt>
                <c:pt idx="4864">
                  <c:v>81.066666999999995</c:v>
                </c:pt>
                <c:pt idx="4865">
                  <c:v>81.083332999999982</c:v>
                </c:pt>
                <c:pt idx="4866">
                  <c:v>81.099999999999994</c:v>
                </c:pt>
                <c:pt idx="4867">
                  <c:v>81.116667000000007</c:v>
                </c:pt>
                <c:pt idx="4868">
                  <c:v>81.133332999999993</c:v>
                </c:pt>
                <c:pt idx="4869">
                  <c:v>81.150000000000006</c:v>
                </c:pt>
                <c:pt idx="4870">
                  <c:v>81.16666699999999</c:v>
                </c:pt>
                <c:pt idx="4871">
                  <c:v>81.183333000000005</c:v>
                </c:pt>
                <c:pt idx="4872">
                  <c:v>81.199999999999989</c:v>
                </c:pt>
                <c:pt idx="4873">
                  <c:v>81.216667000000001</c:v>
                </c:pt>
                <c:pt idx="4874">
                  <c:v>81.233332999999988</c:v>
                </c:pt>
                <c:pt idx="4875">
                  <c:v>81.25</c:v>
                </c:pt>
                <c:pt idx="4876">
                  <c:v>81.266666999999984</c:v>
                </c:pt>
                <c:pt idx="4877">
                  <c:v>81.283332999999999</c:v>
                </c:pt>
                <c:pt idx="4878">
                  <c:v>81.299999999999983</c:v>
                </c:pt>
                <c:pt idx="4879">
                  <c:v>81.316666999999995</c:v>
                </c:pt>
                <c:pt idx="4880">
                  <c:v>81.333332999999982</c:v>
                </c:pt>
                <c:pt idx="4881">
                  <c:v>81.349999999999994</c:v>
                </c:pt>
                <c:pt idx="4882">
                  <c:v>81.366667000000007</c:v>
                </c:pt>
                <c:pt idx="4883">
                  <c:v>81.383332999999993</c:v>
                </c:pt>
                <c:pt idx="4884">
                  <c:v>81.400000000000006</c:v>
                </c:pt>
                <c:pt idx="4885">
                  <c:v>81.41666699999999</c:v>
                </c:pt>
                <c:pt idx="4886">
                  <c:v>81.433333000000005</c:v>
                </c:pt>
                <c:pt idx="4887">
                  <c:v>81.449999999999989</c:v>
                </c:pt>
                <c:pt idx="4888">
                  <c:v>81.466667000000001</c:v>
                </c:pt>
                <c:pt idx="4889">
                  <c:v>81.483332999999988</c:v>
                </c:pt>
                <c:pt idx="4890">
                  <c:v>81.5</c:v>
                </c:pt>
                <c:pt idx="4891">
                  <c:v>81.516666999999984</c:v>
                </c:pt>
                <c:pt idx="4892">
                  <c:v>81.533332999999999</c:v>
                </c:pt>
                <c:pt idx="4893">
                  <c:v>81.549999999999983</c:v>
                </c:pt>
                <c:pt idx="4894">
                  <c:v>81.566666999999995</c:v>
                </c:pt>
                <c:pt idx="4895">
                  <c:v>81.583332999999982</c:v>
                </c:pt>
                <c:pt idx="4896">
                  <c:v>81.599999999999994</c:v>
                </c:pt>
                <c:pt idx="4897">
                  <c:v>81.616667000000007</c:v>
                </c:pt>
                <c:pt idx="4898">
                  <c:v>81.633332999999993</c:v>
                </c:pt>
                <c:pt idx="4899">
                  <c:v>81.650000000000006</c:v>
                </c:pt>
                <c:pt idx="4900">
                  <c:v>81.66666699999999</c:v>
                </c:pt>
                <c:pt idx="4901">
                  <c:v>81.683333000000005</c:v>
                </c:pt>
                <c:pt idx="4902">
                  <c:v>81.699999999999989</c:v>
                </c:pt>
                <c:pt idx="4903">
                  <c:v>81.716667000000001</c:v>
                </c:pt>
                <c:pt idx="4904">
                  <c:v>81.733332999999988</c:v>
                </c:pt>
                <c:pt idx="4905">
                  <c:v>81.75</c:v>
                </c:pt>
                <c:pt idx="4906">
                  <c:v>81.766666999999984</c:v>
                </c:pt>
                <c:pt idx="4907">
                  <c:v>81.783332999999999</c:v>
                </c:pt>
                <c:pt idx="4908">
                  <c:v>81.799999999999983</c:v>
                </c:pt>
                <c:pt idx="4909">
                  <c:v>81.816666999999995</c:v>
                </c:pt>
                <c:pt idx="4910">
                  <c:v>81.833332999999982</c:v>
                </c:pt>
                <c:pt idx="4911">
                  <c:v>81.849999999999994</c:v>
                </c:pt>
                <c:pt idx="4912">
                  <c:v>81.866667000000007</c:v>
                </c:pt>
                <c:pt idx="4913">
                  <c:v>81.883332999999993</c:v>
                </c:pt>
                <c:pt idx="4914">
                  <c:v>81.900000000000006</c:v>
                </c:pt>
                <c:pt idx="4915">
                  <c:v>81.91666699999999</c:v>
                </c:pt>
                <c:pt idx="4916">
                  <c:v>81.933333000000005</c:v>
                </c:pt>
                <c:pt idx="4917">
                  <c:v>81.949999999999989</c:v>
                </c:pt>
                <c:pt idx="4918">
                  <c:v>81.966667000000001</c:v>
                </c:pt>
                <c:pt idx="4919">
                  <c:v>81.983332999999988</c:v>
                </c:pt>
                <c:pt idx="4920">
                  <c:v>82</c:v>
                </c:pt>
                <c:pt idx="4921">
                  <c:v>82.016666999999984</c:v>
                </c:pt>
                <c:pt idx="4922">
                  <c:v>82.033332999999999</c:v>
                </c:pt>
                <c:pt idx="4923">
                  <c:v>82.049999999999983</c:v>
                </c:pt>
                <c:pt idx="4924">
                  <c:v>82.066666999999995</c:v>
                </c:pt>
                <c:pt idx="4925">
                  <c:v>82.083332999999982</c:v>
                </c:pt>
                <c:pt idx="4926">
                  <c:v>82.1</c:v>
                </c:pt>
                <c:pt idx="4927">
                  <c:v>82.116667000000007</c:v>
                </c:pt>
                <c:pt idx="4928">
                  <c:v>82.133332999999993</c:v>
                </c:pt>
                <c:pt idx="4929">
                  <c:v>82.15</c:v>
                </c:pt>
                <c:pt idx="4930">
                  <c:v>82.16666699999999</c:v>
                </c:pt>
                <c:pt idx="4931">
                  <c:v>82.183333000000005</c:v>
                </c:pt>
                <c:pt idx="4932">
                  <c:v>82.199999999999989</c:v>
                </c:pt>
                <c:pt idx="4933">
                  <c:v>82.216667000000001</c:v>
                </c:pt>
                <c:pt idx="4934">
                  <c:v>82.233332999999988</c:v>
                </c:pt>
                <c:pt idx="4935">
                  <c:v>82.25</c:v>
                </c:pt>
                <c:pt idx="4936">
                  <c:v>82.266666999999984</c:v>
                </c:pt>
                <c:pt idx="4937">
                  <c:v>82.283332999999999</c:v>
                </c:pt>
                <c:pt idx="4938">
                  <c:v>82.299999999999983</c:v>
                </c:pt>
                <c:pt idx="4939">
                  <c:v>82.316666999999995</c:v>
                </c:pt>
                <c:pt idx="4940">
                  <c:v>82.333332999999982</c:v>
                </c:pt>
                <c:pt idx="4941">
                  <c:v>82.35</c:v>
                </c:pt>
                <c:pt idx="4942">
                  <c:v>82.366667000000007</c:v>
                </c:pt>
                <c:pt idx="4943">
                  <c:v>82.383332999999993</c:v>
                </c:pt>
                <c:pt idx="4944">
                  <c:v>82.4</c:v>
                </c:pt>
                <c:pt idx="4945">
                  <c:v>82.41666699999999</c:v>
                </c:pt>
                <c:pt idx="4946">
                  <c:v>82.433333000000005</c:v>
                </c:pt>
                <c:pt idx="4947">
                  <c:v>82.449999999999989</c:v>
                </c:pt>
                <c:pt idx="4948">
                  <c:v>82.466667000000001</c:v>
                </c:pt>
                <c:pt idx="4949">
                  <c:v>82.483332999999988</c:v>
                </c:pt>
                <c:pt idx="4950">
                  <c:v>82.5</c:v>
                </c:pt>
                <c:pt idx="4951">
                  <c:v>82.516666999999984</c:v>
                </c:pt>
                <c:pt idx="4952">
                  <c:v>82.533332999999999</c:v>
                </c:pt>
                <c:pt idx="4953">
                  <c:v>82.549999999999983</c:v>
                </c:pt>
                <c:pt idx="4954">
                  <c:v>82.566666999999995</c:v>
                </c:pt>
                <c:pt idx="4955">
                  <c:v>82.583332999999982</c:v>
                </c:pt>
                <c:pt idx="4956">
                  <c:v>82.6</c:v>
                </c:pt>
                <c:pt idx="4957">
                  <c:v>82.616667000000007</c:v>
                </c:pt>
                <c:pt idx="4958">
                  <c:v>82.633332999999993</c:v>
                </c:pt>
                <c:pt idx="4959">
                  <c:v>82.65</c:v>
                </c:pt>
                <c:pt idx="4960">
                  <c:v>82.66666699999999</c:v>
                </c:pt>
                <c:pt idx="4961">
                  <c:v>82.683333000000005</c:v>
                </c:pt>
                <c:pt idx="4962">
                  <c:v>82.699999999999989</c:v>
                </c:pt>
                <c:pt idx="4963">
                  <c:v>82.716667000000001</c:v>
                </c:pt>
                <c:pt idx="4964">
                  <c:v>82.733332999999988</c:v>
                </c:pt>
                <c:pt idx="4965">
                  <c:v>82.75</c:v>
                </c:pt>
                <c:pt idx="4966">
                  <c:v>82.766666999999984</c:v>
                </c:pt>
                <c:pt idx="4967">
                  <c:v>82.783332999999999</c:v>
                </c:pt>
                <c:pt idx="4968">
                  <c:v>82.799999999999983</c:v>
                </c:pt>
                <c:pt idx="4969">
                  <c:v>82.816666999999995</c:v>
                </c:pt>
                <c:pt idx="4970">
                  <c:v>82.833332999999982</c:v>
                </c:pt>
                <c:pt idx="4971">
                  <c:v>82.85</c:v>
                </c:pt>
                <c:pt idx="4972">
                  <c:v>82.866667000000007</c:v>
                </c:pt>
                <c:pt idx="4973">
                  <c:v>82.883332999999993</c:v>
                </c:pt>
                <c:pt idx="4974">
                  <c:v>82.9</c:v>
                </c:pt>
                <c:pt idx="4975">
                  <c:v>82.91666699999999</c:v>
                </c:pt>
                <c:pt idx="4976">
                  <c:v>82.933333000000005</c:v>
                </c:pt>
                <c:pt idx="4977">
                  <c:v>82.949999999999989</c:v>
                </c:pt>
                <c:pt idx="4978">
                  <c:v>82.966667000000001</c:v>
                </c:pt>
                <c:pt idx="4979">
                  <c:v>82.983332999999988</c:v>
                </c:pt>
                <c:pt idx="4980">
                  <c:v>83</c:v>
                </c:pt>
                <c:pt idx="4981">
                  <c:v>83.016666999999984</c:v>
                </c:pt>
                <c:pt idx="4982">
                  <c:v>83.033332999999999</c:v>
                </c:pt>
                <c:pt idx="4983">
                  <c:v>83.049999999999983</c:v>
                </c:pt>
                <c:pt idx="4984">
                  <c:v>83.066666999999995</c:v>
                </c:pt>
                <c:pt idx="4985">
                  <c:v>83.083332999999982</c:v>
                </c:pt>
                <c:pt idx="4986">
                  <c:v>83.1</c:v>
                </c:pt>
                <c:pt idx="4987">
                  <c:v>83.116667000000007</c:v>
                </c:pt>
                <c:pt idx="4988">
                  <c:v>83.133332999999993</c:v>
                </c:pt>
                <c:pt idx="4989">
                  <c:v>83.15</c:v>
                </c:pt>
                <c:pt idx="4990">
                  <c:v>83.16666699999999</c:v>
                </c:pt>
                <c:pt idx="4991">
                  <c:v>83.183333000000005</c:v>
                </c:pt>
                <c:pt idx="4992">
                  <c:v>83.199999999999989</c:v>
                </c:pt>
                <c:pt idx="4993">
                  <c:v>83.216667000000001</c:v>
                </c:pt>
                <c:pt idx="4994">
                  <c:v>83.233332999999988</c:v>
                </c:pt>
                <c:pt idx="4995">
                  <c:v>83.25</c:v>
                </c:pt>
                <c:pt idx="4996">
                  <c:v>83.266666999999984</c:v>
                </c:pt>
                <c:pt idx="4997">
                  <c:v>83.283332999999999</c:v>
                </c:pt>
                <c:pt idx="4998">
                  <c:v>83.299999999999983</c:v>
                </c:pt>
                <c:pt idx="4999">
                  <c:v>83.316666999999995</c:v>
                </c:pt>
                <c:pt idx="5000">
                  <c:v>83.333332999999982</c:v>
                </c:pt>
                <c:pt idx="5001">
                  <c:v>83.35</c:v>
                </c:pt>
                <c:pt idx="5002">
                  <c:v>83.366667000000007</c:v>
                </c:pt>
                <c:pt idx="5003">
                  <c:v>83.383332999999993</c:v>
                </c:pt>
                <c:pt idx="5004">
                  <c:v>83.4</c:v>
                </c:pt>
                <c:pt idx="5005">
                  <c:v>83.41666699999999</c:v>
                </c:pt>
                <c:pt idx="5006">
                  <c:v>83.433333000000005</c:v>
                </c:pt>
                <c:pt idx="5007">
                  <c:v>83.449999999999989</c:v>
                </c:pt>
                <c:pt idx="5008">
                  <c:v>83.466667000000001</c:v>
                </c:pt>
                <c:pt idx="5009">
                  <c:v>83.483332999999988</c:v>
                </c:pt>
                <c:pt idx="5010">
                  <c:v>83.5</c:v>
                </c:pt>
                <c:pt idx="5011">
                  <c:v>83.516666999999984</c:v>
                </c:pt>
                <c:pt idx="5012">
                  <c:v>83.533332999999999</c:v>
                </c:pt>
                <c:pt idx="5013">
                  <c:v>83.549999999999983</c:v>
                </c:pt>
                <c:pt idx="5014">
                  <c:v>83.566666999999995</c:v>
                </c:pt>
                <c:pt idx="5015">
                  <c:v>83.583332999999982</c:v>
                </c:pt>
                <c:pt idx="5016">
                  <c:v>83.6</c:v>
                </c:pt>
                <c:pt idx="5017">
                  <c:v>83.616667000000007</c:v>
                </c:pt>
                <c:pt idx="5018">
                  <c:v>83.633332999999993</c:v>
                </c:pt>
                <c:pt idx="5019">
                  <c:v>83.65</c:v>
                </c:pt>
                <c:pt idx="5020">
                  <c:v>83.66666699999999</c:v>
                </c:pt>
                <c:pt idx="5021">
                  <c:v>83.683333000000005</c:v>
                </c:pt>
                <c:pt idx="5022">
                  <c:v>83.699999999999989</c:v>
                </c:pt>
                <c:pt idx="5023">
                  <c:v>83.716667000000001</c:v>
                </c:pt>
                <c:pt idx="5024">
                  <c:v>83.733332999999988</c:v>
                </c:pt>
                <c:pt idx="5025">
                  <c:v>83.75</c:v>
                </c:pt>
                <c:pt idx="5026">
                  <c:v>83.766666999999984</c:v>
                </c:pt>
                <c:pt idx="5027">
                  <c:v>83.783332999999999</c:v>
                </c:pt>
                <c:pt idx="5028">
                  <c:v>83.799999999999983</c:v>
                </c:pt>
                <c:pt idx="5029">
                  <c:v>83.816666999999995</c:v>
                </c:pt>
                <c:pt idx="5030">
                  <c:v>83.833332999999982</c:v>
                </c:pt>
                <c:pt idx="5031">
                  <c:v>83.85</c:v>
                </c:pt>
                <c:pt idx="5032">
                  <c:v>83.866667000000007</c:v>
                </c:pt>
                <c:pt idx="5033">
                  <c:v>83.883332999999993</c:v>
                </c:pt>
                <c:pt idx="5034">
                  <c:v>83.9</c:v>
                </c:pt>
                <c:pt idx="5035">
                  <c:v>83.91666699999999</c:v>
                </c:pt>
                <c:pt idx="5036">
                  <c:v>83.933333000000005</c:v>
                </c:pt>
                <c:pt idx="5037">
                  <c:v>83.949999999999989</c:v>
                </c:pt>
                <c:pt idx="5038">
                  <c:v>83.966667000000001</c:v>
                </c:pt>
                <c:pt idx="5039">
                  <c:v>83.983332999999988</c:v>
                </c:pt>
                <c:pt idx="5040">
                  <c:v>84</c:v>
                </c:pt>
                <c:pt idx="5041">
                  <c:v>84.016666999999984</c:v>
                </c:pt>
                <c:pt idx="5042">
                  <c:v>84.033332999999999</c:v>
                </c:pt>
                <c:pt idx="5043">
                  <c:v>84.049999999999983</c:v>
                </c:pt>
                <c:pt idx="5044">
                  <c:v>84.066666999999995</c:v>
                </c:pt>
                <c:pt idx="5045">
                  <c:v>84.083332999999982</c:v>
                </c:pt>
                <c:pt idx="5046">
                  <c:v>84.1</c:v>
                </c:pt>
                <c:pt idx="5047">
                  <c:v>84.116667000000007</c:v>
                </c:pt>
                <c:pt idx="5048">
                  <c:v>84.133332999999993</c:v>
                </c:pt>
                <c:pt idx="5049">
                  <c:v>84.15</c:v>
                </c:pt>
                <c:pt idx="5050">
                  <c:v>84.16666699999999</c:v>
                </c:pt>
                <c:pt idx="5051">
                  <c:v>84.183333000000005</c:v>
                </c:pt>
                <c:pt idx="5052">
                  <c:v>84.199999999999989</c:v>
                </c:pt>
                <c:pt idx="5053">
                  <c:v>84.216667000000001</c:v>
                </c:pt>
                <c:pt idx="5054">
                  <c:v>84.233332999999988</c:v>
                </c:pt>
                <c:pt idx="5055">
                  <c:v>84.25</c:v>
                </c:pt>
                <c:pt idx="5056">
                  <c:v>84.266666999999984</c:v>
                </c:pt>
                <c:pt idx="5057">
                  <c:v>84.283332999999999</c:v>
                </c:pt>
                <c:pt idx="5058">
                  <c:v>84.299999999999983</c:v>
                </c:pt>
                <c:pt idx="5059">
                  <c:v>84.316666999999995</c:v>
                </c:pt>
                <c:pt idx="5060">
                  <c:v>84.333332999999982</c:v>
                </c:pt>
                <c:pt idx="5061">
                  <c:v>84.35</c:v>
                </c:pt>
                <c:pt idx="5062">
                  <c:v>84.366667000000007</c:v>
                </c:pt>
                <c:pt idx="5063">
                  <c:v>84.383332999999993</c:v>
                </c:pt>
                <c:pt idx="5064">
                  <c:v>84.4</c:v>
                </c:pt>
                <c:pt idx="5065">
                  <c:v>84.41666699999999</c:v>
                </c:pt>
                <c:pt idx="5066">
                  <c:v>84.433333000000005</c:v>
                </c:pt>
                <c:pt idx="5067">
                  <c:v>84.449999999999989</c:v>
                </c:pt>
                <c:pt idx="5068">
                  <c:v>84.466667000000001</c:v>
                </c:pt>
                <c:pt idx="5069">
                  <c:v>84.483332999999988</c:v>
                </c:pt>
                <c:pt idx="5070">
                  <c:v>84.5</c:v>
                </c:pt>
                <c:pt idx="5071">
                  <c:v>84.516666999999984</c:v>
                </c:pt>
                <c:pt idx="5072">
                  <c:v>84.533332999999999</c:v>
                </c:pt>
                <c:pt idx="5073">
                  <c:v>84.549999999999983</c:v>
                </c:pt>
                <c:pt idx="5074">
                  <c:v>84.566666999999995</c:v>
                </c:pt>
                <c:pt idx="5075">
                  <c:v>84.583332999999982</c:v>
                </c:pt>
                <c:pt idx="5076">
                  <c:v>84.6</c:v>
                </c:pt>
                <c:pt idx="5077">
                  <c:v>84.616667000000007</c:v>
                </c:pt>
                <c:pt idx="5078">
                  <c:v>84.633332999999993</c:v>
                </c:pt>
                <c:pt idx="5079">
                  <c:v>84.65</c:v>
                </c:pt>
                <c:pt idx="5080">
                  <c:v>84.66666699999999</c:v>
                </c:pt>
                <c:pt idx="5081">
                  <c:v>84.683333000000005</c:v>
                </c:pt>
                <c:pt idx="5082">
                  <c:v>84.699999999999989</c:v>
                </c:pt>
                <c:pt idx="5083">
                  <c:v>84.716667000000001</c:v>
                </c:pt>
                <c:pt idx="5084">
                  <c:v>84.733332999999988</c:v>
                </c:pt>
                <c:pt idx="5085">
                  <c:v>84.75</c:v>
                </c:pt>
                <c:pt idx="5086">
                  <c:v>84.766666999999984</c:v>
                </c:pt>
                <c:pt idx="5087">
                  <c:v>84.783332999999999</c:v>
                </c:pt>
                <c:pt idx="5088">
                  <c:v>84.799999999999983</c:v>
                </c:pt>
                <c:pt idx="5089">
                  <c:v>84.816666999999995</c:v>
                </c:pt>
                <c:pt idx="5090">
                  <c:v>84.833332999999982</c:v>
                </c:pt>
                <c:pt idx="5091">
                  <c:v>84.85</c:v>
                </c:pt>
                <c:pt idx="5092">
                  <c:v>84.866667000000007</c:v>
                </c:pt>
                <c:pt idx="5093">
                  <c:v>84.883332999999993</c:v>
                </c:pt>
                <c:pt idx="5094">
                  <c:v>84.9</c:v>
                </c:pt>
                <c:pt idx="5095">
                  <c:v>84.91666699999999</c:v>
                </c:pt>
                <c:pt idx="5096">
                  <c:v>84.933333000000005</c:v>
                </c:pt>
                <c:pt idx="5097">
                  <c:v>84.949999999999989</c:v>
                </c:pt>
                <c:pt idx="5098">
                  <c:v>84.966667000000001</c:v>
                </c:pt>
                <c:pt idx="5099">
                  <c:v>84.983332999999988</c:v>
                </c:pt>
                <c:pt idx="5100">
                  <c:v>85</c:v>
                </c:pt>
                <c:pt idx="5101">
                  <c:v>85.016666999999984</c:v>
                </c:pt>
                <c:pt idx="5102">
                  <c:v>85.033332999999999</c:v>
                </c:pt>
                <c:pt idx="5103">
                  <c:v>85.049999999999983</c:v>
                </c:pt>
                <c:pt idx="5104">
                  <c:v>85.066666999999995</c:v>
                </c:pt>
                <c:pt idx="5105">
                  <c:v>85.083332999999982</c:v>
                </c:pt>
                <c:pt idx="5106">
                  <c:v>85.1</c:v>
                </c:pt>
                <c:pt idx="5107">
                  <c:v>85.116667000000007</c:v>
                </c:pt>
                <c:pt idx="5108">
                  <c:v>85.133332999999993</c:v>
                </c:pt>
                <c:pt idx="5109">
                  <c:v>85.15</c:v>
                </c:pt>
                <c:pt idx="5110">
                  <c:v>85.16666699999999</c:v>
                </c:pt>
                <c:pt idx="5111">
                  <c:v>85.183333000000005</c:v>
                </c:pt>
                <c:pt idx="5112">
                  <c:v>85.199999999999989</c:v>
                </c:pt>
                <c:pt idx="5113">
                  <c:v>85.216667000000001</c:v>
                </c:pt>
                <c:pt idx="5114">
                  <c:v>85.233332999999988</c:v>
                </c:pt>
                <c:pt idx="5115">
                  <c:v>85.25</c:v>
                </c:pt>
                <c:pt idx="5116">
                  <c:v>85.266666999999984</c:v>
                </c:pt>
                <c:pt idx="5117">
                  <c:v>85.283332999999999</c:v>
                </c:pt>
                <c:pt idx="5118">
                  <c:v>85.299999999999983</c:v>
                </c:pt>
                <c:pt idx="5119">
                  <c:v>85.316666999999995</c:v>
                </c:pt>
                <c:pt idx="5120">
                  <c:v>85.333332999999982</c:v>
                </c:pt>
                <c:pt idx="5121">
                  <c:v>85.35</c:v>
                </c:pt>
                <c:pt idx="5122">
                  <c:v>85.366667000000007</c:v>
                </c:pt>
                <c:pt idx="5123">
                  <c:v>85.383332999999993</c:v>
                </c:pt>
                <c:pt idx="5124">
                  <c:v>85.4</c:v>
                </c:pt>
                <c:pt idx="5125">
                  <c:v>85.41666699999999</c:v>
                </c:pt>
                <c:pt idx="5126">
                  <c:v>85.433333000000005</c:v>
                </c:pt>
                <c:pt idx="5127">
                  <c:v>85.449999999999989</c:v>
                </c:pt>
                <c:pt idx="5128">
                  <c:v>85.466667000000001</c:v>
                </c:pt>
                <c:pt idx="5129">
                  <c:v>85.483332999999988</c:v>
                </c:pt>
                <c:pt idx="5130">
                  <c:v>85.5</c:v>
                </c:pt>
                <c:pt idx="5131">
                  <c:v>85.516666999999984</c:v>
                </c:pt>
                <c:pt idx="5132">
                  <c:v>85.533332999999999</c:v>
                </c:pt>
                <c:pt idx="5133">
                  <c:v>85.549999999999983</c:v>
                </c:pt>
                <c:pt idx="5134">
                  <c:v>85.566666999999995</c:v>
                </c:pt>
                <c:pt idx="5135">
                  <c:v>85.583332999999982</c:v>
                </c:pt>
                <c:pt idx="5136">
                  <c:v>85.6</c:v>
                </c:pt>
                <c:pt idx="5137">
                  <c:v>85.616667000000007</c:v>
                </c:pt>
                <c:pt idx="5138">
                  <c:v>85.633332999999993</c:v>
                </c:pt>
                <c:pt idx="5139">
                  <c:v>85.65</c:v>
                </c:pt>
                <c:pt idx="5140">
                  <c:v>85.66666699999999</c:v>
                </c:pt>
                <c:pt idx="5141">
                  <c:v>85.683333000000005</c:v>
                </c:pt>
                <c:pt idx="5142">
                  <c:v>85.699999999999989</c:v>
                </c:pt>
                <c:pt idx="5143">
                  <c:v>85.716667000000001</c:v>
                </c:pt>
                <c:pt idx="5144">
                  <c:v>85.733332999999988</c:v>
                </c:pt>
                <c:pt idx="5145">
                  <c:v>85.75</c:v>
                </c:pt>
                <c:pt idx="5146">
                  <c:v>85.766666999999984</c:v>
                </c:pt>
                <c:pt idx="5147">
                  <c:v>85.783332999999999</c:v>
                </c:pt>
                <c:pt idx="5148">
                  <c:v>85.799999999999983</c:v>
                </c:pt>
                <c:pt idx="5149">
                  <c:v>85.816666999999995</c:v>
                </c:pt>
                <c:pt idx="5150">
                  <c:v>85.833332999999982</c:v>
                </c:pt>
                <c:pt idx="5151">
                  <c:v>85.85</c:v>
                </c:pt>
                <c:pt idx="5152">
                  <c:v>85.866667000000007</c:v>
                </c:pt>
                <c:pt idx="5153">
                  <c:v>85.883332999999993</c:v>
                </c:pt>
                <c:pt idx="5154">
                  <c:v>85.9</c:v>
                </c:pt>
                <c:pt idx="5155">
                  <c:v>85.91666699999999</c:v>
                </c:pt>
                <c:pt idx="5156">
                  <c:v>85.933333000000005</c:v>
                </c:pt>
                <c:pt idx="5157">
                  <c:v>85.949999999999989</c:v>
                </c:pt>
                <c:pt idx="5158">
                  <c:v>85.966667000000001</c:v>
                </c:pt>
                <c:pt idx="5159">
                  <c:v>85.983332999999988</c:v>
                </c:pt>
                <c:pt idx="5160">
                  <c:v>86</c:v>
                </c:pt>
                <c:pt idx="5161">
                  <c:v>86.016666999999984</c:v>
                </c:pt>
                <c:pt idx="5162">
                  <c:v>86.033332999999999</c:v>
                </c:pt>
                <c:pt idx="5163">
                  <c:v>86.049999999999983</c:v>
                </c:pt>
                <c:pt idx="5164">
                  <c:v>86.066666999999995</c:v>
                </c:pt>
                <c:pt idx="5165">
                  <c:v>86.083332999999982</c:v>
                </c:pt>
                <c:pt idx="5166">
                  <c:v>86.1</c:v>
                </c:pt>
                <c:pt idx="5167">
                  <c:v>86.116667000000007</c:v>
                </c:pt>
                <c:pt idx="5168">
                  <c:v>86.133332999999993</c:v>
                </c:pt>
                <c:pt idx="5169">
                  <c:v>86.15</c:v>
                </c:pt>
                <c:pt idx="5170">
                  <c:v>86.16666699999999</c:v>
                </c:pt>
                <c:pt idx="5171">
                  <c:v>86.183333000000005</c:v>
                </c:pt>
                <c:pt idx="5172">
                  <c:v>86.199999999999989</c:v>
                </c:pt>
                <c:pt idx="5173">
                  <c:v>86.216667000000001</c:v>
                </c:pt>
                <c:pt idx="5174">
                  <c:v>86.233332999999988</c:v>
                </c:pt>
                <c:pt idx="5175">
                  <c:v>86.25</c:v>
                </c:pt>
                <c:pt idx="5176">
                  <c:v>86.266666999999984</c:v>
                </c:pt>
                <c:pt idx="5177">
                  <c:v>86.283332999999999</c:v>
                </c:pt>
                <c:pt idx="5178">
                  <c:v>86.299999999999983</c:v>
                </c:pt>
                <c:pt idx="5179">
                  <c:v>86.316666999999995</c:v>
                </c:pt>
                <c:pt idx="5180">
                  <c:v>86.333332999999982</c:v>
                </c:pt>
                <c:pt idx="5181">
                  <c:v>86.35</c:v>
                </c:pt>
                <c:pt idx="5182">
                  <c:v>86.366667000000007</c:v>
                </c:pt>
                <c:pt idx="5183">
                  <c:v>86.383332999999993</c:v>
                </c:pt>
                <c:pt idx="5184">
                  <c:v>86.4</c:v>
                </c:pt>
                <c:pt idx="5185">
                  <c:v>86.41666699999999</c:v>
                </c:pt>
                <c:pt idx="5186">
                  <c:v>86.433333000000005</c:v>
                </c:pt>
                <c:pt idx="5187">
                  <c:v>86.449999999999989</c:v>
                </c:pt>
                <c:pt idx="5188">
                  <c:v>86.466667000000001</c:v>
                </c:pt>
                <c:pt idx="5189">
                  <c:v>86.483332999999988</c:v>
                </c:pt>
                <c:pt idx="5190">
                  <c:v>86.5</c:v>
                </c:pt>
                <c:pt idx="5191">
                  <c:v>86.516666999999984</c:v>
                </c:pt>
                <c:pt idx="5192">
                  <c:v>86.533332999999999</c:v>
                </c:pt>
                <c:pt idx="5193">
                  <c:v>86.549999999999983</c:v>
                </c:pt>
                <c:pt idx="5194">
                  <c:v>86.566666999999995</c:v>
                </c:pt>
                <c:pt idx="5195">
                  <c:v>86.583332999999982</c:v>
                </c:pt>
                <c:pt idx="5196">
                  <c:v>86.6</c:v>
                </c:pt>
                <c:pt idx="5197">
                  <c:v>86.616667000000007</c:v>
                </c:pt>
                <c:pt idx="5198">
                  <c:v>86.633332999999993</c:v>
                </c:pt>
                <c:pt idx="5199">
                  <c:v>86.65</c:v>
                </c:pt>
                <c:pt idx="5200">
                  <c:v>86.66666699999999</c:v>
                </c:pt>
                <c:pt idx="5201">
                  <c:v>86.683333000000005</c:v>
                </c:pt>
                <c:pt idx="5202">
                  <c:v>86.699999999999989</c:v>
                </c:pt>
                <c:pt idx="5203">
                  <c:v>86.716667000000001</c:v>
                </c:pt>
                <c:pt idx="5204">
                  <c:v>86.733332999999988</c:v>
                </c:pt>
                <c:pt idx="5205">
                  <c:v>86.75</c:v>
                </c:pt>
                <c:pt idx="5206">
                  <c:v>86.766666999999984</c:v>
                </c:pt>
                <c:pt idx="5207">
                  <c:v>86.783332999999999</c:v>
                </c:pt>
                <c:pt idx="5208">
                  <c:v>86.799999999999983</c:v>
                </c:pt>
                <c:pt idx="5209">
                  <c:v>86.816666999999995</c:v>
                </c:pt>
                <c:pt idx="5210">
                  <c:v>86.833332999999982</c:v>
                </c:pt>
                <c:pt idx="5211">
                  <c:v>86.85</c:v>
                </c:pt>
                <c:pt idx="5212">
                  <c:v>86.866667000000007</c:v>
                </c:pt>
                <c:pt idx="5213">
                  <c:v>86.883332999999993</c:v>
                </c:pt>
                <c:pt idx="5214">
                  <c:v>86.9</c:v>
                </c:pt>
                <c:pt idx="5215">
                  <c:v>86.91666699999999</c:v>
                </c:pt>
                <c:pt idx="5216">
                  <c:v>86.933333000000005</c:v>
                </c:pt>
                <c:pt idx="5217">
                  <c:v>86.949999999999989</c:v>
                </c:pt>
                <c:pt idx="5218">
                  <c:v>86.966667000000001</c:v>
                </c:pt>
                <c:pt idx="5219">
                  <c:v>86.983332999999988</c:v>
                </c:pt>
                <c:pt idx="5220">
                  <c:v>87</c:v>
                </c:pt>
                <c:pt idx="5221">
                  <c:v>87.016666999999984</c:v>
                </c:pt>
                <c:pt idx="5222">
                  <c:v>87.033332999999999</c:v>
                </c:pt>
                <c:pt idx="5223">
                  <c:v>87.049999999999983</c:v>
                </c:pt>
                <c:pt idx="5224">
                  <c:v>87.066666999999995</c:v>
                </c:pt>
                <c:pt idx="5225">
                  <c:v>87.083332999999982</c:v>
                </c:pt>
                <c:pt idx="5226">
                  <c:v>87.1</c:v>
                </c:pt>
                <c:pt idx="5227">
                  <c:v>87.116667000000007</c:v>
                </c:pt>
                <c:pt idx="5228">
                  <c:v>87.133332999999993</c:v>
                </c:pt>
                <c:pt idx="5229">
                  <c:v>87.15</c:v>
                </c:pt>
                <c:pt idx="5230">
                  <c:v>87.16666699999999</c:v>
                </c:pt>
                <c:pt idx="5231">
                  <c:v>87.183333000000005</c:v>
                </c:pt>
                <c:pt idx="5232">
                  <c:v>87.199999999999989</c:v>
                </c:pt>
                <c:pt idx="5233">
                  <c:v>87.216667000000001</c:v>
                </c:pt>
                <c:pt idx="5234">
                  <c:v>87.233332999999988</c:v>
                </c:pt>
                <c:pt idx="5235">
                  <c:v>87.25</c:v>
                </c:pt>
                <c:pt idx="5236">
                  <c:v>87.266666999999984</c:v>
                </c:pt>
                <c:pt idx="5237">
                  <c:v>87.283332999999999</c:v>
                </c:pt>
                <c:pt idx="5238">
                  <c:v>87.299999999999983</c:v>
                </c:pt>
                <c:pt idx="5239">
                  <c:v>87.316666999999995</c:v>
                </c:pt>
                <c:pt idx="5240">
                  <c:v>87.333332999999982</c:v>
                </c:pt>
                <c:pt idx="5241">
                  <c:v>87.35</c:v>
                </c:pt>
                <c:pt idx="5242">
                  <c:v>87.366667000000007</c:v>
                </c:pt>
                <c:pt idx="5243">
                  <c:v>87.383332999999993</c:v>
                </c:pt>
                <c:pt idx="5244">
                  <c:v>87.4</c:v>
                </c:pt>
                <c:pt idx="5245">
                  <c:v>87.41666699999999</c:v>
                </c:pt>
                <c:pt idx="5246">
                  <c:v>87.433333000000005</c:v>
                </c:pt>
                <c:pt idx="5247">
                  <c:v>87.449999999999989</c:v>
                </c:pt>
                <c:pt idx="5248">
                  <c:v>87.466667000000001</c:v>
                </c:pt>
                <c:pt idx="5249">
                  <c:v>87.483332999999988</c:v>
                </c:pt>
                <c:pt idx="5250">
                  <c:v>87.5</c:v>
                </c:pt>
                <c:pt idx="5251">
                  <c:v>87.516666999999984</c:v>
                </c:pt>
                <c:pt idx="5252">
                  <c:v>87.533332999999999</c:v>
                </c:pt>
                <c:pt idx="5253">
                  <c:v>87.549999999999983</c:v>
                </c:pt>
                <c:pt idx="5254">
                  <c:v>87.566666999999995</c:v>
                </c:pt>
                <c:pt idx="5255">
                  <c:v>87.583332999999982</c:v>
                </c:pt>
                <c:pt idx="5256">
                  <c:v>87.6</c:v>
                </c:pt>
                <c:pt idx="5257">
                  <c:v>87.616667000000007</c:v>
                </c:pt>
                <c:pt idx="5258">
                  <c:v>87.633332999999993</c:v>
                </c:pt>
                <c:pt idx="5259">
                  <c:v>87.65</c:v>
                </c:pt>
                <c:pt idx="5260">
                  <c:v>87.66666699999999</c:v>
                </c:pt>
                <c:pt idx="5261">
                  <c:v>87.683333000000005</c:v>
                </c:pt>
                <c:pt idx="5262">
                  <c:v>87.699999999999989</c:v>
                </c:pt>
                <c:pt idx="5263">
                  <c:v>87.716667000000001</c:v>
                </c:pt>
                <c:pt idx="5264">
                  <c:v>87.733332999999988</c:v>
                </c:pt>
                <c:pt idx="5265">
                  <c:v>87.75</c:v>
                </c:pt>
                <c:pt idx="5266">
                  <c:v>87.766666999999984</c:v>
                </c:pt>
                <c:pt idx="5267">
                  <c:v>87.783332999999999</c:v>
                </c:pt>
                <c:pt idx="5268">
                  <c:v>87.799999999999983</c:v>
                </c:pt>
                <c:pt idx="5269">
                  <c:v>87.816666999999995</c:v>
                </c:pt>
                <c:pt idx="5270">
                  <c:v>87.833332999999982</c:v>
                </c:pt>
                <c:pt idx="5271">
                  <c:v>87.85</c:v>
                </c:pt>
                <c:pt idx="5272">
                  <c:v>87.866667000000007</c:v>
                </c:pt>
                <c:pt idx="5273">
                  <c:v>87.883332999999993</c:v>
                </c:pt>
                <c:pt idx="5274">
                  <c:v>87.9</c:v>
                </c:pt>
                <c:pt idx="5275">
                  <c:v>87.91666699999999</c:v>
                </c:pt>
                <c:pt idx="5276">
                  <c:v>87.933333000000005</c:v>
                </c:pt>
                <c:pt idx="5277">
                  <c:v>87.949999999999989</c:v>
                </c:pt>
                <c:pt idx="5278">
                  <c:v>87.966667000000001</c:v>
                </c:pt>
                <c:pt idx="5279">
                  <c:v>87.983332999999988</c:v>
                </c:pt>
                <c:pt idx="5280">
                  <c:v>88</c:v>
                </c:pt>
                <c:pt idx="5281">
                  <c:v>88.016666999999984</c:v>
                </c:pt>
                <c:pt idx="5282">
                  <c:v>88.033332999999999</c:v>
                </c:pt>
                <c:pt idx="5283">
                  <c:v>88.049999999999983</c:v>
                </c:pt>
                <c:pt idx="5284">
                  <c:v>88.066666999999995</c:v>
                </c:pt>
                <c:pt idx="5285">
                  <c:v>88.083332999999982</c:v>
                </c:pt>
                <c:pt idx="5286">
                  <c:v>88.1</c:v>
                </c:pt>
                <c:pt idx="5287">
                  <c:v>88.116667000000007</c:v>
                </c:pt>
                <c:pt idx="5288">
                  <c:v>88.133332999999993</c:v>
                </c:pt>
                <c:pt idx="5289">
                  <c:v>88.15</c:v>
                </c:pt>
                <c:pt idx="5290">
                  <c:v>88.16666699999999</c:v>
                </c:pt>
                <c:pt idx="5291">
                  <c:v>88.183333000000005</c:v>
                </c:pt>
                <c:pt idx="5292">
                  <c:v>88.199999999999989</c:v>
                </c:pt>
                <c:pt idx="5293">
                  <c:v>88.216667000000001</c:v>
                </c:pt>
                <c:pt idx="5294">
                  <c:v>88.233332999999988</c:v>
                </c:pt>
                <c:pt idx="5295">
                  <c:v>88.25</c:v>
                </c:pt>
                <c:pt idx="5296">
                  <c:v>88.266666999999984</c:v>
                </c:pt>
                <c:pt idx="5297">
                  <c:v>88.283332999999999</c:v>
                </c:pt>
                <c:pt idx="5298">
                  <c:v>88.299999999999983</c:v>
                </c:pt>
                <c:pt idx="5299">
                  <c:v>88.316666999999995</c:v>
                </c:pt>
                <c:pt idx="5300">
                  <c:v>88.333332999999982</c:v>
                </c:pt>
                <c:pt idx="5301">
                  <c:v>88.35</c:v>
                </c:pt>
                <c:pt idx="5302">
                  <c:v>88.366667000000007</c:v>
                </c:pt>
                <c:pt idx="5303">
                  <c:v>88.383332999999993</c:v>
                </c:pt>
                <c:pt idx="5304">
                  <c:v>88.4</c:v>
                </c:pt>
                <c:pt idx="5305">
                  <c:v>88.41666699999999</c:v>
                </c:pt>
                <c:pt idx="5306">
                  <c:v>88.433333000000005</c:v>
                </c:pt>
                <c:pt idx="5307">
                  <c:v>88.449999999999989</c:v>
                </c:pt>
                <c:pt idx="5308">
                  <c:v>88.466667000000001</c:v>
                </c:pt>
                <c:pt idx="5309">
                  <c:v>88.483332999999988</c:v>
                </c:pt>
                <c:pt idx="5310">
                  <c:v>88.5</c:v>
                </c:pt>
                <c:pt idx="5311">
                  <c:v>88.516666999999984</c:v>
                </c:pt>
                <c:pt idx="5312">
                  <c:v>88.533332999999999</c:v>
                </c:pt>
                <c:pt idx="5313">
                  <c:v>88.549999999999983</c:v>
                </c:pt>
                <c:pt idx="5314">
                  <c:v>88.566666999999995</c:v>
                </c:pt>
                <c:pt idx="5315">
                  <c:v>88.583332999999982</c:v>
                </c:pt>
                <c:pt idx="5316">
                  <c:v>88.6</c:v>
                </c:pt>
                <c:pt idx="5317">
                  <c:v>88.616667000000007</c:v>
                </c:pt>
                <c:pt idx="5318">
                  <c:v>88.633332999999993</c:v>
                </c:pt>
                <c:pt idx="5319">
                  <c:v>88.65</c:v>
                </c:pt>
                <c:pt idx="5320">
                  <c:v>88.66666699999999</c:v>
                </c:pt>
                <c:pt idx="5321">
                  <c:v>88.683333000000005</c:v>
                </c:pt>
                <c:pt idx="5322">
                  <c:v>88.699999999999989</c:v>
                </c:pt>
                <c:pt idx="5323">
                  <c:v>88.716667000000001</c:v>
                </c:pt>
                <c:pt idx="5324">
                  <c:v>88.733332999999988</c:v>
                </c:pt>
                <c:pt idx="5325">
                  <c:v>88.75</c:v>
                </c:pt>
                <c:pt idx="5326">
                  <c:v>88.766666999999984</c:v>
                </c:pt>
                <c:pt idx="5327">
                  <c:v>88.783332999999999</c:v>
                </c:pt>
                <c:pt idx="5328">
                  <c:v>88.799999999999983</c:v>
                </c:pt>
                <c:pt idx="5329">
                  <c:v>88.816666999999995</c:v>
                </c:pt>
                <c:pt idx="5330">
                  <c:v>88.833332999999982</c:v>
                </c:pt>
                <c:pt idx="5331">
                  <c:v>88.85</c:v>
                </c:pt>
                <c:pt idx="5332">
                  <c:v>88.866667000000007</c:v>
                </c:pt>
                <c:pt idx="5333">
                  <c:v>88.883332999999993</c:v>
                </c:pt>
                <c:pt idx="5334">
                  <c:v>88.9</c:v>
                </c:pt>
                <c:pt idx="5335">
                  <c:v>88.91666699999999</c:v>
                </c:pt>
                <c:pt idx="5336">
                  <c:v>88.933333000000005</c:v>
                </c:pt>
                <c:pt idx="5337">
                  <c:v>88.949999999999989</c:v>
                </c:pt>
                <c:pt idx="5338">
                  <c:v>88.966667000000001</c:v>
                </c:pt>
                <c:pt idx="5339">
                  <c:v>88.983332999999988</c:v>
                </c:pt>
                <c:pt idx="5340">
                  <c:v>89</c:v>
                </c:pt>
                <c:pt idx="5341">
                  <c:v>89.016666999999984</c:v>
                </c:pt>
                <c:pt idx="5342">
                  <c:v>89.033332999999999</c:v>
                </c:pt>
                <c:pt idx="5343">
                  <c:v>89.049999999999983</c:v>
                </c:pt>
                <c:pt idx="5344">
                  <c:v>89.066666999999995</c:v>
                </c:pt>
                <c:pt idx="5345">
                  <c:v>89.083332999999982</c:v>
                </c:pt>
                <c:pt idx="5346">
                  <c:v>89.1</c:v>
                </c:pt>
                <c:pt idx="5347">
                  <c:v>89.116667000000007</c:v>
                </c:pt>
                <c:pt idx="5348">
                  <c:v>89.133332999999993</c:v>
                </c:pt>
                <c:pt idx="5349">
                  <c:v>89.15</c:v>
                </c:pt>
                <c:pt idx="5350">
                  <c:v>89.16666699999999</c:v>
                </c:pt>
                <c:pt idx="5351">
                  <c:v>89.183333000000005</c:v>
                </c:pt>
                <c:pt idx="5352">
                  <c:v>89.199999999999989</c:v>
                </c:pt>
                <c:pt idx="5353">
                  <c:v>89.216667000000001</c:v>
                </c:pt>
                <c:pt idx="5354">
                  <c:v>89.233332999999988</c:v>
                </c:pt>
                <c:pt idx="5355">
                  <c:v>89.25</c:v>
                </c:pt>
                <c:pt idx="5356">
                  <c:v>89.266666999999984</c:v>
                </c:pt>
                <c:pt idx="5357">
                  <c:v>89.283332999999999</c:v>
                </c:pt>
                <c:pt idx="5358">
                  <c:v>89.299999999999983</c:v>
                </c:pt>
                <c:pt idx="5359">
                  <c:v>89.316666999999995</c:v>
                </c:pt>
                <c:pt idx="5360">
                  <c:v>89.333332999999982</c:v>
                </c:pt>
                <c:pt idx="5361">
                  <c:v>89.35</c:v>
                </c:pt>
                <c:pt idx="5362">
                  <c:v>89.366667000000007</c:v>
                </c:pt>
                <c:pt idx="5363">
                  <c:v>89.383332999999993</c:v>
                </c:pt>
                <c:pt idx="5364">
                  <c:v>89.4</c:v>
                </c:pt>
                <c:pt idx="5365">
                  <c:v>89.41666699999999</c:v>
                </c:pt>
                <c:pt idx="5366">
                  <c:v>89.433333000000005</c:v>
                </c:pt>
                <c:pt idx="5367">
                  <c:v>89.449999999999989</c:v>
                </c:pt>
                <c:pt idx="5368">
                  <c:v>89.466667000000001</c:v>
                </c:pt>
                <c:pt idx="5369">
                  <c:v>89.483332999999988</c:v>
                </c:pt>
                <c:pt idx="5370">
                  <c:v>89.5</c:v>
                </c:pt>
                <c:pt idx="5371">
                  <c:v>89.516666999999984</c:v>
                </c:pt>
                <c:pt idx="5372">
                  <c:v>89.533332999999999</c:v>
                </c:pt>
                <c:pt idx="5373">
                  <c:v>89.549999999999983</c:v>
                </c:pt>
                <c:pt idx="5374">
                  <c:v>89.566666999999995</c:v>
                </c:pt>
                <c:pt idx="5375">
                  <c:v>89.583332999999982</c:v>
                </c:pt>
                <c:pt idx="5376">
                  <c:v>89.6</c:v>
                </c:pt>
                <c:pt idx="5377">
                  <c:v>89.616667000000007</c:v>
                </c:pt>
                <c:pt idx="5378">
                  <c:v>89.633332999999993</c:v>
                </c:pt>
                <c:pt idx="5379">
                  <c:v>89.65</c:v>
                </c:pt>
                <c:pt idx="5380">
                  <c:v>89.66666699999999</c:v>
                </c:pt>
                <c:pt idx="5381">
                  <c:v>89.683333000000005</c:v>
                </c:pt>
                <c:pt idx="5382">
                  <c:v>89.699999999999989</c:v>
                </c:pt>
                <c:pt idx="5383">
                  <c:v>89.716667000000001</c:v>
                </c:pt>
                <c:pt idx="5384">
                  <c:v>89.733332999999988</c:v>
                </c:pt>
                <c:pt idx="5385">
                  <c:v>89.75</c:v>
                </c:pt>
                <c:pt idx="5386">
                  <c:v>89.766666999999984</c:v>
                </c:pt>
                <c:pt idx="5387">
                  <c:v>89.783332999999999</c:v>
                </c:pt>
                <c:pt idx="5388">
                  <c:v>89.799999999999983</c:v>
                </c:pt>
                <c:pt idx="5389">
                  <c:v>89.816666999999995</c:v>
                </c:pt>
                <c:pt idx="5390">
                  <c:v>89.833332999999982</c:v>
                </c:pt>
                <c:pt idx="5391">
                  <c:v>89.85</c:v>
                </c:pt>
                <c:pt idx="5392">
                  <c:v>89.866667000000007</c:v>
                </c:pt>
                <c:pt idx="5393">
                  <c:v>89.883332999999993</c:v>
                </c:pt>
                <c:pt idx="5394">
                  <c:v>89.9</c:v>
                </c:pt>
                <c:pt idx="5395">
                  <c:v>89.91666699999999</c:v>
                </c:pt>
                <c:pt idx="5396">
                  <c:v>89.933333000000005</c:v>
                </c:pt>
                <c:pt idx="5397">
                  <c:v>89.949999999999989</c:v>
                </c:pt>
                <c:pt idx="5398">
                  <c:v>89.966667000000001</c:v>
                </c:pt>
                <c:pt idx="5399">
                  <c:v>89.983332999999988</c:v>
                </c:pt>
                <c:pt idx="5400">
                  <c:v>90</c:v>
                </c:pt>
                <c:pt idx="5401">
                  <c:v>90.016666999999984</c:v>
                </c:pt>
                <c:pt idx="5402">
                  <c:v>90.033332999999999</c:v>
                </c:pt>
                <c:pt idx="5403">
                  <c:v>90.049999999999983</c:v>
                </c:pt>
                <c:pt idx="5404">
                  <c:v>90.066666999999995</c:v>
                </c:pt>
                <c:pt idx="5405">
                  <c:v>90.083332999999982</c:v>
                </c:pt>
                <c:pt idx="5406">
                  <c:v>90.1</c:v>
                </c:pt>
                <c:pt idx="5407">
                  <c:v>90.116667000000007</c:v>
                </c:pt>
                <c:pt idx="5408">
                  <c:v>90.133332999999993</c:v>
                </c:pt>
                <c:pt idx="5409">
                  <c:v>90.15</c:v>
                </c:pt>
                <c:pt idx="5410">
                  <c:v>90.16666699999999</c:v>
                </c:pt>
                <c:pt idx="5411">
                  <c:v>90.183333000000005</c:v>
                </c:pt>
                <c:pt idx="5412">
                  <c:v>90.199999999999989</c:v>
                </c:pt>
                <c:pt idx="5413">
                  <c:v>90.216667000000001</c:v>
                </c:pt>
                <c:pt idx="5414">
                  <c:v>90.233332999999988</c:v>
                </c:pt>
                <c:pt idx="5415">
                  <c:v>90.25</c:v>
                </c:pt>
                <c:pt idx="5416">
                  <c:v>90.266666999999984</c:v>
                </c:pt>
                <c:pt idx="5417">
                  <c:v>90.283332999999999</c:v>
                </c:pt>
                <c:pt idx="5418">
                  <c:v>90.299999999999983</c:v>
                </c:pt>
                <c:pt idx="5419">
                  <c:v>90.316666999999995</c:v>
                </c:pt>
                <c:pt idx="5420">
                  <c:v>90.333332999999982</c:v>
                </c:pt>
                <c:pt idx="5421">
                  <c:v>90.35</c:v>
                </c:pt>
                <c:pt idx="5422">
                  <c:v>90.366667000000007</c:v>
                </c:pt>
                <c:pt idx="5423">
                  <c:v>90.383332999999993</c:v>
                </c:pt>
                <c:pt idx="5424">
                  <c:v>90.4</c:v>
                </c:pt>
                <c:pt idx="5425">
                  <c:v>90.41666699999999</c:v>
                </c:pt>
                <c:pt idx="5426">
                  <c:v>90.433333000000005</c:v>
                </c:pt>
                <c:pt idx="5427">
                  <c:v>90.449999999999989</c:v>
                </c:pt>
                <c:pt idx="5428">
                  <c:v>90.466667000000001</c:v>
                </c:pt>
                <c:pt idx="5429">
                  <c:v>90.483332999999988</c:v>
                </c:pt>
                <c:pt idx="5430">
                  <c:v>90.5</c:v>
                </c:pt>
                <c:pt idx="5431">
                  <c:v>90.516666999999984</c:v>
                </c:pt>
                <c:pt idx="5432">
                  <c:v>90.533332999999999</c:v>
                </c:pt>
                <c:pt idx="5433">
                  <c:v>90.549999999999983</c:v>
                </c:pt>
                <c:pt idx="5434">
                  <c:v>90.566666999999995</c:v>
                </c:pt>
                <c:pt idx="5435">
                  <c:v>90.583332999999982</c:v>
                </c:pt>
                <c:pt idx="5436">
                  <c:v>90.6</c:v>
                </c:pt>
                <c:pt idx="5437">
                  <c:v>90.616667000000007</c:v>
                </c:pt>
                <c:pt idx="5438">
                  <c:v>90.633332999999993</c:v>
                </c:pt>
                <c:pt idx="5439">
                  <c:v>90.65</c:v>
                </c:pt>
                <c:pt idx="5440">
                  <c:v>90.66666699999999</c:v>
                </c:pt>
                <c:pt idx="5441">
                  <c:v>90.683333000000005</c:v>
                </c:pt>
                <c:pt idx="5442">
                  <c:v>90.699999999999989</c:v>
                </c:pt>
                <c:pt idx="5443">
                  <c:v>90.716667000000001</c:v>
                </c:pt>
                <c:pt idx="5444">
                  <c:v>90.733332999999988</c:v>
                </c:pt>
                <c:pt idx="5445">
                  <c:v>90.75</c:v>
                </c:pt>
                <c:pt idx="5446">
                  <c:v>90.766666999999984</c:v>
                </c:pt>
                <c:pt idx="5447">
                  <c:v>90.783332999999999</c:v>
                </c:pt>
                <c:pt idx="5448">
                  <c:v>90.799999999999983</c:v>
                </c:pt>
                <c:pt idx="5449">
                  <c:v>90.816666999999995</c:v>
                </c:pt>
                <c:pt idx="5450">
                  <c:v>90.833332999999982</c:v>
                </c:pt>
                <c:pt idx="5451">
                  <c:v>90.85</c:v>
                </c:pt>
                <c:pt idx="5452">
                  <c:v>90.866667000000007</c:v>
                </c:pt>
                <c:pt idx="5453">
                  <c:v>90.883332999999993</c:v>
                </c:pt>
                <c:pt idx="5454">
                  <c:v>90.9</c:v>
                </c:pt>
                <c:pt idx="5455">
                  <c:v>90.91666699999999</c:v>
                </c:pt>
                <c:pt idx="5456">
                  <c:v>90.933333000000005</c:v>
                </c:pt>
                <c:pt idx="5457">
                  <c:v>90.949999999999989</c:v>
                </c:pt>
                <c:pt idx="5458">
                  <c:v>90.966667000000001</c:v>
                </c:pt>
                <c:pt idx="5459">
                  <c:v>90.983332999999988</c:v>
                </c:pt>
                <c:pt idx="5460">
                  <c:v>91</c:v>
                </c:pt>
                <c:pt idx="5461">
                  <c:v>91.016666999999984</c:v>
                </c:pt>
                <c:pt idx="5462">
                  <c:v>91.033332999999999</c:v>
                </c:pt>
                <c:pt idx="5463">
                  <c:v>91.049999999999983</c:v>
                </c:pt>
                <c:pt idx="5464">
                  <c:v>91.066666999999995</c:v>
                </c:pt>
                <c:pt idx="5465">
                  <c:v>91.083332999999982</c:v>
                </c:pt>
                <c:pt idx="5466">
                  <c:v>91.1</c:v>
                </c:pt>
                <c:pt idx="5467">
                  <c:v>91.116667000000007</c:v>
                </c:pt>
                <c:pt idx="5468">
                  <c:v>91.133332999999993</c:v>
                </c:pt>
                <c:pt idx="5469">
                  <c:v>91.15</c:v>
                </c:pt>
                <c:pt idx="5470">
                  <c:v>91.16666699999999</c:v>
                </c:pt>
                <c:pt idx="5471">
                  <c:v>91.183333000000005</c:v>
                </c:pt>
                <c:pt idx="5472">
                  <c:v>91.199999999999989</c:v>
                </c:pt>
                <c:pt idx="5473">
                  <c:v>91.216667000000001</c:v>
                </c:pt>
                <c:pt idx="5474">
                  <c:v>91.233332999999988</c:v>
                </c:pt>
                <c:pt idx="5475">
                  <c:v>91.25</c:v>
                </c:pt>
                <c:pt idx="5476">
                  <c:v>91.266666999999984</c:v>
                </c:pt>
                <c:pt idx="5477">
                  <c:v>91.283332999999999</c:v>
                </c:pt>
                <c:pt idx="5478">
                  <c:v>91.299999999999983</c:v>
                </c:pt>
                <c:pt idx="5479">
                  <c:v>91.316666999999995</c:v>
                </c:pt>
                <c:pt idx="5480">
                  <c:v>91.333332999999982</c:v>
                </c:pt>
                <c:pt idx="5481">
                  <c:v>91.35</c:v>
                </c:pt>
                <c:pt idx="5482">
                  <c:v>91.366667000000007</c:v>
                </c:pt>
                <c:pt idx="5483">
                  <c:v>91.383332999999993</c:v>
                </c:pt>
                <c:pt idx="5484">
                  <c:v>91.4</c:v>
                </c:pt>
                <c:pt idx="5485">
                  <c:v>91.41666699999999</c:v>
                </c:pt>
                <c:pt idx="5486">
                  <c:v>91.433333000000005</c:v>
                </c:pt>
                <c:pt idx="5487">
                  <c:v>91.449999999999989</c:v>
                </c:pt>
                <c:pt idx="5488">
                  <c:v>91.466667000000001</c:v>
                </c:pt>
                <c:pt idx="5489">
                  <c:v>91.483332999999988</c:v>
                </c:pt>
                <c:pt idx="5490">
                  <c:v>91.5</c:v>
                </c:pt>
                <c:pt idx="5491">
                  <c:v>91.516666999999984</c:v>
                </c:pt>
                <c:pt idx="5492">
                  <c:v>91.533332999999999</c:v>
                </c:pt>
                <c:pt idx="5493">
                  <c:v>91.549999999999983</c:v>
                </c:pt>
                <c:pt idx="5494">
                  <c:v>91.566666999999995</c:v>
                </c:pt>
                <c:pt idx="5495">
                  <c:v>91.583332999999982</c:v>
                </c:pt>
                <c:pt idx="5496">
                  <c:v>91.6</c:v>
                </c:pt>
                <c:pt idx="5497">
                  <c:v>91.616667000000007</c:v>
                </c:pt>
                <c:pt idx="5498">
                  <c:v>91.633332999999993</c:v>
                </c:pt>
                <c:pt idx="5499">
                  <c:v>91.65</c:v>
                </c:pt>
                <c:pt idx="5500">
                  <c:v>91.66666699999999</c:v>
                </c:pt>
                <c:pt idx="5501">
                  <c:v>91.683333000000005</c:v>
                </c:pt>
                <c:pt idx="5502">
                  <c:v>91.699999999999989</c:v>
                </c:pt>
                <c:pt idx="5503">
                  <c:v>91.716667000000001</c:v>
                </c:pt>
                <c:pt idx="5504">
                  <c:v>91.733332999999988</c:v>
                </c:pt>
                <c:pt idx="5505">
                  <c:v>91.75</c:v>
                </c:pt>
                <c:pt idx="5506">
                  <c:v>91.766666999999984</c:v>
                </c:pt>
                <c:pt idx="5507">
                  <c:v>91.783332999999999</c:v>
                </c:pt>
                <c:pt idx="5508">
                  <c:v>91.799999999999983</c:v>
                </c:pt>
                <c:pt idx="5509">
                  <c:v>91.816666999999995</c:v>
                </c:pt>
                <c:pt idx="5510">
                  <c:v>91.833332999999982</c:v>
                </c:pt>
                <c:pt idx="5511">
                  <c:v>91.85</c:v>
                </c:pt>
                <c:pt idx="5512">
                  <c:v>91.866667000000007</c:v>
                </c:pt>
                <c:pt idx="5513">
                  <c:v>91.883332999999993</c:v>
                </c:pt>
                <c:pt idx="5514">
                  <c:v>91.9</c:v>
                </c:pt>
                <c:pt idx="5515">
                  <c:v>91.91666699999999</c:v>
                </c:pt>
                <c:pt idx="5516">
                  <c:v>91.933333000000005</c:v>
                </c:pt>
                <c:pt idx="5517">
                  <c:v>91.949999999999989</c:v>
                </c:pt>
                <c:pt idx="5518">
                  <c:v>91.966667000000001</c:v>
                </c:pt>
                <c:pt idx="5519">
                  <c:v>91.983332999999988</c:v>
                </c:pt>
                <c:pt idx="5520">
                  <c:v>92</c:v>
                </c:pt>
                <c:pt idx="5521">
                  <c:v>92.016666999999984</c:v>
                </c:pt>
                <c:pt idx="5522">
                  <c:v>92.033332999999999</c:v>
                </c:pt>
                <c:pt idx="5523">
                  <c:v>92.049999999999983</c:v>
                </c:pt>
                <c:pt idx="5524">
                  <c:v>92.066666999999995</c:v>
                </c:pt>
                <c:pt idx="5525">
                  <c:v>92.083332999999982</c:v>
                </c:pt>
                <c:pt idx="5526">
                  <c:v>92.1</c:v>
                </c:pt>
                <c:pt idx="5527">
                  <c:v>92.116667000000007</c:v>
                </c:pt>
                <c:pt idx="5528">
                  <c:v>92.133332999999993</c:v>
                </c:pt>
                <c:pt idx="5529">
                  <c:v>92.15</c:v>
                </c:pt>
                <c:pt idx="5530">
                  <c:v>92.16666699999999</c:v>
                </c:pt>
                <c:pt idx="5531">
                  <c:v>92.183333000000005</c:v>
                </c:pt>
                <c:pt idx="5532">
                  <c:v>92.199999999999989</c:v>
                </c:pt>
                <c:pt idx="5533">
                  <c:v>92.216667000000001</c:v>
                </c:pt>
                <c:pt idx="5534">
                  <c:v>92.233332999999988</c:v>
                </c:pt>
                <c:pt idx="5535">
                  <c:v>92.25</c:v>
                </c:pt>
                <c:pt idx="5536">
                  <c:v>92.266666999999984</c:v>
                </c:pt>
                <c:pt idx="5537">
                  <c:v>92.283332999999999</c:v>
                </c:pt>
                <c:pt idx="5538">
                  <c:v>92.299999999999983</c:v>
                </c:pt>
                <c:pt idx="5539">
                  <c:v>92.316666999999995</c:v>
                </c:pt>
                <c:pt idx="5540">
                  <c:v>92.333332999999982</c:v>
                </c:pt>
                <c:pt idx="5541">
                  <c:v>92.35</c:v>
                </c:pt>
                <c:pt idx="5542">
                  <c:v>92.366667000000007</c:v>
                </c:pt>
                <c:pt idx="5543">
                  <c:v>92.383332999999993</c:v>
                </c:pt>
                <c:pt idx="5544">
                  <c:v>92.4</c:v>
                </c:pt>
                <c:pt idx="5545">
                  <c:v>92.41666699999999</c:v>
                </c:pt>
                <c:pt idx="5546">
                  <c:v>92.433333000000005</c:v>
                </c:pt>
                <c:pt idx="5547">
                  <c:v>92.449999999999989</c:v>
                </c:pt>
                <c:pt idx="5548">
                  <c:v>92.466667000000001</c:v>
                </c:pt>
                <c:pt idx="5549">
                  <c:v>92.483332999999988</c:v>
                </c:pt>
                <c:pt idx="5550">
                  <c:v>92.5</c:v>
                </c:pt>
                <c:pt idx="5551">
                  <c:v>92.516666999999984</c:v>
                </c:pt>
                <c:pt idx="5552">
                  <c:v>92.533332999999999</c:v>
                </c:pt>
                <c:pt idx="5553">
                  <c:v>92.549999999999983</c:v>
                </c:pt>
                <c:pt idx="5554">
                  <c:v>92.566666999999995</c:v>
                </c:pt>
                <c:pt idx="5555">
                  <c:v>92.583332999999982</c:v>
                </c:pt>
                <c:pt idx="5556">
                  <c:v>92.6</c:v>
                </c:pt>
                <c:pt idx="5557">
                  <c:v>92.616667000000007</c:v>
                </c:pt>
                <c:pt idx="5558">
                  <c:v>92.633332999999993</c:v>
                </c:pt>
                <c:pt idx="5559">
                  <c:v>92.65</c:v>
                </c:pt>
                <c:pt idx="5560">
                  <c:v>92.66666699999999</c:v>
                </c:pt>
                <c:pt idx="5561">
                  <c:v>92.683333000000005</c:v>
                </c:pt>
                <c:pt idx="5562">
                  <c:v>92.699999999999989</c:v>
                </c:pt>
                <c:pt idx="5563">
                  <c:v>92.716667000000001</c:v>
                </c:pt>
                <c:pt idx="5564">
                  <c:v>92.733332999999988</c:v>
                </c:pt>
                <c:pt idx="5565">
                  <c:v>92.75</c:v>
                </c:pt>
                <c:pt idx="5566">
                  <c:v>92.766666999999984</c:v>
                </c:pt>
                <c:pt idx="5567">
                  <c:v>92.783332999999999</c:v>
                </c:pt>
                <c:pt idx="5568">
                  <c:v>92.799999999999983</c:v>
                </c:pt>
                <c:pt idx="5569">
                  <c:v>92.816666999999995</c:v>
                </c:pt>
                <c:pt idx="5570">
                  <c:v>92.833332999999982</c:v>
                </c:pt>
                <c:pt idx="5571">
                  <c:v>92.85</c:v>
                </c:pt>
                <c:pt idx="5572">
                  <c:v>92.866667000000007</c:v>
                </c:pt>
                <c:pt idx="5573">
                  <c:v>92.883332999999993</c:v>
                </c:pt>
                <c:pt idx="5574">
                  <c:v>92.9</c:v>
                </c:pt>
                <c:pt idx="5575">
                  <c:v>92.91666699999999</c:v>
                </c:pt>
                <c:pt idx="5576">
                  <c:v>92.933333000000005</c:v>
                </c:pt>
                <c:pt idx="5577">
                  <c:v>92.949999999999989</c:v>
                </c:pt>
                <c:pt idx="5578">
                  <c:v>92.966667000000001</c:v>
                </c:pt>
                <c:pt idx="5579">
                  <c:v>92.983332999999988</c:v>
                </c:pt>
                <c:pt idx="5580">
                  <c:v>93</c:v>
                </c:pt>
                <c:pt idx="5581">
                  <c:v>93.016666999999984</c:v>
                </c:pt>
                <c:pt idx="5582">
                  <c:v>93.033332999999999</c:v>
                </c:pt>
                <c:pt idx="5583">
                  <c:v>93.049999999999983</c:v>
                </c:pt>
                <c:pt idx="5584">
                  <c:v>93.066666999999995</c:v>
                </c:pt>
                <c:pt idx="5585">
                  <c:v>93.083332999999982</c:v>
                </c:pt>
                <c:pt idx="5586">
                  <c:v>93.1</c:v>
                </c:pt>
                <c:pt idx="5587">
                  <c:v>93.116667000000007</c:v>
                </c:pt>
                <c:pt idx="5588">
                  <c:v>93.133332999999993</c:v>
                </c:pt>
                <c:pt idx="5589">
                  <c:v>93.15</c:v>
                </c:pt>
                <c:pt idx="5590">
                  <c:v>93.16666699999999</c:v>
                </c:pt>
                <c:pt idx="5591">
                  <c:v>93.183333000000005</c:v>
                </c:pt>
                <c:pt idx="5592">
                  <c:v>93.199999999999989</c:v>
                </c:pt>
                <c:pt idx="5593">
                  <c:v>93.216667000000001</c:v>
                </c:pt>
                <c:pt idx="5594">
                  <c:v>93.233332999999988</c:v>
                </c:pt>
                <c:pt idx="5595">
                  <c:v>93.25</c:v>
                </c:pt>
                <c:pt idx="5596">
                  <c:v>93.266666999999984</c:v>
                </c:pt>
                <c:pt idx="5597">
                  <c:v>93.283332999999999</c:v>
                </c:pt>
                <c:pt idx="5598">
                  <c:v>93.299999999999983</c:v>
                </c:pt>
                <c:pt idx="5599">
                  <c:v>93.316666999999995</c:v>
                </c:pt>
                <c:pt idx="5600">
                  <c:v>93.333332999999982</c:v>
                </c:pt>
                <c:pt idx="5601">
                  <c:v>93.35</c:v>
                </c:pt>
                <c:pt idx="5602">
                  <c:v>93.366667000000007</c:v>
                </c:pt>
                <c:pt idx="5603">
                  <c:v>93.383332999999993</c:v>
                </c:pt>
                <c:pt idx="5604">
                  <c:v>93.4</c:v>
                </c:pt>
                <c:pt idx="5605">
                  <c:v>93.41666699999999</c:v>
                </c:pt>
                <c:pt idx="5606">
                  <c:v>93.433333000000005</c:v>
                </c:pt>
                <c:pt idx="5607">
                  <c:v>93.449999999999989</c:v>
                </c:pt>
                <c:pt idx="5608">
                  <c:v>93.466667000000001</c:v>
                </c:pt>
                <c:pt idx="5609">
                  <c:v>93.483332999999988</c:v>
                </c:pt>
                <c:pt idx="5610">
                  <c:v>93.5</c:v>
                </c:pt>
                <c:pt idx="5611">
                  <c:v>93.516666999999984</c:v>
                </c:pt>
                <c:pt idx="5612">
                  <c:v>93.533332999999999</c:v>
                </c:pt>
                <c:pt idx="5613">
                  <c:v>93.549999999999983</c:v>
                </c:pt>
                <c:pt idx="5614">
                  <c:v>93.566666999999995</c:v>
                </c:pt>
                <c:pt idx="5615">
                  <c:v>93.583332999999982</c:v>
                </c:pt>
                <c:pt idx="5616">
                  <c:v>93.6</c:v>
                </c:pt>
                <c:pt idx="5617">
                  <c:v>93.616667000000007</c:v>
                </c:pt>
                <c:pt idx="5618">
                  <c:v>93.633332999999993</c:v>
                </c:pt>
                <c:pt idx="5619">
                  <c:v>93.65</c:v>
                </c:pt>
                <c:pt idx="5620">
                  <c:v>93.66666699999999</c:v>
                </c:pt>
                <c:pt idx="5621">
                  <c:v>93.683333000000005</c:v>
                </c:pt>
                <c:pt idx="5622">
                  <c:v>93.699999999999989</c:v>
                </c:pt>
                <c:pt idx="5623">
                  <c:v>93.716667000000001</c:v>
                </c:pt>
                <c:pt idx="5624">
                  <c:v>93.733332999999988</c:v>
                </c:pt>
                <c:pt idx="5625">
                  <c:v>93.75</c:v>
                </c:pt>
                <c:pt idx="5626">
                  <c:v>93.766666999999984</c:v>
                </c:pt>
                <c:pt idx="5627">
                  <c:v>93.783332999999999</c:v>
                </c:pt>
                <c:pt idx="5628">
                  <c:v>93.799999999999983</c:v>
                </c:pt>
                <c:pt idx="5629">
                  <c:v>93.816666999999995</c:v>
                </c:pt>
                <c:pt idx="5630">
                  <c:v>93.833332999999982</c:v>
                </c:pt>
                <c:pt idx="5631">
                  <c:v>93.85</c:v>
                </c:pt>
                <c:pt idx="5632">
                  <c:v>93.866667000000007</c:v>
                </c:pt>
                <c:pt idx="5633">
                  <c:v>93.883332999999993</c:v>
                </c:pt>
                <c:pt idx="5634">
                  <c:v>93.9</c:v>
                </c:pt>
                <c:pt idx="5635">
                  <c:v>93.91666699999999</c:v>
                </c:pt>
                <c:pt idx="5636">
                  <c:v>93.933333000000005</c:v>
                </c:pt>
                <c:pt idx="5637">
                  <c:v>93.949999999999989</c:v>
                </c:pt>
                <c:pt idx="5638">
                  <c:v>93.966667000000001</c:v>
                </c:pt>
                <c:pt idx="5639">
                  <c:v>93.983332999999988</c:v>
                </c:pt>
                <c:pt idx="5640">
                  <c:v>94</c:v>
                </c:pt>
                <c:pt idx="5641">
                  <c:v>94.016666999999984</c:v>
                </c:pt>
                <c:pt idx="5642">
                  <c:v>94.033332999999999</c:v>
                </c:pt>
                <c:pt idx="5643">
                  <c:v>94.049999999999983</c:v>
                </c:pt>
                <c:pt idx="5644">
                  <c:v>94.066666999999995</c:v>
                </c:pt>
                <c:pt idx="5645">
                  <c:v>94.083332999999982</c:v>
                </c:pt>
                <c:pt idx="5646">
                  <c:v>94.1</c:v>
                </c:pt>
                <c:pt idx="5647">
                  <c:v>94.116667000000007</c:v>
                </c:pt>
                <c:pt idx="5648">
                  <c:v>94.133332999999993</c:v>
                </c:pt>
                <c:pt idx="5649">
                  <c:v>94.15</c:v>
                </c:pt>
                <c:pt idx="5650">
                  <c:v>94.16666699999999</c:v>
                </c:pt>
                <c:pt idx="5651">
                  <c:v>94.183333000000005</c:v>
                </c:pt>
                <c:pt idx="5652">
                  <c:v>94.199999999999989</c:v>
                </c:pt>
                <c:pt idx="5653">
                  <c:v>94.216667000000001</c:v>
                </c:pt>
                <c:pt idx="5654">
                  <c:v>94.233332999999988</c:v>
                </c:pt>
                <c:pt idx="5655">
                  <c:v>94.25</c:v>
                </c:pt>
                <c:pt idx="5656">
                  <c:v>94.266666999999984</c:v>
                </c:pt>
                <c:pt idx="5657">
                  <c:v>94.283332999999999</c:v>
                </c:pt>
                <c:pt idx="5658">
                  <c:v>94.299999999999983</c:v>
                </c:pt>
                <c:pt idx="5659">
                  <c:v>94.316666999999995</c:v>
                </c:pt>
                <c:pt idx="5660">
                  <c:v>94.333332999999982</c:v>
                </c:pt>
                <c:pt idx="5661">
                  <c:v>94.35</c:v>
                </c:pt>
                <c:pt idx="5662">
                  <c:v>94.366667000000007</c:v>
                </c:pt>
                <c:pt idx="5663">
                  <c:v>94.383332999999993</c:v>
                </c:pt>
                <c:pt idx="5664">
                  <c:v>94.4</c:v>
                </c:pt>
                <c:pt idx="5665">
                  <c:v>94.41666699999999</c:v>
                </c:pt>
                <c:pt idx="5666">
                  <c:v>94.433333000000005</c:v>
                </c:pt>
                <c:pt idx="5667">
                  <c:v>94.449999999999989</c:v>
                </c:pt>
                <c:pt idx="5668">
                  <c:v>94.466667000000001</c:v>
                </c:pt>
                <c:pt idx="5669">
                  <c:v>94.483332999999988</c:v>
                </c:pt>
                <c:pt idx="5670">
                  <c:v>94.5</c:v>
                </c:pt>
                <c:pt idx="5671">
                  <c:v>94.516666999999984</c:v>
                </c:pt>
                <c:pt idx="5672">
                  <c:v>94.533332999999999</c:v>
                </c:pt>
                <c:pt idx="5673">
                  <c:v>94.549999999999983</c:v>
                </c:pt>
                <c:pt idx="5674">
                  <c:v>94.566666999999995</c:v>
                </c:pt>
                <c:pt idx="5675">
                  <c:v>94.583332999999982</c:v>
                </c:pt>
                <c:pt idx="5676">
                  <c:v>94.6</c:v>
                </c:pt>
                <c:pt idx="5677">
                  <c:v>94.616667000000007</c:v>
                </c:pt>
                <c:pt idx="5678">
                  <c:v>94.633332999999993</c:v>
                </c:pt>
                <c:pt idx="5679">
                  <c:v>94.65</c:v>
                </c:pt>
                <c:pt idx="5680">
                  <c:v>94.66666699999999</c:v>
                </c:pt>
                <c:pt idx="5681">
                  <c:v>94.683333000000005</c:v>
                </c:pt>
                <c:pt idx="5682">
                  <c:v>94.699999999999989</c:v>
                </c:pt>
                <c:pt idx="5683">
                  <c:v>94.716667000000001</c:v>
                </c:pt>
                <c:pt idx="5684">
                  <c:v>94.733332999999988</c:v>
                </c:pt>
                <c:pt idx="5685">
                  <c:v>94.75</c:v>
                </c:pt>
                <c:pt idx="5686">
                  <c:v>94.766666999999984</c:v>
                </c:pt>
                <c:pt idx="5687">
                  <c:v>94.783332999999999</c:v>
                </c:pt>
                <c:pt idx="5688">
                  <c:v>94.799999999999983</c:v>
                </c:pt>
                <c:pt idx="5689">
                  <c:v>94.816666999999995</c:v>
                </c:pt>
                <c:pt idx="5690">
                  <c:v>94.833332999999982</c:v>
                </c:pt>
                <c:pt idx="5691">
                  <c:v>94.85</c:v>
                </c:pt>
                <c:pt idx="5692">
                  <c:v>94.866667000000007</c:v>
                </c:pt>
                <c:pt idx="5693">
                  <c:v>94.883332999999993</c:v>
                </c:pt>
                <c:pt idx="5694">
                  <c:v>94.9</c:v>
                </c:pt>
                <c:pt idx="5695">
                  <c:v>94.91666699999999</c:v>
                </c:pt>
                <c:pt idx="5696">
                  <c:v>94.933333000000005</c:v>
                </c:pt>
                <c:pt idx="5697">
                  <c:v>94.949999999999989</c:v>
                </c:pt>
                <c:pt idx="5698">
                  <c:v>94.966667000000001</c:v>
                </c:pt>
                <c:pt idx="5699">
                  <c:v>94.983332999999988</c:v>
                </c:pt>
                <c:pt idx="5700">
                  <c:v>95</c:v>
                </c:pt>
                <c:pt idx="5701">
                  <c:v>95.016666999999984</c:v>
                </c:pt>
                <c:pt idx="5702">
                  <c:v>95.033332999999999</c:v>
                </c:pt>
                <c:pt idx="5703">
                  <c:v>95.049999999999983</c:v>
                </c:pt>
                <c:pt idx="5704">
                  <c:v>95.066666999999995</c:v>
                </c:pt>
                <c:pt idx="5705">
                  <c:v>95.083332999999982</c:v>
                </c:pt>
                <c:pt idx="5706">
                  <c:v>95.1</c:v>
                </c:pt>
                <c:pt idx="5707">
                  <c:v>95.116667000000007</c:v>
                </c:pt>
                <c:pt idx="5708">
                  <c:v>95.133332999999993</c:v>
                </c:pt>
                <c:pt idx="5709">
                  <c:v>95.15</c:v>
                </c:pt>
                <c:pt idx="5710">
                  <c:v>95.16666699999999</c:v>
                </c:pt>
                <c:pt idx="5711">
                  <c:v>95.183333000000005</c:v>
                </c:pt>
                <c:pt idx="5712">
                  <c:v>95.199999999999989</c:v>
                </c:pt>
                <c:pt idx="5713">
                  <c:v>95.216667000000001</c:v>
                </c:pt>
                <c:pt idx="5714">
                  <c:v>95.233332999999988</c:v>
                </c:pt>
                <c:pt idx="5715">
                  <c:v>95.25</c:v>
                </c:pt>
                <c:pt idx="5716">
                  <c:v>95.266666999999984</c:v>
                </c:pt>
                <c:pt idx="5717">
                  <c:v>95.283332999999999</c:v>
                </c:pt>
                <c:pt idx="5718">
                  <c:v>95.299999999999983</c:v>
                </c:pt>
                <c:pt idx="5719">
                  <c:v>95.316666999999995</c:v>
                </c:pt>
                <c:pt idx="5720">
                  <c:v>95.333332999999982</c:v>
                </c:pt>
                <c:pt idx="5721">
                  <c:v>95.35</c:v>
                </c:pt>
                <c:pt idx="5722">
                  <c:v>95.366667000000007</c:v>
                </c:pt>
                <c:pt idx="5723">
                  <c:v>95.383332999999993</c:v>
                </c:pt>
                <c:pt idx="5724">
                  <c:v>95.4</c:v>
                </c:pt>
                <c:pt idx="5725">
                  <c:v>95.41666699999999</c:v>
                </c:pt>
                <c:pt idx="5726">
                  <c:v>95.433333000000005</c:v>
                </c:pt>
                <c:pt idx="5727">
                  <c:v>95.449999999999989</c:v>
                </c:pt>
                <c:pt idx="5728">
                  <c:v>95.466667000000001</c:v>
                </c:pt>
                <c:pt idx="5729">
                  <c:v>95.483332999999988</c:v>
                </c:pt>
                <c:pt idx="5730">
                  <c:v>95.5</c:v>
                </c:pt>
                <c:pt idx="5731">
                  <c:v>95.516666999999984</c:v>
                </c:pt>
                <c:pt idx="5732">
                  <c:v>95.533332999999999</c:v>
                </c:pt>
                <c:pt idx="5733">
                  <c:v>95.549999999999983</c:v>
                </c:pt>
                <c:pt idx="5734">
                  <c:v>95.566666999999995</c:v>
                </c:pt>
                <c:pt idx="5735">
                  <c:v>95.583332999999982</c:v>
                </c:pt>
                <c:pt idx="5736">
                  <c:v>95.6</c:v>
                </c:pt>
                <c:pt idx="5737">
                  <c:v>95.616667000000007</c:v>
                </c:pt>
                <c:pt idx="5738">
                  <c:v>95.633332999999993</c:v>
                </c:pt>
                <c:pt idx="5739">
                  <c:v>95.65</c:v>
                </c:pt>
                <c:pt idx="5740">
                  <c:v>95.66666699999999</c:v>
                </c:pt>
                <c:pt idx="5741">
                  <c:v>95.683333000000005</c:v>
                </c:pt>
                <c:pt idx="5742">
                  <c:v>95.699999999999989</c:v>
                </c:pt>
                <c:pt idx="5743">
                  <c:v>95.716667000000001</c:v>
                </c:pt>
                <c:pt idx="5744">
                  <c:v>95.733332999999988</c:v>
                </c:pt>
                <c:pt idx="5745">
                  <c:v>95.75</c:v>
                </c:pt>
                <c:pt idx="5746">
                  <c:v>95.766666999999984</c:v>
                </c:pt>
                <c:pt idx="5747">
                  <c:v>95.783332999999999</c:v>
                </c:pt>
                <c:pt idx="5748">
                  <c:v>95.799999999999983</c:v>
                </c:pt>
                <c:pt idx="5749">
                  <c:v>95.816666999999995</c:v>
                </c:pt>
                <c:pt idx="5750">
                  <c:v>95.833332999999982</c:v>
                </c:pt>
                <c:pt idx="5751">
                  <c:v>95.85</c:v>
                </c:pt>
                <c:pt idx="5752">
                  <c:v>95.866667000000007</c:v>
                </c:pt>
                <c:pt idx="5753">
                  <c:v>95.883332999999993</c:v>
                </c:pt>
                <c:pt idx="5754">
                  <c:v>95.9</c:v>
                </c:pt>
                <c:pt idx="5755">
                  <c:v>95.91666699999999</c:v>
                </c:pt>
                <c:pt idx="5756">
                  <c:v>95.933333000000005</c:v>
                </c:pt>
                <c:pt idx="5757">
                  <c:v>95.949999999999989</c:v>
                </c:pt>
                <c:pt idx="5758">
                  <c:v>95.966667000000001</c:v>
                </c:pt>
                <c:pt idx="5759">
                  <c:v>95.983332999999988</c:v>
                </c:pt>
                <c:pt idx="5760">
                  <c:v>96</c:v>
                </c:pt>
                <c:pt idx="5761">
                  <c:v>96.016666999999984</c:v>
                </c:pt>
                <c:pt idx="5762">
                  <c:v>96.033332999999999</c:v>
                </c:pt>
                <c:pt idx="5763">
                  <c:v>96.049999999999983</c:v>
                </c:pt>
                <c:pt idx="5764">
                  <c:v>96.066666999999995</c:v>
                </c:pt>
                <c:pt idx="5765">
                  <c:v>96.083332999999982</c:v>
                </c:pt>
                <c:pt idx="5766">
                  <c:v>96.1</c:v>
                </c:pt>
                <c:pt idx="5767">
                  <c:v>96.116667000000007</c:v>
                </c:pt>
                <c:pt idx="5768">
                  <c:v>96.133332999999993</c:v>
                </c:pt>
                <c:pt idx="5769">
                  <c:v>96.15</c:v>
                </c:pt>
                <c:pt idx="5770">
                  <c:v>96.16666699999999</c:v>
                </c:pt>
                <c:pt idx="5771">
                  <c:v>96.183333000000005</c:v>
                </c:pt>
                <c:pt idx="5772">
                  <c:v>96.199999999999989</c:v>
                </c:pt>
                <c:pt idx="5773">
                  <c:v>96.216667000000001</c:v>
                </c:pt>
                <c:pt idx="5774">
                  <c:v>96.233332999999988</c:v>
                </c:pt>
                <c:pt idx="5775">
                  <c:v>96.25</c:v>
                </c:pt>
                <c:pt idx="5776">
                  <c:v>96.266666999999984</c:v>
                </c:pt>
                <c:pt idx="5777">
                  <c:v>96.283332999999999</c:v>
                </c:pt>
                <c:pt idx="5778">
                  <c:v>96.299999999999983</c:v>
                </c:pt>
                <c:pt idx="5779">
                  <c:v>96.316666999999995</c:v>
                </c:pt>
                <c:pt idx="5780">
                  <c:v>96.333332999999982</c:v>
                </c:pt>
                <c:pt idx="5781">
                  <c:v>96.35</c:v>
                </c:pt>
                <c:pt idx="5782">
                  <c:v>96.366667000000007</c:v>
                </c:pt>
                <c:pt idx="5783">
                  <c:v>96.383332999999993</c:v>
                </c:pt>
                <c:pt idx="5784">
                  <c:v>96.4</c:v>
                </c:pt>
                <c:pt idx="5785">
                  <c:v>96.41666699999999</c:v>
                </c:pt>
                <c:pt idx="5786">
                  <c:v>96.433333000000005</c:v>
                </c:pt>
                <c:pt idx="5787">
                  <c:v>96.449999999999989</c:v>
                </c:pt>
                <c:pt idx="5788">
                  <c:v>96.466667000000001</c:v>
                </c:pt>
                <c:pt idx="5789">
                  <c:v>96.483332999999988</c:v>
                </c:pt>
                <c:pt idx="5790">
                  <c:v>96.5</c:v>
                </c:pt>
                <c:pt idx="5791">
                  <c:v>96.516666999999984</c:v>
                </c:pt>
                <c:pt idx="5792">
                  <c:v>96.533332999999999</c:v>
                </c:pt>
                <c:pt idx="5793">
                  <c:v>96.549999999999983</c:v>
                </c:pt>
                <c:pt idx="5794">
                  <c:v>96.566666999999995</c:v>
                </c:pt>
                <c:pt idx="5795">
                  <c:v>96.583332999999982</c:v>
                </c:pt>
                <c:pt idx="5796">
                  <c:v>96.6</c:v>
                </c:pt>
                <c:pt idx="5797">
                  <c:v>96.616667000000007</c:v>
                </c:pt>
                <c:pt idx="5798">
                  <c:v>96.633332999999993</c:v>
                </c:pt>
                <c:pt idx="5799">
                  <c:v>96.65</c:v>
                </c:pt>
                <c:pt idx="5800">
                  <c:v>96.66666699999999</c:v>
                </c:pt>
                <c:pt idx="5801">
                  <c:v>96.683333000000005</c:v>
                </c:pt>
                <c:pt idx="5802">
                  <c:v>96.699999999999989</c:v>
                </c:pt>
                <c:pt idx="5803">
                  <c:v>96.716667000000001</c:v>
                </c:pt>
                <c:pt idx="5804">
                  <c:v>96.733332999999988</c:v>
                </c:pt>
                <c:pt idx="5805">
                  <c:v>96.75</c:v>
                </c:pt>
                <c:pt idx="5806">
                  <c:v>96.766666999999984</c:v>
                </c:pt>
                <c:pt idx="5807">
                  <c:v>96.783332999999999</c:v>
                </c:pt>
                <c:pt idx="5808">
                  <c:v>96.799999999999983</c:v>
                </c:pt>
                <c:pt idx="5809">
                  <c:v>96.816666999999995</c:v>
                </c:pt>
                <c:pt idx="5810">
                  <c:v>96.833332999999982</c:v>
                </c:pt>
                <c:pt idx="5811">
                  <c:v>96.85</c:v>
                </c:pt>
                <c:pt idx="5812">
                  <c:v>96.866667000000007</c:v>
                </c:pt>
                <c:pt idx="5813">
                  <c:v>96.883332999999993</c:v>
                </c:pt>
                <c:pt idx="5814">
                  <c:v>96.9</c:v>
                </c:pt>
                <c:pt idx="5815">
                  <c:v>96.91666699999999</c:v>
                </c:pt>
                <c:pt idx="5816">
                  <c:v>96.933333000000005</c:v>
                </c:pt>
                <c:pt idx="5817">
                  <c:v>96.949999999999989</c:v>
                </c:pt>
                <c:pt idx="5818">
                  <c:v>96.966667000000001</c:v>
                </c:pt>
                <c:pt idx="5819">
                  <c:v>96.983332999999988</c:v>
                </c:pt>
                <c:pt idx="5820">
                  <c:v>97</c:v>
                </c:pt>
                <c:pt idx="5821">
                  <c:v>97.016666999999984</c:v>
                </c:pt>
                <c:pt idx="5822">
                  <c:v>97.033332999999999</c:v>
                </c:pt>
                <c:pt idx="5823">
                  <c:v>97.049999999999983</c:v>
                </c:pt>
                <c:pt idx="5824">
                  <c:v>97.066666999999995</c:v>
                </c:pt>
                <c:pt idx="5825">
                  <c:v>97.083332999999982</c:v>
                </c:pt>
                <c:pt idx="5826">
                  <c:v>97.1</c:v>
                </c:pt>
                <c:pt idx="5827">
                  <c:v>97.116667000000007</c:v>
                </c:pt>
                <c:pt idx="5828">
                  <c:v>97.133332999999993</c:v>
                </c:pt>
                <c:pt idx="5829">
                  <c:v>97.15</c:v>
                </c:pt>
                <c:pt idx="5830">
                  <c:v>97.16666699999999</c:v>
                </c:pt>
                <c:pt idx="5831">
                  <c:v>97.183333000000005</c:v>
                </c:pt>
                <c:pt idx="5832">
                  <c:v>97.199999999999989</c:v>
                </c:pt>
                <c:pt idx="5833">
                  <c:v>97.216667000000001</c:v>
                </c:pt>
                <c:pt idx="5834">
                  <c:v>97.233332999999988</c:v>
                </c:pt>
                <c:pt idx="5835">
                  <c:v>97.25</c:v>
                </c:pt>
                <c:pt idx="5836">
                  <c:v>97.266666999999984</c:v>
                </c:pt>
                <c:pt idx="5837">
                  <c:v>97.283332999999999</c:v>
                </c:pt>
                <c:pt idx="5838">
                  <c:v>97.299999999999983</c:v>
                </c:pt>
                <c:pt idx="5839">
                  <c:v>97.316666999999995</c:v>
                </c:pt>
                <c:pt idx="5840">
                  <c:v>97.333332999999982</c:v>
                </c:pt>
                <c:pt idx="5841">
                  <c:v>97.35</c:v>
                </c:pt>
                <c:pt idx="5842">
                  <c:v>97.366667000000007</c:v>
                </c:pt>
                <c:pt idx="5843">
                  <c:v>97.383332999999993</c:v>
                </c:pt>
                <c:pt idx="5844">
                  <c:v>97.4</c:v>
                </c:pt>
                <c:pt idx="5845">
                  <c:v>97.41666699999999</c:v>
                </c:pt>
                <c:pt idx="5846">
                  <c:v>97.433333000000005</c:v>
                </c:pt>
                <c:pt idx="5847">
                  <c:v>97.449999999999989</c:v>
                </c:pt>
                <c:pt idx="5848">
                  <c:v>97.466667000000001</c:v>
                </c:pt>
                <c:pt idx="5849">
                  <c:v>97.483332999999988</c:v>
                </c:pt>
                <c:pt idx="5850">
                  <c:v>97.5</c:v>
                </c:pt>
                <c:pt idx="5851">
                  <c:v>97.516666999999984</c:v>
                </c:pt>
                <c:pt idx="5852">
                  <c:v>97.533332999999999</c:v>
                </c:pt>
                <c:pt idx="5853">
                  <c:v>97.549999999999983</c:v>
                </c:pt>
                <c:pt idx="5854">
                  <c:v>97.566666999999995</c:v>
                </c:pt>
                <c:pt idx="5855">
                  <c:v>97.583332999999982</c:v>
                </c:pt>
                <c:pt idx="5856">
                  <c:v>97.6</c:v>
                </c:pt>
                <c:pt idx="5857">
                  <c:v>97.616667000000007</c:v>
                </c:pt>
                <c:pt idx="5858">
                  <c:v>97.633332999999993</c:v>
                </c:pt>
                <c:pt idx="5859">
                  <c:v>97.65</c:v>
                </c:pt>
                <c:pt idx="5860">
                  <c:v>97.66666699999999</c:v>
                </c:pt>
                <c:pt idx="5861">
                  <c:v>97.683333000000005</c:v>
                </c:pt>
                <c:pt idx="5862">
                  <c:v>97.699999999999989</c:v>
                </c:pt>
                <c:pt idx="5863">
                  <c:v>97.716667000000001</c:v>
                </c:pt>
                <c:pt idx="5864">
                  <c:v>97.733332999999988</c:v>
                </c:pt>
                <c:pt idx="5865">
                  <c:v>97.75</c:v>
                </c:pt>
                <c:pt idx="5866">
                  <c:v>97.766666999999984</c:v>
                </c:pt>
                <c:pt idx="5867">
                  <c:v>97.783332999999999</c:v>
                </c:pt>
                <c:pt idx="5868">
                  <c:v>97.799999999999983</c:v>
                </c:pt>
                <c:pt idx="5869">
                  <c:v>97.816666999999995</c:v>
                </c:pt>
                <c:pt idx="5870">
                  <c:v>97.833332999999982</c:v>
                </c:pt>
                <c:pt idx="5871">
                  <c:v>97.85</c:v>
                </c:pt>
                <c:pt idx="5872">
                  <c:v>97.866667000000007</c:v>
                </c:pt>
                <c:pt idx="5873">
                  <c:v>97.883332999999993</c:v>
                </c:pt>
                <c:pt idx="5874">
                  <c:v>97.9</c:v>
                </c:pt>
                <c:pt idx="5875">
                  <c:v>97.91666699999999</c:v>
                </c:pt>
                <c:pt idx="5876">
                  <c:v>97.933333000000005</c:v>
                </c:pt>
                <c:pt idx="5877">
                  <c:v>97.949999999999989</c:v>
                </c:pt>
                <c:pt idx="5878">
                  <c:v>97.966667000000001</c:v>
                </c:pt>
                <c:pt idx="5879">
                  <c:v>97.983332999999988</c:v>
                </c:pt>
                <c:pt idx="5880">
                  <c:v>98</c:v>
                </c:pt>
                <c:pt idx="5881">
                  <c:v>98.016666999999984</c:v>
                </c:pt>
                <c:pt idx="5882">
                  <c:v>98.033332999999999</c:v>
                </c:pt>
                <c:pt idx="5883">
                  <c:v>98.049999999999983</c:v>
                </c:pt>
                <c:pt idx="5884">
                  <c:v>98.066666999999995</c:v>
                </c:pt>
                <c:pt idx="5885">
                  <c:v>98.083332999999982</c:v>
                </c:pt>
                <c:pt idx="5886">
                  <c:v>98.1</c:v>
                </c:pt>
                <c:pt idx="5887">
                  <c:v>98.116667000000007</c:v>
                </c:pt>
                <c:pt idx="5888">
                  <c:v>98.133332999999993</c:v>
                </c:pt>
                <c:pt idx="5889">
                  <c:v>98.15</c:v>
                </c:pt>
                <c:pt idx="5890">
                  <c:v>98.16666699999999</c:v>
                </c:pt>
                <c:pt idx="5891">
                  <c:v>98.183333000000005</c:v>
                </c:pt>
                <c:pt idx="5892">
                  <c:v>98.199999999999989</c:v>
                </c:pt>
                <c:pt idx="5893">
                  <c:v>98.216667000000001</c:v>
                </c:pt>
                <c:pt idx="5894">
                  <c:v>98.233332999999988</c:v>
                </c:pt>
                <c:pt idx="5895">
                  <c:v>98.25</c:v>
                </c:pt>
                <c:pt idx="5896">
                  <c:v>98.266666999999984</c:v>
                </c:pt>
                <c:pt idx="5897">
                  <c:v>98.283332999999999</c:v>
                </c:pt>
                <c:pt idx="5898">
                  <c:v>98.299999999999983</c:v>
                </c:pt>
                <c:pt idx="5899">
                  <c:v>98.316666999999995</c:v>
                </c:pt>
                <c:pt idx="5900">
                  <c:v>98.333332999999982</c:v>
                </c:pt>
                <c:pt idx="5901">
                  <c:v>98.35</c:v>
                </c:pt>
                <c:pt idx="5902">
                  <c:v>98.366667000000007</c:v>
                </c:pt>
                <c:pt idx="5903">
                  <c:v>98.383332999999993</c:v>
                </c:pt>
                <c:pt idx="5904">
                  <c:v>98.4</c:v>
                </c:pt>
                <c:pt idx="5905">
                  <c:v>98.41666699999999</c:v>
                </c:pt>
                <c:pt idx="5906">
                  <c:v>98.433333000000005</c:v>
                </c:pt>
                <c:pt idx="5907">
                  <c:v>98.449999999999989</c:v>
                </c:pt>
                <c:pt idx="5908">
                  <c:v>98.466667000000001</c:v>
                </c:pt>
                <c:pt idx="5909">
                  <c:v>98.483332999999988</c:v>
                </c:pt>
                <c:pt idx="5910">
                  <c:v>98.5</c:v>
                </c:pt>
                <c:pt idx="5911">
                  <c:v>98.516666999999984</c:v>
                </c:pt>
                <c:pt idx="5912">
                  <c:v>98.533332999999999</c:v>
                </c:pt>
                <c:pt idx="5913">
                  <c:v>98.549999999999983</c:v>
                </c:pt>
                <c:pt idx="5914">
                  <c:v>98.566666999999995</c:v>
                </c:pt>
                <c:pt idx="5915">
                  <c:v>98.583332999999982</c:v>
                </c:pt>
                <c:pt idx="5916">
                  <c:v>98.6</c:v>
                </c:pt>
                <c:pt idx="5917">
                  <c:v>98.616667000000007</c:v>
                </c:pt>
                <c:pt idx="5918">
                  <c:v>98.633332999999993</c:v>
                </c:pt>
                <c:pt idx="5919">
                  <c:v>98.65</c:v>
                </c:pt>
                <c:pt idx="5920">
                  <c:v>98.66666699999999</c:v>
                </c:pt>
                <c:pt idx="5921">
                  <c:v>98.683333000000005</c:v>
                </c:pt>
                <c:pt idx="5922">
                  <c:v>98.699999999999989</c:v>
                </c:pt>
                <c:pt idx="5923">
                  <c:v>98.716667000000001</c:v>
                </c:pt>
                <c:pt idx="5924">
                  <c:v>98.733332999999988</c:v>
                </c:pt>
                <c:pt idx="5925">
                  <c:v>98.75</c:v>
                </c:pt>
                <c:pt idx="5926">
                  <c:v>98.766666999999984</c:v>
                </c:pt>
                <c:pt idx="5927">
                  <c:v>98.783332999999999</c:v>
                </c:pt>
                <c:pt idx="5928">
                  <c:v>98.799999999999983</c:v>
                </c:pt>
                <c:pt idx="5929">
                  <c:v>98.816666999999995</c:v>
                </c:pt>
                <c:pt idx="5930">
                  <c:v>98.833332999999982</c:v>
                </c:pt>
                <c:pt idx="5931">
                  <c:v>98.85</c:v>
                </c:pt>
                <c:pt idx="5932">
                  <c:v>98.866667000000007</c:v>
                </c:pt>
                <c:pt idx="5933">
                  <c:v>98.883332999999993</c:v>
                </c:pt>
                <c:pt idx="5934">
                  <c:v>98.9</c:v>
                </c:pt>
                <c:pt idx="5935">
                  <c:v>98.91666699999999</c:v>
                </c:pt>
                <c:pt idx="5936">
                  <c:v>98.933333000000005</c:v>
                </c:pt>
                <c:pt idx="5937">
                  <c:v>98.949999999999989</c:v>
                </c:pt>
                <c:pt idx="5938">
                  <c:v>98.966667000000001</c:v>
                </c:pt>
                <c:pt idx="5939">
                  <c:v>98.983332999999988</c:v>
                </c:pt>
                <c:pt idx="5940">
                  <c:v>99</c:v>
                </c:pt>
                <c:pt idx="5941">
                  <c:v>99.016666999999984</c:v>
                </c:pt>
                <c:pt idx="5942">
                  <c:v>99.033332999999999</c:v>
                </c:pt>
                <c:pt idx="5943">
                  <c:v>99.049999999999983</c:v>
                </c:pt>
                <c:pt idx="5944">
                  <c:v>99.066666999999995</c:v>
                </c:pt>
                <c:pt idx="5945">
                  <c:v>99.083332999999982</c:v>
                </c:pt>
                <c:pt idx="5946">
                  <c:v>99.1</c:v>
                </c:pt>
                <c:pt idx="5947">
                  <c:v>99.116667000000007</c:v>
                </c:pt>
                <c:pt idx="5948">
                  <c:v>99.133332999999993</c:v>
                </c:pt>
                <c:pt idx="5949">
                  <c:v>99.15</c:v>
                </c:pt>
                <c:pt idx="5950">
                  <c:v>99.16666699999999</c:v>
                </c:pt>
                <c:pt idx="5951">
                  <c:v>99.183333000000005</c:v>
                </c:pt>
                <c:pt idx="5952">
                  <c:v>99.199999999999989</c:v>
                </c:pt>
                <c:pt idx="5953">
                  <c:v>99.216667000000001</c:v>
                </c:pt>
                <c:pt idx="5954">
                  <c:v>99.233332999999988</c:v>
                </c:pt>
                <c:pt idx="5955">
                  <c:v>99.25</c:v>
                </c:pt>
                <c:pt idx="5956">
                  <c:v>99.266666999999984</c:v>
                </c:pt>
                <c:pt idx="5957">
                  <c:v>99.283332999999999</c:v>
                </c:pt>
                <c:pt idx="5958">
                  <c:v>99.299999999999983</c:v>
                </c:pt>
                <c:pt idx="5959">
                  <c:v>99.316666999999995</c:v>
                </c:pt>
                <c:pt idx="5960">
                  <c:v>99.333332999999982</c:v>
                </c:pt>
                <c:pt idx="5961">
                  <c:v>99.35</c:v>
                </c:pt>
                <c:pt idx="5962">
                  <c:v>99.366667000000007</c:v>
                </c:pt>
                <c:pt idx="5963">
                  <c:v>99.383332999999993</c:v>
                </c:pt>
                <c:pt idx="5964">
                  <c:v>99.4</c:v>
                </c:pt>
                <c:pt idx="5965">
                  <c:v>99.41666699999999</c:v>
                </c:pt>
                <c:pt idx="5966">
                  <c:v>99.433333000000005</c:v>
                </c:pt>
                <c:pt idx="5967">
                  <c:v>99.449999999999989</c:v>
                </c:pt>
                <c:pt idx="5968">
                  <c:v>99.466667000000001</c:v>
                </c:pt>
                <c:pt idx="5969">
                  <c:v>99.483332999999988</c:v>
                </c:pt>
                <c:pt idx="5970">
                  <c:v>99.5</c:v>
                </c:pt>
                <c:pt idx="5971">
                  <c:v>99.516666999999984</c:v>
                </c:pt>
                <c:pt idx="5972">
                  <c:v>99.533332999999999</c:v>
                </c:pt>
                <c:pt idx="5973">
                  <c:v>99.549999999999983</c:v>
                </c:pt>
                <c:pt idx="5974">
                  <c:v>99.566666999999995</c:v>
                </c:pt>
                <c:pt idx="5975">
                  <c:v>99.583332999999982</c:v>
                </c:pt>
                <c:pt idx="5976">
                  <c:v>99.6</c:v>
                </c:pt>
                <c:pt idx="5977">
                  <c:v>99.616667000000007</c:v>
                </c:pt>
                <c:pt idx="5978">
                  <c:v>99.633332999999993</c:v>
                </c:pt>
                <c:pt idx="5979">
                  <c:v>99.65</c:v>
                </c:pt>
                <c:pt idx="5980">
                  <c:v>99.66666699999999</c:v>
                </c:pt>
                <c:pt idx="5981">
                  <c:v>99.683333000000005</c:v>
                </c:pt>
                <c:pt idx="5982">
                  <c:v>99.699999999999989</c:v>
                </c:pt>
                <c:pt idx="5983">
                  <c:v>99.716667000000001</c:v>
                </c:pt>
                <c:pt idx="5984">
                  <c:v>99.733332999999988</c:v>
                </c:pt>
                <c:pt idx="5985">
                  <c:v>99.75</c:v>
                </c:pt>
                <c:pt idx="5986">
                  <c:v>99.766666999999984</c:v>
                </c:pt>
                <c:pt idx="5987">
                  <c:v>99.783332999999999</c:v>
                </c:pt>
                <c:pt idx="5988">
                  <c:v>99.799999999999983</c:v>
                </c:pt>
                <c:pt idx="5989">
                  <c:v>99.816666999999995</c:v>
                </c:pt>
                <c:pt idx="5990">
                  <c:v>99.833332999999982</c:v>
                </c:pt>
                <c:pt idx="5991">
                  <c:v>99.85</c:v>
                </c:pt>
                <c:pt idx="5992">
                  <c:v>99.866667000000007</c:v>
                </c:pt>
                <c:pt idx="5993">
                  <c:v>99.883332999999993</c:v>
                </c:pt>
                <c:pt idx="5994">
                  <c:v>99.9</c:v>
                </c:pt>
                <c:pt idx="5995">
                  <c:v>99.91666699999999</c:v>
                </c:pt>
                <c:pt idx="5996">
                  <c:v>99.933333000000005</c:v>
                </c:pt>
                <c:pt idx="5997">
                  <c:v>99.949999999999989</c:v>
                </c:pt>
                <c:pt idx="5998">
                  <c:v>99.966667000000001</c:v>
                </c:pt>
                <c:pt idx="5999">
                  <c:v>99.983332999999988</c:v>
                </c:pt>
                <c:pt idx="6000">
                  <c:v>100</c:v>
                </c:pt>
                <c:pt idx="6001">
                  <c:v>100.01666699999998</c:v>
                </c:pt>
                <c:pt idx="6002">
                  <c:v>100.033333</c:v>
                </c:pt>
                <c:pt idx="6003">
                  <c:v>100.04999999999998</c:v>
                </c:pt>
                <c:pt idx="6004">
                  <c:v>100.066667</c:v>
                </c:pt>
                <c:pt idx="6005">
                  <c:v>100.08333299999998</c:v>
                </c:pt>
                <c:pt idx="6006">
                  <c:v>100.1</c:v>
                </c:pt>
                <c:pt idx="6007">
                  <c:v>100.11666700000001</c:v>
                </c:pt>
                <c:pt idx="6008">
                  <c:v>100.13333299999999</c:v>
                </c:pt>
                <c:pt idx="6009">
                  <c:v>100.15</c:v>
                </c:pt>
                <c:pt idx="6010">
                  <c:v>100.16666699999999</c:v>
                </c:pt>
                <c:pt idx="6011">
                  <c:v>100.183333</c:v>
                </c:pt>
                <c:pt idx="6012">
                  <c:v>100.19999999999999</c:v>
                </c:pt>
                <c:pt idx="6013">
                  <c:v>100.216667</c:v>
                </c:pt>
                <c:pt idx="6014">
                  <c:v>100.23333299999999</c:v>
                </c:pt>
                <c:pt idx="6015">
                  <c:v>100.25</c:v>
                </c:pt>
                <c:pt idx="6016">
                  <c:v>100.26666699999998</c:v>
                </c:pt>
                <c:pt idx="6017">
                  <c:v>100.283333</c:v>
                </c:pt>
                <c:pt idx="6018">
                  <c:v>100.29999999999998</c:v>
                </c:pt>
                <c:pt idx="6019">
                  <c:v>100.316667</c:v>
                </c:pt>
                <c:pt idx="6020">
                  <c:v>100.33333299999998</c:v>
                </c:pt>
                <c:pt idx="6021">
                  <c:v>100.35</c:v>
                </c:pt>
                <c:pt idx="6022">
                  <c:v>100.36666700000001</c:v>
                </c:pt>
                <c:pt idx="6023">
                  <c:v>100.38333299999999</c:v>
                </c:pt>
                <c:pt idx="6024">
                  <c:v>100.4</c:v>
                </c:pt>
                <c:pt idx="6025">
                  <c:v>100.41666699999999</c:v>
                </c:pt>
                <c:pt idx="6026">
                  <c:v>100.433333</c:v>
                </c:pt>
                <c:pt idx="6027">
                  <c:v>100.44999999999999</c:v>
                </c:pt>
                <c:pt idx="6028">
                  <c:v>100.466667</c:v>
                </c:pt>
                <c:pt idx="6029">
                  <c:v>100.48333299999999</c:v>
                </c:pt>
                <c:pt idx="6030">
                  <c:v>100.5</c:v>
                </c:pt>
                <c:pt idx="6031">
                  <c:v>100.51666699999998</c:v>
                </c:pt>
                <c:pt idx="6032">
                  <c:v>100.533333</c:v>
                </c:pt>
                <c:pt idx="6033">
                  <c:v>100.54999999999998</c:v>
                </c:pt>
                <c:pt idx="6034">
                  <c:v>100.566667</c:v>
                </c:pt>
                <c:pt idx="6035">
                  <c:v>100.58333299999998</c:v>
                </c:pt>
                <c:pt idx="6036">
                  <c:v>100.6</c:v>
                </c:pt>
                <c:pt idx="6037">
                  <c:v>100.61666700000001</c:v>
                </c:pt>
                <c:pt idx="6038">
                  <c:v>100.63333299999999</c:v>
                </c:pt>
                <c:pt idx="6039">
                  <c:v>100.65</c:v>
                </c:pt>
                <c:pt idx="6040">
                  <c:v>100.66666699999999</c:v>
                </c:pt>
                <c:pt idx="6041">
                  <c:v>100.683333</c:v>
                </c:pt>
                <c:pt idx="6042">
                  <c:v>100.69999999999999</c:v>
                </c:pt>
                <c:pt idx="6043">
                  <c:v>100.716667</c:v>
                </c:pt>
                <c:pt idx="6044">
                  <c:v>100.73333299999999</c:v>
                </c:pt>
                <c:pt idx="6045">
                  <c:v>100.75</c:v>
                </c:pt>
                <c:pt idx="6046">
                  <c:v>100.76666699999998</c:v>
                </c:pt>
                <c:pt idx="6047">
                  <c:v>100.783333</c:v>
                </c:pt>
                <c:pt idx="6048">
                  <c:v>100.79999999999998</c:v>
                </c:pt>
                <c:pt idx="6049">
                  <c:v>100.816667</c:v>
                </c:pt>
                <c:pt idx="6050">
                  <c:v>100.83333299999998</c:v>
                </c:pt>
                <c:pt idx="6051">
                  <c:v>100.85</c:v>
                </c:pt>
                <c:pt idx="6052">
                  <c:v>100.86666700000001</c:v>
                </c:pt>
                <c:pt idx="6053">
                  <c:v>100.88333299999999</c:v>
                </c:pt>
                <c:pt idx="6054">
                  <c:v>100.9</c:v>
                </c:pt>
                <c:pt idx="6055">
                  <c:v>100.91666699999999</c:v>
                </c:pt>
                <c:pt idx="6056">
                  <c:v>100.933333</c:v>
                </c:pt>
                <c:pt idx="6057">
                  <c:v>100.94999999999999</c:v>
                </c:pt>
                <c:pt idx="6058">
                  <c:v>100.966667</c:v>
                </c:pt>
                <c:pt idx="6059">
                  <c:v>100.98333299999999</c:v>
                </c:pt>
                <c:pt idx="6060">
                  <c:v>101</c:v>
                </c:pt>
                <c:pt idx="6061">
                  <c:v>101.01666699999998</c:v>
                </c:pt>
                <c:pt idx="6062">
                  <c:v>101.033333</c:v>
                </c:pt>
                <c:pt idx="6063">
                  <c:v>101.04999999999998</c:v>
                </c:pt>
                <c:pt idx="6064">
                  <c:v>101.066667</c:v>
                </c:pt>
                <c:pt idx="6065">
                  <c:v>101.08333299999998</c:v>
                </c:pt>
                <c:pt idx="6066">
                  <c:v>101.1</c:v>
                </c:pt>
                <c:pt idx="6067">
                  <c:v>101.11666700000001</c:v>
                </c:pt>
                <c:pt idx="6068">
                  <c:v>101.13333299999999</c:v>
                </c:pt>
                <c:pt idx="6069">
                  <c:v>101.15</c:v>
                </c:pt>
                <c:pt idx="6070">
                  <c:v>101.16666699999999</c:v>
                </c:pt>
                <c:pt idx="6071">
                  <c:v>101.183333</c:v>
                </c:pt>
                <c:pt idx="6072">
                  <c:v>101.19999999999999</c:v>
                </c:pt>
                <c:pt idx="6073">
                  <c:v>101.216667</c:v>
                </c:pt>
                <c:pt idx="6074">
                  <c:v>101.23333299999999</c:v>
                </c:pt>
                <c:pt idx="6075">
                  <c:v>101.25</c:v>
                </c:pt>
                <c:pt idx="6076">
                  <c:v>101.26666699999998</c:v>
                </c:pt>
                <c:pt idx="6077">
                  <c:v>101.283333</c:v>
                </c:pt>
                <c:pt idx="6078">
                  <c:v>101.29999999999998</c:v>
                </c:pt>
                <c:pt idx="6079">
                  <c:v>101.316667</c:v>
                </c:pt>
                <c:pt idx="6080">
                  <c:v>101.33333299999998</c:v>
                </c:pt>
                <c:pt idx="6081">
                  <c:v>101.35</c:v>
                </c:pt>
                <c:pt idx="6082">
                  <c:v>101.36666700000001</c:v>
                </c:pt>
                <c:pt idx="6083">
                  <c:v>101.38333299999999</c:v>
                </c:pt>
                <c:pt idx="6084">
                  <c:v>101.4</c:v>
                </c:pt>
                <c:pt idx="6085">
                  <c:v>101.41666699999999</c:v>
                </c:pt>
                <c:pt idx="6086">
                  <c:v>101.433333</c:v>
                </c:pt>
                <c:pt idx="6087">
                  <c:v>101.44999999999999</c:v>
                </c:pt>
                <c:pt idx="6088">
                  <c:v>101.466667</c:v>
                </c:pt>
                <c:pt idx="6089">
                  <c:v>101.48333299999999</c:v>
                </c:pt>
                <c:pt idx="6090">
                  <c:v>101.5</c:v>
                </c:pt>
                <c:pt idx="6091">
                  <c:v>101.51666699999998</c:v>
                </c:pt>
                <c:pt idx="6092">
                  <c:v>101.533333</c:v>
                </c:pt>
                <c:pt idx="6093">
                  <c:v>101.54999999999998</c:v>
                </c:pt>
                <c:pt idx="6094">
                  <c:v>101.566667</c:v>
                </c:pt>
                <c:pt idx="6095">
                  <c:v>101.58333299999998</c:v>
                </c:pt>
                <c:pt idx="6096">
                  <c:v>101.6</c:v>
                </c:pt>
                <c:pt idx="6097">
                  <c:v>101.61666700000001</c:v>
                </c:pt>
                <c:pt idx="6098">
                  <c:v>101.63333299999999</c:v>
                </c:pt>
                <c:pt idx="6099">
                  <c:v>101.65</c:v>
                </c:pt>
                <c:pt idx="6100">
                  <c:v>101.66666699999999</c:v>
                </c:pt>
                <c:pt idx="6101">
                  <c:v>101.683333</c:v>
                </c:pt>
                <c:pt idx="6102">
                  <c:v>101.69999999999999</c:v>
                </c:pt>
                <c:pt idx="6103">
                  <c:v>101.716667</c:v>
                </c:pt>
                <c:pt idx="6104">
                  <c:v>101.73333299999999</c:v>
                </c:pt>
                <c:pt idx="6105">
                  <c:v>101.75</c:v>
                </c:pt>
                <c:pt idx="6106">
                  <c:v>101.76666699999998</c:v>
                </c:pt>
                <c:pt idx="6107">
                  <c:v>101.783333</c:v>
                </c:pt>
                <c:pt idx="6108">
                  <c:v>101.79999999999998</c:v>
                </c:pt>
                <c:pt idx="6109">
                  <c:v>101.816667</c:v>
                </c:pt>
                <c:pt idx="6110">
                  <c:v>101.83333299999998</c:v>
                </c:pt>
                <c:pt idx="6111">
                  <c:v>101.85</c:v>
                </c:pt>
                <c:pt idx="6112">
                  <c:v>101.86666700000001</c:v>
                </c:pt>
                <c:pt idx="6113">
                  <c:v>101.88333299999999</c:v>
                </c:pt>
                <c:pt idx="6114">
                  <c:v>101.9</c:v>
                </c:pt>
                <c:pt idx="6115">
                  <c:v>101.91666699999999</c:v>
                </c:pt>
                <c:pt idx="6116">
                  <c:v>101.933333</c:v>
                </c:pt>
                <c:pt idx="6117">
                  <c:v>101.94999999999999</c:v>
                </c:pt>
                <c:pt idx="6118">
                  <c:v>101.966667</c:v>
                </c:pt>
                <c:pt idx="6119">
                  <c:v>101.98333299999999</c:v>
                </c:pt>
                <c:pt idx="6120">
                  <c:v>102</c:v>
                </c:pt>
                <c:pt idx="6121">
                  <c:v>102.01666699999998</c:v>
                </c:pt>
                <c:pt idx="6122">
                  <c:v>102.033333</c:v>
                </c:pt>
                <c:pt idx="6123">
                  <c:v>102.04999999999998</c:v>
                </c:pt>
                <c:pt idx="6124">
                  <c:v>102.066667</c:v>
                </c:pt>
                <c:pt idx="6125">
                  <c:v>102.08333299999998</c:v>
                </c:pt>
                <c:pt idx="6126">
                  <c:v>102.1</c:v>
                </c:pt>
                <c:pt idx="6127">
                  <c:v>102.11666700000001</c:v>
                </c:pt>
                <c:pt idx="6128">
                  <c:v>102.13333299999999</c:v>
                </c:pt>
                <c:pt idx="6129">
                  <c:v>102.15</c:v>
                </c:pt>
                <c:pt idx="6130">
                  <c:v>102.16666699999999</c:v>
                </c:pt>
                <c:pt idx="6131">
                  <c:v>102.183333</c:v>
                </c:pt>
                <c:pt idx="6132">
                  <c:v>102.19999999999999</c:v>
                </c:pt>
                <c:pt idx="6133">
                  <c:v>102.216667</c:v>
                </c:pt>
                <c:pt idx="6134">
                  <c:v>102.23333299999999</c:v>
                </c:pt>
                <c:pt idx="6135">
                  <c:v>102.25</c:v>
                </c:pt>
                <c:pt idx="6136">
                  <c:v>102.26666699999998</c:v>
                </c:pt>
                <c:pt idx="6137">
                  <c:v>102.283333</c:v>
                </c:pt>
                <c:pt idx="6138">
                  <c:v>102.29999999999998</c:v>
                </c:pt>
                <c:pt idx="6139">
                  <c:v>102.316667</c:v>
                </c:pt>
                <c:pt idx="6140">
                  <c:v>102.33333299999998</c:v>
                </c:pt>
                <c:pt idx="6141">
                  <c:v>102.35</c:v>
                </c:pt>
                <c:pt idx="6142">
                  <c:v>102.36666700000001</c:v>
                </c:pt>
                <c:pt idx="6143">
                  <c:v>102.38333299999999</c:v>
                </c:pt>
                <c:pt idx="6144">
                  <c:v>102.4</c:v>
                </c:pt>
                <c:pt idx="6145">
                  <c:v>102.41666699999999</c:v>
                </c:pt>
                <c:pt idx="6146">
                  <c:v>102.433333</c:v>
                </c:pt>
                <c:pt idx="6147">
                  <c:v>102.44999999999999</c:v>
                </c:pt>
                <c:pt idx="6148">
                  <c:v>102.466667</c:v>
                </c:pt>
                <c:pt idx="6149">
                  <c:v>102.48333299999999</c:v>
                </c:pt>
                <c:pt idx="6150">
                  <c:v>102.5</c:v>
                </c:pt>
                <c:pt idx="6151">
                  <c:v>102.51666699999998</c:v>
                </c:pt>
                <c:pt idx="6152">
                  <c:v>102.533333</c:v>
                </c:pt>
                <c:pt idx="6153">
                  <c:v>102.54999999999998</c:v>
                </c:pt>
                <c:pt idx="6154">
                  <c:v>102.566667</c:v>
                </c:pt>
                <c:pt idx="6155">
                  <c:v>102.58333299999998</c:v>
                </c:pt>
                <c:pt idx="6156">
                  <c:v>102.6</c:v>
                </c:pt>
                <c:pt idx="6157">
                  <c:v>102.61666700000001</c:v>
                </c:pt>
                <c:pt idx="6158">
                  <c:v>102.63333299999999</c:v>
                </c:pt>
                <c:pt idx="6159">
                  <c:v>102.65</c:v>
                </c:pt>
                <c:pt idx="6160">
                  <c:v>102.66666699999999</c:v>
                </c:pt>
                <c:pt idx="6161">
                  <c:v>102.683333</c:v>
                </c:pt>
                <c:pt idx="6162">
                  <c:v>102.69999999999999</c:v>
                </c:pt>
                <c:pt idx="6163">
                  <c:v>102.716667</c:v>
                </c:pt>
                <c:pt idx="6164">
                  <c:v>102.73333299999999</c:v>
                </c:pt>
                <c:pt idx="6165">
                  <c:v>102.75</c:v>
                </c:pt>
                <c:pt idx="6166">
                  <c:v>102.76666699999998</c:v>
                </c:pt>
                <c:pt idx="6167">
                  <c:v>102.783333</c:v>
                </c:pt>
                <c:pt idx="6168">
                  <c:v>102.79999999999998</c:v>
                </c:pt>
                <c:pt idx="6169">
                  <c:v>102.816667</c:v>
                </c:pt>
                <c:pt idx="6170">
                  <c:v>102.83333299999998</c:v>
                </c:pt>
                <c:pt idx="6171">
                  <c:v>102.85</c:v>
                </c:pt>
                <c:pt idx="6172">
                  <c:v>102.86666700000001</c:v>
                </c:pt>
                <c:pt idx="6173">
                  <c:v>102.88333299999999</c:v>
                </c:pt>
                <c:pt idx="6174">
                  <c:v>102.9</c:v>
                </c:pt>
                <c:pt idx="6175">
                  <c:v>102.91666699999999</c:v>
                </c:pt>
                <c:pt idx="6176">
                  <c:v>102.933333</c:v>
                </c:pt>
                <c:pt idx="6177">
                  <c:v>102.94999999999999</c:v>
                </c:pt>
                <c:pt idx="6178">
                  <c:v>102.966667</c:v>
                </c:pt>
                <c:pt idx="6179">
                  <c:v>102.98333299999999</c:v>
                </c:pt>
                <c:pt idx="6180">
                  <c:v>103</c:v>
                </c:pt>
                <c:pt idx="6181">
                  <c:v>103.01666699999998</c:v>
                </c:pt>
                <c:pt idx="6182">
                  <c:v>103.033333</c:v>
                </c:pt>
                <c:pt idx="6183">
                  <c:v>103.04999999999998</c:v>
                </c:pt>
                <c:pt idx="6184">
                  <c:v>103.066667</c:v>
                </c:pt>
                <c:pt idx="6185">
                  <c:v>103.08333299999998</c:v>
                </c:pt>
                <c:pt idx="6186">
                  <c:v>103.1</c:v>
                </c:pt>
                <c:pt idx="6187">
                  <c:v>103.11666700000001</c:v>
                </c:pt>
                <c:pt idx="6188">
                  <c:v>103.13333299999999</c:v>
                </c:pt>
                <c:pt idx="6189">
                  <c:v>103.15</c:v>
                </c:pt>
                <c:pt idx="6190">
                  <c:v>103.16666699999999</c:v>
                </c:pt>
                <c:pt idx="6191">
                  <c:v>103.183333</c:v>
                </c:pt>
                <c:pt idx="6192">
                  <c:v>103.19999999999999</c:v>
                </c:pt>
                <c:pt idx="6193">
                  <c:v>103.216667</c:v>
                </c:pt>
                <c:pt idx="6194">
                  <c:v>103.23333299999999</c:v>
                </c:pt>
                <c:pt idx="6195">
                  <c:v>103.25</c:v>
                </c:pt>
                <c:pt idx="6196">
                  <c:v>103.26666699999998</c:v>
                </c:pt>
                <c:pt idx="6197">
                  <c:v>103.283333</c:v>
                </c:pt>
                <c:pt idx="6198">
                  <c:v>103.29999999999998</c:v>
                </c:pt>
                <c:pt idx="6199">
                  <c:v>103.316667</c:v>
                </c:pt>
                <c:pt idx="6200">
                  <c:v>103.33333299999998</c:v>
                </c:pt>
                <c:pt idx="6201">
                  <c:v>103.35</c:v>
                </c:pt>
                <c:pt idx="6202">
                  <c:v>103.36666700000001</c:v>
                </c:pt>
                <c:pt idx="6203">
                  <c:v>103.38333299999999</c:v>
                </c:pt>
                <c:pt idx="6204">
                  <c:v>103.4</c:v>
                </c:pt>
                <c:pt idx="6205">
                  <c:v>103.41666699999999</c:v>
                </c:pt>
                <c:pt idx="6206">
                  <c:v>103.433333</c:v>
                </c:pt>
                <c:pt idx="6207">
                  <c:v>103.44999999999999</c:v>
                </c:pt>
                <c:pt idx="6208">
                  <c:v>103.466667</c:v>
                </c:pt>
                <c:pt idx="6209">
                  <c:v>103.48333299999999</c:v>
                </c:pt>
                <c:pt idx="6210">
                  <c:v>103.5</c:v>
                </c:pt>
                <c:pt idx="6211">
                  <c:v>103.51666699999998</c:v>
                </c:pt>
                <c:pt idx="6212">
                  <c:v>103.533333</c:v>
                </c:pt>
                <c:pt idx="6213">
                  <c:v>103.54999999999998</c:v>
                </c:pt>
                <c:pt idx="6214">
                  <c:v>103.566667</c:v>
                </c:pt>
                <c:pt idx="6215">
                  <c:v>103.58333299999998</c:v>
                </c:pt>
                <c:pt idx="6216">
                  <c:v>103.6</c:v>
                </c:pt>
                <c:pt idx="6217">
                  <c:v>103.61666700000001</c:v>
                </c:pt>
                <c:pt idx="6218">
                  <c:v>103.63333299999999</c:v>
                </c:pt>
                <c:pt idx="6219">
                  <c:v>103.65</c:v>
                </c:pt>
                <c:pt idx="6220">
                  <c:v>103.66666699999999</c:v>
                </c:pt>
                <c:pt idx="6221">
                  <c:v>103.683333</c:v>
                </c:pt>
                <c:pt idx="6222">
                  <c:v>103.69999999999999</c:v>
                </c:pt>
                <c:pt idx="6223">
                  <c:v>103.716667</c:v>
                </c:pt>
                <c:pt idx="6224">
                  <c:v>103.73333299999999</c:v>
                </c:pt>
                <c:pt idx="6225">
                  <c:v>103.75</c:v>
                </c:pt>
                <c:pt idx="6226">
                  <c:v>103.76666699999998</c:v>
                </c:pt>
                <c:pt idx="6227">
                  <c:v>103.783333</c:v>
                </c:pt>
                <c:pt idx="6228">
                  <c:v>103.79999999999998</c:v>
                </c:pt>
                <c:pt idx="6229">
                  <c:v>103.816667</c:v>
                </c:pt>
                <c:pt idx="6230">
                  <c:v>103.83333299999998</c:v>
                </c:pt>
                <c:pt idx="6231">
                  <c:v>103.85</c:v>
                </c:pt>
                <c:pt idx="6232">
                  <c:v>103.86666700000001</c:v>
                </c:pt>
                <c:pt idx="6233">
                  <c:v>103.88333299999999</c:v>
                </c:pt>
                <c:pt idx="6234">
                  <c:v>103.9</c:v>
                </c:pt>
                <c:pt idx="6235">
                  <c:v>103.91666699999999</c:v>
                </c:pt>
                <c:pt idx="6236">
                  <c:v>103.933333</c:v>
                </c:pt>
                <c:pt idx="6237">
                  <c:v>103.94999999999999</c:v>
                </c:pt>
                <c:pt idx="6238">
                  <c:v>103.966667</c:v>
                </c:pt>
                <c:pt idx="6239">
                  <c:v>103.98333299999999</c:v>
                </c:pt>
                <c:pt idx="6240">
                  <c:v>104</c:v>
                </c:pt>
                <c:pt idx="6241">
                  <c:v>104.01666699999998</c:v>
                </c:pt>
                <c:pt idx="6242">
                  <c:v>104.033333</c:v>
                </c:pt>
                <c:pt idx="6243">
                  <c:v>104.04999999999998</c:v>
                </c:pt>
                <c:pt idx="6244">
                  <c:v>104.066667</c:v>
                </c:pt>
                <c:pt idx="6245">
                  <c:v>104.08333299999998</c:v>
                </c:pt>
                <c:pt idx="6246">
                  <c:v>104.1</c:v>
                </c:pt>
                <c:pt idx="6247">
                  <c:v>104.11666700000001</c:v>
                </c:pt>
                <c:pt idx="6248">
                  <c:v>104.13333299999999</c:v>
                </c:pt>
                <c:pt idx="6249">
                  <c:v>104.15</c:v>
                </c:pt>
                <c:pt idx="6250">
                  <c:v>104.16666699999999</c:v>
                </c:pt>
                <c:pt idx="6251">
                  <c:v>104.183333</c:v>
                </c:pt>
                <c:pt idx="6252">
                  <c:v>104.19999999999999</c:v>
                </c:pt>
                <c:pt idx="6253">
                  <c:v>104.216667</c:v>
                </c:pt>
                <c:pt idx="6254">
                  <c:v>104.23333299999999</c:v>
                </c:pt>
                <c:pt idx="6255">
                  <c:v>104.25</c:v>
                </c:pt>
                <c:pt idx="6256">
                  <c:v>104.26666699999998</c:v>
                </c:pt>
                <c:pt idx="6257">
                  <c:v>104.283333</c:v>
                </c:pt>
                <c:pt idx="6258">
                  <c:v>104.29999999999998</c:v>
                </c:pt>
                <c:pt idx="6259">
                  <c:v>104.316667</c:v>
                </c:pt>
                <c:pt idx="6260">
                  <c:v>104.33333299999998</c:v>
                </c:pt>
                <c:pt idx="6261">
                  <c:v>104.35</c:v>
                </c:pt>
                <c:pt idx="6262">
                  <c:v>104.36666700000001</c:v>
                </c:pt>
                <c:pt idx="6263">
                  <c:v>104.38333299999999</c:v>
                </c:pt>
                <c:pt idx="6264">
                  <c:v>104.4</c:v>
                </c:pt>
                <c:pt idx="6265">
                  <c:v>104.41666699999999</c:v>
                </c:pt>
                <c:pt idx="6266">
                  <c:v>104.433333</c:v>
                </c:pt>
                <c:pt idx="6267">
                  <c:v>104.44999999999999</c:v>
                </c:pt>
                <c:pt idx="6268">
                  <c:v>104.466667</c:v>
                </c:pt>
                <c:pt idx="6269">
                  <c:v>104.48333299999999</c:v>
                </c:pt>
                <c:pt idx="6270">
                  <c:v>104.5</c:v>
                </c:pt>
                <c:pt idx="6271">
                  <c:v>104.51666699999998</c:v>
                </c:pt>
                <c:pt idx="6272">
                  <c:v>104.533333</c:v>
                </c:pt>
                <c:pt idx="6273">
                  <c:v>104.54999999999998</c:v>
                </c:pt>
                <c:pt idx="6274">
                  <c:v>104.566667</c:v>
                </c:pt>
                <c:pt idx="6275">
                  <c:v>104.58333299999998</c:v>
                </c:pt>
                <c:pt idx="6276">
                  <c:v>104.6</c:v>
                </c:pt>
                <c:pt idx="6277">
                  <c:v>104.61666700000001</c:v>
                </c:pt>
                <c:pt idx="6278">
                  <c:v>104.63333299999999</c:v>
                </c:pt>
                <c:pt idx="6279">
                  <c:v>104.65</c:v>
                </c:pt>
                <c:pt idx="6280">
                  <c:v>104.66666699999999</c:v>
                </c:pt>
                <c:pt idx="6281">
                  <c:v>104.683333</c:v>
                </c:pt>
                <c:pt idx="6282">
                  <c:v>104.69999999999999</c:v>
                </c:pt>
                <c:pt idx="6283">
                  <c:v>104.716667</c:v>
                </c:pt>
                <c:pt idx="6284">
                  <c:v>104.73333299999999</c:v>
                </c:pt>
                <c:pt idx="6285">
                  <c:v>104.75</c:v>
                </c:pt>
                <c:pt idx="6286">
                  <c:v>104.76666699999998</c:v>
                </c:pt>
                <c:pt idx="6287">
                  <c:v>104.783333</c:v>
                </c:pt>
                <c:pt idx="6288">
                  <c:v>104.79999999999998</c:v>
                </c:pt>
                <c:pt idx="6289">
                  <c:v>104.816667</c:v>
                </c:pt>
                <c:pt idx="6290">
                  <c:v>104.83333299999998</c:v>
                </c:pt>
                <c:pt idx="6291">
                  <c:v>104.85</c:v>
                </c:pt>
                <c:pt idx="6292">
                  <c:v>104.86666700000001</c:v>
                </c:pt>
                <c:pt idx="6293">
                  <c:v>104.88333299999999</c:v>
                </c:pt>
                <c:pt idx="6294">
                  <c:v>104.9</c:v>
                </c:pt>
                <c:pt idx="6295">
                  <c:v>104.91666699999999</c:v>
                </c:pt>
                <c:pt idx="6296">
                  <c:v>104.933333</c:v>
                </c:pt>
                <c:pt idx="6297">
                  <c:v>104.94999999999999</c:v>
                </c:pt>
                <c:pt idx="6298">
                  <c:v>104.966667</c:v>
                </c:pt>
                <c:pt idx="6299">
                  <c:v>104.98333299999999</c:v>
                </c:pt>
                <c:pt idx="6300">
                  <c:v>105</c:v>
                </c:pt>
                <c:pt idx="6301">
                  <c:v>105.01666699999998</c:v>
                </c:pt>
                <c:pt idx="6302">
                  <c:v>105.033333</c:v>
                </c:pt>
                <c:pt idx="6303">
                  <c:v>105.04999999999998</c:v>
                </c:pt>
                <c:pt idx="6304">
                  <c:v>105.066667</c:v>
                </c:pt>
                <c:pt idx="6305">
                  <c:v>105.08333299999998</c:v>
                </c:pt>
                <c:pt idx="6306">
                  <c:v>105.1</c:v>
                </c:pt>
                <c:pt idx="6307">
                  <c:v>105.11666700000001</c:v>
                </c:pt>
                <c:pt idx="6308">
                  <c:v>105.13333299999999</c:v>
                </c:pt>
                <c:pt idx="6309">
                  <c:v>105.15</c:v>
                </c:pt>
                <c:pt idx="6310">
                  <c:v>105.16666699999999</c:v>
                </c:pt>
                <c:pt idx="6311">
                  <c:v>105.183333</c:v>
                </c:pt>
                <c:pt idx="6312">
                  <c:v>105.19999999999999</c:v>
                </c:pt>
                <c:pt idx="6313">
                  <c:v>105.216667</c:v>
                </c:pt>
                <c:pt idx="6314">
                  <c:v>105.23333299999999</c:v>
                </c:pt>
                <c:pt idx="6315">
                  <c:v>105.25</c:v>
                </c:pt>
                <c:pt idx="6316">
                  <c:v>105.26666699999998</c:v>
                </c:pt>
                <c:pt idx="6317">
                  <c:v>105.283333</c:v>
                </c:pt>
                <c:pt idx="6318">
                  <c:v>105.29999999999998</c:v>
                </c:pt>
                <c:pt idx="6319">
                  <c:v>105.316667</c:v>
                </c:pt>
                <c:pt idx="6320">
                  <c:v>105.33333299999998</c:v>
                </c:pt>
                <c:pt idx="6321">
                  <c:v>105.35</c:v>
                </c:pt>
                <c:pt idx="6322">
                  <c:v>105.36666700000001</c:v>
                </c:pt>
                <c:pt idx="6323">
                  <c:v>105.38333299999999</c:v>
                </c:pt>
                <c:pt idx="6324">
                  <c:v>105.4</c:v>
                </c:pt>
                <c:pt idx="6325">
                  <c:v>105.41666699999999</c:v>
                </c:pt>
                <c:pt idx="6326">
                  <c:v>105.433333</c:v>
                </c:pt>
                <c:pt idx="6327">
                  <c:v>105.44999999999999</c:v>
                </c:pt>
                <c:pt idx="6328">
                  <c:v>105.466667</c:v>
                </c:pt>
                <c:pt idx="6329">
                  <c:v>105.48333299999999</c:v>
                </c:pt>
                <c:pt idx="6330">
                  <c:v>105.5</c:v>
                </c:pt>
                <c:pt idx="6331">
                  <c:v>105.51666699999998</c:v>
                </c:pt>
                <c:pt idx="6332">
                  <c:v>105.533333</c:v>
                </c:pt>
                <c:pt idx="6333">
                  <c:v>105.54999999999998</c:v>
                </c:pt>
                <c:pt idx="6334">
                  <c:v>105.566667</c:v>
                </c:pt>
                <c:pt idx="6335">
                  <c:v>105.58333299999998</c:v>
                </c:pt>
                <c:pt idx="6336">
                  <c:v>105.6</c:v>
                </c:pt>
                <c:pt idx="6337">
                  <c:v>105.61666700000001</c:v>
                </c:pt>
                <c:pt idx="6338">
                  <c:v>105.63333299999999</c:v>
                </c:pt>
                <c:pt idx="6339">
                  <c:v>105.65</c:v>
                </c:pt>
                <c:pt idx="6340">
                  <c:v>105.66666699999999</c:v>
                </c:pt>
                <c:pt idx="6341">
                  <c:v>105.683333</c:v>
                </c:pt>
                <c:pt idx="6342">
                  <c:v>105.69999999999999</c:v>
                </c:pt>
                <c:pt idx="6343">
                  <c:v>105.716667</c:v>
                </c:pt>
                <c:pt idx="6344">
                  <c:v>105.73333299999999</c:v>
                </c:pt>
                <c:pt idx="6345">
                  <c:v>105.75</c:v>
                </c:pt>
                <c:pt idx="6346">
                  <c:v>105.76666699999998</c:v>
                </c:pt>
                <c:pt idx="6347">
                  <c:v>105.783333</c:v>
                </c:pt>
                <c:pt idx="6348">
                  <c:v>105.79999999999998</c:v>
                </c:pt>
                <c:pt idx="6349">
                  <c:v>105.816667</c:v>
                </c:pt>
                <c:pt idx="6350">
                  <c:v>105.83333299999998</c:v>
                </c:pt>
                <c:pt idx="6351">
                  <c:v>105.85</c:v>
                </c:pt>
                <c:pt idx="6352">
                  <c:v>105.86666700000001</c:v>
                </c:pt>
                <c:pt idx="6353">
                  <c:v>105.88333299999999</c:v>
                </c:pt>
                <c:pt idx="6354">
                  <c:v>105.9</c:v>
                </c:pt>
                <c:pt idx="6355">
                  <c:v>105.91666699999999</c:v>
                </c:pt>
                <c:pt idx="6356">
                  <c:v>105.933333</c:v>
                </c:pt>
                <c:pt idx="6357">
                  <c:v>105.94999999999999</c:v>
                </c:pt>
                <c:pt idx="6358">
                  <c:v>105.966667</c:v>
                </c:pt>
                <c:pt idx="6359">
                  <c:v>105.98333299999999</c:v>
                </c:pt>
                <c:pt idx="6360">
                  <c:v>106</c:v>
                </c:pt>
                <c:pt idx="6361">
                  <c:v>106.01666699999998</c:v>
                </c:pt>
                <c:pt idx="6362">
                  <c:v>106.033333</c:v>
                </c:pt>
                <c:pt idx="6363">
                  <c:v>106.04999999999998</c:v>
                </c:pt>
                <c:pt idx="6364">
                  <c:v>106.066667</c:v>
                </c:pt>
                <c:pt idx="6365">
                  <c:v>106.08333299999998</c:v>
                </c:pt>
                <c:pt idx="6366">
                  <c:v>106.1</c:v>
                </c:pt>
                <c:pt idx="6367">
                  <c:v>106.11666700000001</c:v>
                </c:pt>
                <c:pt idx="6368">
                  <c:v>106.13333299999999</c:v>
                </c:pt>
                <c:pt idx="6369">
                  <c:v>106.15</c:v>
                </c:pt>
                <c:pt idx="6370">
                  <c:v>106.16666699999999</c:v>
                </c:pt>
                <c:pt idx="6371">
                  <c:v>106.183333</c:v>
                </c:pt>
                <c:pt idx="6372">
                  <c:v>106.19999999999999</c:v>
                </c:pt>
                <c:pt idx="6373">
                  <c:v>106.216667</c:v>
                </c:pt>
                <c:pt idx="6374">
                  <c:v>106.23333299999999</c:v>
                </c:pt>
                <c:pt idx="6375">
                  <c:v>106.25</c:v>
                </c:pt>
                <c:pt idx="6376">
                  <c:v>106.26666699999998</c:v>
                </c:pt>
                <c:pt idx="6377">
                  <c:v>106.283333</c:v>
                </c:pt>
                <c:pt idx="6378">
                  <c:v>106.29999999999998</c:v>
                </c:pt>
                <c:pt idx="6379">
                  <c:v>106.316667</c:v>
                </c:pt>
                <c:pt idx="6380">
                  <c:v>106.33333299999998</c:v>
                </c:pt>
                <c:pt idx="6381">
                  <c:v>106.35</c:v>
                </c:pt>
                <c:pt idx="6382">
                  <c:v>106.36666700000001</c:v>
                </c:pt>
                <c:pt idx="6383">
                  <c:v>106.38333299999999</c:v>
                </c:pt>
                <c:pt idx="6384">
                  <c:v>106.4</c:v>
                </c:pt>
                <c:pt idx="6385">
                  <c:v>106.41666699999999</c:v>
                </c:pt>
                <c:pt idx="6386">
                  <c:v>106.433333</c:v>
                </c:pt>
                <c:pt idx="6387">
                  <c:v>106.44999999999999</c:v>
                </c:pt>
                <c:pt idx="6388">
                  <c:v>106.466667</c:v>
                </c:pt>
                <c:pt idx="6389">
                  <c:v>106.48333299999999</c:v>
                </c:pt>
                <c:pt idx="6390">
                  <c:v>106.5</c:v>
                </c:pt>
                <c:pt idx="6391">
                  <c:v>106.51666699999998</c:v>
                </c:pt>
                <c:pt idx="6392">
                  <c:v>106.533333</c:v>
                </c:pt>
                <c:pt idx="6393">
                  <c:v>106.54999999999998</c:v>
                </c:pt>
                <c:pt idx="6394">
                  <c:v>106.566667</c:v>
                </c:pt>
                <c:pt idx="6395">
                  <c:v>106.58333299999998</c:v>
                </c:pt>
                <c:pt idx="6396">
                  <c:v>106.6</c:v>
                </c:pt>
                <c:pt idx="6397">
                  <c:v>106.61666700000001</c:v>
                </c:pt>
                <c:pt idx="6398">
                  <c:v>106.63333299999999</c:v>
                </c:pt>
                <c:pt idx="6399">
                  <c:v>106.65</c:v>
                </c:pt>
                <c:pt idx="6400">
                  <c:v>106.66666699999999</c:v>
                </c:pt>
                <c:pt idx="6401">
                  <c:v>106.683333</c:v>
                </c:pt>
                <c:pt idx="6402">
                  <c:v>106.69999999999999</c:v>
                </c:pt>
                <c:pt idx="6403">
                  <c:v>106.716667</c:v>
                </c:pt>
                <c:pt idx="6404">
                  <c:v>106.73333299999999</c:v>
                </c:pt>
                <c:pt idx="6405">
                  <c:v>106.75</c:v>
                </c:pt>
                <c:pt idx="6406">
                  <c:v>106.76666699999998</c:v>
                </c:pt>
                <c:pt idx="6407">
                  <c:v>106.783333</c:v>
                </c:pt>
                <c:pt idx="6408">
                  <c:v>106.79999999999998</c:v>
                </c:pt>
                <c:pt idx="6409">
                  <c:v>106.816667</c:v>
                </c:pt>
                <c:pt idx="6410">
                  <c:v>106.83333299999998</c:v>
                </c:pt>
                <c:pt idx="6411">
                  <c:v>106.85</c:v>
                </c:pt>
                <c:pt idx="6412">
                  <c:v>106.86666700000001</c:v>
                </c:pt>
                <c:pt idx="6413">
                  <c:v>106.88333299999999</c:v>
                </c:pt>
                <c:pt idx="6414">
                  <c:v>106.9</c:v>
                </c:pt>
                <c:pt idx="6415">
                  <c:v>106.91666699999999</c:v>
                </c:pt>
                <c:pt idx="6416">
                  <c:v>106.933333</c:v>
                </c:pt>
                <c:pt idx="6417">
                  <c:v>106.94999999999999</c:v>
                </c:pt>
                <c:pt idx="6418">
                  <c:v>106.966667</c:v>
                </c:pt>
                <c:pt idx="6419">
                  <c:v>106.98333299999999</c:v>
                </c:pt>
                <c:pt idx="6420">
                  <c:v>107</c:v>
                </c:pt>
                <c:pt idx="6421">
                  <c:v>107.01666699999998</c:v>
                </c:pt>
                <c:pt idx="6422">
                  <c:v>107.033333</c:v>
                </c:pt>
                <c:pt idx="6423">
                  <c:v>107.04999999999998</c:v>
                </c:pt>
                <c:pt idx="6424">
                  <c:v>107.066667</c:v>
                </c:pt>
                <c:pt idx="6425">
                  <c:v>107.08333299999998</c:v>
                </c:pt>
                <c:pt idx="6426">
                  <c:v>107.1</c:v>
                </c:pt>
                <c:pt idx="6427">
                  <c:v>107.11666700000001</c:v>
                </c:pt>
                <c:pt idx="6428">
                  <c:v>107.13333299999999</c:v>
                </c:pt>
                <c:pt idx="6429">
                  <c:v>107.15</c:v>
                </c:pt>
                <c:pt idx="6430">
                  <c:v>107.16666699999999</c:v>
                </c:pt>
                <c:pt idx="6431">
                  <c:v>107.183333</c:v>
                </c:pt>
                <c:pt idx="6432">
                  <c:v>107.19999999999999</c:v>
                </c:pt>
                <c:pt idx="6433">
                  <c:v>107.216667</c:v>
                </c:pt>
                <c:pt idx="6434">
                  <c:v>107.23333299999999</c:v>
                </c:pt>
                <c:pt idx="6435">
                  <c:v>107.25</c:v>
                </c:pt>
                <c:pt idx="6436">
                  <c:v>107.26666699999998</c:v>
                </c:pt>
                <c:pt idx="6437">
                  <c:v>107.283333</c:v>
                </c:pt>
                <c:pt idx="6438">
                  <c:v>107.29999999999998</c:v>
                </c:pt>
                <c:pt idx="6439">
                  <c:v>107.316667</c:v>
                </c:pt>
                <c:pt idx="6440">
                  <c:v>107.33333299999998</c:v>
                </c:pt>
                <c:pt idx="6441">
                  <c:v>107.35</c:v>
                </c:pt>
                <c:pt idx="6442">
                  <c:v>107.36666700000001</c:v>
                </c:pt>
                <c:pt idx="6443">
                  <c:v>107.38333299999999</c:v>
                </c:pt>
                <c:pt idx="6444">
                  <c:v>107.4</c:v>
                </c:pt>
                <c:pt idx="6445">
                  <c:v>107.41666699999999</c:v>
                </c:pt>
                <c:pt idx="6446">
                  <c:v>107.433333</c:v>
                </c:pt>
                <c:pt idx="6447">
                  <c:v>107.44999999999999</c:v>
                </c:pt>
                <c:pt idx="6448">
                  <c:v>107.466667</c:v>
                </c:pt>
                <c:pt idx="6449">
                  <c:v>107.48333299999999</c:v>
                </c:pt>
                <c:pt idx="6450">
                  <c:v>107.5</c:v>
                </c:pt>
                <c:pt idx="6451">
                  <c:v>107.51666699999998</c:v>
                </c:pt>
                <c:pt idx="6452">
                  <c:v>107.533333</c:v>
                </c:pt>
                <c:pt idx="6453">
                  <c:v>107.54999999999998</c:v>
                </c:pt>
                <c:pt idx="6454">
                  <c:v>107.566667</c:v>
                </c:pt>
                <c:pt idx="6455">
                  <c:v>107.58333299999998</c:v>
                </c:pt>
                <c:pt idx="6456">
                  <c:v>107.6</c:v>
                </c:pt>
                <c:pt idx="6457">
                  <c:v>107.61666700000001</c:v>
                </c:pt>
                <c:pt idx="6458">
                  <c:v>107.63333299999999</c:v>
                </c:pt>
                <c:pt idx="6459">
                  <c:v>107.65</c:v>
                </c:pt>
                <c:pt idx="6460">
                  <c:v>107.66666699999999</c:v>
                </c:pt>
                <c:pt idx="6461">
                  <c:v>107.683333</c:v>
                </c:pt>
                <c:pt idx="6462">
                  <c:v>107.69999999999999</c:v>
                </c:pt>
                <c:pt idx="6463">
                  <c:v>107.716667</c:v>
                </c:pt>
                <c:pt idx="6464">
                  <c:v>107.73333299999999</c:v>
                </c:pt>
                <c:pt idx="6465">
                  <c:v>107.75</c:v>
                </c:pt>
                <c:pt idx="6466">
                  <c:v>107.76666699999998</c:v>
                </c:pt>
                <c:pt idx="6467">
                  <c:v>107.783333</c:v>
                </c:pt>
                <c:pt idx="6468">
                  <c:v>107.79999999999998</c:v>
                </c:pt>
                <c:pt idx="6469">
                  <c:v>107.816667</c:v>
                </c:pt>
                <c:pt idx="6470">
                  <c:v>107.83333299999998</c:v>
                </c:pt>
                <c:pt idx="6471">
                  <c:v>107.85</c:v>
                </c:pt>
                <c:pt idx="6472">
                  <c:v>107.86666700000001</c:v>
                </c:pt>
                <c:pt idx="6473">
                  <c:v>107.88333299999999</c:v>
                </c:pt>
                <c:pt idx="6474">
                  <c:v>107.9</c:v>
                </c:pt>
                <c:pt idx="6475">
                  <c:v>107.91666699999999</c:v>
                </c:pt>
                <c:pt idx="6476">
                  <c:v>107.933333</c:v>
                </c:pt>
                <c:pt idx="6477">
                  <c:v>107.94999999999999</c:v>
                </c:pt>
                <c:pt idx="6478">
                  <c:v>107.966667</c:v>
                </c:pt>
                <c:pt idx="6479">
                  <c:v>107.98333299999999</c:v>
                </c:pt>
                <c:pt idx="6480">
                  <c:v>108</c:v>
                </c:pt>
                <c:pt idx="6481">
                  <c:v>108.01666699999998</c:v>
                </c:pt>
                <c:pt idx="6482">
                  <c:v>108.033333</c:v>
                </c:pt>
                <c:pt idx="6483">
                  <c:v>108.04999999999998</c:v>
                </c:pt>
                <c:pt idx="6484">
                  <c:v>108.066667</c:v>
                </c:pt>
                <c:pt idx="6485">
                  <c:v>108.08333299999998</c:v>
                </c:pt>
                <c:pt idx="6486">
                  <c:v>108.1</c:v>
                </c:pt>
                <c:pt idx="6487">
                  <c:v>108.11666700000001</c:v>
                </c:pt>
                <c:pt idx="6488">
                  <c:v>108.13333299999999</c:v>
                </c:pt>
                <c:pt idx="6489">
                  <c:v>108.15</c:v>
                </c:pt>
                <c:pt idx="6490">
                  <c:v>108.16666699999999</c:v>
                </c:pt>
                <c:pt idx="6491">
                  <c:v>108.183333</c:v>
                </c:pt>
                <c:pt idx="6492">
                  <c:v>108.19999999999999</c:v>
                </c:pt>
                <c:pt idx="6493">
                  <c:v>108.216667</c:v>
                </c:pt>
                <c:pt idx="6494">
                  <c:v>108.23333299999999</c:v>
                </c:pt>
                <c:pt idx="6495">
                  <c:v>108.25</c:v>
                </c:pt>
                <c:pt idx="6496">
                  <c:v>108.26666699999998</c:v>
                </c:pt>
                <c:pt idx="6497">
                  <c:v>108.283333</c:v>
                </c:pt>
                <c:pt idx="6498">
                  <c:v>108.29999999999998</c:v>
                </c:pt>
                <c:pt idx="6499">
                  <c:v>108.316667</c:v>
                </c:pt>
                <c:pt idx="6500">
                  <c:v>108.33333299999998</c:v>
                </c:pt>
                <c:pt idx="6501">
                  <c:v>108.35</c:v>
                </c:pt>
                <c:pt idx="6502">
                  <c:v>108.36666700000001</c:v>
                </c:pt>
                <c:pt idx="6503">
                  <c:v>108.38333299999999</c:v>
                </c:pt>
                <c:pt idx="6504">
                  <c:v>108.4</c:v>
                </c:pt>
                <c:pt idx="6505">
                  <c:v>108.41666699999999</c:v>
                </c:pt>
                <c:pt idx="6506">
                  <c:v>108.433333</c:v>
                </c:pt>
                <c:pt idx="6507">
                  <c:v>108.44999999999999</c:v>
                </c:pt>
                <c:pt idx="6508">
                  <c:v>108.466667</c:v>
                </c:pt>
                <c:pt idx="6509">
                  <c:v>108.48333299999999</c:v>
                </c:pt>
                <c:pt idx="6510">
                  <c:v>108.5</c:v>
                </c:pt>
                <c:pt idx="6511">
                  <c:v>108.51666699999998</c:v>
                </c:pt>
                <c:pt idx="6512">
                  <c:v>108.533333</c:v>
                </c:pt>
                <c:pt idx="6513">
                  <c:v>108.54999999999998</c:v>
                </c:pt>
                <c:pt idx="6514">
                  <c:v>108.566667</c:v>
                </c:pt>
                <c:pt idx="6515">
                  <c:v>108.58333299999998</c:v>
                </c:pt>
                <c:pt idx="6516">
                  <c:v>108.6</c:v>
                </c:pt>
                <c:pt idx="6517">
                  <c:v>108.61666700000001</c:v>
                </c:pt>
                <c:pt idx="6518">
                  <c:v>108.63333299999999</c:v>
                </c:pt>
                <c:pt idx="6519">
                  <c:v>108.65</c:v>
                </c:pt>
                <c:pt idx="6520">
                  <c:v>108.66666699999999</c:v>
                </c:pt>
                <c:pt idx="6521">
                  <c:v>108.683333</c:v>
                </c:pt>
                <c:pt idx="6522">
                  <c:v>108.69999999999999</c:v>
                </c:pt>
                <c:pt idx="6523">
                  <c:v>108.716667</c:v>
                </c:pt>
                <c:pt idx="6524">
                  <c:v>108.73333299999999</c:v>
                </c:pt>
                <c:pt idx="6525">
                  <c:v>108.75</c:v>
                </c:pt>
                <c:pt idx="6526">
                  <c:v>108.76666699999998</c:v>
                </c:pt>
                <c:pt idx="6527">
                  <c:v>108.783333</c:v>
                </c:pt>
                <c:pt idx="6528">
                  <c:v>108.79999999999998</c:v>
                </c:pt>
                <c:pt idx="6529">
                  <c:v>108.816667</c:v>
                </c:pt>
                <c:pt idx="6530">
                  <c:v>108.83333299999998</c:v>
                </c:pt>
                <c:pt idx="6531">
                  <c:v>108.85</c:v>
                </c:pt>
                <c:pt idx="6532">
                  <c:v>108.86666700000001</c:v>
                </c:pt>
                <c:pt idx="6533">
                  <c:v>108.88333299999999</c:v>
                </c:pt>
                <c:pt idx="6534">
                  <c:v>108.9</c:v>
                </c:pt>
                <c:pt idx="6535">
                  <c:v>108.91666699999999</c:v>
                </c:pt>
                <c:pt idx="6536">
                  <c:v>108.933333</c:v>
                </c:pt>
                <c:pt idx="6537">
                  <c:v>108.94999999999999</c:v>
                </c:pt>
                <c:pt idx="6538">
                  <c:v>108.966667</c:v>
                </c:pt>
                <c:pt idx="6539">
                  <c:v>108.98333299999999</c:v>
                </c:pt>
                <c:pt idx="6540">
                  <c:v>109</c:v>
                </c:pt>
                <c:pt idx="6541">
                  <c:v>109.01666699999998</c:v>
                </c:pt>
                <c:pt idx="6542">
                  <c:v>109.033333</c:v>
                </c:pt>
                <c:pt idx="6543">
                  <c:v>109.04999999999998</c:v>
                </c:pt>
                <c:pt idx="6544">
                  <c:v>109.066667</c:v>
                </c:pt>
                <c:pt idx="6545">
                  <c:v>109.08333299999998</c:v>
                </c:pt>
                <c:pt idx="6546">
                  <c:v>109.1</c:v>
                </c:pt>
                <c:pt idx="6547">
                  <c:v>109.11666700000001</c:v>
                </c:pt>
                <c:pt idx="6548">
                  <c:v>109.13333299999999</c:v>
                </c:pt>
                <c:pt idx="6549">
                  <c:v>109.15</c:v>
                </c:pt>
                <c:pt idx="6550">
                  <c:v>109.16666699999999</c:v>
                </c:pt>
                <c:pt idx="6551">
                  <c:v>109.183333</c:v>
                </c:pt>
                <c:pt idx="6552">
                  <c:v>109.19999999999999</c:v>
                </c:pt>
                <c:pt idx="6553">
                  <c:v>109.216667</c:v>
                </c:pt>
                <c:pt idx="6554">
                  <c:v>109.23333299999999</c:v>
                </c:pt>
                <c:pt idx="6555">
                  <c:v>109.25</c:v>
                </c:pt>
                <c:pt idx="6556">
                  <c:v>109.26666699999998</c:v>
                </c:pt>
                <c:pt idx="6557">
                  <c:v>109.283333</c:v>
                </c:pt>
                <c:pt idx="6558">
                  <c:v>109.29999999999998</c:v>
                </c:pt>
                <c:pt idx="6559">
                  <c:v>109.316667</c:v>
                </c:pt>
                <c:pt idx="6560">
                  <c:v>109.33333299999998</c:v>
                </c:pt>
                <c:pt idx="6561">
                  <c:v>109.35</c:v>
                </c:pt>
                <c:pt idx="6562">
                  <c:v>109.36666700000001</c:v>
                </c:pt>
                <c:pt idx="6563">
                  <c:v>109.38333299999999</c:v>
                </c:pt>
                <c:pt idx="6564">
                  <c:v>109.4</c:v>
                </c:pt>
                <c:pt idx="6565">
                  <c:v>109.41666699999999</c:v>
                </c:pt>
                <c:pt idx="6566">
                  <c:v>109.433333</c:v>
                </c:pt>
                <c:pt idx="6567">
                  <c:v>109.44999999999999</c:v>
                </c:pt>
                <c:pt idx="6568">
                  <c:v>109.466667</c:v>
                </c:pt>
                <c:pt idx="6569">
                  <c:v>109.48333299999999</c:v>
                </c:pt>
                <c:pt idx="6570">
                  <c:v>109.5</c:v>
                </c:pt>
                <c:pt idx="6571">
                  <c:v>109.51666699999998</c:v>
                </c:pt>
                <c:pt idx="6572">
                  <c:v>109.533333</c:v>
                </c:pt>
                <c:pt idx="6573">
                  <c:v>109.54999999999998</c:v>
                </c:pt>
                <c:pt idx="6574">
                  <c:v>109.566667</c:v>
                </c:pt>
                <c:pt idx="6575">
                  <c:v>109.58333299999998</c:v>
                </c:pt>
                <c:pt idx="6576">
                  <c:v>109.6</c:v>
                </c:pt>
                <c:pt idx="6577">
                  <c:v>109.61666700000001</c:v>
                </c:pt>
                <c:pt idx="6578">
                  <c:v>109.63333299999999</c:v>
                </c:pt>
                <c:pt idx="6579">
                  <c:v>109.65</c:v>
                </c:pt>
                <c:pt idx="6580">
                  <c:v>109.66666699999999</c:v>
                </c:pt>
                <c:pt idx="6581">
                  <c:v>109.683333</c:v>
                </c:pt>
                <c:pt idx="6582">
                  <c:v>109.69999999999999</c:v>
                </c:pt>
                <c:pt idx="6583">
                  <c:v>109.716667</c:v>
                </c:pt>
                <c:pt idx="6584">
                  <c:v>109.73333299999999</c:v>
                </c:pt>
                <c:pt idx="6585">
                  <c:v>109.75</c:v>
                </c:pt>
                <c:pt idx="6586">
                  <c:v>109.76666699999998</c:v>
                </c:pt>
                <c:pt idx="6587">
                  <c:v>109.783333</c:v>
                </c:pt>
                <c:pt idx="6588">
                  <c:v>109.79999999999998</c:v>
                </c:pt>
                <c:pt idx="6589">
                  <c:v>109.816667</c:v>
                </c:pt>
                <c:pt idx="6590">
                  <c:v>109.83333299999998</c:v>
                </c:pt>
                <c:pt idx="6591">
                  <c:v>109.85</c:v>
                </c:pt>
                <c:pt idx="6592">
                  <c:v>109.86666700000001</c:v>
                </c:pt>
                <c:pt idx="6593">
                  <c:v>109.88333299999999</c:v>
                </c:pt>
                <c:pt idx="6594">
                  <c:v>109.9</c:v>
                </c:pt>
                <c:pt idx="6595">
                  <c:v>109.91666699999999</c:v>
                </c:pt>
                <c:pt idx="6596">
                  <c:v>109.933333</c:v>
                </c:pt>
                <c:pt idx="6597">
                  <c:v>109.94999999999999</c:v>
                </c:pt>
                <c:pt idx="6598">
                  <c:v>109.966667</c:v>
                </c:pt>
                <c:pt idx="6599">
                  <c:v>109.98333299999999</c:v>
                </c:pt>
                <c:pt idx="6600">
                  <c:v>110</c:v>
                </c:pt>
                <c:pt idx="6601">
                  <c:v>110.01666699999998</c:v>
                </c:pt>
                <c:pt idx="6602">
                  <c:v>110.033333</c:v>
                </c:pt>
                <c:pt idx="6603">
                  <c:v>110.04999999999998</c:v>
                </c:pt>
                <c:pt idx="6604">
                  <c:v>110.066667</c:v>
                </c:pt>
                <c:pt idx="6605">
                  <c:v>110.08333299999998</c:v>
                </c:pt>
                <c:pt idx="6606">
                  <c:v>110.1</c:v>
                </c:pt>
                <c:pt idx="6607">
                  <c:v>110.11666700000001</c:v>
                </c:pt>
                <c:pt idx="6608">
                  <c:v>110.13333299999999</c:v>
                </c:pt>
                <c:pt idx="6609">
                  <c:v>110.15</c:v>
                </c:pt>
                <c:pt idx="6610">
                  <c:v>110.16666699999999</c:v>
                </c:pt>
                <c:pt idx="6611">
                  <c:v>110.183333</c:v>
                </c:pt>
                <c:pt idx="6612">
                  <c:v>110.19999999999999</c:v>
                </c:pt>
                <c:pt idx="6613">
                  <c:v>110.216667</c:v>
                </c:pt>
                <c:pt idx="6614">
                  <c:v>110.23333299999999</c:v>
                </c:pt>
                <c:pt idx="6615">
                  <c:v>110.25</c:v>
                </c:pt>
                <c:pt idx="6616">
                  <c:v>110.26666699999998</c:v>
                </c:pt>
                <c:pt idx="6617">
                  <c:v>110.283333</c:v>
                </c:pt>
                <c:pt idx="6618">
                  <c:v>110.29999999999998</c:v>
                </c:pt>
                <c:pt idx="6619">
                  <c:v>110.316667</c:v>
                </c:pt>
                <c:pt idx="6620">
                  <c:v>110.33333299999998</c:v>
                </c:pt>
                <c:pt idx="6621">
                  <c:v>110.35</c:v>
                </c:pt>
                <c:pt idx="6622">
                  <c:v>110.36666700000001</c:v>
                </c:pt>
                <c:pt idx="6623">
                  <c:v>110.38333299999999</c:v>
                </c:pt>
                <c:pt idx="6624">
                  <c:v>110.4</c:v>
                </c:pt>
                <c:pt idx="6625">
                  <c:v>110.41666699999999</c:v>
                </c:pt>
                <c:pt idx="6626">
                  <c:v>110.433333</c:v>
                </c:pt>
                <c:pt idx="6627">
                  <c:v>110.44999999999999</c:v>
                </c:pt>
                <c:pt idx="6628">
                  <c:v>110.466667</c:v>
                </c:pt>
                <c:pt idx="6629">
                  <c:v>110.48333299999999</c:v>
                </c:pt>
                <c:pt idx="6630">
                  <c:v>110.5</c:v>
                </c:pt>
                <c:pt idx="6631">
                  <c:v>110.51666699999998</c:v>
                </c:pt>
                <c:pt idx="6632">
                  <c:v>110.533333</c:v>
                </c:pt>
                <c:pt idx="6633">
                  <c:v>110.54999999999998</c:v>
                </c:pt>
                <c:pt idx="6634">
                  <c:v>110.566667</c:v>
                </c:pt>
                <c:pt idx="6635">
                  <c:v>110.58333299999998</c:v>
                </c:pt>
                <c:pt idx="6636">
                  <c:v>110.6</c:v>
                </c:pt>
                <c:pt idx="6637">
                  <c:v>110.61666700000001</c:v>
                </c:pt>
                <c:pt idx="6638">
                  <c:v>110.63333299999999</c:v>
                </c:pt>
                <c:pt idx="6639">
                  <c:v>110.65</c:v>
                </c:pt>
                <c:pt idx="6640">
                  <c:v>110.66666699999999</c:v>
                </c:pt>
                <c:pt idx="6641">
                  <c:v>110.683333</c:v>
                </c:pt>
                <c:pt idx="6642">
                  <c:v>110.69999999999999</c:v>
                </c:pt>
                <c:pt idx="6643">
                  <c:v>110.716667</c:v>
                </c:pt>
                <c:pt idx="6644">
                  <c:v>110.73333299999999</c:v>
                </c:pt>
                <c:pt idx="6645">
                  <c:v>110.75</c:v>
                </c:pt>
                <c:pt idx="6646">
                  <c:v>110.76666699999998</c:v>
                </c:pt>
                <c:pt idx="6647">
                  <c:v>110.783333</c:v>
                </c:pt>
                <c:pt idx="6648">
                  <c:v>110.79999999999998</c:v>
                </c:pt>
                <c:pt idx="6649">
                  <c:v>110.816667</c:v>
                </c:pt>
                <c:pt idx="6650">
                  <c:v>110.83333299999998</c:v>
                </c:pt>
                <c:pt idx="6651">
                  <c:v>110.85</c:v>
                </c:pt>
                <c:pt idx="6652">
                  <c:v>110.86666700000001</c:v>
                </c:pt>
                <c:pt idx="6653">
                  <c:v>110.88333299999999</c:v>
                </c:pt>
                <c:pt idx="6654">
                  <c:v>110.9</c:v>
                </c:pt>
                <c:pt idx="6655">
                  <c:v>110.91666699999999</c:v>
                </c:pt>
                <c:pt idx="6656">
                  <c:v>110.933333</c:v>
                </c:pt>
                <c:pt idx="6657">
                  <c:v>110.94999999999999</c:v>
                </c:pt>
                <c:pt idx="6658">
                  <c:v>110.966667</c:v>
                </c:pt>
                <c:pt idx="6659">
                  <c:v>110.98333299999999</c:v>
                </c:pt>
                <c:pt idx="6660">
                  <c:v>111</c:v>
                </c:pt>
                <c:pt idx="6661">
                  <c:v>111.01666699999998</c:v>
                </c:pt>
                <c:pt idx="6662">
                  <c:v>111.033333</c:v>
                </c:pt>
                <c:pt idx="6663">
                  <c:v>111.04999999999998</c:v>
                </c:pt>
                <c:pt idx="6664">
                  <c:v>111.066667</c:v>
                </c:pt>
                <c:pt idx="6665">
                  <c:v>111.08333299999998</c:v>
                </c:pt>
                <c:pt idx="6666">
                  <c:v>111.1</c:v>
                </c:pt>
                <c:pt idx="6667">
                  <c:v>111.11666700000001</c:v>
                </c:pt>
                <c:pt idx="6668">
                  <c:v>111.13333299999999</c:v>
                </c:pt>
                <c:pt idx="6669">
                  <c:v>111.15</c:v>
                </c:pt>
                <c:pt idx="6670">
                  <c:v>111.16666699999999</c:v>
                </c:pt>
                <c:pt idx="6671">
                  <c:v>111.183333</c:v>
                </c:pt>
                <c:pt idx="6672">
                  <c:v>111.19999999999999</c:v>
                </c:pt>
                <c:pt idx="6673">
                  <c:v>111.216667</c:v>
                </c:pt>
                <c:pt idx="6674">
                  <c:v>111.23333299999999</c:v>
                </c:pt>
                <c:pt idx="6675">
                  <c:v>111.25</c:v>
                </c:pt>
                <c:pt idx="6676">
                  <c:v>111.26666699999998</c:v>
                </c:pt>
                <c:pt idx="6677">
                  <c:v>111.283333</c:v>
                </c:pt>
                <c:pt idx="6678">
                  <c:v>111.29999999999998</c:v>
                </c:pt>
                <c:pt idx="6679">
                  <c:v>111.316667</c:v>
                </c:pt>
                <c:pt idx="6680">
                  <c:v>111.33333299999998</c:v>
                </c:pt>
                <c:pt idx="6681">
                  <c:v>111.35</c:v>
                </c:pt>
                <c:pt idx="6682">
                  <c:v>111.36666700000001</c:v>
                </c:pt>
                <c:pt idx="6683">
                  <c:v>111.38333299999999</c:v>
                </c:pt>
                <c:pt idx="6684">
                  <c:v>111.4</c:v>
                </c:pt>
                <c:pt idx="6685">
                  <c:v>111.41666699999999</c:v>
                </c:pt>
                <c:pt idx="6686">
                  <c:v>111.433333</c:v>
                </c:pt>
                <c:pt idx="6687">
                  <c:v>111.44999999999999</c:v>
                </c:pt>
                <c:pt idx="6688">
                  <c:v>111.466667</c:v>
                </c:pt>
                <c:pt idx="6689">
                  <c:v>111.48333299999999</c:v>
                </c:pt>
                <c:pt idx="6690">
                  <c:v>111.5</c:v>
                </c:pt>
                <c:pt idx="6691">
                  <c:v>111.51666699999998</c:v>
                </c:pt>
                <c:pt idx="6692">
                  <c:v>111.533333</c:v>
                </c:pt>
                <c:pt idx="6693">
                  <c:v>111.54999999999998</c:v>
                </c:pt>
                <c:pt idx="6694">
                  <c:v>111.566667</c:v>
                </c:pt>
                <c:pt idx="6695">
                  <c:v>111.58333299999998</c:v>
                </c:pt>
                <c:pt idx="6696">
                  <c:v>111.6</c:v>
                </c:pt>
                <c:pt idx="6697">
                  <c:v>111.61666700000001</c:v>
                </c:pt>
                <c:pt idx="6698">
                  <c:v>111.63333299999999</c:v>
                </c:pt>
                <c:pt idx="6699">
                  <c:v>111.65</c:v>
                </c:pt>
                <c:pt idx="6700">
                  <c:v>111.66666699999999</c:v>
                </c:pt>
                <c:pt idx="6701">
                  <c:v>111.683333</c:v>
                </c:pt>
                <c:pt idx="6702">
                  <c:v>111.69999999999999</c:v>
                </c:pt>
                <c:pt idx="6703">
                  <c:v>111.716667</c:v>
                </c:pt>
                <c:pt idx="6704">
                  <c:v>111.73333299999999</c:v>
                </c:pt>
                <c:pt idx="6705">
                  <c:v>111.75</c:v>
                </c:pt>
                <c:pt idx="6706">
                  <c:v>111.76666699999998</c:v>
                </c:pt>
                <c:pt idx="6707">
                  <c:v>111.783333</c:v>
                </c:pt>
                <c:pt idx="6708">
                  <c:v>111.79999999999998</c:v>
                </c:pt>
                <c:pt idx="6709">
                  <c:v>111.816667</c:v>
                </c:pt>
                <c:pt idx="6710">
                  <c:v>111.83333299999998</c:v>
                </c:pt>
                <c:pt idx="6711">
                  <c:v>111.85</c:v>
                </c:pt>
                <c:pt idx="6712">
                  <c:v>111.86666700000001</c:v>
                </c:pt>
                <c:pt idx="6713">
                  <c:v>111.88333299999999</c:v>
                </c:pt>
                <c:pt idx="6714">
                  <c:v>111.9</c:v>
                </c:pt>
                <c:pt idx="6715">
                  <c:v>111.91666699999999</c:v>
                </c:pt>
                <c:pt idx="6716">
                  <c:v>111.933333</c:v>
                </c:pt>
                <c:pt idx="6717">
                  <c:v>111.94999999999999</c:v>
                </c:pt>
                <c:pt idx="6718">
                  <c:v>111.966667</c:v>
                </c:pt>
                <c:pt idx="6719">
                  <c:v>111.98333299999999</c:v>
                </c:pt>
                <c:pt idx="6720">
                  <c:v>112</c:v>
                </c:pt>
                <c:pt idx="6721">
                  <c:v>112.01666699999998</c:v>
                </c:pt>
                <c:pt idx="6722">
                  <c:v>112.033333</c:v>
                </c:pt>
                <c:pt idx="6723">
                  <c:v>112.04999999999998</c:v>
                </c:pt>
                <c:pt idx="6724">
                  <c:v>112.066667</c:v>
                </c:pt>
                <c:pt idx="6725">
                  <c:v>112.08333299999998</c:v>
                </c:pt>
                <c:pt idx="6726">
                  <c:v>112.1</c:v>
                </c:pt>
                <c:pt idx="6727">
                  <c:v>112.11666700000001</c:v>
                </c:pt>
                <c:pt idx="6728">
                  <c:v>112.13333299999999</c:v>
                </c:pt>
                <c:pt idx="6729">
                  <c:v>112.15</c:v>
                </c:pt>
                <c:pt idx="6730">
                  <c:v>112.16666699999999</c:v>
                </c:pt>
                <c:pt idx="6731">
                  <c:v>112.183333</c:v>
                </c:pt>
                <c:pt idx="6732">
                  <c:v>112.19999999999999</c:v>
                </c:pt>
                <c:pt idx="6733">
                  <c:v>112.216667</c:v>
                </c:pt>
                <c:pt idx="6734">
                  <c:v>112.23333299999999</c:v>
                </c:pt>
                <c:pt idx="6735">
                  <c:v>112.25</c:v>
                </c:pt>
                <c:pt idx="6736">
                  <c:v>112.26666699999998</c:v>
                </c:pt>
                <c:pt idx="6737">
                  <c:v>112.283333</c:v>
                </c:pt>
                <c:pt idx="6738">
                  <c:v>112.29999999999998</c:v>
                </c:pt>
                <c:pt idx="6739">
                  <c:v>112.316667</c:v>
                </c:pt>
                <c:pt idx="6740">
                  <c:v>112.33333299999998</c:v>
                </c:pt>
                <c:pt idx="6741">
                  <c:v>112.35</c:v>
                </c:pt>
                <c:pt idx="6742">
                  <c:v>112.36666700000001</c:v>
                </c:pt>
                <c:pt idx="6743">
                  <c:v>112.38333299999999</c:v>
                </c:pt>
                <c:pt idx="6744">
                  <c:v>112.4</c:v>
                </c:pt>
                <c:pt idx="6745">
                  <c:v>112.41666699999999</c:v>
                </c:pt>
                <c:pt idx="6746">
                  <c:v>112.433333</c:v>
                </c:pt>
                <c:pt idx="6747">
                  <c:v>112.44999999999999</c:v>
                </c:pt>
                <c:pt idx="6748">
                  <c:v>112.466667</c:v>
                </c:pt>
                <c:pt idx="6749">
                  <c:v>112.48333299999999</c:v>
                </c:pt>
                <c:pt idx="6750">
                  <c:v>112.5</c:v>
                </c:pt>
                <c:pt idx="6751">
                  <c:v>112.51666699999998</c:v>
                </c:pt>
                <c:pt idx="6752">
                  <c:v>112.533333</c:v>
                </c:pt>
                <c:pt idx="6753">
                  <c:v>112.54999999999998</c:v>
                </c:pt>
                <c:pt idx="6754">
                  <c:v>112.566667</c:v>
                </c:pt>
                <c:pt idx="6755">
                  <c:v>112.58333299999998</c:v>
                </c:pt>
                <c:pt idx="6756">
                  <c:v>112.6</c:v>
                </c:pt>
                <c:pt idx="6757">
                  <c:v>112.61666700000001</c:v>
                </c:pt>
                <c:pt idx="6758">
                  <c:v>112.63333299999999</c:v>
                </c:pt>
                <c:pt idx="6759">
                  <c:v>112.65</c:v>
                </c:pt>
                <c:pt idx="6760">
                  <c:v>112.66666699999999</c:v>
                </c:pt>
                <c:pt idx="6761">
                  <c:v>112.683333</c:v>
                </c:pt>
                <c:pt idx="6762">
                  <c:v>112.69999999999999</c:v>
                </c:pt>
                <c:pt idx="6763">
                  <c:v>112.716667</c:v>
                </c:pt>
                <c:pt idx="6764">
                  <c:v>112.73333299999999</c:v>
                </c:pt>
                <c:pt idx="6765">
                  <c:v>112.75</c:v>
                </c:pt>
                <c:pt idx="6766">
                  <c:v>112.76666699999998</c:v>
                </c:pt>
                <c:pt idx="6767">
                  <c:v>112.783333</c:v>
                </c:pt>
                <c:pt idx="6768">
                  <c:v>112.79999999999998</c:v>
                </c:pt>
                <c:pt idx="6769">
                  <c:v>112.816667</c:v>
                </c:pt>
                <c:pt idx="6770">
                  <c:v>112.83333299999998</c:v>
                </c:pt>
                <c:pt idx="6771">
                  <c:v>112.85</c:v>
                </c:pt>
                <c:pt idx="6772">
                  <c:v>112.86666700000001</c:v>
                </c:pt>
                <c:pt idx="6773">
                  <c:v>112.88333299999999</c:v>
                </c:pt>
                <c:pt idx="6774">
                  <c:v>112.9</c:v>
                </c:pt>
                <c:pt idx="6775">
                  <c:v>112.91666699999999</c:v>
                </c:pt>
                <c:pt idx="6776">
                  <c:v>112.933333</c:v>
                </c:pt>
                <c:pt idx="6777">
                  <c:v>112.94999999999999</c:v>
                </c:pt>
                <c:pt idx="6778">
                  <c:v>112.966667</c:v>
                </c:pt>
                <c:pt idx="6779">
                  <c:v>112.98333299999999</c:v>
                </c:pt>
                <c:pt idx="6780">
                  <c:v>113</c:v>
                </c:pt>
                <c:pt idx="6781">
                  <c:v>113.01666699999998</c:v>
                </c:pt>
                <c:pt idx="6782">
                  <c:v>113.033333</c:v>
                </c:pt>
                <c:pt idx="6783">
                  <c:v>113.04999999999998</c:v>
                </c:pt>
                <c:pt idx="6784">
                  <c:v>113.066667</c:v>
                </c:pt>
                <c:pt idx="6785">
                  <c:v>113.08333299999998</c:v>
                </c:pt>
                <c:pt idx="6786">
                  <c:v>113.1</c:v>
                </c:pt>
                <c:pt idx="6787">
                  <c:v>113.11666700000001</c:v>
                </c:pt>
                <c:pt idx="6788">
                  <c:v>113.13333299999999</c:v>
                </c:pt>
                <c:pt idx="6789">
                  <c:v>113.15</c:v>
                </c:pt>
                <c:pt idx="6790">
                  <c:v>113.16666699999999</c:v>
                </c:pt>
                <c:pt idx="6791">
                  <c:v>113.183333</c:v>
                </c:pt>
                <c:pt idx="6792">
                  <c:v>113.19999999999999</c:v>
                </c:pt>
                <c:pt idx="6793">
                  <c:v>113.216667</c:v>
                </c:pt>
                <c:pt idx="6794">
                  <c:v>113.23333299999999</c:v>
                </c:pt>
                <c:pt idx="6795">
                  <c:v>113.25</c:v>
                </c:pt>
                <c:pt idx="6796">
                  <c:v>113.26666699999998</c:v>
                </c:pt>
                <c:pt idx="6797">
                  <c:v>113.283333</c:v>
                </c:pt>
                <c:pt idx="6798">
                  <c:v>113.29999999999998</c:v>
                </c:pt>
                <c:pt idx="6799">
                  <c:v>113.316667</c:v>
                </c:pt>
                <c:pt idx="6800">
                  <c:v>113.33333299999998</c:v>
                </c:pt>
                <c:pt idx="6801">
                  <c:v>113.35</c:v>
                </c:pt>
                <c:pt idx="6802">
                  <c:v>113.36666700000001</c:v>
                </c:pt>
                <c:pt idx="6803">
                  <c:v>113.38333299999999</c:v>
                </c:pt>
                <c:pt idx="6804">
                  <c:v>113.4</c:v>
                </c:pt>
                <c:pt idx="6805">
                  <c:v>113.41666699999999</c:v>
                </c:pt>
                <c:pt idx="6806">
                  <c:v>113.433333</c:v>
                </c:pt>
                <c:pt idx="6807">
                  <c:v>113.44999999999999</c:v>
                </c:pt>
                <c:pt idx="6808">
                  <c:v>113.466667</c:v>
                </c:pt>
                <c:pt idx="6809">
                  <c:v>113.48333299999999</c:v>
                </c:pt>
                <c:pt idx="6810">
                  <c:v>113.5</c:v>
                </c:pt>
                <c:pt idx="6811">
                  <c:v>113.51666699999998</c:v>
                </c:pt>
                <c:pt idx="6812">
                  <c:v>113.533333</c:v>
                </c:pt>
                <c:pt idx="6813">
                  <c:v>113.54999999999998</c:v>
                </c:pt>
                <c:pt idx="6814">
                  <c:v>113.566667</c:v>
                </c:pt>
                <c:pt idx="6815">
                  <c:v>113.58333299999998</c:v>
                </c:pt>
                <c:pt idx="6816">
                  <c:v>113.6</c:v>
                </c:pt>
                <c:pt idx="6817">
                  <c:v>113.61666700000001</c:v>
                </c:pt>
                <c:pt idx="6818">
                  <c:v>113.63333299999999</c:v>
                </c:pt>
                <c:pt idx="6819">
                  <c:v>113.65</c:v>
                </c:pt>
                <c:pt idx="6820">
                  <c:v>113.66666699999999</c:v>
                </c:pt>
                <c:pt idx="6821">
                  <c:v>113.683333</c:v>
                </c:pt>
                <c:pt idx="6822">
                  <c:v>113.69999999999999</c:v>
                </c:pt>
                <c:pt idx="6823">
                  <c:v>113.716667</c:v>
                </c:pt>
                <c:pt idx="6824">
                  <c:v>113.73333299999999</c:v>
                </c:pt>
                <c:pt idx="6825">
                  <c:v>113.75</c:v>
                </c:pt>
                <c:pt idx="6826">
                  <c:v>113.76666699999998</c:v>
                </c:pt>
                <c:pt idx="6827">
                  <c:v>113.783333</c:v>
                </c:pt>
                <c:pt idx="6828">
                  <c:v>113.79999999999998</c:v>
                </c:pt>
                <c:pt idx="6829">
                  <c:v>113.816667</c:v>
                </c:pt>
                <c:pt idx="6830">
                  <c:v>113.83333299999998</c:v>
                </c:pt>
                <c:pt idx="6831">
                  <c:v>113.85</c:v>
                </c:pt>
                <c:pt idx="6832">
                  <c:v>113.86666700000001</c:v>
                </c:pt>
                <c:pt idx="6833">
                  <c:v>113.88333299999999</c:v>
                </c:pt>
                <c:pt idx="6834">
                  <c:v>113.9</c:v>
                </c:pt>
                <c:pt idx="6835">
                  <c:v>113.91666699999999</c:v>
                </c:pt>
                <c:pt idx="6836">
                  <c:v>113.933333</c:v>
                </c:pt>
                <c:pt idx="6837">
                  <c:v>113.94999999999999</c:v>
                </c:pt>
                <c:pt idx="6838">
                  <c:v>113.966667</c:v>
                </c:pt>
                <c:pt idx="6839">
                  <c:v>113.98333299999999</c:v>
                </c:pt>
                <c:pt idx="6840">
                  <c:v>114</c:v>
                </c:pt>
                <c:pt idx="6841">
                  <c:v>114.01666699999998</c:v>
                </c:pt>
                <c:pt idx="6842">
                  <c:v>114.033333</c:v>
                </c:pt>
                <c:pt idx="6843">
                  <c:v>114.04999999999998</c:v>
                </c:pt>
                <c:pt idx="6844">
                  <c:v>114.066667</c:v>
                </c:pt>
                <c:pt idx="6845">
                  <c:v>114.08333299999998</c:v>
                </c:pt>
                <c:pt idx="6846">
                  <c:v>114.1</c:v>
                </c:pt>
                <c:pt idx="6847">
                  <c:v>114.11666700000001</c:v>
                </c:pt>
                <c:pt idx="6848">
                  <c:v>114.13333299999999</c:v>
                </c:pt>
                <c:pt idx="6849">
                  <c:v>114.15</c:v>
                </c:pt>
                <c:pt idx="6850">
                  <c:v>114.16666699999999</c:v>
                </c:pt>
                <c:pt idx="6851">
                  <c:v>114.183333</c:v>
                </c:pt>
                <c:pt idx="6852">
                  <c:v>114.19999999999999</c:v>
                </c:pt>
                <c:pt idx="6853">
                  <c:v>114.216667</c:v>
                </c:pt>
                <c:pt idx="6854">
                  <c:v>114.23333299999999</c:v>
                </c:pt>
                <c:pt idx="6855">
                  <c:v>114.25</c:v>
                </c:pt>
                <c:pt idx="6856">
                  <c:v>114.26666699999998</c:v>
                </c:pt>
                <c:pt idx="6857">
                  <c:v>114.283333</c:v>
                </c:pt>
                <c:pt idx="6858">
                  <c:v>114.29999999999998</c:v>
                </c:pt>
                <c:pt idx="6859">
                  <c:v>114.316667</c:v>
                </c:pt>
                <c:pt idx="6860">
                  <c:v>114.33333299999998</c:v>
                </c:pt>
                <c:pt idx="6861">
                  <c:v>114.35</c:v>
                </c:pt>
                <c:pt idx="6862">
                  <c:v>114.36666700000001</c:v>
                </c:pt>
                <c:pt idx="6863">
                  <c:v>114.38333299999999</c:v>
                </c:pt>
                <c:pt idx="6864">
                  <c:v>114.4</c:v>
                </c:pt>
                <c:pt idx="6865">
                  <c:v>114.41666699999999</c:v>
                </c:pt>
                <c:pt idx="6866">
                  <c:v>114.433333</c:v>
                </c:pt>
                <c:pt idx="6867">
                  <c:v>114.44999999999999</c:v>
                </c:pt>
                <c:pt idx="6868">
                  <c:v>114.466667</c:v>
                </c:pt>
                <c:pt idx="6869">
                  <c:v>114.48333299999999</c:v>
                </c:pt>
                <c:pt idx="6870">
                  <c:v>114.5</c:v>
                </c:pt>
                <c:pt idx="6871">
                  <c:v>114.51666699999998</c:v>
                </c:pt>
                <c:pt idx="6872">
                  <c:v>114.533333</c:v>
                </c:pt>
                <c:pt idx="6873">
                  <c:v>114.54999999999998</c:v>
                </c:pt>
                <c:pt idx="6874">
                  <c:v>114.566667</c:v>
                </c:pt>
                <c:pt idx="6875">
                  <c:v>114.58333299999998</c:v>
                </c:pt>
                <c:pt idx="6876">
                  <c:v>114.6</c:v>
                </c:pt>
                <c:pt idx="6877">
                  <c:v>114.61666700000001</c:v>
                </c:pt>
                <c:pt idx="6878">
                  <c:v>114.63333299999999</c:v>
                </c:pt>
                <c:pt idx="6879">
                  <c:v>114.65</c:v>
                </c:pt>
                <c:pt idx="6880">
                  <c:v>114.66666699999999</c:v>
                </c:pt>
                <c:pt idx="6881">
                  <c:v>114.683333</c:v>
                </c:pt>
                <c:pt idx="6882">
                  <c:v>114.69999999999999</c:v>
                </c:pt>
                <c:pt idx="6883">
                  <c:v>114.716667</c:v>
                </c:pt>
                <c:pt idx="6884">
                  <c:v>114.73333299999999</c:v>
                </c:pt>
                <c:pt idx="6885">
                  <c:v>114.75</c:v>
                </c:pt>
                <c:pt idx="6886">
                  <c:v>114.76666699999998</c:v>
                </c:pt>
                <c:pt idx="6887">
                  <c:v>114.783333</c:v>
                </c:pt>
                <c:pt idx="6888">
                  <c:v>114.79999999999998</c:v>
                </c:pt>
                <c:pt idx="6889">
                  <c:v>114.816667</c:v>
                </c:pt>
                <c:pt idx="6890">
                  <c:v>114.83333299999998</c:v>
                </c:pt>
                <c:pt idx="6891">
                  <c:v>114.85</c:v>
                </c:pt>
                <c:pt idx="6892">
                  <c:v>114.86666700000001</c:v>
                </c:pt>
                <c:pt idx="6893">
                  <c:v>114.88333299999999</c:v>
                </c:pt>
                <c:pt idx="6894">
                  <c:v>114.9</c:v>
                </c:pt>
                <c:pt idx="6895">
                  <c:v>114.91666699999999</c:v>
                </c:pt>
                <c:pt idx="6896">
                  <c:v>114.933333</c:v>
                </c:pt>
                <c:pt idx="6897">
                  <c:v>114.94999999999999</c:v>
                </c:pt>
                <c:pt idx="6898">
                  <c:v>114.966667</c:v>
                </c:pt>
                <c:pt idx="6899">
                  <c:v>114.98333299999999</c:v>
                </c:pt>
                <c:pt idx="6900">
                  <c:v>115</c:v>
                </c:pt>
                <c:pt idx="6901">
                  <c:v>115.01666699999998</c:v>
                </c:pt>
                <c:pt idx="6902">
                  <c:v>115.033333</c:v>
                </c:pt>
                <c:pt idx="6903">
                  <c:v>115.04999999999998</c:v>
                </c:pt>
                <c:pt idx="6904">
                  <c:v>115.066667</c:v>
                </c:pt>
                <c:pt idx="6905">
                  <c:v>115.08333299999998</c:v>
                </c:pt>
                <c:pt idx="6906">
                  <c:v>115.1</c:v>
                </c:pt>
                <c:pt idx="6907">
                  <c:v>115.11666700000001</c:v>
                </c:pt>
                <c:pt idx="6908">
                  <c:v>115.13333299999999</c:v>
                </c:pt>
                <c:pt idx="6909">
                  <c:v>115.15</c:v>
                </c:pt>
                <c:pt idx="6910">
                  <c:v>115.16666699999999</c:v>
                </c:pt>
                <c:pt idx="6911">
                  <c:v>115.183333</c:v>
                </c:pt>
                <c:pt idx="6912">
                  <c:v>115.19999999999999</c:v>
                </c:pt>
                <c:pt idx="6913">
                  <c:v>115.216667</c:v>
                </c:pt>
                <c:pt idx="6914">
                  <c:v>115.23333299999999</c:v>
                </c:pt>
                <c:pt idx="6915">
                  <c:v>115.25</c:v>
                </c:pt>
                <c:pt idx="6916">
                  <c:v>115.26666699999998</c:v>
                </c:pt>
                <c:pt idx="6917">
                  <c:v>115.283333</c:v>
                </c:pt>
                <c:pt idx="6918">
                  <c:v>115.29999999999998</c:v>
                </c:pt>
                <c:pt idx="6919">
                  <c:v>115.316667</c:v>
                </c:pt>
                <c:pt idx="6920">
                  <c:v>115.33333299999998</c:v>
                </c:pt>
                <c:pt idx="6921">
                  <c:v>115.35</c:v>
                </c:pt>
                <c:pt idx="6922">
                  <c:v>115.36666700000001</c:v>
                </c:pt>
                <c:pt idx="6923">
                  <c:v>115.38333299999999</c:v>
                </c:pt>
                <c:pt idx="6924">
                  <c:v>115.4</c:v>
                </c:pt>
                <c:pt idx="6925">
                  <c:v>115.41666699999999</c:v>
                </c:pt>
                <c:pt idx="6926">
                  <c:v>115.433333</c:v>
                </c:pt>
                <c:pt idx="6927">
                  <c:v>115.44999999999999</c:v>
                </c:pt>
                <c:pt idx="6928">
                  <c:v>115.466667</c:v>
                </c:pt>
                <c:pt idx="6929">
                  <c:v>115.48333299999999</c:v>
                </c:pt>
                <c:pt idx="6930">
                  <c:v>115.5</c:v>
                </c:pt>
                <c:pt idx="6931">
                  <c:v>115.51666699999998</c:v>
                </c:pt>
                <c:pt idx="6932">
                  <c:v>115.533333</c:v>
                </c:pt>
                <c:pt idx="6933">
                  <c:v>115.54999999999998</c:v>
                </c:pt>
                <c:pt idx="6934">
                  <c:v>115.566667</c:v>
                </c:pt>
                <c:pt idx="6935">
                  <c:v>115.58333299999998</c:v>
                </c:pt>
                <c:pt idx="6936">
                  <c:v>115.6</c:v>
                </c:pt>
                <c:pt idx="6937">
                  <c:v>115.61666700000001</c:v>
                </c:pt>
                <c:pt idx="6938">
                  <c:v>115.63333299999999</c:v>
                </c:pt>
                <c:pt idx="6939">
                  <c:v>115.65</c:v>
                </c:pt>
                <c:pt idx="6940">
                  <c:v>115.66666699999999</c:v>
                </c:pt>
                <c:pt idx="6941">
                  <c:v>115.683333</c:v>
                </c:pt>
                <c:pt idx="6942">
                  <c:v>115.69999999999999</c:v>
                </c:pt>
                <c:pt idx="6943">
                  <c:v>115.716667</c:v>
                </c:pt>
                <c:pt idx="6944">
                  <c:v>115.73333299999999</c:v>
                </c:pt>
                <c:pt idx="6945">
                  <c:v>115.75</c:v>
                </c:pt>
                <c:pt idx="6946">
                  <c:v>115.76666699999998</c:v>
                </c:pt>
                <c:pt idx="6947">
                  <c:v>115.783333</c:v>
                </c:pt>
                <c:pt idx="6948">
                  <c:v>115.79999999999998</c:v>
                </c:pt>
                <c:pt idx="6949">
                  <c:v>115.816667</c:v>
                </c:pt>
                <c:pt idx="6950">
                  <c:v>115.83333299999998</c:v>
                </c:pt>
                <c:pt idx="6951">
                  <c:v>115.85</c:v>
                </c:pt>
                <c:pt idx="6952">
                  <c:v>115.86666700000001</c:v>
                </c:pt>
                <c:pt idx="6953">
                  <c:v>115.88333299999999</c:v>
                </c:pt>
                <c:pt idx="6954">
                  <c:v>115.9</c:v>
                </c:pt>
                <c:pt idx="6955">
                  <c:v>115.91666699999999</c:v>
                </c:pt>
                <c:pt idx="6956">
                  <c:v>115.933333</c:v>
                </c:pt>
                <c:pt idx="6957">
                  <c:v>115.94999999999999</c:v>
                </c:pt>
                <c:pt idx="6958">
                  <c:v>115.966667</c:v>
                </c:pt>
                <c:pt idx="6959">
                  <c:v>115.98333299999999</c:v>
                </c:pt>
                <c:pt idx="6960">
                  <c:v>116</c:v>
                </c:pt>
                <c:pt idx="6961">
                  <c:v>116.01666699999998</c:v>
                </c:pt>
                <c:pt idx="6962">
                  <c:v>116.033333</c:v>
                </c:pt>
                <c:pt idx="6963">
                  <c:v>116.04999999999998</c:v>
                </c:pt>
                <c:pt idx="6964">
                  <c:v>116.066667</c:v>
                </c:pt>
                <c:pt idx="6965">
                  <c:v>116.08333299999998</c:v>
                </c:pt>
                <c:pt idx="6966">
                  <c:v>116.1</c:v>
                </c:pt>
                <c:pt idx="6967">
                  <c:v>116.11666700000001</c:v>
                </c:pt>
                <c:pt idx="6968">
                  <c:v>116.13333299999999</c:v>
                </c:pt>
                <c:pt idx="6969">
                  <c:v>116.15</c:v>
                </c:pt>
                <c:pt idx="6970">
                  <c:v>116.16666699999999</c:v>
                </c:pt>
                <c:pt idx="6971">
                  <c:v>116.183333</c:v>
                </c:pt>
                <c:pt idx="6972">
                  <c:v>116.19999999999999</c:v>
                </c:pt>
                <c:pt idx="6973">
                  <c:v>116.216667</c:v>
                </c:pt>
                <c:pt idx="6974">
                  <c:v>116.23333299999999</c:v>
                </c:pt>
                <c:pt idx="6975">
                  <c:v>116.25</c:v>
                </c:pt>
                <c:pt idx="6976">
                  <c:v>116.26666699999998</c:v>
                </c:pt>
                <c:pt idx="6977">
                  <c:v>116.283333</c:v>
                </c:pt>
                <c:pt idx="6978">
                  <c:v>116.29999999999998</c:v>
                </c:pt>
                <c:pt idx="6979">
                  <c:v>116.316667</c:v>
                </c:pt>
                <c:pt idx="6980">
                  <c:v>116.33333299999998</c:v>
                </c:pt>
                <c:pt idx="6981">
                  <c:v>116.35</c:v>
                </c:pt>
                <c:pt idx="6982">
                  <c:v>116.36666700000001</c:v>
                </c:pt>
                <c:pt idx="6983">
                  <c:v>116.38333299999999</c:v>
                </c:pt>
                <c:pt idx="6984">
                  <c:v>116.4</c:v>
                </c:pt>
                <c:pt idx="6985">
                  <c:v>116.41666699999999</c:v>
                </c:pt>
                <c:pt idx="6986">
                  <c:v>116.433333</c:v>
                </c:pt>
                <c:pt idx="6987">
                  <c:v>116.44999999999999</c:v>
                </c:pt>
                <c:pt idx="6988">
                  <c:v>116.466667</c:v>
                </c:pt>
                <c:pt idx="6989">
                  <c:v>116.48333299999999</c:v>
                </c:pt>
                <c:pt idx="6990">
                  <c:v>116.5</c:v>
                </c:pt>
                <c:pt idx="6991">
                  <c:v>116.51666699999998</c:v>
                </c:pt>
                <c:pt idx="6992">
                  <c:v>116.533333</c:v>
                </c:pt>
                <c:pt idx="6993">
                  <c:v>116.54999999999998</c:v>
                </c:pt>
                <c:pt idx="6994">
                  <c:v>116.566667</c:v>
                </c:pt>
                <c:pt idx="6995">
                  <c:v>116.58333299999998</c:v>
                </c:pt>
                <c:pt idx="6996">
                  <c:v>116.6</c:v>
                </c:pt>
                <c:pt idx="6997">
                  <c:v>116.61666700000001</c:v>
                </c:pt>
                <c:pt idx="6998">
                  <c:v>116.63333299999999</c:v>
                </c:pt>
                <c:pt idx="6999">
                  <c:v>116.65</c:v>
                </c:pt>
                <c:pt idx="7000">
                  <c:v>116.66666699999999</c:v>
                </c:pt>
                <c:pt idx="7001">
                  <c:v>116.683333</c:v>
                </c:pt>
                <c:pt idx="7002">
                  <c:v>116.69999999999999</c:v>
                </c:pt>
                <c:pt idx="7003">
                  <c:v>116.716667</c:v>
                </c:pt>
                <c:pt idx="7004">
                  <c:v>116.73333299999999</c:v>
                </c:pt>
                <c:pt idx="7005">
                  <c:v>116.75</c:v>
                </c:pt>
                <c:pt idx="7006">
                  <c:v>116.76666699999998</c:v>
                </c:pt>
                <c:pt idx="7007">
                  <c:v>116.783333</c:v>
                </c:pt>
                <c:pt idx="7008">
                  <c:v>116.79999999999998</c:v>
                </c:pt>
                <c:pt idx="7009">
                  <c:v>116.816667</c:v>
                </c:pt>
                <c:pt idx="7010">
                  <c:v>116.83333299999998</c:v>
                </c:pt>
                <c:pt idx="7011">
                  <c:v>116.85</c:v>
                </c:pt>
                <c:pt idx="7012">
                  <c:v>116.86666700000001</c:v>
                </c:pt>
                <c:pt idx="7013">
                  <c:v>116.88333299999999</c:v>
                </c:pt>
                <c:pt idx="7014">
                  <c:v>116.9</c:v>
                </c:pt>
                <c:pt idx="7015">
                  <c:v>116.91666699999999</c:v>
                </c:pt>
                <c:pt idx="7016">
                  <c:v>116.933333</c:v>
                </c:pt>
                <c:pt idx="7017">
                  <c:v>116.94999999999999</c:v>
                </c:pt>
                <c:pt idx="7018">
                  <c:v>116.966667</c:v>
                </c:pt>
                <c:pt idx="7019">
                  <c:v>116.98333299999999</c:v>
                </c:pt>
                <c:pt idx="7020">
                  <c:v>117</c:v>
                </c:pt>
                <c:pt idx="7021">
                  <c:v>117.01666699999998</c:v>
                </c:pt>
                <c:pt idx="7022">
                  <c:v>117.033333</c:v>
                </c:pt>
                <c:pt idx="7023">
                  <c:v>117.04999999999998</c:v>
                </c:pt>
                <c:pt idx="7024">
                  <c:v>117.066667</c:v>
                </c:pt>
                <c:pt idx="7025">
                  <c:v>117.08333299999998</c:v>
                </c:pt>
                <c:pt idx="7026">
                  <c:v>117.1</c:v>
                </c:pt>
                <c:pt idx="7027">
                  <c:v>117.11666700000001</c:v>
                </c:pt>
                <c:pt idx="7028">
                  <c:v>117.13333299999999</c:v>
                </c:pt>
                <c:pt idx="7029">
                  <c:v>117.15</c:v>
                </c:pt>
                <c:pt idx="7030">
                  <c:v>117.16666699999999</c:v>
                </c:pt>
                <c:pt idx="7031">
                  <c:v>117.183333</c:v>
                </c:pt>
                <c:pt idx="7032">
                  <c:v>117.19999999999999</c:v>
                </c:pt>
                <c:pt idx="7033">
                  <c:v>117.216667</c:v>
                </c:pt>
                <c:pt idx="7034">
                  <c:v>117.23333299999999</c:v>
                </c:pt>
                <c:pt idx="7035">
                  <c:v>117.25</c:v>
                </c:pt>
                <c:pt idx="7036">
                  <c:v>117.26666699999998</c:v>
                </c:pt>
                <c:pt idx="7037">
                  <c:v>117.283333</c:v>
                </c:pt>
                <c:pt idx="7038">
                  <c:v>117.29999999999998</c:v>
                </c:pt>
                <c:pt idx="7039">
                  <c:v>117.316667</c:v>
                </c:pt>
                <c:pt idx="7040">
                  <c:v>117.33333299999998</c:v>
                </c:pt>
                <c:pt idx="7041">
                  <c:v>117.35</c:v>
                </c:pt>
                <c:pt idx="7042">
                  <c:v>117.36666700000001</c:v>
                </c:pt>
                <c:pt idx="7043">
                  <c:v>117.38333299999999</c:v>
                </c:pt>
                <c:pt idx="7044">
                  <c:v>117.4</c:v>
                </c:pt>
                <c:pt idx="7045">
                  <c:v>117.41666699999999</c:v>
                </c:pt>
                <c:pt idx="7046">
                  <c:v>117.433333</c:v>
                </c:pt>
                <c:pt idx="7047">
                  <c:v>117.44999999999999</c:v>
                </c:pt>
                <c:pt idx="7048">
                  <c:v>117.466667</c:v>
                </c:pt>
                <c:pt idx="7049">
                  <c:v>117.48333299999999</c:v>
                </c:pt>
                <c:pt idx="7050">
                  <c:v>117.5</c:v>
                </c:pt>
                <c:pt idx="7051">
                  <c:v>117.51666699999998</c:v>
                </c:pt>
                <c:pt idx="7052">
                  <c:v>117.533333</c:v>
                </c:pt>
                <c:pt idx="7053">
                  <c:v>117.54999999999998</c:v>
                </c:pt>
                <c:pt idx="7054">
                  <c:v>117.566667</c:v>
                </c:pt>
                <c:pt idx="7055">
                  <c:v>117.58333299999998</c:v>
                </c:pt>
                <c:pt idx="7056">
                  <c:v>117.6</c:v>
                </c:pt>
                <c:pt idx="7057">
                  <c:v>117.61666700000001</c:v>
                </c:pt>
                <c:pt idx="7058">
                  <c:v>117.63333299999999</c:v>
                </c:pt>
                <c:pt idx="7059">
                  <c:v>117.65</c:v>
                </c:pt>
                <c:pt idx="7060">
                  <c:v>117.66666699999999</c:v>
                </c:pt>
                <c:pt idx="7061">
                  <c:v>117.683333</c:v>
                </c:pt>
                <c:pt idx="7062">
                  <c:v>117.69999999999999</c:v>
                </c:pt>
                <c:pt idx="7063">
                  <c:v>117.716667</c:v>
                </c:pt>
                <c:pt idx="7064">
                  <c:v>117.73333299999999</c:v>
                </c:pt>
                <c:pt idx="7065">
                  <c:v>117.75</c:v>
                </c:pt>
                <c:pt idx="7066">
                  <c:v>117.76666699999998</c:v>
                </c:pt>
                <c:pt idx="7067">
                  <c:v>117.783333</c:v>
                </c:pt>
                <c:pt idx="7068">
                  <c:v>117.79999999999998</c:v>
                </c:pt>
                <c:pt idx="7069">
                  <c:v>117.816667</c:v>
                </c:pt>
                <c:pt idx="7070">
                  <c:v>117.83333299999998</c:v>
                </c:pt>
                <c:pt idx="7071">
                  <c:v>117.85</c:v>
                </c:pt>
                <c:pt idx="7072">
                  <c:v>117.86666700000001</c:v>
                </c:pt>
                <c:pt idx="7073">
                  <c:v>117.88333299999999</c:v>
                </c:pt>
                <c:pt idx="7074">
                  <c:v>117.9</c:v>
                </c:pt>
                <c:pt idx="7075">
                  <c:v>117.91666699999999</c:v>
                </c:pt>
                <c:pt idx="7076">
                  <c:v>117.933333</c:v>
                </c:pt>
                <c:pt idx="7077">
                  <c:v>117.94999999999999</c:v>
                </c:pt>
                <c:pt idx="7078">
                  <c:v>117.966667</c:v>
                </c:pt>
                <c:pt idx="7079">
                  <c:v>117.98333299999999</c:v>
                </c:pt>
                <c:pt idx="7080">
                  <c:v>118</c:v>
                </c:pt>
                <c:pt idx="7081">
                  <c:v>118.01666699999998</c:v>
                </c:pt>
                <c:pt idx="7082">
                  <c:v>118.033333</c:v>
                </c:pt>
                <c:pt idx="7083">
                  <c:v>118.04999999999998</c:v>
                </c:pt>
                <c:pt idx="7084">
                  <c:v>118.066667</c:v>
                </c:pt>
                <c:pt idx="7085">
                  <c:v>118.08333299999998</c:v>
                </c:pt>
                <c:pt idx="7086">
                  <c:v>118.1</c:v>
                </c:pt>
                <c:pt idx="7087">
                  <c:v>118.11666700000001</c:v>
                </c:pt>
                <c:pt idx="7088">
                  <c:v>118.13333299999999</c:v>
                </c:pt>
                <c:pt idx="7089">
                  <c:v>118.15</c:v>
                </c:pt>
                <c:pt idx="7090">
                  <c:v>118.16666699999999</c:v>
                </c:pt>
                <c:pt idx="7091">
                  <c:v>118.183333</c:v>
                </c:pt>
                <c:pt idx="7092">
                  <c:v>118.19999999999999</c:v>
                </c:pt>
                <c:pt idx="7093">
                  <c:v>118.216667</c:v>
                </c:pt>
                <c:pt idx="7094">
                  <c:v>118.23333299999999</c:v>
                </c:pt>
                <c:pt idx="7095">
                  <c:v>118.25</c:v>
                </c:pt>
                <c:pt idx="7096">
                  <c:v>118.26666699999998</c:v>
                </c:pt>
                <c:pt idx="7097">
                  <c:v>118.283333</c:v>
                </c:pt>
                <c:pt idx="7098">
                  <c:v>118.29999999999998</c:v>
                </c:pt>
                <c:pt idx="7099">
                  <c:v>118.316667</c:v>
                </c:pt>
                <c:pt idx="7100">
                  <c:v>118.33333299999998</c:v>
                </c:pt>
                <c:pt idx="7101">
                  <c:v>118.35</c:v>
                </c:pt>
                <c:pt idx="7102">
                  <c:v>118.36666700000001</c:v>
                </c:pt>
                <c:pt idx="7103">
                  <c:v>118.38333299999999</c:v>
                </c:pt>
                <c:pt idx="7104">
                  <c:v>118.4</c:v>
                </c:pt>
                <c:pt idx="7105">
                  <c:v>118.41666699999999</c:v>
                </c:pt>
                <c:pt idx="7106">
                  <c:v>118.433333</c:v>
                </c:pt>
                <c:pt idx="7107">
                  <c:v>118.44999999999999</c:v>
                </c:pt>
                <c:pt idx="7108">
                  <c:v>118.466667</c:v>
                </c:pt>
                <c:pt idx="7109">
                  <c:v>118.48333299999999</c:v>
                </c:pt>
                <c:pt idx="7110">
                  <c:v>118.5</c:v>
                </c:pt>
                <c:pt idx="7111">
                  <c:v>118.51666699999998</c:v>
                </c:pt>
                <c:pt idx="7112">
                  <c:v>118.533333</c:v>
                </c:pt>
                <c:pt idx="7113">
                  <c:v>118.54999999999998</c:v>
                </c:pt>
                <c:pt idx="7114">
                  <c:v>118.566667</c:v>
                </c:pt>
                <c:pt idx="7115">
                  <c:v>118.58333299999998</c:v>
                </c:pt>
                <c:pt idx="7116">
                  <c:v>118.6</c:v>
                </c:pt>
                <c:pt idx="7117">
                  <c:v>118.61666700000001</c:v>
                </c:pt>
                <c:pt idx="7118">
                  <c:v>118.63333299999999</c:v>
                </c:pt>
                <c:pt idx="7119">
                  <c:v>118.65</c:v>
                </c:pt>
                <c:pt idx="7120">
                  <c:v>118.66666699999999</c:v>
                </c:pt>
                <c:pt idx="7121">
                  <c:v>118.683333</c:v>
                </c:pt>
                <c:pt idx="7122">
                  <c:v>118.69999999999999</c:v>
                </c:pt>
                <c:pt idx="7123">
                  <c:v>118.716667</c:v>
                </c:pt>
                <c:pt idx="7124">
                  <c:v>118.73333299999999</c:v>
                </c:pt>
                <c:pt idx="7125">
                  <c:v>118.75</c:v>
                </c:pt>
                <c:pt idx="7126">
                  <c:v>118.76666699999998</c:v>
                </c:pt>
                <c:pt idx="7127">
                  <c:v>118.783333</c:v>
                </c:pt>
                <c:pt idx="7128">
                  <c:v>118.79999999999998</c:v>
                </c:pt>
                <c:pt idx="7129">
                  <c:v>118.816667</c:v>
                </c:pt>
                <c:pt idx="7130">
                  <c:v>118.83333299999998</c:v>
                </c:pt>
                <c:pt idx="7131">
                  <c:v>118.85</c:v>
                </c:pt>
                <c:pt idx="7132">
                  <c:v>118.86666700000001</c:v>
                </c:pt>
                <c:pt idx="7133">
                  <c:v>118.88333299999999</c:v>
                </c:pt>
                <c:pt idx="7134">
                  <c:v>118.9</c:v>
                </c:pt>
                <c:pt idx="7135">
                  <c:v>118.91666699999999</c:v>
                </c:pt>
                <c:pt idx="7136">
                  <c:v>118.933333</c:v>
                </c:pt>
                <c:pt idx="7137">
                  <c:v>118.94999999999999</c:v>
                </c:pt>
                <c:pt idx="7138">
                  <c:v>118.966667</c:v>
                </c:pt>
                <c:pt idx="7139">
                  <c:v>118.98333299999999</c:v>
                </c:pt>
                <c:pt idx="7140">
                  <c:v>119</c:v>
                </c:pt>
                <c:pt idx="7141">
                  <c:v>119.01666699999998</c:v>
                </c:pt>
                <c:pt idx="7142">
                  <c:v>119.033333</c:v>
                </c:pt>
                <c:pt idx="7143">
                  <c:v>119.04999999999998</c:v>
                </c:pt>
                <c:pt idx="7144">
                  <c:v>119.066667</c:v>
                </c:pt>
                <c:pt idx="7145">
                  <c:v>119.08333299999998</c:v>
                </c:pt>
                <c:pt idx="7146">
                  <c:v>119.1</c:v>
                </c:pt>
                <c:pt idx="7147">
                  <c:v>119.11666700000001</c:v>
                </c:pt>
                <c:pt idx="7148">
                  <c:v>119.13333299999999</c:v>
                </c:pt>
                <c:pt idx="7149">
                  <c:v>119.15</c:v>
                </c:pt>
                <c:pt idx="7150">
                  <c:v>119.16666699999999</c:v>
                </c:pt>
                <c:pt idx="7151">
                  <c:v>119.183333</c:v>
                </c:pt>
                <c:pt idx="7152">
                  <c:v>119.19999999999999</c:v>
                </c:pt>
                <c:pt idx="7153">
                  <c:v>119.216667</c:v>
                </c:pt>
                <c:pt idx="7154">
                  <c:v>119.23333299999999</c:v>
                </c:pt>
                <c:pt idx="7155">
                  <c:v>119.25</c:v>
                </c:pt>
                <c:pt idx="7156">
                  <c:v>119.26666699999998</c:v>
                </c:pt>
                <c:pt idx="7157">
                  <c:v>119.283333</c:v>
                </c:pt>
                <c:pt idx="7158">
                  <c:v>119.29999999999998</c:v>
                </c:pt>
                <c:pt idx="7159">
                  <c:v>119.316667</c:v>
                </c:pt>
                <c:pt idx="7160">
                  <c:v>119.33333299999998</c:v>
                </c:pt>
                <c:pt idx="7161">
                  <c:v>119.35</c:v>
                </c:pt>
                <c:pt idx="7162">
                  <c:v>119.36666700000001</c:v>
                </c:pt>
                <c:pt idx="7163">
                  <c:v>119.38333299999999</c:v>
                </c:pt>
                <c:pt idx="7164">
                  <c:v>119.4</c:v>
                </c:pt>
                <c:pt idx="7165">
                  <c:v>119.41666699999999</c:v>
                </c:pt>
                <c:pt idx="7166">
                  <c:v>119.433333</c:v>
                </c:pt>
                <c:pt idx="7167">
                  <c:v>119.44999999999999</c:v>
                </c:pt>
                <c:pt idx="7168">
                  <c:v>119.466667</c:v>
                </c:pt>
                <c:pt idx="7169">
                  <c:v>119.48333299999999</c:v>
                </c:pt>
                <c:pt idx="7170">
                  <c:v>119.5</c:v>
                </c:pt>
                <c:pt idx="7171">
                  <c:v>119.51666699999998</c:v>
                </c:pt>
                <c:pt idx="7172">
                  <c:v>119.533333</c:v>
                </c:pt>
                <c:pt idx="7173">
                  <c:v>119.54999999999998</c:v>
                </c:pt>
                <c:pt idx="7174">
                  <c:v>119.566667</c:v>
                </c:pt>
                <c:pt idx="7175">
                  <c:v>119.58333299999998</c:v>
                </c:pt>
                <c:pt idx="7176">
                  <c:v>119.6</c:v>
                </c:pt>
                <c:pt idx="7177">
                  <c:v>119.61666700000001</c:v>
                </c:pt>
                <c:pt idx="7178">
                  <c:v>119.63333299999999</c:v>
                </c:pt>
                <c:pt idx="7179">
                  <c:v>119.65</c:v>
                </c:pt>
                <c:pt idx="7180">
                  <c:v>119.66666699999999</c:v>
                </c:pt>
                <c:pt idx="7181">
                  <c:v>119.683333</c:v>
                </c:pt>
                <c:pt idx="7182">
                  <c:v>119.69999999999999</c:v>
                </c:pt>
                <c:pt idx="7183">
                  <c:v>119.716667</c:v>
                </c:pt>
                <c:pt idx="7184">
                  <c:v>119.73333299999999</c:v>
                </c:pt>
                <c:pt idx="7185">
                  <c:v>119.75</c:v>
                </c:pt>
                <c:pt idx="7186">
                  <c:v>119.76666699999998</c:v>
                </c:pt>
                <c:pt idx="7187">
                  <c:v>119.783333</c:v>
                </c:pt>
                <c:pt idx="7188">
                  <c:v>119.79999999999998</c:v>
                </c:pt>
                <c:pt idx="7189">
                  <c:v>119.816667</c:v>
                </c:pt>
                <c:pt idx="7190">
                  <c:v>119.83333299999998</c:v>
                </c:pt>
                <c:pt idx="7191">
                  <c:v>119.85</c:v>
                </c:pt>
                <c:pt idx="7192">
                  <c:v>119.86666700000001</c:v>
                </c:pt>
                <c:pt idx="7193">
                  <c:v>119.88333299999999</c:v>
                </c:pt>
                <c:pt idx="7194">
                  <c:v>119.9</c:v>
                </c:pt>
                <c:pt idx="7195">
                  <c:v>119.91666699999999</c:v>
                </c:pt>
                <c:pt idx="7196">
                  <c:v>119.933333</c:v>
                </c:pt>
                <c:pt idx="7197">
                  <c:v>119.94999999999999</c:v>
                </c:pt>
                <c:pt idx="7198">
                  <c:v>119.966667</c:v>
                </c:pt>
                <c:pt idx="7199">
                  <c:v>119.98333299999999</c:v>
                </c:pt>
                <c:pt idx="7200">
                  <c:v>120</c:v>
                </c:pt>
                <c:pt idx="7201">
                  <c:v>120.01666699999998</c:v>
                </c:pt>
                <c:pt idx="7202">
                  <c:v>120.033333</c:v>
                </c:pt>
                <c:pt idx="7203">
                  <c:v>120.04999999999998</c:v>
                </c:pt>
                <c:pt idx="7204">
                  <c:v>120.066667</c:v>
                </c:pt>
                <c:pt idx="7205">
                  <c:v>120.08333299999998</c:v>
                </c:pt>
                <c:pt idx="7206">
                  <c:v>120.1</c:v>
                </c:pt>
                <c:pt idx="7207">
                  <c:v>120.11666700000001</c:v>
                </c:pt>
                <c:pt idx="7208">
                  <c:v>120.13333299999999</c:v>
                </c:pt>
                <c:pt idx="7209">
                  <c:v>120.15</c:v>
                </c:pt>
                <c:pt idx="7210">
                  <c:v>120.16666699999999</c:v>
                </c:pt>
                <c:pt idx="7211">
                  <c:v>120.183333</c:v>
                </c:pt>
                <c:pt idx="7212">
                  <c:v>120.19999999999999</c:v>
                </c:pt>
                <c:pt idx="7213">
                  <c:v>120.216667</c:v>
                </c:pt>
                <c:pt idx="7214">
                  <c:v>120.23333299999999</c:v>
                </c:pt>
                <c:pt idx="7215">
                  <c:v>120.25</c:v>
                </c:pt>
                <c:pt idx="7216">
                  <c:v>120.26666699999998</c:v>
                </c:pt>
                <c:pt idx="7217">
                  <c:v>120.283333</c:v>
                </c:pt>
                <c:pt idx="7218">
                  <c:v>120.29999999999998</c:v>
                </c:pt>
                <c:pt idx="7219">
                  <c:v>120.316667</c:v>
                </c:pt>
                <c:pt idx="7220">
                  <c:v>120.33333299999998</c:v>
                </c:pt>
                <c:pt idx="7221">
                  <c:v>120.35</c:v>
                </c:pt>
                <c:pt idx="7222">
                  <c:v>120.36666700000001</c:v>
                </c:pt>
                <c:pt idx="7223">
                  <c:v>120.38333299999999</c:v>
                </c:pt>
                <c:pt idx="7224">
                  <c:v>120.4</c:v>
                </c:pt>
                <c:pt idx="7225">
                  <c:v>120.41666699999999</c:v>
                </c:pt>
                <c:pt idx="7226">
                  <c:v>120.433333</c:v>
                </c:pt>
                <c:pt idx="7227">
                  <c:v>120.44999999999999</c:v>
                </c:pt>
                <c:pt idx="7228">
                  <c:v>120.466667</c:v>
                </c:pt>
                <c:pt idx="7229">
                  <c:v>120.48333299999999</c:v>
                </c:pt>
                <c:pt idx="7230">
                  <c:v>120.5</c:v>
                </c:pt>
                <c:pt idx="7231">
                  <c:v>120.51666699999998</c:v>
                </c:pt>
                <c:pt idx="7232">
                  <c:v>120.533333</c:v>
                </c:pt>
                <c:pt idx="7233">
                  <c:v>120.54999999999998</c:v>
                </c:pt>
                <c:pt idx="7234">
                  <c:v>120.566667</c:v>
                </c:pt>
                <c:pt idx="7235">
                  <c:v>120.58333299999998</c:v>
                </c:pt>
                <c:pt idx="7236">
                  <c:v>120.6</c:v>
                </c:pt>
                <c:pt idx="7237">
                  <c:v>120.61666700000001</c:v>
                </c:pt>
                <c:pt idx="7238">
                  <c:v>120.63333299999999</c:v>
                </c:pt>
                <c:pt idx="7239">
                  <c:v>120.65</c:v>
                </c:pt>
                <c:pt idx="7240">
                  <c:v>120.66666699999999</c:v>
                </c:pt>
                <c:pt idx="7241">
                  <c:v>120.683333</c:v>
                </c:pt>
                <c:pt idx="7242">
                  <c:v>120.69999999999999</c:v>
                </c:pt>
                <c:pt idx="7243">
                  <c:v>120.716667</c:v>
                </c:pt>
                <c:pt idx="7244">
                  <c:v>120.73333299999999</c:v>
                </c:pt>
                <c:pt idx="7245">
                  <c:v>120.75</c:v>
                </c:pt>
                <c:pt idx="7246">
                  <c:v>120.76666699999998</c:v>
                </c:pt>
                <c:pt idx="7247">
                  <c:v>120.783333</c:v>
                </c:pt>
                <c:pt idx="7248">
                  <c:v>120.79999999999998</c:v>
                </c:pt>
                <c:pt idx="7249">
                  <c:v>120.816667</c:v>
                </c:pt>
                <c:pt idx="7250">
                  <c:v>120.83333299999998</c:v>
                </c:pt>
                <c:pt idx="7251">
                  <c:v>120.85</c:v>
                </c:pt>
                <c:pt idx="7252">
                  <c:v>120.86666700000001</c:v>
                </c:pt>
                <c:pt idx="7253">
                  <c:v>120.88333299999999</c:v>
                </c:pt>
                <c:pt idx="7254">
                  <c:v>120.9</c:v>
                </c:pt>
                <c:pt idx="7255">
                  <c:v>120.91666699999999</c:v>
                </c:pt>
                <c:pt idx="7256">
                  <c:v>120.933333</c:v>
                </c:pt>
                <c:pt idx="7257">
                  <c:v>120.94999999999999</c:v>
                </c:pt>
                <c:pt idx="7258">
                  <c:v>120.966667</c:v>
                </c:pt>
                <c:pt idx="7259">
                  <c:v>120.98333299999999</c:v>
                </c:pt>
                <c:pt idx="7260">
                  <c:v>121</c:v>
                </c:pt>
                <c:pt idx="7261">
                  <c:v>121.01666699999998</c:v>
                </c:pt>
                <c:pt idx="7262">
                  <c:v>121.033333</c:v>
                </c:pt>
                <c:pt idx="7263">
                  <c:v>121.04999999999998</c:v>
                </c:pt>
                <c:pt idx="7264">
                  <c:v>121.066667</c:v>
                </c:pt>
                <c:pt idx="7265">
                  <c:v>121.08333299999998</c:v>
                </c:pt>
                <c:pt idx="7266">
                  <c:v>121.1</c:v>
                </c:pt>
                <c:pt idx="7267">
                  <c:v>121.11666700000001</c:v>
                </c:pt>
                <c:pt idx="7268">
                  <c:v>121.13333299999999</c:v>
                </c:pt>
                <c:pt idx="7269">
                  <c:v>121.15</c:v>
                </c:pt>
                <c:pt idx="7270">
                  <c:v>121.16666699999999</c:v>
                </c:pt>
                <c:pt idx="7271">
                  <c:v>121.183333</c:v>
                </c:pt>
                <c:pt idx="7272">
                  <c:v>121.19999999999999</c:v>
                </c:pt>
                <c:pt idx="7273">
                  <c:v>121.216667</c:v>
                </c:pt>
                <c:pt idx="7274">
                  <c:v>121.23333299999999</c:v>
                </c:pt>
                <c:pt idx="7275">
                  <c:v>121.25</c:v>
                </c:pt>
                <c:pt idx="7276">
                  <c:v>121.26666699999998</c:v>
                </c:pt>
                <c:pt idx="7277">
                  <c:v>121.283333</c:v>
                </c:pt>
                <c:pt idx="7278">
                  <c:v>121.29999999999998</c:v>
                </c:pt>
                <c:pt idx="7279">
                  <c:v>121.316667</c:v>
                </c:pt>
                <c:pt idx="7280">
                  <c:v>121.33333299999998</c:v>
                </c:pt>
                <c:pt idx="7281">
                  <c:v>121.35</c:v>
                </c:pt>
                <c:pt idx="7282">
                  <c:v>121.36666700000001</c:v>
                </c:pt>
                <c:pt idx="7283">
                  <c:v>121.38333299999999</c:v>
                </c:pt>
                <c:pt idx="7284">
                  <c:v>121.4</c:v>
                </c:pt>
                <c:pt idx="7285">
                  <c:v>121.41666699999999</c:v>
                </c:pt>
                <c:pt idx="7286">
                  <c:v>121.433333</c:v>
                </c:pt>
                <c:pt idx="7287">
                  <c:v>121.44999999999999</c:v>
                </c:pt>
                <c:pt idx="7288">
                  <c:v>121.466667</c:v>
                </c:pt>
                <c:pt idx="7289">
                  <c:v>121.48333299999999</c:v>
                </c:pt>
                <c:pt idx="7290">
                  <c:v>121.5</c:v>
                </c:pt>
                <c:pt idx="7291">
                  <c:v>121.51666699999998</c:v>
                </c:pt>
                <c:pt idx="7292">
                  <c:v>121.533333</c:v>
                </c:pt>
                <c:pt idx="7293">
                  <c:v>121.54999999999998</c:v>
                </c:pt>
                <c:pt idx="7294">
                  <c:v>121.566667</c:v>
                </c:pt>
                <c:pt idx="7295">
                  <c:v>121.58333299999998</c:v>
                </c:pt>
                <c:pt idx="7296">
                  <c:v>121.6</c:v>
                </c:pt>
                <c:pt idx="7297">
                  <c:v>121.61666700000001</c:v>
                </c:pt>
                <c:pt idx="7298">
                  <c:v>121.63333299999999</c:v>
                </c:pt>
                <c:pt idx="7299">
                  <c:v>121.65</c:v>
                </c:pt>
                <c:pt idx="7300">
                  <c:v>121.66666699999999</c:v>
                </c:pt>
                <c:pt idx="7301">
                  <c:v>121.683333</c:v>
                </c:pt>
                <c:pt idx="7302">
                  <c:v>121.69999999999999</c:v>
                </c:pt>
                <c:pt idx="7303">
                  <c:v>121.716667</c:v>
                </c:pt>
                <c:pt idx="7304">
                  <c:v>121.73333299999999</c:v>
                </c:pt>
                <c:pt idx="7305">
                  <c:v>121.75</c:v>
                </c:pt>
                <c:pt idx="7306">
                  <c:v>121.76666699999998</c:v>
                </c:pt>
                <c:pt idx="7307">
                  <c:v>121.783333</c:v>
                </c:pt>
                <c:pt idx="7308">
                  <c:v>121.79999999999998</c:v>
                </c:pt>
                <c:pt idx="7309">
                  <c:v>121.816667</c:v>
                </c:pt>
                <c:pt idx="7310">
                  <c:v>121.83333299999998</c:v>
                </c:pt>
                <c:pt idx="7311">
                  <c:v>121.85</c:v>
                </c:pt>
                <c:pt idx="7312">
                  <c:v>121.86666700000001</c:v>
                </c:pt>
                <c:pt idx="7313">
                  <c:v>121.88333299999999</c:v>
                </c:pt>
                <c:pt idx="7314">
                  <c:v>121.9</c:v>
                </c:pt>
                <c:pt idx="7315">
                  <c:v>121.91666699999999</c:v>
                </c:pt>
                <c:pt idx="7316">
                  <c:v>121.933333</c:v>
                </c:pt>
                <c:pt idx="7317">
                  <c:v>121.94999999999999</c:v>
                </c:pt>
                <c:pt idx="7318">
                  <c:v>121.966667</c:v>
                </c:pt>
                <c:pt idx="7319">
                  <c:v>121.98333299999999</c:v>
                </c:pt>
                <c:pt idx="7320">
                  <c:v>122</c:v>
                </c:pt>
                <c:pt idx="7321">
                  <c:v>122.01666699999998</c:v>
                </c:pt>
                <c:pt idx="7322">
                  <c:v>122.033333</c:v>
                </c:pt>
                <c:pt idx="7323">
                  <c:v>122.04999999999998</c:v>
                </c:pt>
                <c:pt idx="7324">
                  <c:v>122.066667</c:v>
                </c:pt>
                <c:pt idx="7325">
                  <c:v>122.08333299999998</c:v>
                </c:pt>
                <c:pt idx="7326">
                  <c:v>122.1</c:v>
                </c:pt>
                <c:pt idx="7327">
                  <c:v>122.11666700000001</c:v>
                </c:pt>
                <c:pt idx="7328">
                  <c:v>122.13333299999999</c:v>
                </c:pt>
                <c:pt idx="7329">
                  <c:v>122.15</c:v>
                </c:pt>
                <c:pt idx="7330">
                  <c:v>122.16666699999999</c:v>
                </c:pt>
                <c:pt idx="7331">
                  <c:v>122.183333</c:v>
                </c:pt>
                <c:pt idx="7332">
                  <c:v>122.19999999999999</c:v>
                </c:pt>
                <c:pt idx="7333">
                  <c:v>122.216667</c:v>
                </c:pt>
                <c:pt idx="7334">
                  <c:v>122.23333299999999</c:v>
                </c:pt>
                <c:pt idx="7335">
                  <c:v>122.25</c:v>
                </c:pt>
                <c:pt idx="7336">
                  <c:v>122.26666699999998</c:v>
                </c:pt>
                <c:pt idx="7337">
                  <c:v>122.283333</c:v>
                </c:pt>
                <c:pt idx="7338">
                  <c:v>122.29999999999998</c:v>
                </c:pt>
                <c:pt idx="7339">
                  <c:v>122.316667</c:v>
                </c:pt>
                <c:pt idx="7340">
                  <c:v>122.33333299999998</c:v>
                </c:pt>
                <c:pt idx="7341">
                  <c:v>122.35</c:v>
                </c:pt>
                <c:pt idx="7342">
                  <c:v>122.36666700000001</c:v>
                </c:pt>
                <c:pt idx="7343">
                  <c:v>122.38333299999999</c:v>
                </c:pt>
                <c:pt idx="7344">
                  <c:v>122.4</c:v>
                </c:pt>
                <c:pt idx="7345">
                  <c:v>122.41666699999999</c:v>
                </c:pt>
                <c:pt idx="7346">
                  <c:v>122.433333</c:v>
                </c:pt>
                <c:pt idx="7347">
                  <c:v>122.44999999999999</c:v>
                </c:pt>
                <c:pt idx="7348">
                  <c:v>122.466667</c:v>
                </c:pt>
                <c:pt idx="7349">
                  <c:v>122.48333299999999</c:v>
                </c:pt>
                <c:pt idx="7350">
                  <c:v>122.5</c:v>
                </c:pt>
                <c:pt idx="7351">
                  <c:v>122.51666699999998</c:v>
                </c:pt>
                <c:pt idx="7352">
                  <c:v>122.533333</c:v>
                </c:pt>
                <c:pt idx="7353">
                  <c:v>122.54999999999998</c:v>
                </c:pt>
                <c:pt idx="7354">
                  <c:v>122.566667</c:v>
                </c:pt>
                <c:pt idx="7355">
                  <c:v>122.58333299999998</c:v>
                </c:pt>
                <c:pt idx="7356">
                  <c:v>122.6</c:v>
                </c:pt>
                <c:pt idx="7357">
                  <c:v>122.61666700000001</c:v>
                </c:pt>
                <c:pt idx="7358">
                  <c:v>122.63333299999999</c:v>
                </c:pt>
                <c:pt idx="7359">
                  <c:v>122.65</c:v>
                </c:pt>
                <c:pt idx="7360">
                  <c:v>122.66666699999999</c:v>
                </c:pt>
                <c:pt idx="7361">
                  <c:v>122.683333</c:v>
                </c:pt>
                <c:pt idx="7362">
                  <c:v>122.69999999999999</c:v>
                </c:pt>
                <c:pt idx="7363">
                  <c:v>122.716667</c:v>
                </c:pt>
                <c:pt idx="7364">
                  <c:v>122.73333299999999</c:v>
                </c:pt>
                <c:pt idx="7365">
                  <c:v>122.75</c:v>
                </c:pt>
                <c:pt idx="7366">
                  <c:v>122.76666699999998</c:v>
                </c:pt>
                <c:pt idx="7367">
                  <c:v>122.783333</c:v>
                </c:pt>
                <c:pt idx="7368">
                  <c:v>122.79999999999998</c:v>
                </c:pt>
                <c:pt idx="7369">
                  <c:v>122.816667</c:v>
                </c:pt>
                <c:pt idx="7370">
                  <c:v>122.83333299999998</c:v>
                </c:pt>
                <c:pt idx="7371">
                  <c:v>122.85</c:v>
                </c:pt>
                <c:pt idx="7372">
                  <c:v>122.86666700000001</c:v>
                </c:pt>
                <c:pt idx="7373">
                  <c:v>122.88333299999999</c:v>
                </c:pt>
                <c:pt idx="7374">
                  <c:v>122.9</c:v>
                </c:pt>
                <c:pt idx="7375">
                  <c:v>122.91666699999999</c:v>
                </c:pt>
                <c:pt idx="7376">
                  <c:v>122.933333</c:v>
                </c:pt>
                <c:pt idx="7377">
                  <c:v>122.94999999999999</c:v>
                </c:pt>
                <c:pt idx="7378">
                  <c:v>122.966667</c:v>
                </c:pt>
                <c:pt idx="7379">
                  <c:v>122.98333299999999</c:v>
                </c:pt>
                <c:pt idx="7380">
                  <c:v>123</c:v>
                </c:pt>
                <c:pt idx="7381">
                  <c:v>123.01666699999998</c:v>
                </c:pt>
                <c:pt idx="7382">
                  <c:v>123.033333</c:v>
                </c:pt>
                <c:pt idx="7383">
                  <c:v>123.04999999999998</c:v>
                </c:pt>
                <c:pt idx="7384">
                  <c:v>123.066667</c:v>
                </c:pt>
                <c:pt idx="7385">
                  <c:v>123.08333299999998</c:v>
                </c:pt>
                <c:pt idx="7386">
                  <c:v>123.1</c:v>
                </c:pt>
                <c:pt idx="7387">
                  <c:v>123.11666700000001</c:v>
                </c:pt>
                <c:pt idx="7388">
                  <c:v>123.13333299999999</c:v>
                </c:pt>
                <c:pt idx="7389">
                  <c:v>123.15</c:v>
                </c:pt>
                <c:pt idx="7390">
                  <c:v>123.16666699999999</c:v>
                </c:pt>
                <c:pt idx="7391">
                  <c:v>123.183333</c:v>
                </c:pt>
                <c:pt idx="7392">
                  <c:v>123.19999999999999</c:v>
                </c:pt>
                <c:pt idx="7393">
                  <c:v>123.216667</c:v>
                </c:pt>
                <c:pt idx="7394">
                  <c:v>123.23333299999999</c:v>
                </c:pt>
                <c:pt idx="7395">
                  <c:v>123.25</c:v>
                </c:pt>
                <c:pt idx="7396">
                  <c:v>123.26666699999998</c:v>
                </c:pt>
                <c:pt idx="7397">
                  <c:v>123.283333</c:v>
                </c:pt>
                <c:pt idx="7398">
                  <c:v>123.29999999999998</c:v>
                </c:pt>
                <c:pt idx="7399">
                  <c:v>123.316667</c:v>
                </c:pt>
                <c:pt idx="7400">
                  <c:v>123.33333299999998</c:v>
                </c:pt>
                <c:pt idx="7401">
                  <c:v>123.35</c:v>
                </c:pt>
                <c:pt idx="7402">
                  <c:v>123.36666700000001</c:v>
                </c:pt>
                <c:pt idx="7403">
                  <c:v>123.38333299999999</c:v>
                </c:pt>
                <c:pt idx="7404">
                  <c:v>123.4</c:v>
                </c:pt>
                <c:pt idx="7405">
                  <c:v>123.41666699999999</c:v>
                </c:pt>
                <c:pt idx="7406">
                  <c:v>123.433333</c:v>
                </c:pt>
                <c:pt idx="7407">
                  <c:v>123.44999999999999</c:v>
                </c:pt>
                <c:pt idx="7408">
                  <c:v>123.466667</c:v>
                </c:pt>
                <c:pt idx="7409">
                  <c:v>123.48333299999999</c:v>
                </c:pt>
                <c:pt idx="7410">
                  <c:v>123.5</c:v>
                </c:pt>
                <c:pt idx="7411">
                  <c:v>123.51666699999998</c:v>
                </c:pt>
                <c:pt idx="7412">
                  <c:v>123.533333</c:v>
                </c:pt>
                <c:pt idx="7413">
                  <c:v>123.54999999999998</c:v>
                </c:pt>
                <c:pt idx="7414">
                  <c:v>123.566667</c:v>
                </c:pt>
                <c:pt idx="7415">
                  <c:v>123.58333299999998</c:v>
                </c:pt>
                <c:pt idx="7416">
                  <c:v>123.6</c:v>
                </c:pt>
                <c:pt idx="7417">
                  <c:v>123.61666700000001</c:v>
                </c:pt>
                <c:pt idx="7418">
                  <c:v>123.63333299999999</c:v>
                </c:pt>
                <c:pt idx="7419">
                  <c:v>123.65</c:v>
                </c:pt>
                <c:pt idx="7420">
                  <c:v>123.66666699999999</c:v>
                </c:pt>
                <c:pt idx="7421">
                  <c:v>123.683333</c:v>
                </c:pt>
                <c:pt idx="7422">
                  <c:v>123.69999999999999</c:v>
                </c:pt>
                <c:pt idx="7423">
                  <c:v>123.716667</c:v>
                </c:pt>
                <c:pt idx="7424">
                  <c:v>123.73333299999999</c:v>
                </c:pt>
                <c:pt idx="7425">
                  <c:v>123.75</c:v>
                </c:pt>
                <c:pt idx="7426">
                  <c:v>123.76666699999998</c:v>
                </c:pt>
                <c:pt idx="7427">
                  <c:v>123.783333</c:v>
                </c:pt>
                <c:pt idx="7428">
                  <c:v>123.79999999999998</c:v>
                </c:pt>
                <c:pt idx="7429">
                  <c:v>123.816667</c:v>
                </c:pt>
                <c:pt idx="7430">
                  <c:v>123.83333299999998</c:v>
                </c:pt>
                <c:pt idx="7431">
                  <c:v>123.85</c:v>
                </c:pt>
                <c:pt idx="7432">
                  <c:v>123.86666700000001</c:v>
                </c:pt>
                <c:pt idx="7433">
                  <c:v>123.88333299999999</c:v>
                </c:pt>
                <c:pt idx="7434">
                  <c:v>123.9</c:v>
                </c:pt>
                <c:pt idx="7435">
                  <c:v>123.91666699999999</c:v>
                </c:pt>
                <c:pt idx="7436">
                  <c:v>123.933333</c:v>
                </c:pt>
                <c:pt idx="7437">
                  <c:v>123.94999999999999</c:v>
                </c:pt>
                <c:pt idx="7438">
                  <c:v>123.966667</c:v>
                </c:pt>
                <c:pt idx="7439">
                  <c:v>123.98333299999999</c:v>
                </c:pt>
                <c:pt idx="7440">
                  <c:v>124</c:v>
                </c:pt>
                <c:pt idx="7441">
                  <c:v>124.01666699999998</c:v>
                </c:pt>
                <c:pt idx="7442">
                  <c:v>124.033333</c:v>
                </c:pt>
                <c:pt idx="7443">
                  <c:v>124.04999999999998</c:v>
                </c:pt>
                <c:pt idx="7444">
                  <c:v>124.066667</c:v>
                </c:pt>
                <c:pt idx="7445">
                  <c:v>124.08333299999998</c:v>
                </c:pt>
                <c:pt idx="7446">
                  <c:v>124.1</c:v>
                </c:pt>
                <c:pt idx="7447">
                  <c:v>124.11666700000001</c:v>
                </c:pt>
                <c:pt idx="7448">
                  <c:v>124.13333299999999</c:v>
                </c:pt>
                <c:pt idx="7449">
                  <c:v>124.15</c:v>
                </c:pt>
                <c:pt idx="7450">
                  <c:v>124.16666699999999</c:v>
                </c:pt>
                <c:pt idx="7451">
                  <c:v>124.183333</c:v>
                </c:pt>
                <c:pt idx="7452">
                  <c:v>124.19999999999999</c:v>
                </c:pt>
                <c:pt idx="7453">
                  <c:v>124.216667</c:v>
                </c:pt>
                <c:pt idx="7454">
                  <c:v>124.23333299999999</c:v>
                </c:pt>
                <c:pt idx="7455">
                  <c:v>124.25</c:v>
                </c:pt>
                <c:pt idx="7456">
                  <c:v>124.26666699999998</c:v>
                </c:pt>
                <c:pt idx="7457">
                  <c:v>124.283333</c:v>
                </c:pt>
                <c:pt idx="7458">
                  <c:v>124.29999999999998</c:v>
                </c:pt>
                <c:pt idx="7459">
                  <c:v>124.316667</c:v>
                </c:pt>
                <c:pt idx="7460">
                  <c:v>124.33333299999998</c:v>
                </c:pt>
                <c:pt idx="7461">
                  <c:v>124.35</c:v>
                </c:pt>
                <c:pt idx="7462">
                  <c:v>124.36666700000001</c:v>
                </c:pt>
                <c:pt idx="7463">
                  <c:v>124.38333299999999</c:v>
                </c:pt>
                <c:pt idx="7464">
                  <c:v>124.4</c:v>
                </c:pt>
                <c:pt idx="7465">
                  <c:v>124.41666699999999</c:v>
                </c:pt>
                <c:pt idx="7466">
                  <c:v>124.433333</c:v>
                </c:pt>
                <c:pt idx="7467">
                  <c:v>124.44999999999999</c:v>
                </c:pt>
                <c:pt idx="7468">
                  <c:v>124.466667</c:v>
                </c:pt>
                <c:pt idx="7469">
                  <c:v>124.48333299999999</c:v>
                </c:pt>
                <c:pt idx="7470">
                  <c:v>124.5</c:v>
                </c:pt>
                <c:pt idx="7471">
                  <c:v>124.51666699999998</c:v>
                </c:pt>
                <c:pt idx="7472">
                  <c:v>124.533333</c:v>
                </c:pt>
                <c:pt idx="7473">
                  <c:v>124.54999999999998</c:v>
                </c:pt>
                <c:pt idx="7474">
                  <c:v>124.566667</c:v>
                </c:pt>
                <c:pt idx="7475">
                  <c:v>124.58333299999998</c:v>
                </c:pt>
                <c:pt idx="7476">
                  <c:v>124.6</c:v>
                </c:pt>
                <c:pt idx="7477">
                  <c:v>124.61666700000001</c:v>
                </c:pt>
                <c:pt idx="7478">
                  <c:v>124.63333299999999</c:v>
                </c:pt>
                <c:pt idx="7479">
                  <c:v>124.65</c:v>
                </c:pt>
                <c:pt idx="7480">
                  <c:v>124.66666699999999</c:v>
                </c:pt>
                <c:pt idx="7481">
                  <c:v>124.683333</c:v>
                </c:pt>
                <c:pt idx="7482">
                  <c:v>124.69999999999999</c:v>
                </c:pt>
                <c:pt idx="7483">
                  <c:v>124.716667</c:v>
                </c:pt>
                <c:pt idx="7484">
                  <c:v>124.73333299999999</c:v>
                </c:pt>
                <c:pt idx="7485">
                  <c:v>124.75</c:v>
                </c:pt>
                <c:pt idx="7486">
                  <c:v>124.76666699999998</c:v>
                </c:pt>
                <c:pt idx="7487">
                  <c:v>124.783333</c:v>
                </c:pt>
                <c:pt idx="7488">
                  <c:v>124.79999999999998</c:v>
                </c:pt>
                <c:pt idx="7489">
                  <c:v>124.816667</c:v>
                </c:pt>
                <c:pt idx="7490">
                  <c:v>124.83333299999998</c:v>
                </c:pt>
                <c:pt idx="7491">
                  <c:v>124.85</c:v>
                </c:pt>
                <c:pt idx="7492">
                  <c:v>124.86666700000001</c:v>
                </c:pt>
                <c:pt idx="7493">
                  <c:v>124.88333299999999</c:v>
                </c:pt>
                <c:pt idx="7494">
                  <c:v>124.9</c:v>
                </c:pt>
                <c:pt idx="7495">
                  <c:v>124.91666699999999</c:v>
                </c:pt>
                <c:pt idx="7496">
                  <c:v>124.933333</c:v>
                </c:pt>
                <c:pt idx="7497">
                  <c:v>124.94999999999999</c:v>
                </c:pt>
                <c:pt idx="7498">
                  <c:v>124.966667</c:v>
                </c:pt>
                <c:pt idx="7499">
                  <c:v>124.98333299999999</c:v>
                </c:pt>
                <c:pt idx="7500">
                  <c:v>125</c:v>
                </c:pt>
                <c:pt idx="7501">
                  <c:v>125.01666699999998</c:v>
                </c:pt>
                <c:pt idx="7502">
                  <c:v>125.033333</c:v>
                </c:pt>
                <c:pt idx="7503">
                  <c:v>125.04999999999998</c:v>
                </c:pt>
                <c:pt idx="7504">
                  <c:v>125.066667</c:v>
                </c:pt>
                <c:pt idx="7505">
                  <c:v>125.08333299999998</c:v>
                </c:pt>
                <c:pt idx="7506">
                  <c:v>125.1</c:v>
                </c:pt>
                <c:pt idx="7507">
                  <c:v>125.11666700000001</c:v>
                </c:pt>
                <c:pt idx="7508">
                  <c:v>125.13333299999999</c:v>
                </c:pt>
                <c:pt idx="7509">
                  <c:v>125.15</c:v>
                </c:pt>
                <c:pt idx="7510">
                  <c:v>125.16666699999999</c:v>
                </c:pt>
                <c:pt idx="7511">
                  <c:v>125.183333</c:v>
                </c:pt>
                <c:pt idx="7512">
                  <c:v>125.19999999999999</c:v>
                </c:pt>
                <c:pt idx="7513">
                  <c:v>125.216667</c:v>
                </c:pt>
                <c:pt idx="7514">
                  <c:v>125.23333299999999</c:v>
                </c:pt>
                <c:pt idx="7515">
                  <c:v>125.25</c:v>
                </c:pt>
                <c:pt idx="7516">
                  <c:v>125.26666699999998</c:v>
                </c:pt>
                <c:pt idx="7517">
                  <c:v>125.283333</c:v>
                </c:pt>
                <c:pt idx="7518">
                  <c:v>125.29999999999998</c:v>
                </c:pt>
                <c:pt idx="7519">
                  <c:v>125.316667</c:v>
                </c:pt>
                <c:pt idx="7520">
                  <c:v>125.33333299999998</c:v>
                </c:pt>
                <c:pt idx="7521">
                  <c:v>125.35</c:v>
                </c:pt>
                <c:pt idx="7522">
                  <c:v>125.36666700000001</c:v>
                </c:pt>
                <c:pt idx="7523">
                  <c:v>125.38333299999999</c:v>
                </c:pt>
                <c:pt idx="7524">
                  <c:v>125.4</c:v>
                </c:pt>
                <c:pt idx="7525">
                  <c:v>125.41666699999999</c:v>
                </c:pt>
                <c:pt idx="7526">
                  <c:v>125.433333</c:v>
                </c:pt>
                <c:pt idx="7527">
                  <c:v>125.44999999999999</c:v>
                </c:pt>
                <c:pt idx="7528">
                  <c:v>125.466667</c:v>
                </c:pt>
                <c:pt idx="7529">
                  <c:v>125.48333299999999</c:v>
                </c:pt>
                <c:pt idx="7530">
                  <c:v>125.5</c:v>
                </c:pt>
                <c:pt idx="7531">
                  <c:v>125.51666699999998</c:v>
                </c:pt>
                <c:pt idx="7532">
                  <c:v>125.533333</c:v>
                </c:pt>
                <c:pt idx="7533">
                  <c:v>125.54999999999998</c:v>
                </c:pt>
                <c:pt idx="7534">
                  <c:v>125.566667</c:v>
                </c:pt>
                <c:pt idx="7535">
                  <c:v>125.58333299999998</c:v>
                </c:pt>
                <c:pt idx="7536">
                  <c:v>125.6</c:v>
                </c:pt>
                <c:pt idx="7537">
                  <c:v>125.61666700000001</c:v>
                </c:pt>
                <c:pt idx="7538">
                  <c:v>125.63333299999999</c:v>
                </c:pt>
                <c:pt idx="7539">
                  <c:v>125.65</c:v>
                </c:pt>
                <c:pt idx="7540">
                  <c:v>125.66666699999999</c:v>
                </c:pt>
                <c:pt idx="7541">
                  <c:v>125.683333</c:v>
                </c:pt>
                <c:pt idx="7542">
                  <c:v>125.69999999999999</c:v>
                </c:pt>
                <c:pt idx="7543">
                  <c:v>125.716667</c:v>
                </c:pt>
                <c:pt idx="7544">
                  <c:v>125.73333299999999</c:v>
                </c:pt>
                <c:pt idx="7545">
                  <c:v>125.75</c:v>
                </c:pt>
                <c:pt idx="7546">
                  <c:v>125.76666699999998</c:v>
                </c:pt>
                <c:pt idx="7547">
                  <c:v>125.783333</c:v>
                </c:pt>
                <c:pt idx="7548">
                  <c:v>125.79999999999998</c:v>
                </c:pt>
                <c:pt idx="7549">
                  <c:v>125.816667</c:v>
                </c:pt>
                <c:pt idx="7550">
                  <c:v>125.83333299999998</c:v>
                </c:pt>
                <c:pt idx="7551">
                  <c:v>125.85</c:v>
                </c:pt>
                <c:pt idx="7552">
                  <c:v>125.86666700000001</c:v>
                </c:pt>
                <c:pt idx="7553">
                  <c:v>125.88333299999999</c:v>
                </c:pt>
                <c:pt idx="7554">
                  <c:v>125.9</c:v>
                </c:pt>
                <c:pt idx="7555">
                  <c:v>125.91666699999999</c:v>
                </c:pt>
                <c:pt idx="7556">
                  <c:v>125.933333</c:v>
                </c:pt>
                <c:pt idx="7557">
                  <c:v>125.94999999999999</c:v>
                </c:pt>
                <c:pt idx="7558">
                  <c:v>125.966667</c:v>
                </c:pt>
                <c:pt idx="7559">
                  <c:v>125.98333299999999</c:v>
                </c:pt>
                <c:pt idx="7560">
                  <c:v>126</c:v>
                </c:pt>
                <c:pt idx="7561">
                  <c:v>126.01666699999998</c:v>
                </c:pt>
                <c:pt idx="7562">
                  <c:v>126.033333</c:v>
                </c:pt>
                <c:pt idx="7563">
                  <c:v>126.04999999999998</c:v>
                </c:pt>
                <c:pt idx="7564">
                  <c:v>126.066667</c:v>
                </c:pt>
                <c:pt idx="7565">
                  <c:v>126.08333299999998</c:v>
                </c:pt>
                <c:pt idx="7566">
                  <c:v>126.1</c:v>
                </c:pt>
                <c:pt idx="7567">
                  <c:v>126.11666700000001</c:v>
                </c:pt>
                <c:pt idx="7568">
                  <c:v>126.13333299999999</c:v>
                </c:pt>
                <c:pt idx="7569">
                  <c:v>126.15</c:v>
                </c:pt>
                <c:pt idx="7570">
                  <c:v>126.16666699999999</c:v>
                </c:pt>
                <c:pt idx="7571">
                  <c:v>126.183333</c:v>
                </c:pt>
                <c:pt idx="7572">
                  <c:v>126.19999999999999</c:v>
                </c:pt>
                <c:pt idx="7573">
                  <c:v>126.216667</c:v>
                </c:pt>
                <c:pt idx="7574">
                  <c:v>126.23333299999999</c:v>
                </c:pt>
                <c:pt idx="7575">
                  <c:v>126.25</c:v>
                </c:pt>
                <c:pt idx="7576">
                  <c:v>126.26666699999998</c:v>
                </c:pt>
                <c:pt idx="7577">
                  <c:v>126.283333</c:v>
                </c:pt>
                <c:pt idx="7578">
                  <c:v>126.29999999999998</c:v>
                </c:pt>
                <c:pt idx="7579">
                  <c:v>126.316667</c:v>
                </c:pt>
                <c:pt idx="7580">
                  <c:v>126.33333299999998</c:v>
                </c:pt>
                <c:pt idx="7581">
                  <c:v>126.35</c:v>
                </c:pt>
                <c:pt idx="7582">
                  <c:v>126.36666700000001</c:v>
                </c:pt>
                <c:pt idx="7583">
                  <c:v>126.38333299999999</c:v>
                </c:pt>
                <c:pt idx="7584">
                  <c:v>126.4</c:v>
                </c:pt>
                <c:pt idx="7585">
                  <c:v>126.41666699999999</c:v>
                </c:pt>
                <c:pt idx="7586">
                  <c:v>126.433333</c:v>
                </c:pt>
                <c:pt idx="7587">
                  <c:v>126.44999999999999</c:v>
                </c:pt>
                <c:pt idx="7588">
                  <c:v>126.466667</c:v>
                </c:pt>
                <c:pt idx="7589">
                  <c:v>126.48333299999999</c:v>
                </c:pt>
                <c:pt idx="7590">
                  <c:v>126.5</c:v>
                </c:pt>
                <c:pt idx="7591">
                  <c:v>126.51666699999998</c:v>
                </c:pt>
                <c:pt idx="7592">
                  <c:v>126.533333</c:v>
                </c:pt>
                <c:pt idx="7593">
                  <c:v>126.54999999999998</c:v>
                </c:pt>
                <c:pt idx="7594">
                  <c:v>126.566667</c:v>
                </c:pt>
                <c:pt idx="7595">
                  <c:v>126.58333299999998</c:v>
                </c:pt>
                <c:pt idx="7596">
                  <c:v>126.6</c:v>
                </c:pt>
                <c:pt idx="7597">
                  <c:v>126.61666700000001</c:v>
                </c:pt>
                <c:pt idx="7598">
                  <c:v>126.63333299999999</c:v>
                </c:pt>
                <c:pt idx="7599">
                  <c:v>126.65</c:v>
                </c:pt>
                <c:pt idx="7600">
                  <c:v>126.66666699999999</c:v>
                </c:pt>
                <c:pt idx="7601">
                  <c:v>126.683333</c:v>
                </c:pt>
                <c:pt idx="7602">
                  <c:v>126.69999999999999</c:v>
                </c:pt>
                <c:pt idx="7603">
                  <c:v>126.716667</c:v>
                </c:pt>
                <c:pt idx="7604">
                  <c:v>126.73333299999999</c:v>
                </c:pt>
                <c:pt idx="7605">
                  <c:v>126.75</c:v>
                </c:pt>
                <c:pt idx="7606">
                  <c:v>126.76666699999998</c:v>
                </c:pt>
                <c:pt idx="7607">
                  <c:v>126.783333</c:v>
                </c:pt>
                <c:pt idx="7608">
                  <c:v>126.79999999999998</c:v>
                </c:pt>
                <c:pt idx="7609">
                  <c:v>126.816667</c:v>
                </c:pt>
                <c:pt idx="7610">
                  <c:v>126.83333299999998</c:v>
                </c:pt>
                <c:pt idx="7611">
                  <c:v>126.85</c:v>
                </c:pt>
                <c:pt idx="7612">
                  <c:v>126.86666700000001</c:v>
                </c:pt>
                <c:pt idx="7613">
                  <c:v>126.88333299999999</c:v>
                </c:pt>
                <c:pt idx="7614">
                  <c:v>126.9</c:v>
                </c:pt>
                <c:pt idx="7615">
                  <c:v>126.91666699999999</c:v>
                </c:pt>
                <c:pt idx="7616">
                  <c:v>126.933333</c:v>
                </c:pt>
                <c:pt idx="7617">
                  <c:v>126.94999999999999</c:v>
                </c:pt>
                <c:pt idx="7618">
                  <c:v>126.966667</c:v>
                </c:pt>
                <c:pt idx="7619">
                  <c:v>126.98333299999999</c:v>
                </c:pt>
                <c:pt idx="7620">
                  <c:v>127</c:v>
                </c:pt>
                <c:pt idx="7621">
                  <c:v>127.01666699999998</c:v>
                </c:pt>
                <c:pt idx="7622">
                  <c:v>127.033333</c:v>
                </c:pt>
                <c:pt idx="7623">
                  <c:v>127.04999999999998</c:v>
                </c:pt>
                <c:pt idx="7624">
                  <c:v>127.066667</c:v>
                </c:pt>
                <c:pt idx="7625">
                  <c:v>127.08333299999998</c:v>
                </c:pt>
                <c:pt idx="7626">
                  <c:v>127.1</c:v>
                </c:pt>
                <c:pt idx="7627">
                  <c:v>127.11666700000001</c:v>
                </c:pt>
                <c:pt idx="7628">
                  <c:v>127.13333299999999</c:v>
                </c:pt>
                <c:pt idx="7629">
                  <c:v>127.15</c:v>
                </c:pt>
                <c:pt idx="7630">
                  <c:v>127.16666699999999</c:v>
                </c:pt>
                <c:pt idx="7631">
                  <c:v>127.183333</c:v>
                </c:pt>
                <c:pt idx="7632">
                  <c:v>127.19999999999999</c:v>
                </c:pt>
                <c:pt idx="7633">
                  <c:v>127.216667</c:v>
                </c:pt>
                <c:pt idx="7634">
                  <c:v>127.23333299999999</c:v>
                </c:pt>
                <c:pt idx="7635">
                  <c:v>127.25</c:v>
                </c:pt>
                <c:pt idx="7636">
                  <c:v>127.26666699999998</c:v>
                </c:pt>
                <c:pt idx="7637">
                  <c:v>127.283333</c:v>
                </c:pt>
                <c:pt idx="7638">
                  <c:v>127.29999999999998</c:v>
                </c:pt>
                <c:pt idx="7639">
                  <c:v>127.316667</c:v>
                </c:pt>
                <c:pt idx="7640">
                  <c:v>127.33333299999998</c:v>
                </c:pt>
                <c:pt idx="7641">
                  <c:v>127.35</c:v>
                </c:pt>
                <c:pt idx="7642">
                  <c:v>127.36666700000001</c:v>
                </c:pt>
                <c:pt idx="7643">
                  <c:v>127.38333299999999</c:v>
                </c:pt>
                <c:pt idx="7644">
                  <c:v>127.4</c:v>
                </c:pt>
                <c:pt idx="7645">
                  <c:v>127.41666699999999</c:v>
                </c:pt>
                <c:pt idx="7646">
                  <c:v>127.433333</c:v>
                </c:pt>
                <c:pt idx="7647">
                  <c:v>127.44999999999999</c:v>
                </c:pt>
                <c:pt idx="7648">
                  <c:v>127.466667</c:v>
                </c:pt>
                <c:pt idx="7649">
                  <c:v>127.48333299999999</c:v>
                </c:pt>
                <c:pt idx="7650">
                  <c:v>127.5</c:v>
                </c:pt>
                <c:pt idx="7651">
                  <c:v>127.51666699999998</c:v>
                </c:pt>
                <c:pt idx="7652">
                  <c:v>127.533333</c:v>
                </c:pt>
                <c:pt idx="7653">
                  <c:v>127.54999999999998</c:v>
                </c:pt>
                <c:pt idx="7654">
                  <c:v>127.566667</c:v>
                </c:pt>
                <c:pt idx="7655">
                  <c:v>127.58333299999998</c:v>
                </c:pt>
                <c:pt idx="7656">
                  <c:v>127.6</c:v>
                </c:pt>
                <c:pt idx="7657">
                  <c:v>127.61666700000001</c:v>
                </c:pt>
                <c:pt idx="7658">
                  <c:v>127.63333299999999</c:v>
                </c:pt>
                <c:pt idx="7659">
                  <c:v>127.65</c:v>
                </c:pt>
                <c:pt idx="7660">
                  <c:v>127.66666699999999</c:v>
                </c:pt>
                <c:pt idx="7661">
                  <c:v>127.683333</c:v>
                </c:pt>
                <c:pt idx="7662">
                  <c:v>127.69999999999999</c:v>
                </c:pt>
                <c:pt idx="7663">
                  <c:v>127.716667</c:v>
                </c:pt>
                <c:pt idx="7664">
                  <c:v>127.73333299999999</c:v>
                </c:pt>
                <c:pt idx="7665">
                  <c:v>127.75</c:v>
                </c:pt>
                <c:pt idx="7666">
                  <c:v>127.76666699999998</c:v>
                </c:pt>
                <c:pt idx="7667">
                  <c:v>127.783333</c:v>
                </c:pt>
                <c:pt idx="7668">
                  <c:v>127.79999999999998</c:v>
                </c:pt>
                <c:pt idx="7669">
                  <c:v>127.816667</c:v>
                </c:pt>
                <c:pt idx="7670">
                  <c:v>127.83333299999998</c:v>
                </c:pt>
                <c:pt idx="7671">
                  <c:v>127.85</c:v>
                </c:pt>
                <c:pt idx="7672">
                  <c:v>127.86666700000001</c:v>
                </c:pt>
                <c:pt idx="7673">
                  <c:v>127.88333299999999</c:v>
                </c:pt>
                <c:pt idx="7674">
                  <c:v>127.9</c:v>
                </c:pt>
                <c:pt idx="7675">
                  <c:v>127.91666699999999</c:v>
                </c:pt>
                <c:pt idx="7676">
                  <c:v>127.933333</c:v>
                </c:pt>
                <c:pt idx="7677">
                  <c:v>127.94999999999999</c:v>
                </c:pt>
                <c:pt idx="7678">
                  <c:v>127.966667</c:v>
                </c:pt>
                <c:pt idx="7679">
                  <c:v>127.98333299999999</c:v>
                </c:pt>
                <c:pt idx="7680">
                  <c:v>128</c:v>
                </c:pt>
                <c:pt idx="7681">
                  <c:v>128.01666699999998</c:v>
                </c:pt>
                <c:pt idx="7682">
                  <c:v>128.033333</c:v>
                </c:pt>
                <c:pt idx="7683">
                  <c:v>128.04999999999998</c:v>
                </c:pt>
                <c:pt idx="7684">
                  <c:v>128.066667</c:v>
                </c:pt>
                <c:pt idx="7685">
                  <c:v>128.08333299999998</c:v>
                </c:pt>
                <c:pt idx="7686">
                  <c:v>128.1</c:v>
                </c:pt>
                <c:pt idx="7687">
                  <c:v>128.11666700000001</c:v>
                </c:pt>
                <c:pt idx="7688">
                  <c:v>128.13333299999999</c:v>
                </c:pt>
                <c:pt idx="7689">
                  <c:v>128.15</c:v>
                </c:pt>
                <c:pt idx="7690">
                  <c:v>128.16666699999999</c:v>
                </c:pt>
                <c:pt idx="7691">
                  <c:v>128.183333</c:v>
                </c:pt>
                <c:pt idx="7692">
                  <c:v>128.19999999999999</c:v>
                </c:pt>
                <c:pt idx="7693">
                  <c:v>128.216667</c:v>
                </c:pt>
                <c:pt idx="7694">
                  <c:v>128.23333299999999</c:v>
                </c:pt>
                <c:pt idx="7695">
                  <c:v>128.25</c:v>
                </c:pt>
                <c:pt idx="7696">
                  <c:v>128.26666699999998</c:v>
                </c:pt>
                <c:pt idx="7697">
                  <c:v>128.283333</c:v>
                </c:pt>
                <c:pt idx="7698">
                  <c:v>128.29999999999998</c:v>
                </c:pt>
                <c:pt idx="7699">
                  <c:v>128.316667</c:v>
                </c:pt>
                <c:pt idx="7700">
                  <c:v>128.33333299999998</c:v>
                </c:pt>
                <c:pt idx="7701">
                  <c:v>128.35</c:v>
                </c:pt>
                <c:pt idx="7702">
                  <c:v>128.36666700000001</c:v>
                </c:pt>
                <c:pt idx="7703">
                  <c:v>128.38333299999999</c:v>
                </c:pt>
                <c:pt idx="7704">
                  <c:v>128.4</c:v>
                </c:pt>
                <c:pt idx="7705">
                  <c:v>128.41666699999999</c:v>
                </c:pt>
                <c:pt idx="7706">
                  <c:v>128.433333</c:v>
                </c:pt>
                <c:pt idx="7707">
                  <c:v>128.44999999999999</c:v>
                </c:pt>
                <c:pt idx="7708">
                  <c:v>128.466667</c:v>
                </c:pt>
                <c:pt idx="7709">
                  <c:v>128.48333299999999</c:v>
                </c:pt>
                <c:pt idx="7710">
                  <c:v>128.5</c:v>
                </c:pt>
                <c:pt idx="7711">
                  <c:v>128.51666699999998</c:v>
                </c:pt>
                <c:pt idx="7712">
                  <c:v>128.533333</c:v>
                </c:pt>
                <c:pt idx="7713">
                  <c:v>128.54999999999998</c:v>
                </c:pt>
                <c:pt idx="7714">
                  <c:v>128.566667</c:v>
                </c:pt>
                <c:pt idx="7715">
                  <c:v>128.58333299999998</c:v>
                </c:pt>
                <c:pt idx="7716">
                  <c:v>128.6</c:v>
                </c:pt>
                <c:pt idx="7717">
                  <c:v>128.61666700000001</c:v>
                </c:pt>
                <c:pt idx="7718">
                  <c:v>128.63333299999999</c:v>
                </c:pt>
                <c:pt idx="7719">
                  <c:v>128.65</c:v>
                </c:pt>
                <c:pt idx="7720">
                  <c:v>128.66666699999999</c:v>
                </c:pt>
                <c:pt idx="7721">
                  <c:v>128.683333</c:v>
                </c:pt>
                <c:pt idx="7722">
                  <c:v>128.69999999999999</c:v>
                </c:pt>
                <c:pt idx="7723">
                  <c:v>128.716667</c:v>
                </c:pt>
                <c:pt idx="7724">
                  <c:v>128.73333299999999</c:v>
                </c:pt>
                <c:pt idx="7725">
                  <c:v>128.75</c:v>
                </c:pt>
                <c:pt idx="7726">
                  <c:v>128.76666699999998</c:v>
                </c:pt>
                <c:pt idx="7727">
                  <c:v>128.783333</c:v>
                </c:pt>
                <c:pt idx="7728">
                  <c:v>128.79999999999998</c:v>
                </c:pt>
                <c:pt idx="7729">
                  <c:v>128.816667</c:v>
                </c:pt>
                <c:pt idx="7730">
                  <c:v>128.83333299999998</c:v>
                </c:pt>
                <c:pt idx="7731">
                  <c:v>128.85</c:v>
                </c:pt>
                <c:pt idx="7732">
                  <c:v>128.86666700000001</c:v>
                </c:pt>
                <c:pt idx="7733">
                  <c:v>128.88333299999999</c:v>
                </c:pt>
                <c:pt idx="7734">
                  <c:v>128.9</c:v>
                </c:pt>
                <c:pt idx="7735">
                  <c:v>128.91666699999999</c:v>
                </c:pt>
                <c:pt idx="7736">
                  <c:v>128.933333</c:v>
                </c:pt>
                <c:pt idx="7737">
                  <c:v>128.94999999999999</c:v>
                </c:pt>
                <c:pt idx="7738">
                  <c:v>128.966667</c:v>
                </c:pt>
                <c:pt idx="7739">
                  <c:v>128.98333299999999</c:v>
                </c:pt>
                <c:pt idx="7740">
                  <c:v>129</c:v>
                </c:pt>
                <c:pt idx="7741">
                  <c:v>129.01666699999998</c:v>
                </c:pt>
                <c:pt idx="7742">
                  <c:v>129.033333</c:v>
                </c:pt>
                <c:pt idx="7743">
                  <c:v>129.04999999999998</c:v>
                </c:pt>
                <c:pt idx="7744">
                  <c:v>129.066667</c:v>
                </c:pt>
                <c:pt idx="7745">
                  <c:v>129.08333299999998</c:v>
                </c:pt>
                <c:pt idx="7746">
                  <c:v>129.1</c:v>
                </c:pt>
                <c:pt idx="7747">
                  <c:v>129.11666700000001</c:v>
                </c:pt>
                <c:pt idx="7748">
                  <c:v>129.13333299999999</c:v>
                </c:pt>
                <c:pt idx="7749">
                  <c:v>129.15</c:v>
                </c:pt>
                <c:pt idx="7750">
                  <c:v>129.16666699999999</c:v>
                </c:pt>
                <c:pt idx="7751">
                  <c:v>129.183333</c:v>
                </c:pt>
                <c:pt idx="7752">
                  <c:v>129.19999999999999</c:v>
                </c:pt>
                <c:pt idx="7753">
                  <c:v>129.216667</c:v>
                </c:pt>
                <c:pt idx="7754">
                  <c:v>129.23333299999999</c:v>
                </c:pt>
                <c:pt idx="7755">
                  <c:v>129.25</c:v>
                </c:pt>
                <c:pt idx="7756">
                  <c:v>129.26666699999998</c:v>
                </c:pt>
                <c:pt idx="7757">
                  <c:v>129.283333</c:v>
                </c:pt>
                <c:pt idx="7758">
                  <c:v>129.29999999999998</c:v>
                </c:pt>
                <c:pt idx="7759">
                  <c:v>129.316667</c:v>
                </c:pt>
                <c:pt idx="7760">
                  <c:v>129.33333299999998</c:v>
                </c:pt>
                <c:pt idx="7761">
                  <c:v>129.35</c:v>
                </c:pt>
                <c:pt idx="7762">
                  <c:v>129.36666700000001</c:v>
                </c:pt>
                <c:pt idx="7763">
                  <c:v>129.38333299999999</c:v>
                </c:pt>
                <c:pt idx="7764">
                  <c:v>129.4</c:v>
                </c:pt>
                <c:pt idx="7765">
                  <c:v>129.41666699999999</c:v>
                </c:pt>
                <c:pt idx="7766">
                  <c:v>129.433333</c:v>
                </c:pt>
                <c:pt idx="7767">
                  <c:v>129.44999999999999</c:v>
                </c:pt>
                <c:pt idx="7768">
                  <c:v>129.466667</c:v>
                </c:pt>
                <c:pt idx="7769">
                  <c:v>129.48333299999999</c:v>
                </c:pt>
                <c:pt idx="7770">
                  <c:v>129.5</c:v>
                </c:pt>
                <c:pt idx="7771">
                  <c:v>129.51666699999998</c:v>
                </c:pt>
                <c:pt idx="7772">
                  <c:v>129.533333</c:v>
                </c:pt>
                <c:pt idx="7773">
                  <c:v>129.54999999999998</c:v>
                </c:pt>
                <c:pt idx="7774">
                  <c:v>129.566667</c:v>
                </c:pt>
                <c:pt idx="7775">
                  <c:v>129.58333299999998</c:v>
                </c:pt>
                <c:pt idx="7776">
                  <c:v>129.6</c:v>
                </c:pt>
                <c:pt idx="7777">
                  <c:v>129.61666700000001</c:v>
                </c:pt>
                <c:pt idx="7778">
                  <c:v>129.63333299999999</c:v>
                </c:pt>
                <c:pt idx="7779">
                  <c:v>129.65</c:v>
                </c:pt>
                <c:pt idx="7780">
                  <c:v>129.66666699999999</c:v>
                </c:pt>
                <c:pt idx="7781">
                  <c:v>129.683333</c:v>
                </c:pt>
                <c:pt idx="7782">
                  <c:v>129.69999999999999</c:v>
                </c:pt>
                <c:pt idx="7783">
                  <c:v>129.716667</c:v>
                </c:pt>
                <c:pt idx="7784">
                  <c:v>129.73333299999999</c:v>
                </c:pt>
                <c:pt idx="7785">
                  <c:v>129.75</c:v>
                </c:pt>
                <c:pt idx="7786">
                  <c:v>129.76666699999998</c:v>
                </c:pt>
                <c:pt idx="7787">
                  <c:v>129.783333</c:v>
                </c:pt>
                <c:pt idx="7788">
                  <c:v>129.79999999999998</c:v>
                </c:pt>
                <c:pt idx="7789">
                  <c:v>129.816667</c:v>
                </c:pt>
                <c:pt idx="7790">
                  <c:v>129.83333299999998</c:v>
                </c:pt>
                <c:pt idx="7791">
                  <c:v>129.85</c:v>
                </c:pt>
                <c:pt idx="7792">
                  <c:v>129.86666700000001</c:v>
                </c:pt>
                <c:pt idx="7793">
                  <c:v>129.88333299999999</c:v>
                </c:pt>
                <c:pt idx="7794">
                  <c:v>129.9</c:v>
                </c:pt>
                <c:pt idx="7795">
                  <c:v>129.91666699999999</c:v>
                </c:pt>
                <c:pt idx="7796">
                  <c:v>129.933333</c:v>
                </c:pt>
                <c:pt idx="7797">
                  <c:v>129.94999999999999</c:v>
                </c:pt>
                <c:pt idx="7798">
                  <c:v>129.966667</c:v>
                </c:pt>
                <c:pt idx="7799">
                  <c:v>129.98333299999999</c:v>
                </c:pt>
                <c:pt idx="7800">
                  <c:v>130</c:v>
                </c:pt>
                <c:pt idx="7801">
                  <c:v>130.01666699999998</c:v>
                </c:pt>
                <c:pt idx="7802">
                  <c:v>130.033333</c:v>
                </c:pt>
                <c:pt idx="7803">
                  <c:v>130.04999999999998</c:v>
                </c:pt>
                <c:pt idx="7804">
                  <c:v>130.066667</c:v>
                </c:pt>
                <c:pt idx="7805">
                  <c:v>130.08333299999998</c:v>
                </c:pt>
                <c:pt idx="7806">
                  <c:v>130.1</c:v>
                </c:pt>
                <c:pt idx="7807">
                  <c:v>130.11666700000001</c:v>
                </c:pt>
                <c:pt idx="7808">
                  <c:v>130.13333299999999</c:v>
                </c:pt>
                <c:pt idx="7809">
                  <c:v>130.15</c:v>
                </c:pt>
                <c:pt idx="7810">
                  <c:v>130.16666699999999</c:v>
                </c:pt>
                <c:pt idx="7811">
                  <c:v>130.183333</c:v>
                </c:pt>
                <c:pt idx="7812">
                  <c:v>130.19999999999999</c:v>
                </c:pt>
                <c:pt idx="7813">
                  <c:v>130.216667</c:v>
                </c:pt>
                <c:pt idx="7814">
                  <c:v>130.23333299999999</c:v>
                </c:pt>
                <c:pt idx="7815">
                  <c:v>130.25</c:v>
                </c:pt>
                <c:pt idx="7816">
                  <c:v>130.26666699999998</c:v>
                </c:pt>
                <c:pt idx="7817">
                  <c:v>130.283333</c:v>
                </c:pt>
                <c:pt idx="7818">
                  <c:v>130.29999999999998</c:v>
                </c:pt>
                <c:pt idx="7819">
                  <c:v>130.316667</c:v>
                </c:pt>
                <c:pt idx="7820">
                  <c:v>130.33333299999998</c:v>
                </c:pt>
                <c:pt idx="7821">
                  <c:v>130.35</c:v>
                </c:pt>
                <c:pt idx="7822">
                  <c:v>130.36666700000001</c:v>
                </c:pt>
                <c:pt idx="7823">
                  <c:v>130.38333299999999</c:v>
                </c:pt>
                <c:pt idx="7824">
                  <c:v>130.4</c:v>
                </c:pt>
                <c:pt idx="7825">
                  <c:v>130.41666699999999</c:v>
                </c:pt>
                <c:pt idx="7826">
                  <c:v>130.433333</c:v>
                </c:pt>
                <c:pt idx="7827">
                  <c:v>130.44999999999999</c:v>
                </c:pt>
                <c:pt idx="7828">
                  <c:v>130.466667</c:v>
                </c:pt>
                <c:pt idx="7829">
                  <c:v>130.48333299999999</c:v>
                </c:pt>
                <c:pt idx="7830">
                  <c:v>130.5</c:v>
                </c:pt>
                <c:pt idx="7831">
                  <c:v>130.51666699999998</c:v>
                </c:pt>
                <c:pt idx="7832">
                  <c:v>130.533333</c:v>
                </c:pt>
                <c:pt idx="7833">
                  <c:v>130.54999999999998</c:v>
                </c:pt>
                <c:pt idx="7834">
                  <c:v>130.566667</c:v>
                </c:pt>
                <c:pt idx="7835">
                  <c:v>130.58333299999998</c:v>
                </c:pt>
                <c:pt idx="7836">
                  <c:v>130.6</c:v>
                </c:pt>
                <c:pt idx="7837">
                  <c:v>130.61666700000001</c:v>
                </c:pt>
                <c:pt idx="7838">
                  <c:v>130.63333299999999</c:v>
                </c:pt>
                <c:pt idx="7839">
                  <c:v>130.65</c:v>
                </c:pt>
                <c:pt idx="7840">
                  <c:v>130.66666699999999</c:v>
                </c:pt>
                <c:pt idx="7841">
                  <c:v>130.683333</c:v>
                </c:pt>
                <c:pt idx="7842">
                  <c:v>130.69999999999999</c:v>
                </c:pt>
                <c:pt idx="7843">
                  <c:v>130.716667</c:v>
                </c:pt>
                <c:pt idx="7844">
                  <c:v>130.73333299999999</c:v>
                </c:pt>
                <c:pt idx="7845">
                  <c:v>130.75</c:v>
                </c:pt>
                <c:pt idx="7846">
                  <c:v>130.76666699999998</c:v>
                </c:pt>
                <c:pt idx="7847">
                  <c:v>130.783333</c:v>
                </c:pt>
                <c:pt idx="7848">
                  <c:v>130.79999999999998</c:v>
                </c:pt>
                <c:pt idx="7849">
                  <c:v>130.816667</c:v>
                </c:pt>
                <c:pt idx="7850">
                  <c:v>130.83333299999998</c:v>
                </c:pt>
                <c:pt idx="7851">
                  <c:v>130.85</c:v>
                </c:pt>
                <c:pt idx="7852">
                  <c:v>130.86666700000001</c:v>
                </c:pt>
                <c:pt idx="7853">
                  <c:v>130.88333299999999</c:v>
                </c:pt>
                <c:pt idx="7854">
                  <c:v>130.9</c:v>
                </c:pt>
                <c:pt idx="7855">
                  <c:v>130.91666699999999</c:v>
                </c:pt>
                <c:pt idx="7856">
                  <c:v>130.933333</c:v>
                </c:pt>
                <c:pt idx="7857">
                  <c:v>130.94999999999999</c:v>
                </c:pt>
                <c:pt idx="7858">
                  <c:v>130.966667</c:v>
                </c:pt>
                <c:pt idx="7859">
                  <c:v>130.98333299999999</c:v>
                </c:pt>
                <c:pt idx="7860">
                  <c:v>131</c:v>
                </c:pt>
                <c:pt idx="7861">
                  <c:v>131.01666699999998</c:v>
                </c:pt>
                <c:pt idx="7862">
                  <c:v>131.033333</c:v>
                </c:pt>
                <c:pt idx="7863">
                  <c:v>131.04999999999998</c:v>
                </c:pt>
                <c:pt idx="7864">
                  <c:v>131.066667</c:v>
                </c:pt>
                <c:pt idx="7865">
                  <c:v>131.08333299999998</c:v>
                </c:pt>
                <c:pt idx="7866">
                  <c:v>131.1</c:v>
                </c:pt>
                <c:pt idx="7867">
                  <c:v>131.11666700000001</c:v>
                </c:pt>
                <c:pt idx="7868">
                  <c:v>131.13333299999999</c:v>
                </c:pt>
                <c:pt idx="7869">
                  <c:v>131.15</c:v>
                </c:pt>
                <c:pt idx="7870">
                  <c:v>131.16666699999999</c:v>
                </c:pt>
                <c:pt idx="7871">
                  <c:v>131.183333</c:v>
                </c:pt>
                <c:pt idx="7872">
                  <c:v>131.19999999999999</c:v>
                </c:pt>
                <c:pt idx="7873">
                  <c:v>131.216667</c:v>
                </c:pt>
                <c:pt idx="7874">
                  <c:v>131.23333299999999</c:v>
                </c:pt>
                <c:pt idx="7875">
                  <c:v>131.25</c:v>
                </c:pt>
                <c:pt idx="7876">
                  <c:v>131.26666699999998</c:v>
                </c:pt>
                <c:pt idx="7877">
                  <c:v>131.283333</c:v>
                </c:pt>
                <c:pt idx="7878">
                  <c:v>131.29999999999998</c:v>
                </c:pt>
                <c:pt idx="7879">
                  <c:v>131.316667</c:v>
                </c:pt>
                <c:pt idx="7880">
                  <c:v>131.33333299999998</c:v>
                </c:pt>
                <c:pt idx="7881">
                  <c:v>131.35</c:v>
                </c:pt>
                <c:pt idx="7882">
                  <c:v>131.36666700000001</c:v>
                </c:pt>
                <c:pt idx="7883">
                  <c:v>131.38333299999999</c:v>
                </c:pt>
                <c:pt idx="7884">
                  <c:v>131.4</c:v>
                </c:pt>
                <c:pt idx="7885">
                  <c:v>131.41666699999999</c:v>
                </c:pt>
                <c:pt idx="7886">
                  <c:v>131.433333</c:v>
                </c:pt>
                <c:pt idx="7887">
                  <c:v>131.44999999999999</c:v>
                </c:pt>
                <c:pt idx="7888">
                  <c:v>131.466667</c:v>
                </c:pt>
                <c:pt idx="7889">
                  <c:v>131.48333299999999</c:v>
                </c:pt>
                <c:pt idx="7890">
                  <c:v>131.5</c:v>
                </c:pt>
                <c:pt idx="7891">
                  <c:v>131.51666699999998</c:v>
                </c:pt>
                <c:pt idx="7892">
                  <c:v>131.533333</c:v>
                </c:pt>
                <c:pt idx="7893">
                  <c:v>131.54999999999998</c:v>
                </c:pt>
                <c:pt idx="7894">
                  <c:v>131.566667</c:v>
                </c:pt>
                <c:pt idx="7895">
                  <c:v>131.58333299999998</c:v>
                </c:pt>
                <c:pt idx="7896">
                  <c:v>131.6</c:v>
                </c:pt>
                <c:pt idx="7897">
                  <c:v>131.61666700000001</c:v>
                </c:pt>
                <c:pt idx="7898">
                  <c:v>131.63333299999999</c:v>
                </c:pt>
                <c:pt idx="7899">
                  <c:v>131.65</c:v>
                </c:pt>
                <c:pt idx="7900">
                  <c:v>131.66666699999999</c:v>
                </c:pt>
                <c:pt idx="7901">
                  <c:v>131.683333</c:v>
                </c:pt>
                <c:pt idx="7902">
                  <c:v>131.69999999999999</c:v>
                </c:pt>
                <c:pt idx="7903">
                  <c:v>131.716667</c:v>
                </c:pt>
                <c:pt idx="7904">
                  <c:v>131.73333299999999</c:v>
                </c:pt>
                <c:pt idx="7905">
                  <c:v>131.75</c:v>
                </c:pt>
                <c:pt idx="7906">
                  <c:v>131.76666699999998</c:v>
                </c:pt>
                <c:pt idx="7907">
                  <c:v>131.783333</c:v>
                </c:pt>
                <c:pt idx="7908">
                  <c:v>131.79999999999998</c:v>
                </c:pt>
                <c:pt idx="7909">
                  <c:v>131.816667</c:v>
                </c:pt>
                <c:pt idx="7910">
                  <c:v>131.83333299999998</c:v>
                </c:pt>
                <c:pt idx="7911">
                  <c:v>131.85</c:v>
                </c:pt>
                <c:pt idx="7912">
                  <c:v>131.86666700000001</c:v>
                </c:pt>
                <c:pt idx="7913">
                  <c:v>131.88333299999999</c:v>
                </c:pt>
                <c:pt idx="7914">
                  <c:v>131.9</c:v>
                </c:pt>
                <c:pt idx="7915">
                  <c:v>131.91666699999999</c:v>
                </c:pt>
                <c:pt idx="7916">
                  <c:v>131.933333</c:v>
                </c:pt>
                <c:pt idx="7917">
                  <c:v>131.94999999999999</c:v>
                </c:pt>
                <c:pt idx="7918">
                  <c:v>131.966667</c:v>
                </c:pt>
                <c:pt idx="7919">
                  <c:v>131.98333299999999</c:v>
                </c:pt>
                <c:pt idx="7920">
                  <c:v>132</c:v>
                </c:pt>
                <c:pt idx="7921">
                  <c:v>132.01666699999998</c:v>
                </c:pt>
                <c:pt idx="7922">
                  <c:v>132.033333</c:v>
                </c:pt>
                <c:pt idx="7923">
                  <c:v>132.04999999999998</c:v>
                </c:pt>
                <c:pt idx="7924">
                  <c:v>132.066667</c:v>
                </c:pt>
                <c:pt idx="7925">
                  <c:v>132.08333299999998</c:v>
                </c:pt>
                <c:pt idx="7926">
                  <c:v>132.1</c:v>
                </c:pt>
                <c:pt idx="7927">
                  <c:v>132.11666700000001</c:v>
                </c:pt>
                <c:pt idx="7928">
                  <c:v>132.13333299999999</c:v>
                </c:pt>
                <c:pt idx="7929">
                  <c:v>132.15</c:v>
                </c:pt>
                <c:pt idx="7930">
                  <c:v>132.16666699999999</c:v>
                </c:pt>
                <c:pt idx="7931">
                  <c:v>132.183333</c:v>
                </c:pt>
                <c:pt idx="7932">
                  <c:v>132.19999999999999</c:v>
                </c:pt>
                <c:pt idx="7933">
                  <c:v>132.216667</c:v>
                </c:pt>
                <c:pt idx="7934">
                  <c:v>132.23333299999999</c:v>
                </c:pt>
                <c:pt idx="7935">
                  <c:v>132.25</c:v>
                </c:pt>
                <c:pt idx="7936">
                  <c:v>132.26666699999998</c:v>
                </c:pt>
                <c:pt idx="7937">
                  <c:v>132.283333</c:v>
                </c:pt>
                <c:pt idx="7938">
                  <c:v>132.29999999999998</c:v>
                </c:pt>
                <c:pt idx="7939">
                  <c:v>132.316667</c:v>
                </c:pt>
                <c:pt idx="7940">
                  <c:v>132.33333299999998</c:v>
                </c:pt>
                <c:pt idx="7941">
                  <c:v>132.35</c:v>
                </c:pt>
                <c:pt idx="7942">
                  <c:v>132.36666700000001</c:v>
                </c:pt>
                <c:pt idx="7943">
                  <c:v>132.38333299999999</c:v>
                </c:pt>
                <c:pt idx="7944">
                  <c:v>132.4</c:v>
                </c:pt>
                <c:pt idx="7945">
                  <c:v>132.41666699999999</c:v>
                </c:pt>
                <c:pt idx="7946">
                  <c:v>132.433333</c:v>
                </c:pt>
                <c:pt idx="7947">
                  <c:v>132.44999999999999</c:v>
                </c:pt>
                <c:pt idx="7948">
                  <c:v>132.466667</c:v>
                </c:pt>
                <c:pt idx="7949">
                  <c:v>132.48333299999999</c:v>
                </c:pt>
                <c:pt idx="7950">
                  <c:v>132.5</c:v>
                </c:pt>
                <c:pt idx="7951">
                  <c:v>132.51666699999998</c:v>
                </c:pt>
                <c:pt idx="7952">
                  <c:v>132.533333</c:v>
                </c:pt>
                <c:pt idx="7953">
                  <c:v>132.54999999999998</c:v>
                </c:pt>
                <c:pt idx="7954">
                  <c:v>132.566667</c:v>
                </c:pt>
                <c:pt idx="7955">
                  <c:v>132.58333299999998</c:v>
                </c:pt>
                <c:pt idx="7956">
                  <c:v>132.6</c:v>
                </c:pt>
                <c:pt idx="7957">
                  <c:v>132.61666700000001</c:v>
                </c:pt>
                <c:pt idx="7958">
                  <c:v>132.63333299999999</c:v>
                </c:pt>
                <c:pt idx="7959">
                  <c:v>132.65</c:v>
                </c:pt>
                <c:pt idx="7960">
                  <c:v>132.66666699999999</c:v>
                </c:pt>
                <c:pt idx="7961">
                  <c:v>132.683333</c:v>
                </c:pt>
                <c:pt idx="7962">
                  <c:v>132.69999999999999</c:v>
                </c:pt>
                <c:pt idx="7963">
                  <c:v>132.716667</c:v>
                </c:pt>
                <c:pt idx="7964">
                  <c:v>132.73333299999999</c:v>
                </c:pt>
                <c:pt idx="7965">
                  <c:v>132.75</c:v>
                </c:pt>
                <c:pt idx="7966">
                  <c:v>132.76666699999998</c:v>
                </c:pt>
                <c:pt idx="7967">
                  <c:v>132.783333</c:v>
                </c:pt>
                <c:pt idx="7968">
                  <c:v>132.79999999999998</c:v>
                </c:pt>
                <c:pt idx="7969">
                  <c:v>132.816667</c:v>
                </c:pt>
                <c:pt idx="7970">
                  <c:v>132.83333299999998</c:v>
                </c:pt>
                <c:pt idx="7971">
                  <c:v>132.85</c:v>
                </c:pt>
                <c:pt idx="7972">
                  <c:v>132.86666700000001</c:v>
                </c:pt>
                <c:pt idx="7973">
                  <c:v>132.88333299999999</c:v>
                </c:pt>
                <c:pt idx="7974">
                  <c:v>132.9</c:v>
                </c:pt>
                <c:pt idx="7975">
                  <c:v>132.91666699999999</c:v>
                </c:pt>
                <c:pt idx="7976">
                  <c:v>132.933333</c:v>
                </c:pt>
                <c:pt idx="7977">
                  <c:v>132.94999999999999</c:v>
                </c:pt>
                <c:pt idx="7978">
                  <c:v>132.966667</c:v>
                </c:pt>
                <c:pt idx="7979">
                  <c:v>132.98333299999999</c:v>
                </c:pt>
                <c:pt idx="7980">
                  <c:v>133</c:v>
                </c:pt>
                <c:pt idx="7981">
                  <c:v>133.01666699999998</c:v>
                </c:pt>
                <c:pt idx="7982">
                  <c:v>133.033333</c:v>
                </c:pt>
                <c:pt idx="7983">
                  <c:v>133.04999999999998</c:v>
                </c:pt>
                <c:pt idx="7984">
                  <c:v>133.066667</c:v>
                </c:pt>
                <c:pt idx="7985">
                  <c:v>133.08333299999998</c:v>
                </c:pt>
                <c:pt idx="7986">
                  <c:v>133.1</c:v>
                </c:pt>
                <c:pt idx="7987">
                  <c:v>133.11666700000001</c:v>
                </c:pt>
                <c:pt idx="7988">
                  <c:v>133.13333299999999</c:v>
                </c:pt>
                <c:pt idx="7989">
                  <c:v>133.15</c:v>
                </c:pt>
                <c:pt idx="7990">
                  <c:v>133.16666699999999</c:v>
                </c:pt>
                <c:pt idx="7991">
                  <c:v>133.183333</c:v>
                </c:pt>
                <c:pt idx="7992">
                  <c:v>133.19999999999999</c:v>
                </c:pt>
                <c:pt idx="7993">
                  <c:v>133.216667</c:v>
                </c:pt>
                <c:pt idx="7994">
                  <c:v>133.23333299999999</c:v>
                </c:pt>
                <c:pt idx="7995">
                  <c:v>133.25</c:v>
                </c:pt>
                <c:pt idx="7996">
                  <c:v>133.26666699999998</c:v>
                </c:pt>
                <c:pt idx="7997">
                  <c:v>133.283333</c:v>
                </c:pt>
                <c:pt idx="7998">
                  <c:v>133.29999999999998</c:v>
                </c:pt>
                <c:pt idx="7999">
                  <c:v>133.316667</c:v>
                </c:pt>
                <c:pt idx="8000">
                  <c:v>133.33333299999998</c:v>
                </c:pt>
                <c:pt idx="8001">
                  <c:v>133.35</c:v>
                </c:pt>
                <c:pt idx="8002">
                  <c:v>133.36666700000001</c:v>
                </c:pt>
                <c:pt idx="8003">
                  <c:v>133.38333299999999</c:v>
                </c:pt>
                <c:pt idx="8004">
                  <c:v>133.4</c:v>
                </c:pt>
                <c:pt idx="8005">
                  <c:v>133.41666699999999</c:v>
                </c:pt>
                <c:pt idx="8006">
                  <c:v>133.433333</c:v>
                </c:pt>
                <c:pt idx="8007">
                  <c:v>133.44999999999999</c:v>
                </c:pt>
                <c:pt idx="8008">
                  <c:v>133.466667</c:v>
                </c:pt>
                <c:pt idx="8009">
                  <c:v>133.48333299999999</c:v>
                </c:pt>
                <c:pt idx="8010">
                  <c:v>133.5</c:v>
                </c:pt>
                <c:pt idx="8011">
                  <c:v>133.51666699999998</c:v>
                </c:pt>
                <c:pt idx="8012">
                  <c:v>133.533333</c:v>
                </c:pt>
                <c:pt idx="8013">
                  <c:v>133.54999999999998</c:v>
                </c:pt>
                <c:pt idx="8014">
                  <c:v>133.566667</c:v>
                </c:pt>
                <c:pt idx="8015">
                  <c:v>133.58333299999998</c:v>
                </c:pt>
                <c:pt idx="8016">
                  <c:v>133.6</c:v>
                </c:pt>
                <c:pt idx="8017">
                  <c:v>133.61666700000001</c:v>
                </c:pt>
                <c:pt idx="8018">
                  <c:v>133.63333299999999</c:v>
                </c:pt>
                <c:pt idx="8019">
                  <c:v>133.65</c:v>
                </c:pt>
                <c:pt idx="8020">
                  <c:v>133.66666699999999</c:v>
                </c:pt>
                <c:pt idx="8021">
                  <c:v>133.683333</c:v>
                </c:pt>
                <c:pt idx="8022">
                  <c:v>133.69999999999999</c:v>
                </c:pt>
                <c:pt idx="8023">
                  <c:v>133.716667</c:v>
                </c:pt>
                <c:pt idx="8024">
                  <c:v>133.73333299999999</c:v>
                </c:pt>
                <c:pt idx="8025">
                  <c:v>133.75</c:v>
                </c:pt>
                <c:pt idx="8026">
                  <c:v>133.76666699999998</c:v>
                </c:pt>
                <c:pt idx="8027">
                  <c:v>133.783333</c:v>
                </c:pt>
                <c:pt idx="8028">
                  <c:v>133.79999999999998</c:v>
                </c:pt>
                <c:pt idx="8029">
                  <c:v>133.816667</c:v>
                </c:pt>
                <c:pt idx="8030">
                  <c:v>133.83333299999998</c:v>
                </c:pt>
                <c:pt idx="8031">
                  <c:v>133.85</c:v>
                </c:pt>
                <c:pt idx="8032">
                  <c:v>133.86666700000001</c:v>
                </c:pt>
                <c:pt idx="8033">
                  <c:v>133.88333299999999</c:v>
                </c:pt>
                <c:pt idx="8034">
                  <c:v>133.9</c:v>
                </c:pt>
                <c:pt idx="8035">
                  <c:v>133.91666699999999</c:v>
                </c:pt>
                <c:pt idx="8036">
                  <c:v>133.933333</c:v>
                </c:pt>
                <c:pt idx="8037">
                  <c:v>133.94999999999999</c:v>
                </c:pt>
                <c:pt idx="8038">
                  <c:v>133.966667</c:v>
                </c:pt>
                <c:pt idx="8039">
                  <c:v>133.98333299999999</c:v>
                </c:pt>
                <c:pt idx="8040">
                  <c:v>134</c:v>
                </c:pt>
                <c:pt idx="8041">
                  <c:v>134.01666699999998</c:v>
                </c:pt>
                <c:pt idx="8042">
                  <c:v>134.033333</c:v>
                </c:pt>
                <c:pt idx="8043">
                  <c:v>134.04999999999998</c:v>
                </c:pt>
                <c:pt idx="8044">
                  <c:v>134.066667</c:v>
                </c:pt>
                <c:pt idx="8045">
                  <c:v>134.08333299999998</c:v>
                </c:pt>
                <c:pt idx="8046">
                  <c:v>134.1</c:v>
                </c:pt>
                <c:pt idx="8047">
                  <c:v>134.11666700000001</c:v>
                </c:pt>
                <c:pt idx="8048">
                  <c:v>134.13333299999999</c:v>
                </c:pt>
                <c:pt idx="8049">
                  <c:v>134.15</c:v>
                </c:pt>
                <c:pt idx="8050">
                  <c:v>134.16666699999999</c:v>
                </c:pt>
                <c:pt idx="8051">
                  <c:v>134.183333</c:v>
                </c:pt>
                <c:pt idx="8052">
                  <c:v>134.19999999999999</c:v>
                </c:pt>
                <c:pt idx="8053">
                  <c:v>134.216667</c:v>
                </c:pt>
                <c:pt idx="8054">
                  <c:v>134.23333299999999</c:v>
                </c:pt>
                <c:pt idx="8055">
                  <c:v>134.25</c:v>
                </c:pt>
                <c:pt idx="8056">
                  <c:v>134.26666699999998</c:v>
                </c:pt>
                <c:pt idx="8057">
                  <c:v>134.283333</c:v>
                </c:pt>
                <c:pt idx="8058">
                  <c:v>134.29999999999998</c:v>
                </c:pt>
                <c:pt idx="8059">
                  <c:v>134.316667</c:v>
                </c:pt>
                <c:pt idx="8060">
                  <c:v>134.33333299999998</c:v>
                </c:pt>
                <c:pt idx="8061">
                  <c:v>134.35</c:v>
                </c:pt>
                <c:pt idx="8062">
                  <c:v>134.36666700000001</c:v>
                </c:pt>
                <c:pt idx="8063">
                  <c:v>134.38333299999999</c:v>
                </c:pt>
                <c:pt idx="8064">
                  <c:v>134.4</c:v>
                </c:pt>
                <c:pt idx="8065">
                  <c:v>134.41666699999999</c:v>
                </c:pt>
                <c:pt idx="8066">
                  <c:v>134.433333</c:v>
                </c:pt>
                <c:pt idx="8067">
                  <c:v>134.44999999999999</c:v>
                </c:pt>
                <c:pt idx="8068">
                  <c:v>134.466667</c:v>
                </c:pt>
                <c:pt idx="8069">
                  <c:v>134.48333299999999</c:v>
                </c:pt>
                <c:pt idx="8070">
                  <c:v>134.5</c:v>
                </c:pt>
                <c:pt idx="8071">
                  <c:v>134.51666699999998</c:v>
                </c:pt>
                <c:pt idx="8072">
                  <c:v>134.533333</c:v>
                </c:pt>
                <c:pt idx="8073">
                  <c:v>134.54999999999998</c:v>
                </c:pt>
                <c:pt idx="8074">
                  <c:v>134.566667</c:v>
                </c:pt>
                <c:pt idx="8075">
                  <c:v>134.58333299999998</c:v>
                </c:pt>
                <c:pt idx="8076">
                  <c:v>134.6</c:v>
                </c:pt>
                <c:pt idx="8077">
                  <c:v>134.61666700000001</c:v>
                </c:pt>
                <c:pt idx="8078">
                  <c:v>134.63333299999999</c:v>
                </c:pt>
                <c:pt idx="8079">
                  <c:v>134.65</c:v>
                </c:pt>
                <c:pt idx="8080">
                  <c:v>134.66666699999999</c:v>
                </c:pt>
                <c:pt idx="8081">
                  <c:v>134.683333</c:v>
                </c:pt>
                <c:pt idx="8082">
                  <c:v>134.69999999999999</c:v>
                </c:pt>
                <c:pt idx="8083">
                  <c:v>134.716667</c:v>
                </c:pt>
                <c:pt idx="8084">
                  <c:v>134.73333299999999</c:v>
                </c:pt>
                <c:pt idx="8085">
                  <c:v>134.75</c:v>
                </c:pt>
                <c:pt idx="8086">
                  <c:v>134.76666699999998</c:v>
                </c:pt>
                <c:pt idx="8087">
                  <c:v>134.783333</c:v>
                </c:pt>
                <c:pt idx="8088">
                  <c:v>134.79999999999998</c:v>
                </c:pt>
                <c:pt idx="8089">
                  <c:v>134.816667</c:v>
                </c:pt>
                <c:pt idx="8090">
                  <c:v>134.83333299999998</c:v>
                </c:pt>
                <c:pt idx="8091">
                  <c:v>134.85</c:v>
                </c:pt>
                <c:pt idx="8092">
                  <c:v>134.86666700000001</c:v>
                </c:pt>
                <c:pt idx="8093">
                  <c:v>134.88333299999999</c:v>
                </c:pt>
                <c:pt idx="8094">
                  <c:v>134.9</c:v>
                </c:pt>
                <c:pt idx="8095">
                  <c:v>134.91666699999999</c:v>
                </c:pt>
                <c:pt idx="8096">
                  <c:v>134.933333</c:v>
                </c:pt>
                <c:pt idx="8097">
                  <c:v>134.94999999999999</c:v>
                </c:pt>
                <c:pt idx="8098">
                  <c:v>134.966667</c:v>
                </c:pt>
                <c:pt idx="8099">
                  <c:v>134.98333299999999</c:v>
                </c:pt>
                <c:pt idx="8100">
                  <c:v>135</c:v>
                </c:pt>
                <c:pt idx="8101">
                  <c:v>135.01666699999998</c:v>
                </c:pt>
                <c:pt idx="8102">
                  <c:v>135.033333</c:v>
                </c:pt>
                <c:pt idx="8103">
                  <c:v>135.04999999999998</c:v>
                </c:pt>
                <c:pt idx="8104">
                  <c:v>135.066667</c:v>
                </c:pt>
                <c:pt idx="8105">
                  <c:v>135.08333299999998</c:v>
                </c:pt>
                <c:pt idx="8106">
                  <c:v>135.1</c:v>
                </c:pt>
                <c:pt idx="8107">
                  <c:v>135.11666700000001</c:v>
                </c:pt>
                <c:pt idx="8108">
                  <c:v>135.13333299999999</c:v>
                </c:pt>
                <c:pt idx="8109">
                  <c:v>135.15</c:v>
                </c:pt>
                <c:pt idx="8110">
                  <c:v>135.16666699999999</c:v>
                </c:pt>
                <c:pt idx="8111">
                  <c:v>135.183333</c:v>
                </c:pt>
                <c:pt idx="8112">
                  <c:v>135.19999999999999</c:v>
                </c:pt>
                <c:pt idx="8113">
                  <c:v>135.216667</c:v>
                </c:pt>
                <c:pt idx="8114">
                  <c:v>135.23333299999999</c:v>
                </c:pt>
                <c:pt idx="8115">
                  <c:v>135.25</c:v>
                </c:pt>
                <c:pt idx="8116">
                  <c:v>135.26666699999998</c:v>
                </c:pt>
                <c:pt idx="8117">
                  <c:v>135.283333</c:v>
                </c:pt>
                <c:pt idx="8118">
                  <c:v>135.29999999999998</c:v>
                </c:pt>
                <c:pt idx="8119">
                  <c:v>135.316667</c:v>
                </c:pt>
                <c:pt idx="8120">
                  <c:v>135.33333299999998</c:v>
                </c:pt>
                <c:pt idx="8121">
                  <c:v>135.35</c:v>
                </c:pt>
                <c:pt idx="8122">
                  <c:v>135.36666700000001</c:v>
                </c:pt>
                <c:pt idx="8123">
                  <c:v>135.38333299999999</c:v>
                </c:pt>
                <c:pt idx="8124">
                  <c:v>135.4</c:v>
                </c:pt>
                <c:pt idx="8125">
                  <c:v>135.41666699999999</c:v>
                </c:pt>
                <c:pt idx="8126">
                  <c:v>135.433333</c:v>
                </c:pt>
                <c:pt idx="8127">
                  <c:v>135.44999999999999</c:v>
                </c:pt>
                <c:pt idx="8128">
                  <c:v>135.466667</c:v>
                </c:pt>
                <c:pt idx="8129">
                  <c:v>135.48333299999999</c:v>
                </c:pt>
                <c:pt idx="8130">
                  <c:v>135.5</c:v>
                </c:pt>
                <c:pt idx="8131">
                  <c:v>135.51666699999998</c:v>
                </c:pt>
                <c:pt idx="8132">
                  <c:v>135.533333</c:v>
                </c:pt>
                <c:pt idx="8133">
                  <c:v>135.54999999999998</c:v>
                </c:pt>
                <c:pt idx="8134">
                  <c:v>135.566667</c:v>
                </c:pt>
                <c:pt idx="8135">
                  <c:v>135.58333299999998</c:v>
                </c:pt>
                <c:pt idx="8136">
                  <c:v>135.6</c:v>
                </c:pt>
                <c:pt idx="8137">
                  <c:v>135.61666700000001</c:v>
                </c:pt>
                <c:pt idx="8138">
                  <c:v>135.63333299999999</c:v>
                </c:pt>
                <c:pt idx="8139">
                  <c:v>135.65</c:v>
                </c:pt>
                <c:pt idx="8140">
                  <c:v>135.66666699999999</c:v>
                </c:pt>
                <c:pt idx="8141">
                  <c:v>135.683333</c:v>
                </c:pt>
                <c:pt idx="8142">
                  <c:v>135.69999999999999</c:v>
                </c:pt>
                <c:pt idx="8143">
                  <c:v>135.716667</c:v>
                </c:pt>
                <c:pt idx="8144">
                  <c:v>135.73333299999999</c:v>
                </c:pt>
                <c:pt idx="8145">
                  <c:v>135.75</c:v>
                </c:pt>
                <c:pt idx="8146">
                  <c:v>135.76666699999998</c:v>
                </c:pt>
                <c:pt idx="8147">
                  <c:v>135.783333</c:v>
                </c:pt>
                <c:pt idx="8148">
                  <c:v>135.79999999999998</c:v>
                </c:pt>
                <c:pt idx="8149">
                  <c:v>135.816667</c:v>
                </c:pt>
                <c:pt idx="8150">
                  <c:v>135.83333299999998</c:v>
                </c:pt>
                <c:pt idx="8151">
                  <c:v>135.85</c:v>
                </c:pt>
                <c:pt idx="8152">
                  <c:v>135.86666700000001</c:v>
                </c:pt>
                <c:pt idx="8153">
                  <c:v>135.88333299999999</c:v>
                </c:pt>
                <c:pt idx="8154">
                  <c:v>135.9</c:v>
                </c:pt>
                <c:pt idx="8155">
                  <c:v>135.91666699999999</c:v>
                </c:pt>
                <c:pt idx="8156">
                  <c:v>135.933333</c:v>
                </c:pt>
                <c:pt idx="8157">
                  <c:v>135.94999999999999</c:v>
                </c:pt>
                <c:pt idx="8158">
                  <c:v>135.966667</c:v>
                </c:pt>
                <c:pt idx="8159">
                  <c:v>135.98333299999999</c:v>
                </c:pt>
                <c:pt idx="8160">
                  <c:v>136</c:v>
                </c:pt>
                <c:pt idx="8161">
                  <c:v>136.01666699999998</c:v>
                </c:pt>
                <c:pt idx="8162">
                  <c:v>136.033333</c:v>
                </c:pt>
                <c:pt idx="8163">
                  <c:v>136.04999999999998</c:v>
                </c:pt>
                <c:pt idx="8164">
                  <c:v>136.066667</c:v>
                </c:pt>
                <c:pt idx="8165">
                  <c:v>136.08333299999998</c:v>
                </c:pt>
                <c:pt idx="8166">
                  <c:v>136.1</c:v>
                </c:pt>
                <c:pt idx="8167">
                  <c:v>136.11666700000001</c:v>
                </c:pt>
                <c:pt idx="8168">
                  <c:v>136.13333299999999</c:v>
                </c:pt>
                <c:pt idx="8169">
                  <c:v>136.15</c:v>
                </c:pt>
                <c:pt idx="8170">
                  <c:v>136.16666699999999</c:v>
                </c:pt>
                <c:pt idx="8171">
                  <c:v>136.183333</c:v>
                </c:pt>
                <c:pt idx="8172">
                  <c:v>136.19999999999999</c:v>
                </c:pt>
                <c:pt idx="8173">
                  <c:v>136.216667</c:v>
                </c:pt>
                <c:pt idx="8174">
                  <c:v>136.23333299999999</c:v>
                </c:pt>
                <c:pt idx="8175">
                  <c:v>136.25</c:v>
                </c:pt>
                <c:pt idx="8176">
                  <c:v>136.26666699999998</c:v>
                </c:pt>
                <c:pt idx="8177">
                  <c:v>136.283333</c:v>
                </c:pt>
                <c:pt idx="8178">
                  <c:v>136.29999999999998</c:v>
                </c:pt>
                <c:pt idx="8179">
                  <c:v>136.316667</c:v>
                </c:pt>
                <c:pt idx="8180">
                  <c:v>136.33333299999998</c:v>
                </c:pt>
                <c:pt idx="8181">
                  <c:v>136.35</c:v>
                </c:pt>
                <c:pt idx="8182">
                  <c:v>136.36666700000001</c:v>
                </c:pt>
                <c:pt idx="8183">
                  <c:v>136.38333299999999</c:v>
                </c:pt>
                <c:pt idx="8184">
                  <c:v>136.4</c:v>
                </c:pt>
                <c:pt idx="8185">
                  <c:v>136.41666699999999</c:v>
                </c:pt>
                <c:pt idx="8186">
                  <c:v>136.433333</c:v>
                </c:pt>
                <c:pt idx="8187">
                  <c:v>136.44999999999999</c:v>
                </c:pt>
                <c:pt idx="8188">
                  <c:v>136.466667</c:v>
                </c:pt>
                <c:pt idx="8189">
                  <c:v>136.48333299999999</c:v>
                </c:pt>
                <c:pt idx="8190">
                  <c:v>136.5</c:v>
                </c:pt>
                <c:pt idx="8191">
                  <c:v>136.51666699999998</c:v>
                </c:pt>
                <c:pt idx="8192">
                  <c:v>136.533333</c:v>
                </c:pt>
                <c:pt idx="8193">
                  <c:v>136.54999999999998</c:v>
                </c:pt>
                <c:pt idx="8194">
                  <c:v>136.566667</c:v>
                </c:pt>
                <c:pt idx="8195">
                  <c:v>136.58333299999998</c:v>
                </c:pt>
                <c:pt idx="8196">
                  <c:v>136.6</c:v>
                </c:pt>
                <c:pt idx="8197">
                  <c:v>136.61666700000001</c:v>
                </c:pt>
                <c:pt idx="8198">
                  <c:v>136.63333299999999</c:v>
                </c:pt>
                <c:pt idx="8199">
                  <c:v>136.65</c:v>
                </c:pt>
                <c:pt idx="8200">
                  <c:v>136.66666699999999</c:v>
                </c:pt>
                <c:pt idx="8201">
                  <c:v>136.683333</c:v>
                </c:pt>
                <c:pt idx="8202">
                  <c:v>136.69999999999999</c:v>
                </c:pt>
                <c:pt idx="8203">
                  <c:v>136.716667</c:v>
                </c:pt>
                <c:pt idx="8204">
                  <c:v>136.73333299999999</c:v>
                </c:pt>
                <c:pt idx="8205">
                  <c:v>136.75</c:v>
                </c:pt>
                <c:pt idx="8206">
                  <c:v>136.76666699999998</c:v>
                </c:pt>
                <c:pt idx="8207">
                  <c:v>136.783333</c:v>
                </c:pt>
                <c:pt idx="8208">
                  <c:v>136.79999999999998</c:v>
                </c:pt>
                <c:pt idx="8209">
                  <c:v>136.816667</c:v>
                </c:pt>
                <c:pt idx="8210">
                  <c:v>136.83333299999998</c:v>
                </c:pt>
                <c:pt idx="8211">
                  <c:v>136.85</c:v>
                </c:pt>
                <c:pt idx="8212">
                  <c:v>136.86666700000001</c:v>
                </c:pt>
                <c:pt idx="8213">
                  <c:v>136.88333299999999</c:v>
                </c:pt>
                <c:pt idx="8214">
                  <c:v>136.9</c:v>
                </c:pt>
                <c:pt idx="8215">
                  <c:v>136.91666699999999</c:v>
                </c:pt>
                <c:pt idx="8216">
                  <c:v>136.933333</c:v>
                </c:pt>
                <c:pt idx="8217">
                  <c:v>136.94999999999999</c:v>
                </c:pt>
                <c:pt idx="8218">
                  <c:v>136.966667</c:v>
                </c:pt>
                <c:pt idx="8219">
                  <c:v>136.98333299999999</c:v>
                </c:pt>
                <c:pt idx="8220">
                  <c:v>137</c:v>
                </c:pt>
                <c:pt idx="8221">
                  <c:v>137.01666699999998</c:v>
                </c:pt>
                <c:pt idx="8222">
                  <c:v>137.033333</c:v>
                </c:pt>
                <c:pt idx="8223">
                  <c:v>137.04999999999998</c:v>
                </c:pt>
                <c:pt idx="8224">
                  <c:v>137.066667</c:v>
                </c:pt>
                <c:pt idx="8225">
                  <c:v>137.08333299999998</c:v>
                </c:pt>
                <c:pt idx="8226">
                  <c:v>137.1</c:v>
                </c:pt>
                <c:pt idx="8227">
                  <c:v>137.11666700000001</c:v>
                </c:pt>
                <c:pt idx="8228">
                  <c:v>137.13333299999999</c:v>
                </c:pt>
                <c:pt idx="8229">
                  <c:v>137.15</c:v>
                </c:pt>
                <c:pt idx="8230">
                  <c:v>137.16666699999999</c:v>
                </c:pt>
                <c:pt idx="8231">
                  <c:v>137.183333</c:v>
                </c:pt>
                <c:pt idx="8232">
                  <c:v>137.19999999999999</c:v>
                </c:pt>
                <c:pt idx="8233">
                  <c:v>137.216667</c:v>
                </c:pt>
                <c:pt idx="8234">
                  <c:v>137.23333299999999</c:v>
                </c:pt>
                <c:pt idx="8235">
                  <c:v>137.25</c:v>
                </c:pt>
                <c:pt idx="8236">
                  <c:v>137.26666699999998</c:v>
                </c:pt>
                <c:pt idx="8237">
                  <c:v>137.283333</c:v>
                </c:pt>
                <c:pt idx="8238">
                  <c:v>137.29999999999998</c:v>
                </c:pt>
                <c:pt idx="8239">
                  <c:v>137.316667</c:v>
                </c:pt>
                <c:pt idx="8240">
                  <c:v>137.33333299999998</c:v>
                </c:pt>
                <c:pt idx="8241">
                  <c:v>137.35</c:v>
                </c:pt>
                <c:pt idx="8242">
                  <c:v>137.36666700000001</c:v>
                </c:pt>
                <c:pt idx="8243">
                  <c:v>137.38333299999999</c:v>
                </c:pt>
                <c:pt idx="8244">
                  <c:v>137.4</c:v>
                </c:pt>
                <c:pt idx="8245">
                  <c:v>137.41666699999999</c:v>
                </c:pt>
                <c:pt idx="8246">
                  <c:v>137.433333</c:v>
                </c:pt>
                <c:pt idx="8247">
                  <c:v>137.44999999999999</c:v>
                </c:pt>
                <c:pt idx="8248">
                  <c:v>137.466667</c:v>
                </c:pt>
                <c:pt idx="8249">
                  <c:v>137.48333299999999</c:v>
                </c:pt>
                <c:pt idx="8250">
                  <c:v>137.5</c:v>
                </c:pt>
                <c:pt idx="8251">
                  <c:v>137.51666699999998</c:v>
                </c:pt>
                <c:pt idx="8252">
                  <c:v>137.533333</c:v>
                </c:pt>
                <c:pt idx="8253">
                  <c:v>137.54999999999998</c:v>
                </c:pt>
                <c:pt idx="8254">
                  <c:v>137.566667</c:v>
                </c:pt>
                <c:pt idx="8255">
                  <c:v>137.58333299999998</c:v>
                </c:pt>
                <c:pt idx="8256">
                  <c:v>137.6</c:v>
                </c:pt>
                <c:pt idx="8257">
                  <c:v>137.61666700000001</c:v>
                </c:pt>
                <c:pt idx="8258">
                  <c:v>137.63333299999999</c:v>
                </c:pt>
                <c:pt idx="8259">
                  <c:v>137.65</c:v>
                </c:pt>
                <c:pt idx="8260">
                  <c:v>137.66666699999999</c:v>
                </c:pt>
                <c:pt idx="8261">
                  <c:v>137.683333</c:v>
                </c:pt>
                <c:pt idx="8262">
                  <c:v>137.69999999999999</c:v>
                </c:pt>
                <c:pt idx="8263">
                  <c:v>137.716667</c:v>
                </c:pt>
                <c:pt idx="8264">
                  <c:v>137.73333299999999</c:v>
                </c:pt>
                <c:pt idx="8265">
                  <c:v>137.75</c:v>
                </c:pt>
                <c:pt idx="8266">
                  <c:v>137.76666699999998</c:v>
                </c:pt>
                <c:pt idx="8267">
                  <c:v>137.783333</c:v>
                </c:pt>
                <c:pt idx="8268">
                  <c:v>137.79999999999998</c:v>
                </c:pt>
                <c:pt idx="8269">
                  <c:v>137.816667</c:v>
                </c:pt>
                <c:pt idx="8270">
                  <c:v>137.83333299999998</c:v>
                </c:pt>
                <c:pt idx="8271">
                  <c:v>137.85</c:v>
                </c:pt>
                <c:pt idx="8272">
                  <c:v>137.86666700000001</c:v>
                </c:pt>
                <c:pt idx="8273">
                  <c:v>137.88333299999999</c:v>
                </c:pt>
                <c:pt idx="8274">
                  <c:v>137.9</c:v>
                </c:pt>
                <c:pt idx="8275">
                  <c:v>137.91666699999999</c:v>
                </c:pt>
                <c:pt idx="8276">
                  <c:v>137.933333</c:v>
                </c:pt>
                <c:pt idx="8277">
                  <c:v>137.94999999999999</c:v>
                </c:pt>
                <c:pt idx="8278">
                  <c:v>137.966667</c:v>
                </c:pt>
                <c:pt idx="8279">
                  <c:v>137.98333299999999</c:v>
                </c:pt>
                <c:pt idx="8280">
                  <c:v>138</c:v>
                </c:pt>
                <c:pt idx="8281">
                  <c:v>138.01666699999998</c:v>
                </c:pt>
                <c:pt idx="8282">
                  <c:v>138.033333</c:v>
                </c:pt>
                <c:pt idx="8283">
                  <c:v>138.04999999999998</c:v>
                </c:pt>
                <c:pt idx="8284">
                  <c:v>138.066667</c:v>
                </c:pt>
                <c:pt idx="8285">
                  <c:v>138.08333299999998</c:v>
                </c:pt>
                <c:pt idx="8286">
                  <c:v>138.1</c:v>
                </c:pt>
                <c:pt idx="8287">
                  <c:v>138.11666700000001</c:v>
                </c:pt>
                <c:pt idx="8288">
                  <c:v>138.13333299999999</c:v>
                </c:pt>
                <c:pt idx="8289">
                  <c:v>138.15</c:v>
                </c:pt>
                <c:pt idx="8290">
                  <c:v>138.16666699999999</c:v>
                </c:pt>
                <c:pt idx="8291">
                  <c:v>138.183333</c:v>
                </c:pt>
                <c:pt idx="8292">
                  <c:v>138.19999999999999</c:v>
                </c:pt>
                <c:pt idx="8293">
                  <c:v>138.216667</c:v>
                </c:pt>
                <c:pt idx="8294">
                  <c:v>138.23333299999999</c:v>
                </c:pt>
                <c:pt idx="8295">
                  <c:v>138.25</c:v>
                </c:pt>
                <c:pt idx="8296">
                  <c:v>138.26666699999998</c:v>
                </c:pt>
                <c:pt idx="8297">
                  <c:v>138.283333</c:v>
                </c:pt>
                <c:pt idx="8298">
                  <c:v>138.29999999999998</c:v>
                </c:pt>
                <c:pt idx="8299">
                  <c:v>138.316667</c:v>
                </c:pt>
                <c:pt idx="8300">
                  <c:v>138.33333299999998</c:v>
                </c:pt>
                <c:pt idx="8301">
                  <c:v>138.35</c:v>
                </c:pt>
                <c:pt idx="8302">
                  <c:v>138.36666700000001</c:v>
                </c:pt>
                <c:pt idx="8303">
                  <c:v>138.38333299999999</c:v>
                </c:pt>
                <c:pt idx="8304">
                  <c:v>138.4</c:v>
                </c:pt>
                <c:pt idx="8305">
                  <c:v>138.41666699999999</c:v>
                </c:pt>
                <c:pt idx="8306">
                  <c:v>138.433333</c:v>
                </c:pt>
                <c:pt idx="8307">
                  <c:v>138.44999999999999</c:v>
                </c:pt>
                <c:pt idx="8308">
                  <c:v>138.466667</c:v>
                </c:pt>
                <c:pt idx="8309">
                  <c:v>138.48333299999999</c:v>
                </c:pt>
                <c:pt idx="8310">
                  <c:v>138.5</c:v>
                </c:pt>
                <c:pt idx="8311">
                  <c:v>138.51666699999998</c:v>
                </c:pt>
                <c:pt idx="8312">
                  <c:v>138.533333</c:v>
                </c:pt>
                <c:pt idx="8313">
                  <c:v>138.54999999999998</c:v>
                </c:pt>
                <c:pt idx="8314">
                  <c:v>138.566667</c:v>
                </c:pt>
                <c:pt idx="8315">
                  <c:v>138.58333299999998</c:v>
                </c:pt>
                <c:pt idx="8316">
                  <c:v>138.6</c:v>
                </c:pt>
                <c:pt idx="8317">
                  <c:v>138.61666700000001</c:v>
                </c:pt>
                <c:pt idx="8318">
                  <c:v>138.63333299999999</c:v>
                </c:pt>
                <c:pt idx="8319">
                  <c:v>138.65</c:v>
                </c:pt>
                <c:pt idx="8320">
                  <c:v>138.66666699999999</c:v>
                </c:pt>
                <c:pt idx="8321">
                  <c:v>138.683333</c:v>
                </c:pt>
                <c:pt idx="8322">
                  <c:v>138.69999999999999</c:v>
                </c:pt>
                <c:pt idx="8323">
                  <c:v>138.716667</c:v>
                </c:pt>
                <c:pt idx="8324">
                  <c:v>138.73333299999999</c:v>
                </c:pt>
                <c:pt idx="8325">
                  <c:v>138.75</c:v>
                </c:pt>
                <c:pt idx="8326">
                  <c:v>138.76666699999998</c:v>
                </c:pt>
                <c:pt idx="8327">
                  <c:v>138.783333</c:v>
                </c:pt>
                <c:pt idx="8328">
                  <c:v>138.79999999999998</c:v>
                </c:pt>
                <c:pt idx="8329">
                  <c:v>138.816667</c:v>
                </c:pt>
                <c:pt idx="8330">
                  <c:v>138.83333299999998</c:v>
                </c:pt>
                <c:pt idx="8331">
                  <c:v>138.85</c:v>
                </c:pt>
                <c:pt idx="8332">
                  <c:v>138.86666700000001</c:v>
                </c:pt>
                <c:pt idx="8333">
                  <c:v>138.88333299999999</c:v>
                </c:pt>
                <c:pt idx="8334">
                  <c:v>138.9</c:v>
                </c:pt>
                <c:pt idx="8335">
                  <c:v>138.91666699999999</c:v>
                </c:pt>
                <c:pt idx="8336">
                  <c:v>138.933333</c:v>
                </c:pt>
                <c:pt idx="8337">
                  <c:v>138.94999999999999</c:v>
                </c:pt>
                <c:pt idx="8338">
                  <c:v>138.966667</c:v>
                </c:pt>
                <c:pt idx="8339">
                  <c:v>138.98333299999999</c:v>
                </c:pt>
                <c:pt idx="8340">
                  <c:v>139</c:v>
                </c:pt>
                <c:pt idx="8341">
                  <c:v>139.01666699999998</c:v>
                </c:pt>
                <c:pt idx="8342">
                  <c:v>139.033333</c:v>
                </c:pt>
                <c:pt idx="8343">
                  <c:v>139.04999999999998</c:v>
                </c:pt>
                <c:pt idx="8344">
                  <c:v>139.066667</c:v>
                </c:pt>
                <c:pt idx="8345">
                  <c:v>139.08333299999998</c:v>
                </c:pt>
                <c:pt idx="8346">
                  <c:v>139.1</c:v>
                </c:pt>
                <c:pt idx="8347">
                  <c:v>139.11666700000001</c:v>
                </c:pt>
                <c:pt idx="8348">
                  <c:v>139.13333299999999</c:v>
                </c:pt>
                <c:pt idx="8349">
                  <c:v>139.15</c:v>
                </c:pt>
                <c:pt idx="8350">
                  <c:v>139.16666699999999</c:v>
                </c:pt>
                <c:pt idx="8351">
                  <c:v>139.183333</c:v>
                </c:pt>
                <c:pt idx="8352">
                  <c:v>139.19999999999999</c:v>
                </c:pt>
                <c:pt idx="8353">
                  <c:v>139.216667</c:v>
                </c:pt>
                <c:pt idx="8354">
                  <c:v>139.23333299999999</c:v>
                </c:pt>
                <c:pt idx="8355">
                  <c:v>139.25</c:v>
                </c:pt>
                <c:pt idx="8356">
                  <c:v>139.26666699999998</c:v>
                </c:pt>
                <c:pt idx="8357">
                  <c:v>139.283333</c:v>
                </c:pt>
                <c:pt idx="8358">
                  <c:v>139.29999999999998</c:v>
                </c:pt>
                <c:pt idx="8359">
                  <c:v>139.316667</c:v>
                </c:pt>
                <c:pt idx="8360">
                  <c:v>139.33333299999998</c:v>
                </c:pt>
                <c:pt idx="8361">
                  <c:v>139.35</c:v>
                </c:pt>
                <c:pt idx="8362">
                  <c:v>139.36666700000001</c:v>
                </c:pt>
                <c:pt idx="8363">
                  <c:v>139.38333299999999</c:v>
                </c:pt>
                <c:pt idx="8364">
                  <c:v>139.4</c:v>
                </c:pt>
                <c:pt idx="8365">
                  <c:v>139.41666699999999</c:v>
                </c:pt>
                <c:pt idx="8366">
                  <c:v>139.433333</c:v>
                </c:pt>
                <c:pt idx="8367">
                  <c:v>139.44999999999999</c:v>
                </c:pt>
                <c:pt idx="8368">
                  <c:v>139.466667</c:v>
                </c:pt>
                <c:pt idx="8369">
                  <c:v>139.48333299999999</c:v>
                </c:pt>
                <c:pt idx="8370">
                  <c:v>139.5</c:v>
                </c:pt>
                <c:pt idx="8371">
                  <c:v>139.51666699999998</c:v>
                </c:pt>
                <c:pt idx="8372">
                  <c:v>139.533333</c:v>
                </c:pt>
                <c:pt idx="8373">
                  <c:v>139.54999999999998</c:v>
                </c:pt>
                <c:pt idx="8374">
                  <c:v>139.566667</c:v>
                </c:pt>
                <c:pt idx="8375">
                  <c:v>139.58333299999998</c:v>
                </c:pt>
                <c:pt idx="8376">
                  <c:v>139.6</c:v>
                </c:pt>
                <c:pt idx="8377">
                  <c:v>139.61666700000001</c:v>
                </c:pt>
                <c:pt idx="8378">
                  <c:v>139.63333299999999</c:v>
                </c:pt>
                <c:pt idx="8379">
                  <c:v>139.65</c:v>
                </c:pt>
                <c:pt idx="8380">
                  <c:v>139.66666699999999</c:v>
                </c:pt>
                <c:pt idx="8381">
                  <c:v>139.683333</c:v>
                </c:pt>
                <c:pt idx="8382">
                  <c:v>139.69999999999999</c:v>
                </c:pt>
                <c:pt idx="8383">
                  <c:v>139.716667</c:v>
                </c:pt>
                <c:pt idx="8384">
                  <c:v>139.73333299999999</c:v>
                </c:pt>
                <c:pt idx="8385">
                  <c:v>139.75</c:v>
                </c:pt>
                <c:pt idx="8386">
                  <c:v>139.76666699999998</c:v>
                </c:pt>
                <c:pt idx="8387">
                  <c:v>139.783333</c:v>
                </c:pt>
                <c:pt idx="8388">
                  <c:v>139.79999999999998</c:v>
                </c:pt>
                <c:pt idx="8389">
                  <c:v>139.816667</c:v>
                </c:pt>
                <c:pt idx="8390">
                  <c:v>139.83333299999998</c:v>
                </c:pt>
                <c:pt idx="8391">
                  <c:v>139.85</c:v>
                </c:pt>
                <c:pt idx="8392">
                  <c:v>139.86666700000001</c:v>
                </c:pt>
                <c:pt idx="8393">
                  <c:v>139.88333299999999</c:v>
                </c:pt>
                <c:pt idx="8394">
                  <c:v>139.9</c:v>
                </c:pt>
                <c:pt idx="8395">
                  <c:v>139.91666699999999</c:v>
                </c:pt>
                <c:pt idx="8396">
                  <c:v>139.933333</c:v>
                </c:pt>
                <c:pt idx="8397">
                  <c:v>139.94999999999999</c:v>
                </c:pt>
                <c:pt idx="8398">
                  <c:v>139.966667</c:v>
                </c:pt>
                <c:pt idx="8399">
                  <c:v>139.98333299999999</c:v>
                </c:pt>
                <c:pt idx="8400">
                  <c:v>140</c:v>
                </c:pt>
                <c:pt idx="8401">
                  <c:v>140.01666699999998</c:v>
                </c:pt>
                <c:pt idx="8402">
                  <c:v>140.033333</c:v>
                </c:pt>
                <c:pt idx="8403">
                  <c:v>140.04999999999998</c:v>
                </c:pt>
                <c:pt idx="8404">
                  <c:v>140.066667</c:v>
                </c:pt>
                <c:pt idx="8405">
                  <c:v>140.08333299999998</c:v>
                </c:pt>
                <c:pt idx="8406">
                  <c:v>140.1</c:v>
                </c:pt>
                <c:pt idx="8407">
                  <c:v>140.11666700000001</c:v>
                </c:pt>
                <c:pt idx="8408">
                  <c:v>140.13333299999999</c:v>
                </c:pt>
                <c:pt idx="8409">
                  <c:v>140.15</c:v>
                </c:pt>
                <c:pt idx="8410">
                  <c:v>140.16666699999999</c:v>
                </c:pt>
                <c:pt idx="8411">
                  <c:v>140.183333</c:v>
                </c:pt>
                <c:pt idx="8412">
                  <c:v>140.19999999999999</c:v>
                </c:pt>
                <c:pt idx="8413">
                  <c:v>140.216667</c:v>
                </c:pt>
                <c:pt idx="8414">
                  <c:v>140.23333299999999</c:v>
                </c:pt>
                <c:pt idx="8415">
                  <c:v>140.25</c:v>
                </c:pt>
                <c:pt idx="8416">
                  <c:v>140.26666699999998</c:v>
                </c:pt>
                <c:pt idx="8417">
                  <c:v>140.283333</c:v>
                </c:pt>
                <c:pt idx="8418">
                  <c:v>140.29999999999998</c:v>
                </c:pt>
                <c:pt idx="8419">
                  <c:v>140.316667</c:v>
                </c:pt>
                <c:pt idx="8420">
                  <c:v>140.33333299999998</c:v>
                </c:pt>
                <c:pt idx="8421">
                  <c:v>140.35</c:v>
                </c:pt>
                <c:pt idx="8422">
                  <c:v>140.36666700000001</c:v>
                </c:pt>
                <c:pt idx="8423">
                  <c:v>140.38333299999999</c:v>
                </c:pt>
                <c:pt idx="8424">
                  <c:v>140.4</c:v>
                </c:pt>
                <c:pt idx="8425">
                  <c:v>140.41666699999999</c:v>
                </c:pt>
                <c:pt idx="8426">
                  <c:v>140.433333</c:v>
                </c:pt>
                <c:pt idx="8427">
                  <c:v>140.44999999999999</c:v>
                </c:pt>
                <c:pt idx="8428">
                  <c:v>140.466667</c:v>
                </c:pt>
                <c:pt idx="8429">
                  <c:v>140.48333299999999</c:v>
                </c:pt>
                <c:pt idx="8430">
                  <c:v>140.5</c:v>
                </c:pt>
                <c:pt idx="8431">
                  <c:v>140.51666699999998</c:v>
                </c:pt>
                <c:pt idx="8432">
                  <c:v>140.533333</c:v>
                </c:pt>
                <c:pt idx="8433">
                  <c:v>140.54999999999998</c:v>
                </c:pt>
                <c:pt idx="8434">
                  <c:v>140.566667</c:v>
                </c:pt>
                <c:pt idx="8435">
                  <c:v>140.58333299999998</c:v>
                </c:pt>
                <c:pt idx="8436">
                  <c:v>140.6</c:v>
                </c:pt>
                <c:pt idx="8437">
                  <c:v>140.61666700000001</c:v>
                </c:pt>
                <c:pt idx="8438">
                  <c:v>140.63333299999999</c:v>
                </c:pt>
                <c:pt idx="8439">
                  <c:v>140.65</c:v>
                </c:pt>
                <c:pt idx="8440">
                  <c:v>140.66666699999999</c:v>
                </c:pt>
                <c:pt idx="8441">
                  <c:v>140.683333</c:v>
                </c:pt>
                <c:pt idx="8442">
                  <c:v>140.69999999999999</c:v>
                </c:pt>
                <c:pt idx="8443">
                  <c:v>140.716667</c:v>
                </c:pt>
                <c:pt idx="8444">
                  <c:v>140.73333299999999</c:v>
                </c:pt>
                <c:pt idx="8445">
                  <c:v>140.75</c:v>
                </c:pt>
                <c:pt idx="8446">
                  <c:v>140.76666699999998</c:v>
                </c:pt>
                <c:pt idx="8447">
                  <c:v>140.783333</c:v>
                </c:pt>
                <c:pt idx="8448">
                  <c:v>140.79999999999998</c:v>
                </c:pt>
                <c:pt idx="8449">
                  <c:v>140.816667</c:v>
                </c:pt>
                <c:pt idx="8450">
                  <c:v>140.83333299999998</c:v>
                </c:pt>
                <c:pt idx="8451">
                  <c:v>140.85</c:v>
                </c:pt>
                <c:pt idx="8452">
                  <c:v>140.86666700000001</c:v>
                </c:pt>
                <c:pt idx="8453">
                  <c:v>140.88333299999999</c:v>
                </c:pt>
                <c:pt idx="8454">
                  <c:v>140.9</c:v>
                </c:pt>
                <c:pt idx="8455">
                  <c:v>140.91666699999999</c:v>
                </c:pt>
                <c:pt idx="8456">
                  <c:v>140.933333</c:v>
                </c:pt>
                <c:pt idx="8457">
                  <c:v>140.94999999999999</c:v>
                </c:pt>
                <c:pt idx="8458">
                  <c:v>140.966667</c:v>
                </c:pt>
                <c:pt idx="8459">
                  <c:v>140.98333299999999</c:v>
                </c:pt>
                <c:pt idx="8460">
                  <c:v>141</c:v>
                </c:pt>
                <c:pt idx="8461">
                  <c:v>141.01666699999998</c:v>
                </c:pt>
                <c:pt idx="8462">
                  <c:v>141.033333</c:v>
                </c:pt>
                <c:pt idx="8463">
                  <c:v>141.04999999999998</c:v>
                </c:pt>
                <c:pt idx="8464">
                  <c:v>141.066667</c:v>
                </c:pt>
                <c:pt idx="8465">
                  <c:v>141.08333299999998</c:v>
                </c:pt>
                <c:pt idx="8466">
                  <c:v>141.1</c:v>
                </c:pt>
                <c:pt idx="8467">
                  <c:v>141.11666700000001</c:v>
                </c:pt>
                <c:pt idx="8468">
                  <c:v>141.13333299999999</c:v>
                </c:pt>
                <c:pt idx="8469">
                  <c:v>141.15</c:v>
                </c:pt>
                <c:pt idx="8470">
                  <c:v>141.16666699999999</c:v>
                </c:pt>
                <c:pt idx="8471">
                  <c:v>141.183333</c:v>
                </c:pt>
                <c:pt idx="8472">
                  <c:v>141.19999999999999</c:v>
                </c:pt>
                <c:pt idx="8473">
                  <c:v>141.216667</c:v>
                </c:pt>
                <c:pt idx="8474">
                  <c:v>141.23333299999999</c:v>
                </c:pt>
                <c:pt idx="8475">
                  <c:v>141.25</c:v>
                </c:pt>
                <c:pt idx="8476">
                  <c:v>141.26666699999998</c:v>
                </c:pt>
                <c:pt idx="8477">
                  <c:v>141.283333</c:v>
                </c:pt>
                <c:pt idx="8478">
                  <c:v>141.29999999999998</c:v>
                </c:pt>
                <c:pt idx="8479">
                  <c:v>141.316667</c:v>
                </c:pt>
                <c:pt idx="8480">
                  <c:v>141.33333299999998</c:v>
                </c:pt>
                <c:pt idx="8481">
                  <c:v>141.35</c:v>
                </c:pt>
                <c:pt idx="8482">
                  <c:v>141.36666700000001</c:v>
                </c:pt>
                <c:pt idx="8483">
                  <c:v>141.38333299999999</c:v>
                </c:pt>
                <c:pt idx="8484">
                  <c:v>141.4</c:v>
                </c:pt>
                <c:pt idx="8485">
                  <c:v>141.41666699999999</c:v>
                </c:pt>
                <c:pt idx="8486">
                  <c:v>141.433333</c:v>
                </c:pt>
                <c:pt idx="8487">
                  <c:v>141.44999999999999</c:v>
                </c:pt>
                <c:pt idx="8488">
                  <c:v>141.466667</c:v>
                </c:pt>
                <c:pt idx="8489">
                  <c:v>141.48333299999999</c:v>
                </c:pt>
                <c:pt idx="8490">
                  <c:v>141.5</c:v>
                </c:pt>
                <c:pt idx="8491">
                  <c:v>141.51666699999998</c:v>
                </c:pt>
                <c:pt idx="8492">
                  <c:v>141.533333</c:v>
                </c:pt>
                <c:pt idx="8493">
                  <c:v>141.54999999999998</c:v>
                </c:pt>
                <c:pt idx="8494">
                  <c:v>141.566667</c:v>
                </c:pt>
                <c:pt idx="8495">
                  <c:v>141.58333299999998</c:v>
                </c:pt>
                <c:pt idx="8496">
                  <c:v>141.6</c:v>
                </c:pt>
                <c:pt idx="8497">
                  <c:v>141.61666700000001</c:v>
                </c:pt>
                <c:pt idx="8498">
                  <c:v>141.63333299999999</c:v>
                </c:pt>
                <c:pt idx="8499">
                  <c:v>141.65</c:v>
                </c:pt>
                <c:pt idx="8500">
                  <c:v>141.66666699999999</c:v>
                </c:pt>
                <c:pt idx="8501">
                  <c:v>141.683333</c:v>
                </c:pt>
                <c:pt idx="8502">
                  <c:v>141.69999999999999</c:v>
                </c:pt>
                <c:pt idx="8503">
                  <c:v>141.716667</c:v>
                </c:pt>
                <c:pt idx="8504">
                  <c:v>141.73333299999999</c:v>
                </c:pt>
                <c:pt idx="8505">
                  <c:v>141.75</c:v>
                </c:pt>
                <c:pt idx="8506">
                  <c:v>141.76666699999998</c:v>
                </c:pt>
                <c:pt idx="8507">
                  <c:v>141.783333</c:v>
                </c:pt>
                <c:pt idx="8508">
                  <c:v>141.79999999999998</c:v>
                </c:pt>
                <c:pt idx="8509">
                  <c:v>141.816667</c:v>
                </c:pt>
                <c:pt idx="8510">
                  <c:v>141.83333299999998</c:v>
                </c:pt>
                <c:pt idx="8511">
                  <c:v>141.85</c:v>
                </c:pt>
                <c:pt idx="8512">
                  <c:v>141.86666700000001</c:v>
                </c:pt>
                <c:pt idx="8513">
                  <c:v>141.88333299999999</c:v>
                </c:pt>
                <c:pt idx="8514">
                  <c:v>141.9</c:v>
                </c:pt>
                <c:pt idx="8515">
                  <c:v>141.91666699999999</c:v>
                </c:pt>
                <c:pt idx="8516">
                  <c:v>141.933333</c:v>
                </c:pt>
                <c:pt idx="8517">
                  <c:v>141.94999999999999</c:v>
                </c:pt>
                <c:pt idx="8518">
                  <c:v>141.966667</c:v>
                </c:pt>
                <c:pt idx="8519">
                  <c:v>141.98333299999999</c:v>
                </c:pt>
                <c:pt idx="8520">
                  <c:v>142</c:v>
                </c:pt>
                <c:pt idx="8521">
                  <c:v>142.01666699999998</c:v>
                </c:pt>
                <c:pt idx="8522">
                  <c:v>142.033333</c:v>
                </c:pt>
                <c:pt idx="8523">
                  <c:v>142.04999999999998</c:v>
                </c:pt>
                <c:pt idx="8524">
                  <c:v>142.066667</c:v>
                </c:pt>
                <c:pt idx="8525">
                  <c:v>142.08333299999998</c:v>
                </c:pt>
                <c:pt idx="8526">
                  <c:v>142.1</c:v>
                </c:pt>
                <c:pt idx="8527">
                  <c:v>142.11666700000001</c:v>
                </c:pt>
                <c:pt idx="8528">
                  <c:v>142.13333299999999</c:v>
                </c:pt>
                <c:pt idx="8529">
                  <c:v>142.15</c:v>
                </c:pt>
                <c:pt idx="8530">
                  <c:v>142.16666699999999</c:v>
                </c:pt>
                <c:pt idx="8531">
                  <c:v>142.183333</c:v>
                </c:pt>
                <c:pt idx="8532">
                  <c:v>142.19999999999999</c:v>
                </c:pt>
                <c:pt idx="8533">
                  <c:v>142.216667</c:v>
                </c:pt>
                <c:pt idx="8534">
                  <c:v>142.23333299999999</c:v>
                </c:pt>
                <c:pt idx="8535">
                  <c:v>142.25</c:v>
                </c:pt>
                <c:pt idx="8536">
                  <c:v>142.26666699999998</c:v>
                </c:pt>
                <c:pt idx="8537">
                  <c:v>142.283333</c:v>
                </c:pt>
                <c:pt idx="8538">
                  <c:v>142.29999999999998</c:v>
                </c:pt>
                <c:pt idx="8539">
                  <c:v>142.316667</c:v>
                </c:pt>
                <c:pt idx="8540">
                  <c:v>142.33333299999998</c:v>
                </c:pt>
                <c:pt idx="8541">
                  <c:v>142.35</c:v>
                </c:pt>
                <c:pt idx="8542">
                  <c:v>142.36666700000001</c:v>
                </c:pt>
                <c:pt idx="8543">
                  <c:v>142.38333299999999</c:v>
                </c:pt>
                <c:pt idx="8544">
                  <c:v>142.4</c:v>
                </c:pt>
                <c:pt idx="8545">
                  <c:v>142.41666699999999</c:v>
                </c:pt>
                <c:pt idx="8546">
                  <c:v>142.433333</c:v>
                </c:pt>
                <c:pt idx="8547">
                  <c:v>142.44999999999999</c:v>
                </c:pt>
                <c:pt idx="8548">
                  <c:v>142.466667</c:v>
                </c:pt>
                <c:pt idx="8549">
                  <c:v>142.48333299999999</c:v>
                </c:pt>
                <c:pt idx="8550">
                  <c:v>142.5</c:v>
                </c:pt>
                <c:pt idx="8551">
                  <c:v>142.51666699999998</c:v>
                </c:pt>
                <c:pt idx="8552">
                  <c:v>142.533333</c:v>
                </c:pt>
                <c:pt idx="8553">
                  <c:v>142.54999999999998</c:v>
                </c:pt>
                <c:pt idx="8554">
                  <c:v>142.566667</c:v>
                </c:pt>
                <c:pt idx="8555">
                  <c:v>142.58333299999998</c:v>
                </c:pt>
                <c:pt idx="8556">
                  <c:v>142.6</c:v>
                </c:pt>
                <c:pt idx="8557">
                  <c:v>142.61666700000001</c:v>
                </c:pt>
                <c:pt idx="8558">
                  <c:v>142.63333299999999</c:v>
                </c:pt>
                <c:pt idx="8559">
                  <c:v>142.65</c:v>
                </c:pt>
                <c:pt idx="8560">
                  <c:v>142.66666699999999</c:v>
                </c:pt>
                <c:pt idx="8561">
                  <c:v>142.683333</c:v>
                </c:pt>
                <c:pt idx="8562">
                  <c:v>142.69999999999999</c:v>
                </c:pt>
                <c:pt idx="8563">
                  <c:v>142.716667</c:v>
                </c:pt>
                <c:pt idx="8564">
                  <c:v>142.73333299999999</c:v>
                </c:pt>
                <c:pt idx="8565">
                  <c:v>142.75</c:v>
                </c:pt>
                <c:pt idx="8566">
                  <c:v>142.76666699999998</c:v>
                </c:pt>
                <c:pt idx="8567">
                  <c:v>142.783333</c:v>
                </c:pt>
                <c:pt idx="8568">
                  <c:v>142.79999999999998</c:v>
                </c:pt>
                <c:pt idx="8569">
                  <c:v>142.816667</c:v>
                </c:pt>
                <c:pt idx="8570">
                  <c:v>142.83333299999998</c:v>
                </c:pt>
                <c:pt idx="8571">
                  <c:v>142.85</c:v>
                </c:pt>
                <c:pt idx="8572">
                  <c:v>142.86666700000001</c:v>
                </c:pt>
                <c:pt idx="8573">
                  <c:v>142.88333299999999</c:v>
                </c:pt>
                <c:pt idx="8574">
                  <c:v>142.9</c:v>
                </c:pt>
                <c:pt idx="8575">
                  <c:v>142.91666699999999</c:v>
                </c:pt>
                <c:pt idx="8576">
                  <c:v>142.933333</c:v>
                </c:pt>
                <c:pt idx="8577">
                  <c:v>142.94999999999999</c:v>
                </c:pt>
                <c:pt idx="8578">
                  <c:v>142.966667</c:v>
                </c:pt>
                <c:pt idx="8579">
                  <c:v>142.98333299999999</c:v>
                </c:pt>
                <c:pt idx="8580">
                  <c:v>143</c:v>
                </c:pt>
                <c:pt idx="8581">
                  <c:v>143.01666699999998</c:v>
                </c:pt>
                <c:pt idx="8582">
                  <c:v>143.033333</c:v>
                </c:pt>
                <c:pt idx="8583">
                  <c:v>143.04999999999998</c:v>
                </c:pt>
                <c:pt idx="8584">
                  <c:v>143.066667</c:v>
                </c:pt>
                <c:pt idx="8585">
                  <c:v>143.08333299999998</c:v>
                </c:pt>
                <c:pt idx="8586">
                  <c:v>143.1</c:v>
                </c:pt>
                <c:pt idx="8587">
                  <c:v>143.11666700000001</c:v>
                </c:pt>
                <c:pt idx="8588">
                  <c:v>143.13333299999999</c:v>
                </c:pt>
                <c:pt idx="8589">
                  <c:v>143.15</c:v>
                </c:pt>
                <c:pt idx="8590">
                  <c:v>143.16666699999999</c:v>
                </c:pt>
                <c:pt idx="8591">
                  <c:v>143.183333</c:v>
                </c:pt>
                <c:pt idx="8592">
                  <c:v>143.19999999999999</c:v>
                </c:pt>
                <c:pt idx="8593">
                  <c:v>143.216667</c:v>
                </c:pt>
                <c:pt idx="8594">
                  <c:v>143.23333299999999</c:v>
                </c:pt>
                <c:pt idx="8595">
                  <c:v>143.25</c:v>
                </c:pt>
                <c:pt idx="8596">
                  <c:v>143.26666699999998</c:v>
                </c:pt>
                <c:pt idx="8597">
                  <c:v>143.283333</c:v>
                </c:pt>
                <c:pt idx="8598">
                  <c:v>143.29999999999998</c:v>
                </c:pt>
                <c:pt idx="8599">
                  <c:v>143.316667</c:v>
                </c:pt>
                <c:pt idx="8600">
                  <c:v>143.33333299999998</c:v>
                </c:pt>
                <c:pt idx="8601">
                  <c:v>143.35</c:v>
                </c:pt>
                <c:pt idx="8602">
                  <c:v>143.36666700000001</c:v>
                </c:pt>
                <c:pt idx="8603">
                  <c:v>143.38333299999999</c:v>
                </c:pt>
                <c:pt idx="8604">
                  <c:v>143.4</c:v>
                </c:pt>
                <c:pt idx="8605">
                  <c:v>143.41666699999999</c:v>
                </c:pt>
                <c:pt idx="8606">
                  <c:v>143.433333</c:v>
                </c:pt>
                <c:pt idx="8607">
                  <c:v>143.44999999999999</c:v>
                </c:pt>
                <c:pt idx="8608">
                  <c:v>143.466667</c:v>
                </c:pt>
                <c:pt idx="8609">
                  <c:v>143.48333299999999</c:v>
                </c:pt>
                <c:pt idx="8610">
                  <c:v>143.5</c:v>
                </c:pt>
                <c:pt idx="8611">
                  <c:v>143.51666699999998</c:v>
                </c:pt>
                <c:pt idx="8612">
                  <c:v>143.533333</c:v>
                </c:pt>
                <c:pt idx="8613">
                  <c:v>143.54999999999998</c:v>
                </c:pt>
                <c:pt idx="8614">
                  <c:v>143.566667</c:v>
                </c:pt>
                <c:pt idx="8615">
                  <c:v>143.58333299999998</c:v>
                </c:pt>
                <c:pt idx="8616">
                  <c:v>143.6</c:v>
                </c:pt>
                <c:pt idx="8617">
                  <c:v>143.61666700000001</c:v>
                </c:pt>
                <c:pt idx="8618">
                  <c:v>143.63333299999999</c:v>
                </c:pt>
                <c:pt idx="8619">
                  <c:v>143.65</c:v>
                </c:pt>
                <c:pt idx="8620">
                  <c:v>143.66666699999999</c:v>
                </c:pt>
                <c:pt idx="8621">
                  <c:v>143.683333</c:v>
                </c:pt>
                <c:pt idx="8622">
                  <c:v>143.69999999999999</c:v>
                </c:pt>
                <c:pt idx="8623">
                  <c:v>143.716667</c:v>
                </c:pt>
                <c:pt idx="8624">
                  <c:v>143.73333299999999</c:v>
                </c:pt>
                <c:pt idx="8625">
                  <c:v>143.75</c:v>
                </c:pt>
                <c:pt idx="8626">
                  <c:v>143.76666699999998</c:v>
                </c:pt>
                <c:pt idx="8627">
                  <c:v>143.783333</c:v>
                </c:pt>
                <c:pt idx="8628">
                  <c:v>143.79999999999998</c:v>
                </c:pt>
                <c:pt idx="8629">
                  <c:v>143.816667</c:v>
                </c:pt>
                <c:pt idx="8630">
                  <c:v>143.83333299999998</c:v>
                </c:pt>
                <c:pt idx="8631">
                  <c:v>143.85</c:v>
                </c:pt>
                <c:pt idx="8632">
                  <c:v>143.86666700000001</c:v>
                </c:pt>
                <c:pt idx="8633">
                  <c:v>143.88333299999999</c:v>
                </c:pt>
                <c:pt idx="8634">
                  <c:v>143.9</c:v>
                </c:pt>
                <c:pt idx="8635">
                  <c:v>143.91666699999999</c:v>
                </c:pt>
                <c:pt idx="8636">
                  <c:v>143.933333</c:v>
                </c:pt>
                <c:pt idx="8637">
                  <c:v>143.94999999999999</c:v>
                </c:pt>
                <c:pt idx="8638">
                  <c:v>143.966667</c:v>
                </c:pt>
                <c:pt idx="8639">
                  <c:v>143.98333299999999</c:v>
                </c:pt>
                <c:pt idx="8640">
                  <c:v>144</c:v>
                </c:pt>
                <c:pt idx="8641">
                  <c:v>144.01666699999998</c:v>
                </c:pt>
                <c:pt idx="8642">
                  <c:v>144.033333</c:v>
                </c:pt>
                <c:pt idx="8643">
                  <c:v>144.04999999999998</c:v>
                </c:pt>
                <c:pt idx="8644">
                  <c:v>144.066667</c:v>
                </c:pt>
                <c:pt idx="8645">
                  <c:v>144.08333299999998</c:v>
                </c:pt>
                <c:pt idx="8646">
                  <c:v>144.1</c:v>
                </c:pt>
                <c:pt idx="8647">
                  <c:v>144.11666700000001</c:v>
                </c:pt>
                <c:pt idx="8648">
                  <c:v>144.13333299999999</c:v>
                </c:pt>
                <c:pt idx="8649">
                  <c:v>144.15</c:v>
                </c:pt>
                <c:pt idx="8650">
                  <c:v>144.16666699999999</c:v>
                </c:pt>
                <c:pt idx="8651">
                  <c:v>144.183333</c:v>
                </c:pt>
                <c:pt idx="8652">
                  <c:v>144.19999999999999</c:v>
                </c:pt>
                <c:pt idx="8653">
                  <c:v>144.216667</c:v>
                </c:pt>
                <c:pt idx="8654">
                  <c:v>144.23333299999999</c:v>
                </c:pt>
                <c:pt idx="8655">
                  <c:v>144.25</c:v>
                </c:pt>
                <c:pt idx="8656">
                  <c:v>144.26666699999998</c:v>
                </c:pt>
                <c:pt idx="8657">
                  <c:v>144.283333</c:v>
                </c:pt>
                <c:pt idx="8658">
                  <c:v>144.29999999999998</c:v>
                </c:pt>
                <c:pt idx="8659">
                  <c:v>144.316667</c:v>
                </c:pt>
                <c:pt idx="8660">
                  <c:v>144.33333299999998</c:v>
                </c:pt>
                <c:pt idx="8661">
                  <c:v>144.35</c:v>
                </c:pt>
                <c:pt idx="8662">
                  <c:v>144.36666700000001</c:v>
                </c:pt>
                <c:pt idx="8663">
                  <c:v>144.38333299999999</c:v>
                </c:pt>
                <c:pt idx="8664">
                  <c:v>144.4</c:v>
                </c:pt>
                <c:pt idx="8665">
                  <c:v>144.41666699999999</c:v>
                </c:pt>
                <c:pt idx="8666">
                  <c:v>144.433333</c:v>
                </c:pt>
                <c:pt idx="8667">
                  <c:v>144.44999999999999</c:v>
                </c:pt>
                <c:pt idx="8668">
                  <c:v>144.466667</c:v>
                </c:pt>
                <c:pt idx="8669">
                  <c:v>144.48333299999999</c:v>
                </c:pt>
                <c:pt idx="8670">
                  <c:v>144.5</c:v>
                </c:pt>
                <c:pt idx="8671">
                  <c:v>144.51666699999998</c:v>
                </c:pt>
                <c:pt idx="8672">
                  <c:v>144.533333</c:v>
                </c:pt>
                <c:pt idx="8673">
                  <c:v>144.54999999999998</c:v>
                </c:pt>
                <c:pt idx="8674">
                  <c:v>144.566667</c:v>
                </c:pt>
                <c:pt idx="8675">
                  <c:v>144.58333299999998</c:v>
                </c:pt>
                <c:pt idx="8676">
                  <c:v>144.6</c:v>
                </c:pt>
                <c:pt idx="8677">
                  <c:v>144.61666700000001</c:v>
                </c:pt>
                <c:pt idx="8678">
                  <c:v>144.63333299999999</c:v>
                </c:pt>
                <c:pt idx="8679">
                  <c:v>144.65</c:v>
                </c:pt>
                <c:pt idx="8680">
                  <c:v>144.66666699999999</c:v>
                </c:pt>
                <c:pt idx="8681">
                  <c:v>144.683333</c:v>
                </c:pt>
                <c:pt idx="8682">
                  <c:v>144.69999999999999</c:v>
                </c:pt>
                <c:pt idx="8683">
                  <c:v>144.716667</c:v>
                </c:pt>
                <c:pt idx="8684">
                  <c:v>144.73333299999999</c:v>
                </c:pt>
                <c:pt idx="8685">
                  <c:v>144.75</c:v>
                </c:pt>
                <c:pt idx="8686">
                  <c:v>144.76666699999998</c:v>
                </c:pt>
                <c:pt idx="8687">
                  <c:v>144.783333</c:v>
                </c:pt>
                <c:pt idx="8688">
                  <c:v>144.79999999999998</c:v>
                </c:pt>
                <c:pt idx="8689">
                  <c:v>144.816667</c:v>
                </c:pt>
                <c:pt idx="8690">
                  <c:v>144.83333299999998</c:v>
                </c:pt>
                <c:pt idx="8691">
                  <c:v>144.85</c:v>
                </c:pt>
                <c:pt idx="8692">
                  <c:v>144.86666700000001</c:v>
                </c:pt>
                <c:pt idx="8693">
                  <c:v>144.88333299999999</c:v>
                </c:pt>
                <c:pt idx="8694">
                  <c:v>144.9</c:v>
                </c:pt>
                <c:pt idx="8695">
                  <c:v>144.91666699999999</c:v>
                </c:pt>
                <c:pt idx="8696">
                  <c:v>144.933333</c:v>
                </c:pt>
                <c:pt idx="8697">
                  <c:v>144.94999999999999</c:v>
                </c:pt>
                <c:pt idx="8698">
                  <c:v>144.966667</c:v>
                </c:pt>
                <c:pt idx="8699">
                  <c:v>144.98333299999999</c:v>
                </c:pt>
                <c:pt idx="8700">
                  <c:v>145</c:v>
                </c:pt>
                <c:pt idx="8701">
                  <c:v>145.01666699999998</c:v>
                </c:pt>
                <c:pt idx="8702">
                  <c:v>145.033333</c:v>
                </c:pt>
                <c:pt idx="8703">
                  <c:v>145.04999999999998</c:v>
                </c:pt>
                <c:pt idx="8704">
                  <c:v>145.066667</c:v>
                </c:pt>
                <c:pt idx="8705">
                  <c:v>145.08333299999998</c:v>
                </c:pt>
                <c:pt idx="8706">
                  <c:v>145.1</c:v>
                </c:pt>
                <c:pt idx="8707">
                  <c:v>145.11666700000001</c:v>
                </c:pt>
                <c:pt idx="8708">
                  <c:v>145.13333299999999</c:v>
                </c:pt>
                <c:pt idx="8709">
                  <c:v>145.15</c:v>
                </c:pt>
                <c:pt idx="8710">
                  <c:v>145.16666699999999</c:v>
                </c:pt>
                <c:pt idx="8711">
                  <c:v>145.183333</c:v>
                </c:pt>
                <c:pt idx="8712">
                  <c:v>145.19999999999999</c:v>
                </c:pt>
                <c:pt idx="8713">
                  <c:v>145.216667</c:v>
                </c:pt>
                <c:pt idx="8714">
                  <c:v>145.23333299999999</c:v>
                </c:pt>
                <c:pt idx="8715">
                  <c:v>145.25</c:v>
                </c:pt>
                <c:pt idx="8716">
                  <c:v>145.26666699999998</c:v>
                </c:pt>
                <c:pt idx="8717">
                  <c:v>145.283333</c:v>
                </c:pt>
                <c:pt idx="8718">
                  <c:v>145.29999999999998</c:v>
                </c:pt>
                <c:pt idx="8719">
                  <c:v>145.316667</c:v>
                </c:pt>
                <c:pt idx="8720">
                  <c:v>145.33333299999998</c:v>
                </c:pt>
                <c:pt idx="8721">
                  <c:v>145.35</c:v>
                </c:pt>
                <c:pt idx="8722">
                  <c:v>145.36666700000001</c:v>
                </c:pt>
                <c:pt idx="8723">
                  <c:v>145.38333299999999</c:v>
                </c:pt>
                <c:pt idx="8724">
                  <c:v>145.4</c:v>
                </c:pt>
                <c:pt idx="8725">
                  <c:v>145.41666699999999</c:v>
                </c:pt>
                <c:pt idx="8726">
                  <c:v>145.433333</c:v>
                </c:pt>
                <c:pt idx="8727">
                  <c:v>145.44999999999999</c:v>
                </c:pt>
                <c:pt idx="8728">
                  <c:v>145.466667</c:v>
                </c:pt>
                <c:pt idx="8729">
                  <c:v>145.48333299999999</c:v>
                </c:pt>
                <c:pt idx="8730">
                  <c:v>145.5</c:v>
                </c:pt>
                <c:pt idx="8731">
                  <c:v>145.51666699999998</c:v>
                </c:pt>
                <c:pt idx="8732">
                  <c:v>145.533333</c:v>
                </c:pt>
                <c:pt idx="8733">
                  <c:v>145.54999999999998</c:v>
                </c:pt>
                <c:pt idx="8734">
                  <c:v>145.566667</c:v>
                </c:pt>
                <c:pt idx="8735">
                  <c:v>145.58333299999998</c:v>
                </c:pt>
                <c:pt idx="8736">
                  <c:v>145.6</c:v>
                </c:pt>
                <c:pt idx="8737">
                  <c:v>145.61666700000001</c:v>
                </c:pt>
                <c:pt idx="8738">
                  <c:v>145.63333299999999</c:v>
                </c:pt>
                <c:pt idx="8739">
                  <c:v>145.65</c:v>
                </c:pt>
                <c:pt idx="8740">
                  <c:v>145.66666699999999</c:v>
                </c:pt>
                <c:pt idx="8741">
                  <c:v>145.683333</c:v>
                </c:pt>
                <c:pt idx="8742">
                  <c:v>145.69999999999999</c:v>
                </c:pt>
                <c:pt idx="8743">
                  <c:v>145.716667</c:v>
                </c:pt>
                <c:pt idx="8744">
                  <c:v>145.73333299999999</c:v>
                </c:pt>
                <c:pt idx="8745">
                  <c:v>145.75</c:v>
                </c:pt>
                <c:pt idx="8746">
                  <c:v>145.76666699999998</c:v>
                </c:pt>
                <c:pt idx="8747">
                  <c:v>145.783333</c:v>
                </c:pt>
                <c:pt idx="8748">
                  <c:v>145.79999999999998</c:v>
                </c:pt>
                <c:pt idx="8749">
                  <c:v>145.816667</c:v>
                </c:pt>
                <c:pt idx="8750">
                  <c:v>145.83333299999998</c:v>
                </c:pt>
                <c:pt idx="8751">
                  <c:v>145.85</c:v>
                </c:pt>
                <c:pt idx="8752">
                  <c:v>145.86666700000001</c:v>
                </c:pt>
                <c:pt idx="8753">
                  <c:v>145.88333299999999</c:v>
                </c:pt>
                <c:pt idx="8754">
                  <c:v>145.9</c:v>
                </c:pt>
                <c:pt idx="8755">
                  <c:v>145.91666699999999</c:v>
                </c:pt>
                <c:pt idx="8756">
                  <c:v>145.933333</c:v>
                </c:pt>
                <c:pt idx="8757">
                  <c:v>145.94999999999999</c:v>
                </c:pt>
                <c:pt idx="8758">
                  <c:v>145.966667</c:v>
                </c:pt>
                <c:pt idx="8759">
                  <c:v>145.98333299999999</c:v>
                </c:pt>
                <c:pt idx="8760">
                  <c:v>146</c:v>
                </c:pt>
                <c:pt idx="8761">
                  <c:v>146.01666699999998</c:v>
                </c:pt>
                <c:pt idx="8762">
                  <c:v>146.033333</c:v>
                </c:pt>
                <c:pt idx="8763">
                  <c:v>146.04999999999998</c:v>
                </c:pt>
                <c:pt idx="8764">
                  <c:v>146.066667</c:v>
                </c:pt>
                <c:pt idx="8765">
                  <c:v>146.08333299999998</c:v>
                </c:pt>
                <c:pt idx="8766">
                  <c:v>146.1</c:v>
                </c:pt>
                <c:pt idx="8767">
                  <c:v>146.11666700000001</c:v>
                </c:pt>
                <c:pt idx="8768">
                  <c:v>146.13333299999999</c:v>
                </c:pt>
                <c:pt idx="8769">
                  <c:v>146.15</c:v>
                </c:pt>
                <c:pt idx="8770">
                  <c:v>146.16666699999999</c:v>
                </c:pt>
                <c:pt idx="8771">
                  <c:v>146.183333</c:v>
                </c:pt>
                <c:pt idx="8772">
                  <c:v>146.19999999999999</c:v>
                </c:pt>
                <c:pt idx="8773">
                  <c:v>146.216667</c:v>
                </c:pt>
                <c:pt idx="8774">
                  <c:v>146.23333299999999</c:v>
                </c:pt>
                <c:pt idx="8775">
                  <c:v>146.25</c:v>
                </c:pt>
                <c:pt idx="8776">
                  <c:v>146.26666699999998</c:v>
                </c:pt>
                <c:pt idx="8777">
                  <c:v>146.283333</c:v>
                </c:pt>
                <c:pt idx="8778">
                  <c:v>146.29999999999998</c:v>
                </c:pt>
                <c:pt idx="8779">
                  <c:v>146.316667</c:v>
                </c:pt>
                <c:pt idx="8780">
                  <c:v>146.33333299999998</c:v>
                </c:pt>
                <c:pt idx="8781">
                  <c:v>146.35</c:v>
                </c:pt>
                <c:pt idx="8782">
                  <c:v>146.36666700000001</c:v>
                </c:pt>
                <c:pt idx="8783">
                  <c:v>146.38333299999999</c:v>
                </c:pt>
                <c:pt idx="8784">
                  <c:v>146.4</c:v>
                </c:pt>
                <c:pt idx="8785">
                  <c:v>146.41666699999999</c:v>
                </c:pt>
                <c:pt idx="8786">
                  <c:v>146.433333</c:v>
                </c:pt>
                <c:pt idx="8787">
                  <c:v>146.44999999999999</c:v>
                </c:pt>
                <c:pt idx="8788">
                  <c:v>146.466667</c:v>
                </c:pt>
                <c:pt idx="8789">
                  <c:v>146.48333299999999</c:v>
                </c:pt>
                <c:pt idx="8790">
                  <c:v>146.5</c:v>
                </c:pt>
                <c:pt idx="8791">
                  <c:v>146.51666699999998</c:v>
                </c:pt>
                <c:pt idx="8792">
                  <c:v>146.533333</c:v>
                </c:pt>
                <c:pt idx="8793">
                  <c:v>146.54999999999998</c:v>
                </c:pt>
                <c:pt idx="8794">
                  <c:v>146.566667</c:v>
                </c:pt>
                <c:pt idx="8795">
                  <c:v>146.58333299999998</c:v>
                </c:pt>
                <c:pt idx="8796">
                  <c:v>146.6</c:v>
                </c:pt>
                <c:pt idx="8797">
                  <c:v>146.61666700000001</c:v>
                </c:pt>
                <c:pt idx="8798">
                  <c:v>146.63333299999999</c:v>
                </c:pt>
                <c:pt idx="8799">
                  <c:v>146.65</c:v>
                </c:pt>
                <c:pt idx="8800">
                  <c:v>146.66666699999999</c:v>
                </c:pt>
                <c:pt idx="8801">
                  <c:v>146.683333</c:v>
                </c:pt>
                <c:pt idx="8802">
                  <c:v>146.69999999999999</c:v>
                </c:pt>
                <c:pt idx="8803">
                  <c:v>146.716667</c:v>
                </c:pt>
                <c:pt idx="8804">
                  <c:v>146.73333299999999</c:v>
                </c:pt>
                <c:pt idx="8805">
                  <c:v>146.75</c:v>
                </c:pt>
                <c:pt idx="8806">
                  <c:v>146.76666699999998</c:v>
                </c:pt>
                <c:pt idx="8807">
                  <c:v>146.783333</c:v>
                </c:pt>
                <c:pt idx="8808">
                  <c:v>146.79999999999998</c:v>
                </c:pt>
                <c:pt idx="8809">
                  <c:v>146.816667</c:v>
                </c:pt>
                <c:pt idx="8810">
                  <c:v>146.83333299999998</c:v>
                </c:pt>
                <c:pt idx="8811">
                  <c:v>146.85</c:v>
                </c:pt>
                <c:pt idx="8812">
                  <c:v>146.86666700000001</c:v>
                </c:pt>
                <c:pt idx="8813">
                  <c:v>146.88333299999999</c:v>
                </c:pt>
                <c:pt idx="8814">
                  <c:v>146.9</c:v>
                </c:pt>
                <c:pt idx="8815">
                  <c:v>146.91666699999999</c:v>
                </c:pt>
                <c:pt idx="8816">
                  <c:v>146.933333</c:v>
                </c:pt>
                <c:pt idx="8817">
                  <c:v>146.94999999999999</c:v>
                </c:pt>
                <c:pt idx="8818">
                  <c:v>146.966667</c:v>
                </c:pt>
                <c:pt idx="8819">
                  <c:v>146.98333299999999</c:v>
                </c:pt>
                <c:pt idx="8820">
                  <c:v>147</c:v>
                </c:pt>
                <c:pt idx="8821">
                  <c:v>147.01666699999998</c:v>
                </c:pt>
                <c:pt idx="8822">
                  <c:v>147.033333</c:v>
                </c:pt>
                <c:pt idx="8823">
                  <c:v>147.04999999999998</c:v>
                </c:pt>
                <c:pt idx="8824">
                  <c:v>147.066667</c:v>
                </c:pt>
                <c:pt idx="8825">
                  <c:v>147.08333299999998</c:v>
                </c:pt>
                <c:pt idx="8826">
                  <c:v>147.1</c:v>
                </c:pt>
                <c:pt idx="8827">
                  <c:v>147.11666700000001</c:v>
                </c:pt>
                <c:pt idx="8828">
                  <c:v>147.13333299999999</c:v>
                </c:pt>
                <c:pt idx="8829">
                  <c:v>147.15</c:v>
                </c:pt>
                <c:pt idx="8830">
                  <c:v>147.16666699999999</c:v>
                </c:pt>
                <c:pt idx="8831">
                  <c:v>147.183333</c:v>
                </c:pt>
                <c:pt idx="8832">
                  <c:v>147.19999999999999</c:v>
                </c:pt>
                <c:pt idx="8833">
                  <c:v>147.216667</c:v>
                </c:pt>
                <c:pt idx="8834">
                  <c:v>147.23333299999999</c:v>
                </c:pt>
                <c:pt idx="8835">
                  <c:v>147.25</c:v>
                </c:pt>
                <c:pt idx="8836">
                  <c:v>147.26666699999998</c:v>
                </c:pt>
                <c:pt idx="8837">
                  <c:v>147.283333</c:v>
                </c:pt>
                <c:pt idx="8838">
                  <c:v>147.29999999999998</c:v>
                </c:pt>
                <c:pt idx="8839">
                  <c:v>147.316667</c:v>
                </c:pt>
                <c:pt idx="8840">
                  <c:v>147.33333299999998</c:v>
                </c:pt>
                <c:pt idx="8841">
                  <c:v>147.35</c:v>
                </c:pt>
                <c:pt idx="8842">
                  <c:v>147.36666700000001</c:v>
                </c:pt>
                <c:pt idx="8843">
                  <c:v>147.38333299999999</c:v>
                </c:pt>
                <c:pt idx="8844">
                  <c:v>147.4</c:v>
                </c:pt>
                <c:pt idx="8845">
                  <c:v>147.41666699999999</c:v>
                </c:pt>
                <c:pt idx="8846">
                  <c:v>147.433333</c:v>
                </c:pt>
                <c:pt idx="8847">
                  <c:v>147.44999999999999</c:v>
                </c:pt>
                <c:pt idx="8848">
                  <c:v>147.466667</c:v>
                </c:pt>
                <c:pt idx="8849">
                  <c:v>147.48333299999999</c:v>
                </c:pt>
                <c:pt idx="8850">
                  <c:v>147.5</c:v>
                </c:pt>
                <c:pt idx="8851">
                  <c:v>147.51666699999998</c:v>
                </c:pt>
                <c:pt idx="8852">
                  <c:v>147.533333</c:v>
                </c:pt>
                <c:pt idx="8853">
                  <c:v>147.54999999999998</c:v>
                </c:pt>
                <c:pt idx="8854">
                  <c:v>147.566667</c:v>
                </c:pt>
                <c:pt idx="8855">
                  <c:v>147.58333299999998</c:v>
                </c:pt>
                <c:pt idx="8856">
                  <c:v>147.6</c:v>
                </c:pt>
                <c:pt idx="8857">
                  <c:v>147.61666700000001</c:v>
                </c:pt>
                <c:pt idx="8858">
                  <c:v>147.63333299999999</c:v>
                </c:pt>
                <c:pt idx="8859">
                  <c:v>147.65</c:v>
                </c:pt>
                <c:pt idx="8860">
                  <c:v>147.66666699999999</c:v>
                </c:pt>
                <c:pt idx="8861">
                  <c:v>147.683333</c:v>
                </c:pt>
                <c:pt idx="8862">
                  <c:v>147.69999999999999</c:v>
                </c:pt>
                <c:pt idx="8863">
                  <c:v>147.716667</c:v>
                </c:pt>
                <c:pt idx="8864">
                  <c:v>147.73333299999999</c:v>
                </c:pt>
                <c:pt idx="8865">
                  <c:v>147.75</c:v>
                </c:pt>
                <c:pt idx="8866">
                  <c:v>147.76666699999998</c:v>
                </c:pt>
                <c:pt idx="8867">
                  <c:v>147.783333</c:v>
                </c:pt>
                <c:pt idx="8868">
                  <c:v>147.79999999999998</c:v>
                </c:pt>
                <c:pt idx="8869">
                  <c:v>147.816667</c:v>
                </c:pt>
                <c:pt idx="8870">
                  <c:v>147.83333299999998</c:v>
                </c:pt>
                <c:pt idx="8871">
                  <c:v>147.85</c:v>
                </c:pt>
                <c:pt idx="8872">
                  <c:v>147.86666700000001</c:v>
                </c:pt>
                <c:pt idx="8873">
                  <c:v>147.88333299999999</c:v>
                </c:pt>
                <c:pt idx="8874">
                  <c:v>147.9</c:v>
                </c:pt>
                <c:pt idx="8875">
                  <c:v>147.91666699999999</c:v>
                </c:pt>
                <c:pt idx="8876">
                  <c:v>147.933333</c:v>
                </c:pt>
                <c:pt idx="8877">
                  <c:v>147.94999999999999</c:v>
                </c:pt>
                <c:pt idx="8878">
                  <c:v>147.966667</c:v>
                </c:pt>
                <c:pt idx="8879">
                  <c:v>147.98333299999999</c:v>
                </c:pt>
                <c:pt idx="8880">
                  <c:v>148</c:v>
                </c:pt>
                <c:pt idx="8881">
                  <c:v>148.01666699999998</c:v>
                </c:pt>
                <c:pt idx="8882">
                  <c:v>148.033333</c:v>
                </c:pt>
                <c:pt idx="8883">
                  <c:v>148.04999999999998</c:v>
                </c:pt>
                <c:pt idx="8884">
                  <c:v>148.066667</c:v>
                </c:pt>
                <c:pt idx="8885">
                  <c:v>148.08333299999998</c:v>
                </c:pt>
                <c:pt idx="8886">
                  <c:v>148.1</c:v>
                </c:pt>
                <c:pt idx="8887">
                  <c:v>148.11666700000001</c:v>
                </c:pt>
                <c:pt idx="8888">
                  <c:v>148.13333299999999</c:v>
                </c:pt>
                <c:pt idx="8889">
                  <c:v>148.15</c:v>
                </c:pt>
                <c:pt idx="8890">
                  <c:v>148.16666699999999</c:v>
                </c:pt>
                <c:pt idx="8891">
                  <c:v>148.183333</c:v>
                </c:pt>
                <c:pt idx="8892">
                  <c:v>148.19999999999999</c:v>
                </c:pt>
                <c:pt idx="8893">
                  <c:v>148.216667</c:v>
                </c:pt>
                <c:pt idx="8894">
                  <c:v>148.23333299999999</c:v>
                </c:pt>
                <c:pt idx="8895">
                  <c:v>148.25</c:v>
                </c:pt>
                <c:pt idx="8896">
                  <c:v>148.26666699999998</c:v>
                </c:pt>
                <c:pt idx="8897">
                  <c:v>148.283333</c:v>
                </c:pt>
                <c:pt idx="8898">
                  <c:v>148.29999999999998</c:v>
                </c:pt>
                <c:pt idx="8899">
                  <c:v>148.316667</c:v>
                </c:pt>
                <c:pt idx="8900">
                  <c:v>148.33333299999998</c:v>
                </c:pt>
                <c:pt idx="8901">
                  <c:v>148.35</c:v>
                </c:pt>
                <c:pt idx="8902">
                  <c:v>148.36666700000001</c:v>
                </c:pt>
                <c:pt idx="8903">
                  <c:v>148.38333299999999</c:v>
                </c:pt>
                <c:pt idx="8904">
                  <c:v>148.4</c:v>
                </c:pt>
                <c:pt idx="8905">
                  <c:v>148.41666699999999</c:v>
                </c:pt>
                <c:pt idx="8906">
                  <c:v>148.433333</c:v>
                </c:pt>
                <c:pt idx="8907">
                  <c:v>148.44999999999999</c:v>
                </c:pt>
                <c:pt idx="8908">
                  <c:v>148.466667</c:v>
                </c:pt>
                <c:pt idx="8909">
                  <c:v>148.48333299999999</c:v>
                </c:pt>
                <c:pt idx="8910">
                  <c:v>148.5</c:v>
                </c:pt>
                <c:pt idx="8911">
                  <c:v>148.51666699999998</c:v>
                </c:pt>
                <c:pt idx="8912">
                  <c:v>148.533333</c:v>
                </c:pt>
                <c:pt idx="8913">
                  <c:v>148.54999999999998</c:v>
                </c:pt>
                <c:pt idx="8914">
                  <c:v>148.566667</c:v>
                </c:pt>
                <c:pt idx="8915">
                  <c:v>148.58333299999998</c:v>
                </c:pt>
                <c:pt idx="8916">
                  <c:v>148.6</c:v>
                </c:pt>
                <c:pt idx="8917">
                  <c:v>148.61666700000001</c:v>
                </c:pt>
                <c:pt idx="8918">
                  <c:v>148.63333299999999</c:v>
                </c:pt>
                <c:pt idx="8919">
                  <c:v>148.65</c:v>
                </c:pt>
                <c:pt idx="8920">
                  <c:v>148.66666699999999</c:v>
                </c:pt>
                <c:pt idx="8921">
                  <c:v>148.683333</c:v>
                </c:pt>
                <c:pt idx="8922">
                  <c:v>148.69999999999999</c:v>
                </c:pt>
                <c:pt idx="8923">
                  <c:v>148.716667</c:v>
                </c:pt>
                <c:pt idx="8924">
                  <c:v>148.73333299999999</c:v>
                </c:pt>
                <c:pt idx="8925">
                  <c:v>148.75</c:v>
                </c:pt>
                <c:pt idx="8926">
                  <c:v>148.76666699999998</c:v>
                </c:pt>
                <c:pt idx="8927">
                  <c:v>148.783333</c:v>
                </c:pt>
                <c:pt idx="8928">
                  <c:v>148.79999999999998</c:v>
                </c:pt>
                <c:pt idx="8929">
                  <c:v>148.816667</c:v>
                </c:pt>
                <c:pt idx="8930">
                  <c:v>148.83333299999998</c:v>
                </c:pt>
                <c:pt idx="8931">
                  <c:v>148.85</c:v>
                </c:pt>
                <c:pt idx="8932">
                  <c:v>148.86666700000001</c:v>
                </c:pt>
                <c:pt idx="8933">
                  <c:v>148.88333299999999</c:v>
                </c:pt>
                <c:pt idx="8934">
                  <c:v>148.9</c:v>
                </c:pt>
                <c:pt idx="8935">
                  <c:v>148.91666699999999</c:v>
                </c:pt>
                <c:pt idx="8936">
                  <c:v>148.933333</c:v>
                </c:pt>
                <c:pt idx="8937">
                  <c:v>148.94999999999999</c:v>
                </c:pt>
                <c:pt idx="8938">
                  <c:v>148.966667</c:v>
                </c:pt>
                <c:pt idx="8939">
                  <c:v>148.98333299999999</c:v>
                </c:pt>
                <c:pt idx="8940">
                  <c:v>149</c:v>
                </c:pt>
                <c:pt idx="8941">
                  <c:v>149.01666699999998</c:v>
                </c:pt>
                <c:pt idx="8942">
                  <c:v>149.033333</c:v>
                </c:pt>
                <c:pt idx="8943">
                  <c:v>149.04999999999998</c:v>
                </c:pt>
                <c:pt idx="8944">
                  <c:v>149.066667</c:v>
                </c:pt>
                <c:pt idx="8945">
                  <c:v>149.08333299999998</c:v>
                </c:pt>
                <c:pt idx="8946">
                  <c:v>149.1</c:v>
                </c:pt>
                <c:pt idx="8947">
                  <c:v>149.11666700000001</c:v>
                </c:pt>
                <c:pt idx="8948">
                  <c:v>149.13333299999999</c:v>
                </c:pt>
                <c:pt idx="8949">
                  <c:v>149.15</c:v>
                </c:pt>
                <c:pt idx="8950">
                  <c:v>149.16666699999999</c:v>
                </c:pt>
                <c:pt idx="8951">
                  <c:v>149.183333</c:v>
                </c:pt>
                <c:pt idx="8952">
                  <c:v>149.19999999999999</c:v>
                </c:pt>
                <c:pt idx="8953">
                  <c:v>149.216667</c:v>
                </c:pt>
                <c:pt idx="8954">
                  <c:v>149.23333299999999</c:v>
                </c:pt>
                <c:pt idx="8955">
                  <c:v>149.25</c:v>
                </c:pt>
                <c:pt idx="8956">
                  <c:v>149.26666699999998</c:v>
                </c:pt>
                <c:pt idx="8957">
                  <c:v>149.283333</c:v>
                </c:pt>
                <c:pt idx="8958">
                  <c:v>149.29999999999998</c:v>
                </c:pt>
                <c:pt idx="8959">
                  <c:v>149.316667</c:v>
                </c:pt>
                <c:pt idx="8960">
                  <c:v>149.33333299999998</c:v>
                </c:pt>
                <c:pt idx="8961">
                  <c:v>149.35</c:v>
                </c:pt>
                <c:pt idx="8962">
                  <c:v>149.36666700000001</c:v>
                </c:pt>
                <c:pt idx="8963">
                  <c:v>149.38333299999999</c:v>
                </c:pt>
                <c:pt idx="8964">
                  <c:v>149.4</c:v>
                </c:pt>
                <c:pt idx="8965">
                  <c:v>149.41666699999999</c:v>
                </c:pt>
                <c:pt idx="8966">
                  <c:v>149.433333</c:v>
                </c:pt>
                <c:pt idx="8967">
                  <c:v>149.44999999999999</c:v>
                </c:pt>
                <c:pt idx="8968">
                  <c:v>149.466667</c:v>
                </c:pt>
                <c:pt idx="8969">
                  <c:v>149.48333299999999</c:v>
                </c:pt>
                <c:pt idx="8970">
                  <c:v>149.5</c:v>
                </c:pt>
                <c:pt idx="8971">
                  <c:v>149.51666699999998</c:v>
                </c:pt>
                <c:pt idx="8972">
                  <c:v>149.533333</c:v>
                </c:pt>
                <c:pt idx="8973">
                  <c:v>149.54999999999998</c:v>
                </c:pt>
                <c:pt idx="8974">
                  <c:v>149.566667</c:v>
                </c:pt>
                <c:pt idx="8975">
                  <c:v>149.58333299999998</c:v>
                </c:pt>
                <c:pt idx="8976">
                  <c:v>149.6</c:v>
                </c:pt>
                <c:pt idx="8977">
                  <c:v>149.61666700000001</c:v>
                </c:pt>
                <c:pt idx="8978">
                  <c:v>149.63333299999999</c:v>
                </c:pt>
                <c:pt idx="8979">
                  <c:v>149.65</c:v>
                </c:pt>
                <c:pt idx="8980">
                  <c:v>149.66666699999999</c:v>
                </c:pt>
                <c:pt idx="8981">
                  <c:v>149.683333</c:v>
                </c:pt>
                <c:pt idx="8982">
                  <c:v>149.69999999999999</c:v>
                </c:pt>
                <c:pt idx="8983">
                  <c:v>149.716667</c:v>
                </c:pt>
                <c:pt idx="8984">
                  <c:v>149.73333299999999</c:v>
                </c:pt>
                <c:pt idx="8985">
                  <c:v>149.75</c:v>
                </c:pt>
                <c:pt idx="8986">
                  <c:v>149.76666699999998</c:v>
                </c:pt>
                <c:pt idx="8987">
                  <c:v>149.783333</c:v>
                </c:pt>
                <c:pt idx="8988">
                  <c:v>149.79999999999998</c:v>
                </c:pt>
                <c:pt idx="8989">
                  <c:v>149.816667</c:v>
                </c:pt>
                <c:pt idx="8990">
                  <c:v>149.83333299999998</c:v>
                </c:pt>
                <c:pt idx="8991">
                  <c:v>149.85</c:v>
                </c:pt>
                <c:pt idx="8992">
                  <c:v>149.86666700000001</c:v>
                </c:pt>
                <c:pt idx="8993">
                  <c:v>149.88333299999999</c:v>
                </c:pt>
                <c:pt idx="8994">
                  <c:v>149.9</c:v>
                </c:pt>
                <c:pt idx="8995">
                  <c:v>149.91666699999999</c:v>
                </c:pt>
                <c:pt idx="8996">
                  <c:v>149.933333</c:v>
                </c:pt>
                <c:pt idx="8997">
                  <c:v>149.94999999999999</c:v>
                </c:pt>
                <c:pt idx="8998">
                  <c:v>149.966667</c:v>
                </c:pt>
                <c:pt idx="8999">
                  <c:v>149.98333299999999</c:v>
                </c:pt>
                <c:pt idx="9000">
                  <c:v>150</c:v>
                </c:pt>
                <c:pt idx="9001">
                  <c:v>150.01666699999998</c:v>
                </c:pt>
                <c:pt idx="9002">
                  <c:v>150.033333</c:v>
                </c:pt>
                <c:pt idx="9003">
                  <c:v>150.04999999999998</c:v>
                </c:pt>
                <c:pt idx="9004">
                  <c:v>150.066667</c:v>
                </c:pt>
                <c:pt idx="9005">
                  <c:v>150.08333299999998</c:v>
                </c:pt>
                <c:pt idx="9006">
                  <c:v>150.1</c:v>
                </c:pt>
                <c:pt idx="9007">
                  <c:v>150.11666700000001</c:v>
                </c:pt>
                <c:pt idx="9008">
                  <c:v>150.13333299999999</c:v>
                </c:pt>
                <c:pt idx="9009">
                  <c:v>150.15</c:v>
                </c:pt>
                <c:pt idx="9010">
                  <c:v>150.16666699999999</c:v>
                </c:pt>
                <c:pt idx="9011">
                  <c:v>150.183333</c:v>
                </c:pt>
                <c:pt idx="9012">
                  <c:v>150.19999999999999</c:v>
                </c:pt>
                <c:pt idx="9013">
                  <c:v>150.216667</c:v>
                </c:pt>
                <c:pt idx="9014">
                  <c:v>150.23333299999999</c:v>
                </c:pt>
                <c:pt idx="9015">
                  <c:v>150.25</c:v>
                </c:pt>
                <c:pt idx="9016">
                  <c:v>150.26666699999998</c:v>
                </c:pt>
                <c:pt idx="9017">
                  <c:v>150.283333</c:v>
                </c:pt>
                <c:pt idx="9018">
                  <c:v>150.29999999999998</c:v>
                </c:pt>
                <c:pt idx="9019">
                  <c:v>150.316667</c:v>
                </c:pt>
                <c:pt idx="9020">
                  <c:v>150.33333299999998</c:v>
                </c:pt>
                <c:pt idx="9021">
                  <c:v>150.35</c:v>
                </c:pt>
                <c:pt idx="9022">
                  <c:v>150.36666700000001</c:v>
                </c:pt>
                <c:pt idx="9023">
                  <c:v>150.38333299999999</c:v>
                </c:pt>
                <c:pt idx="9024">
                  <c:v>150.4</c:v>
                </c:pt>
                <c:pt idx="9025">
                  <c:v>150.41666699999999</c:v>
                </c:pt>
                <c:pt idx="9026">
                  <c:v>150.433333</c:v>
                </c:pt>
                <c:pt idx="9027">
                  <c:v>150.44999999999999</c:v>
                </c:pt>
                <c:pt idx="9028">
                  <c:v>150.466667</c:v>
                </c:pt>
                <c:pt idx="9029">
                  <c:v>150.48333299999999</c:v>
                </c:pt>
                <c:pt idx="9030">
                  <c:v>150.5</c:v>
                </c:pt>
                <c:pt idx="9031">
                  <c:v>150.51666699999998</c:v>
                </c:pt>
                <c:pt idx="9032">
                  <c:v>150.533333</c:v>
                </c:pt>
                <c:pt idx="9033">
                  <c:v>150.54999999999998</c:v>
                </c:pt>
                <c:pt idx="9034">
                  <c:v>150.566667</c:v>
                </c:pt>
                <c:pt idx="9035">
                  <c:v>150.58333299999998</c:v>
                </c:pt>
                <c:pt idx="9036">
                  <c:v>150.6</c:v>
                </c:pt>
                <c:pt idx="9037">
                  <c:v>150.61666700000001</c:v>
                </c:pt>
                <c:pt idx="9038">
                  <c:v>150.63333299999999</c:v>
                </c:pt>
                <c:pt idx="9039">
                  <c:v>150.65</c:v>
                </c:pt>
                <c:pt idx="9040">
                  <c:v>150.66666699999999</c:v>
                </c:pt>
                <c:pt idx="9041">
                  <c:v>150.683333</c:v>
                </c:pt>
                <c:pt idx="9042">
                  <c:v>150.69999999999999</c:v>
                </c:pt>
                <c:pt idx="9043">
                  <c:v>150.716667</c:v>
                </c:pt>
                <c:pt idx="9044">
                  <c:v>150.73333299999999</c:v>
                </c:pt>
                <c:pt idx="9045">
                  <c:v>150.75</c:v>
                </c:pt>
                <c:pt idx="9046">
                  <c:v>150.76666699999998</c:v>
                </c:pt>
                <c:pt idx="9047">
                  <c:v>150.783333</c:v>
                </c:pt>
                <c:pt idx="9048">
                  <c:v>150.79999999999998</c:v>
                </c:pt>
                <c:pt idx="9049">
                  <c:v>150.816667</c:v>
                </c:pt>
                <c:pt idx="9050">
                  <c:v>150.83333299999998</c:v>
                </c:pt>
                <c:pt idx="9051">
                  <c:v>150.85</c:v>
                </c:pt>
                <c:pt idx="9052">
                  <c:v>150.86666700000001</c:v>
                </c:pt>
                <c:pt idx="9053">
                  <c:v>150.88333299999999</c:v>
                </c:pt>
                <c:pt idx="9054">
                  <c:v>150.9</c:v>
                </c:pt>
                <c:pt idx="9055">
                  <c:v>150.91666699999999</c:v>
                </c:pt>
                <c:pt idx="9056">
                  <c:v>150.933333</c:v>
                </c:pt>
                <c:pt idx="9057">
                  <c:v>150.94999999999999</c:v>
                </c:pt>
                <c:pt idx="9058">
                  <c:v>150.966667</c:v>
                </c:pt>
                <c:pt idx="9059">
                  <c:v>150.98333299999999</c:v>
                </c:pt>
                <c:pt idx="9060">
                  <c:v>151</c:v>
                </c:pt>
                <c:pt idx="9061">
                  <c:v>151.01666699999998</c:v>
                </c:pt>
                <c:pt idx="9062">
                  <c:v>151.033333</c:v>
                </c:pt>
                <c:pt idx="9063">
                  <c:v>151.04999999999998</c:v>
                </c:pt>
                <c:pt idx="9064">
                  <c:v>151.066667</c:v>
                </c:pt>
                <c:pt idx="9065">
                  <c:v>151.08333299999998</c:v>
                </c:pt>
                <c:pt idx="9066">
                  <c:v>151.1</c:v>
                </c:pt>
                <c:pt idx="9067">
                  <c:v>151.11666700000001</c:v>
                </c:pt>
                <c:pt idx="9068">
                  <c:v>151.13333299999999</c:v>
                </c:pt>
                <c:pt idx="9069">
                  <c:v>151.15</c:v>
                </c:pt>
                <c:pt idx="9070">
                  <c:v>151.16666699999999</c:v>
                </c:pt>
                <c:pt idx="9071">
                  <c:v>151.183333</c:v>
                </c:pt>
                <c:pt idx="9072">
                  <c:v>151.19999999999999</c:v>
                </c:pt>
                <c:pt idx="9073">
                  <c:v>151.216667</c:v>
                </c:pt>
                <c:pt idx="9074">
                  <c:v>151.23333299999999</c:v>
                </c:pt>
                <c:pt idx="9075">
                  <c:v>151.25</c:v>
                </c:pt>
                <c:pt idx="9076">
                  <c:v>151.26666699999998</c:v>
                </c:pt>
                <c:pt idx="9077">
                  <c:v>151.283333</c:v>
                </c:pt>
                <c:pt idx="9078">
                  <c:v>151.29999999999998</c:v>
                </c:pt>
                <c:pt idx="9079">
                  <c:v>151.316667</c:v>
                </c:pt>
                <c:pt idx="9080">
                  <c:v>151.33333299999998</c:v>
                </c:pt>
                <c:pt idx="9081">
                  <c:v>151.35</c:v>
                </c:pt>
                <c:pt idx="9082">
                  <c:v>151.36666700000001</c:v>
                </c:pt>
                <c:pt idx="9083">
                  <c:v>151.38333299999999</c:v>
                </c:pt>
                <c:pt idx="9084">
                  <c:v>151.4</c:v>
                </c:pt>
                <c:pt idx="9085">
                  <c:v>151.41666699999999</c:v>
                </c:pt>
                <c:pt idx="9086">
                  <c:v>151.433333</c:v>
                </c:pt>
                <c:pt idx="9087">
                  <c:v>151.44999999999999</c:v>
                </c:pt>
                <c:pt idx="9088">
                  <c:v>151.466667</c:v>
                </c:pt>
                <c:pt idx="9089">
                  <c:v>151.48333299999999</c:v>
                </c:pt>
                <c:pt idx="9090">
                  <c:v>151.5</c:v>
                </c:pt>
                <c:pt idx="9091">
                  <c:v>151.51666699999998</c:v>
                </c:pt>
                <c:pt idx="9092">
                  <c:v>151.533333</c:v>
                </c:pt>
                <c:pt idx="9093">
                  <c:v>151.54999999999998</c:v>
                </c:pt>
                <c:pt idx="9094">
                  <c:v>151.566667</c:v>
                </c:pt>
                <c:pt idx="9095">
                  <c:v>151.58333299999998</c:v>
                </c:pt>
                <c:pt idx="9096">
                  <c:v>151.6</c:v>
                </c:pt>
                <c:pt idx="9097">
                  <c:v>151.61666700000001</c:v>
                </c:pt>
                <c:pt idx="9098">
                  <c:v>151.63333299999999</c:v>
                </c:pt>
                <c:pt idx="9099">
                  <c:v>151.65</c:v>
                </c:pt>
                <c:pt idx="9100">
                  <c:v>151.66666699999999</c:v>
                </c:pt>
                <c:pt idx="9101">
                  <c:v>151.683333</c:v>
                </c:pt>
                <c:pt idx="9102">
                  <c:v>151.69999999999999</c:v>
                </c:pt>
                <c:pt idx="9103">
                  <c:v>151.716667</c:v>
                </c:pt>
                <c:pt idx="9104">
                  <c:v>151.73333299999999</c:v>
                </c:pt>
                <c:pt idx="9105">
                  <c:v>151.75</c:v>
                </c:pt>
                <c:pt idx="9106">
                  <c:v>151.76666699999998</c:v>
                </c:pt>
                <c:pt idx="9107">
                  <c:v>151.783333</c:v>
                </c:pt>
                <c:pt idx="9108">
                  <c:v>151.79999999999998</c:v>
                </c:pt>
                <c:pt idx="9109">
                  <c:v>151.816667</c:v>
                </c:pt>
                <c:pt idx="9110">
                  <c:v>151.83333299999998</c:v>
                </c:pt>
                <c:pt idx="9111">
                  <c:v>151.85</c:v>
                </c:pt>
                <c:pt idx="9112">
                  <c:v>151.86666700000001</c:v>
                </c:pt>
                <c:pt idx="9113">
                  <c:v>151.88333299999999</c:v>
                </c:pt>
                <c:pt idx="9114">
                  <c:v>151.9</c:v>
                </c:pt>
                <c:pt idx="9115">
                  <c:v>151.91666699999999</c:v>
                </c:pt>
                <c:pt idx="9116">
                  <c:v>151.933333</c:v>
                </c:pt>
                <c:pt idx="9117">
                  <c:v>151.94999999999999</c:v>
                </c:pt>
                <c:pt idx="9118">
                  <c:v>151.966667</c:v>
                </c:pt>
                <c:pt idx="9119">
                  <c:v>151.98333299999999</c:v>
                </c:pt>
                <c:pt idx="9120">
                  <c:v>152</c:v>
                </c:pt>
                <c:pt idx="9121">
                  <c:v>152.01666699999998</c:v>
                </c:pt>
                <c:pt idx="9122">
                  <c:v>152.033333</c:v>
                </c:pt>
                <c:pt idx="9123">
                  <c:v>152.04999999999998</c:v>
                </c:pt>
                <c:pt idx="9124">
                  <c:v>152.066667</c:v>
                </c:pt>
                <c:pt idx="9125">
                  <c:v>152.08333299999998</c:v>
                </c:pt>
                <c:pt idx="9126">
                  <c:v>152.1</c:v>
                </c:pt>
                <c:pt idx="9127">
                  <c:v>152.11666700000001</c:v>
                </c:pt>
                <c:pt idx="9128">
                  <c:v>152.13333299999999</c:v>
                </c:pt>
                <c:pt idx="9129">
                  <c:v>152.15</c:v>
                </c:pt>
                <c:pt idx="9130">
                  <c:v>152.16666699999999</c:v>
                </c:pt>
                <c:pt idx="9131">
                  <c:v>152.183333</c:v>
                </c:pt>
                <c:pt idx="9132">
                  <c:v>152.19999999999999</c:v>
                </c:pt>
                <c:pt idx="9133">
                  <c:v>152.216667</c:v>
                </c:pt>
                <c:pt idx="9134">
                  <c:v>152.23333299999999</c:v>
                </c:pt>
                <c:pt idx="9135">
                  <c:v>152.25</c:v>
                </c:pt>
                <c:pt idx="9136">
                  <c:v>152.26666699999998</c:v>
                </c:pt>
                <c:pt idx="9137">
                  <c:v>152.283333</c:v>
                </c:pt>
                <c:pt idx="9138">
                  <c:v>152.29999999999998</c:v>
                </c:pt>
                <c:pt idx="9139">
                  <c:v>152.316667</c:v>
                </c:pt>
                <c:pt idx="9140">
                  <c:v>152.33333299999998</c:v>
                </c:pt>
                <c:pt idx="9141">
                  <c:v>152.35</c:v>
                </c:pt>
                <c:pt idx="9142">
                  <c:v>152.36666700000001</c:v>
                </c:pt>
                <c:pt idx="9143">
                  <c:v>152.38333299999999</c:v>
                </c:pt>
                <c:pt idx="9144">
                  <c:v>152.4</c:v>
                </c:pt>
                <c:pt idx="9145">
                  <c:v>152.41666699999999</c:v>
                </c:pt>
                <c:pt idx="9146">
                  <c:v>152.433333</c:v>
                </c:pt>
                <c:pt idx="9147">
                  <c:v>152.44999999999999</c:v>
                </c:pt>
                <c:pt idx="9148">
                  <c:v>152.466667</c:v>
                </c:pt>
                <c:pt idx="9149">
                  <c:v>152.48333299999999</c:v>
                </c:pt>
                <c:pt idx="9150">
                  <c:v>152.5</c:v>
                </c:pt>
                <c:pt idx="9151">
                  <c:v>152.51666699999998</c:v>
                </c:pt>
                <c:pt idx="9152">
                  <c:v>152.533333</c:v>
                </c:pt>
                <c:pt idx="9153">
                  <c:v>152.54999999999998</c:v>
                </c:pt>
                <c:pt idx="9154">
                  <c:v>152.566667</c:v>
                </c:pt>
                <c:pt idx="9155">
                  <c:v>152.58333299999998</c:v>
                </c:pt>
                <c:pt idx="9156">
                  <c:v>152.6</c:v>
                </c:pt>
                <c:pt idx="9157">
                  <c:v>152.61666700000001</c:v>
                </c:pt>
                <c:pt idx="9158">
                  <c:v>152.63333299999999</c:v>
                </c:pt>
                <c:pt idx="9159">
                  <c:v>152.65</c:v>
                </c:pt>
                <c:pt idx="9160">
                  <c:v>152.66666699999999</c:v>
                </c:pt>
                <c:pt idx="9161">
                  <c:v>152.683333</c:v>
                </c:pt>
                <c:pt idx="9162">
                  <c:v>152.69999999999999</c:v>
                </c:pt>
                <c:pt idx="9163">
                  <c:v>152.716667</c:v>
                </c:pt>
                <c:pt idx="9164">
                  <c:v>152.73333299999999</c:v>
                </c:pt>
                <c:pt idx="9165">
                  <c:v>152.75</c:v>
                </c:pt>
                <c:pt idx="9166">
                  <c:v>152.76666699999998</c:v>
                </c:pt>
                <c:pt idx="9167">
                  <c:v>152.783333</c:v>
                </c:pt>
                <c:pt idx="9168">
                  <c:v>152.79999999999998</c:v>
                </c:pt>
                <c:pt idx="9169">
                  <c:v>152.816667</c:v>
                </c:pt>
                <c:pt idx="9170">
                  <c:v>152.83333299999998</c:v>
                </c:pt>
                <c:pt idx="9171">
                  <c:v>152.85</c:v>
                </c:pt>
                <c:pt idx="9172">
                  <c:v>152.86666700000001</c:v>
                </c:pt>
                <c:pt idx="9173">
                  <c:v>152.88333299999999</c:v>
                </c:pt>
                <c:pt idx="9174">
                  <c:v>152.9</c:v>
                </c:pt>
                <c:pt idx="9175">
                  <c:v>152.91666699999999</c:v>
                </c:pt>
                <c:pt idx="9176">
                  <c:v>152.933333</c:v>
                </c:pt>
                <c:pt idx="9177">
                  <c:v>152.94999999999999</c:v>
                </c:pt>
                <c:pt idx="9178">
                  <c:v>152.966667</c:v>
                </c:pt>
                <c:pt idx="9179">
                  <c:v>152.98333299999999</c:v>
                </c:pt>
                <c:pt idx="9180">
                  <c:v>153</c:v>
                </c:pt>
                <c:pt idx="9181">
                  <c:v>153.01666699999998</c:v>
                </c:pt>
                <c:pt idx="9182">
                  <c:v>153.033333</c:v>
                </c:pt>
                <c:pt idx="9183">
                  <c:v>153.04999999999998</c:v>
                </c:pt>
                <c:pt idx="9184">
                  <c:v>153.066667</c:v>
                </c:pt>
                <c:pt idx="9185">
                  <c:v>153.08333299999998</c:v>
                </c:pt>
                <c:pt idx="9186">
                  <c:v>153.1</c:v>
                </c:pt>
                <c:pt idx="9187">
                  <c:v>153.11666700000001</c:v>
                </c:pt>
                <c:pt idx="9188">
                  <c:v>153.13333299999999</c:v>
                </c:pt>
                <c:pt idx="9189">
                  <c:v>153.15</c:v>
                </c:pt>
                <c:pt idx="9190">
                  <c:v>153.16666699999999</c:v>
                </c:pt>
                <c:pt idx="9191">
                  <c:v>153.183333</c:v>
                </c:pt>
                <c:pt idx="9192">
                  <c:v>153.19999999999999</c:v>
                </c:pt>
                <c:pt idx="9193">
                  <c:v>153.216667</c:v>
                </c:pt>
                <c:pt idx="9194">
                  <c:v>153.23333299999999</c:v>
                </c:pt>
                <c:pt idx="9195">
                  <c:v>153.25</c:v>
                </c:pt>
                <c:pt idx="9196">
                  <c:v>153.26666699999998</c:v>
                </c:pt>
                <c:pt idx="9197">
                  <c:v>153.283333</c:v>
                </c:pt>
                <c:pt idx="9198">
                  <c:v>153.29999999999998</c:v>
                </c:pt>
                <c:pt idx="9199">
                  <c:v>153.316667</c:v>
                </c:pt>
                <c:pt idx="9200">
                  <c:v>153.33333299999998</c:v>
                </c:pt>
                <c:pt idx="9201">
                  <c:v>153.35</c:v>
                </c:pt>
                <c:pt idx="9202">
                  <c:v>153.36666700000001</c:v>
                </c:pt>
                <c:pt idx="9203">
                  <c:v>153.38333299999999</c:v>
                </c:pt>
                <c:pt idx="9204">
                  <c:v>153.4</c:v>
                </c:pt>
                <c:pt idx="9205">
                  <c:v>153.41666699999999</c:v>
                </c:pt>
                <c:pt idx="9206">
                  <c:v>153.433333</c:v>
                </c:pt>
                <c:pt idx="9207">
                  <c:v>153.44999999999999</c:v>
                </c:pt>
                <c:pt idx="9208">
                  <c:v>153.466667</c:v>
                </c:pt>
                <c:pt idx="9209">
                  <c:v>153.48333299999999</c:v>
                </c:pt>
                <c:pt idx="9210">
                  <c:v>153.5</c:v>
                </c:pt>
                <c:pt idx="9211">
                  <c:v>153.51666699999998</c:v>
                </c:pt>
                <c:pt idx="9212">
                  <c:v>153.533333</c:v>
                </c:pt>
                <c:pt idx="9213">
                  <c:v>153.54999999999998</c:v>
                </c:pt>
                <c:pt idx="9214">
                  <c:v>153.566667</c:v>
                </c:pt>
                <c:pt idx="9215">
                  <c:v>153.58333299999998</c:v>
                </c:pt>
                <c:pt idx="9216">
                  <c:v>153.6</c:v>
                </c:pt>
                <c:pt idx="9217">
                  <c:v>153.61666700000001</c:v>
                </c:pt>
                <c:pt idx="9218">
                  <c:v>153.63333299999999</c:v>
                </c:pt>
                <c:pt idx="9219">
                  <c:v>153.65</c:v>
                </c:pt>
                <c:pt idx="9220">
                  <c:v>153.66666699999999</c:v>
                </c:pt>
                <c:pt idx="9221">
                  <c:v>153.683333</c:v>
                </c:pt>
                <c:pt idx="9222">
                  <c:v>153.69999999999999</c:v>
                </c:pt>
                <c:pt idx="9223">
                  <c:v>153.716667</c:v>
                </c:pt>
                <c:pt idx="9224">
                  <c:v>153.73333299999999</c:v>
                </c:pt>
                <c:pt idx="9225">
                  <c:v>153.75</c:v>
                </c:pt>
                <c:pt idx="9226">
                  <c:v>153.76666699999998</c:v>
                </c:pt>
                <c:pt idx="9227">
                  <c:v>153.783333</c:v>
                </c:pt>
                <c:pt idx="9228">
                  <c:v>153.79999999999998</c:v>
                </c:pt>
                <c:pt idx="9229">
                  <c:v>153.816667</c:v>
                </c:pt>
                <c:pt idx="9230">
                  <c:v>153.83333299999998</c:v>
                </c:pt>
                <c:pt idx="9231">
                  <c:v>153.85</c:v>
                </c:pt>
                <c:pt idx="9232">
                  <c:v>153.86666700000001</c:v>
                </c:pt>
                <c:pt idx="9233">
                  <c:v>153.88333299999999</c:v>
                </c:pt>
                <c:pt idx="9234">
                  <c:v>153.9</c:v>
                </c:pt>
                <c:pt idx="9235">
                  <c:v>153.91666699999999</c:v>
                </c:pt>
                <c:pt idx="9236">
                  <c:v>153.933333</c:v>
                </c:pt>
                <c:pt idx="9237">
                  <c:v>153.94999999999999</c:v>
                </c:pt>
                <c:pt idx="9238">
                  <c:v>153.966667</c:v>
                </c:pt>
                <c:pt idx="9239">
                  <c:v>153.98333299999999</c:v>
                </c:pt>
                <c:pt idx="9240">
                  <c:v>154</c:v>
                </c:pt>
                <c:pt idx="9241">
                  <c:v>154.01666699999998</c:v>
                </c:pt>
                <c:pt idx="9242">
                  <c:v>154.033333</c:v>
                </c:pt>
                <c:pt idx="9243">
                  <c:v>154.04999999999998</c:v>
                </c:pt>
                <c:pt idx="9244">
                  <c:v>154.066667</c:v>
                </c:pt>
                <c:pt idx="9245">
                  <c:v>154.08333299999998</c:v>
                </c:pt>
                <c:pt idx="9246">
                  <c:v>154.1</c:v>
                </c:pt>
                <c:pt idx="9247">
                  <c:v>154.11666700000001</c:v>
                </c:pt>
                <c:pt idx="9248">
                  <c:v>154.13333299999999</c:v>
                </c:pt>
                <c:pt idx="9249">
                  <c:v>154.15</c:v>
                </c:pt>
                <c:pt idx="9250">
                  <c:v>154.16666699999999</c:v>
                </c:pt>
                <c:pt idx="9251">
                  <c:v>154.183333</c:v>
                </c:pt>
                <c:pt idx="9252">
                  <c:v>154.19999999999999</c:v>
                </c:pt>
                <c:pt idx="9253">
                  <c:v>154.216667</c:v>
                </c:pt>
                <c:pt idx="9254">
                  <c:v>154.23333299999999</c:v>
                </c:pt>
                <c:pt idx="9255">
                  <c:v>154.25</c:v>
                </c:pt>
                <c:pt idx="9256">
                  <c:v>154.26666699999998</c:v>
                </c:pt>
                <c:pt idx="9257">
                  <c:v>154.283333</c:v>
                </c:pt>
                <c:pt idx="9258">
                  <c:v>154.29999999999998</c:v>
                </c:pt>
                <c:pt idx="9259">
                  <c:v>154.316667</c:v>
                </c:pt>
                <c:pt idx="9260">
                  <c:v>154.33333299999998</c:v>
                </c:pt>
                <c:pt idx="9261">
                  <c:v>154.35</c:v>
                </c:pt>
                <c:pt idx="9262">
                  <c:v>154.36666700000001</c:v>
                </c:pt>
                <c:pt idx="9263">
                  <c:v>154.38333299999999</c:v>
                </c:pt>
                <c:pt idx="9264">
                  <c:v>154.4</c:v>
                </c:pt>
                <c:pt idx="9265">
                  <c:v>154.41666699999999</c:v>
                </c:pt>
                <c:pt idx="9266">
                  <c:v>154.433333</c:v>
                </c:pt>
                <c:pt idx="9267">
                  <c:v>154.44999999999999</c:v>
                </c:pt>
                <c:pt idx="9268">
                  <c:v>154.466667</c:v>
                </c:pt>
                <c:pt idx="9269">
                  <c:v>154.48333299999999</c:v>
                </c:pt>
                <c:pt idx="9270">
                  <c:v>154.5</c:v>
                </c:pt>
                <c:pt idx="9271">
                  <c:v>154.51666699999998</c:v>
                </c:pt>
                <c:pt idx="9272">
                  <c:v>154.533333</c:v>
                </c:pt>
                <c:pt idx="9273">
                  <c:v>154.54999999999998</c:v>
                </c:pt>
                <c:pt idx="9274">
                  <c:v>154.566667</c:v>
                </c:pt>
                <c:pt idx="9275">
                  <c:v>154.58333299999998</c:v>
                </c:pt>
                <c:pt idx="9276">
                  <c:v>154.6</c:v>
                </c:pt>
                <c:pt idx="9277">
                  <c:v>154.61666700000001</c:v>
                </c:pt>
                <c:pt idx="9278">
                  <c:v>154.63333299999999</c:v>
                </c:pt>
                <c:pt idx="9279">
                  <c:v>154.65</c:v>
                </c:pt>
                <c:pt idx="9280">
                  <c:v>154.66666699999999</c:v>
                </c:pt>
                <c:pt idx="9281">
                  <c:v>154.683333</c:v>
                </c:pt>
                <c:pt idx="9282">
                  <c:v>154.69999999999999</c:v>
                </c:pt>
                <c:pt idx="9283">
                  <c:v>154.716667</c:v>
                </c:pt>
                <c:pt idx="9284">
                  <c:v>154.73333299999999</c:v>
                </c:pt>
                <c:pt idx="9285">
                  <c:v>154.75</c:v>
                </c:pt>
                <c:pt idx="9286">
                  <c:v>154.76666699999998</c:v>
                </c:pt>
                <c:pt idx="9287">
                  <c:v>154.783333</c:v>
                </c:pt>
                <c:pt idx="9288">
                  <c:v>154.79999999999998</c:v>
                </c:pt>
                <c:pt idx="9289">
                  <c:v>154.816667</c:v>
                </c:pt>
                <c:pt idx="9290">
                  <c:v>154.83333299999998</c:v>
                </c:pt>
                <c:pt idx="9291">
                  <c:v>154.85</c:v>
                </c:pt>
                <c:pt idx="9292">
                  <c:v>154.86666700000001</c:v>
                </c:pt>
                <c:pt idx="9293">
                  <c:v>154.88333299999999</c:v>
                </c:pt>
                <c:pt idx="9294">
                  <c:v>154.9</c:v>
                </c:pt>
                <c:pt idx="9295">
                  <c:v>154.91666699999999</c:v>
                </c:pt>
                <c:pt idx="9296">
                  <c:v>154.933333</c:v>
                </c:pt>
                <c:pt idx="9297">
                  <c:v>154.94999999999999</c:v>
                </c:pt>
                <c:pt idx="9298">
                  <c:v>154.966667</c:v>
                </c:pt>
                <c:pt idx="9299">
                  <c:v>154.98333299999999</c:v>
                </c:pt>
                <c:pt idx="9300">
                  <c:v>155</c:v>
                </c:pt>
                <c:pt idx="9301">
                  <c:v>155.01666699999998</c:v>
                </c:pt>
                <c:pt idx="9302">
                  <c:v>155.033333</c:v>
                </c:pt>
                <c:pt idx="9303">
                  <c:v>155.04999999999998</c:v>
                </c:pt>
                <c:pt idx="9304">
                  <c:v>155.066667</c:v>
                </c:pt>
                <c:pt idx="9305">
                  <c:v>155.08333299999998</c:v>
                </c:pt>
                <c:pt idx="9306">
                  <c:v>155.1</c:v>
                </c:pt>
                <c:pt idx="9307">
                  <c:v>155.11666700000001</c:v>
                </c:pt>
                <c:pt idx="9308">
                  <c:v>155.13333299999999</c:v>
                </c:pt>
                <c:pt idx="9309">
                  <c:v>155.15</c:v>
                </c:pt>
                <c:pt idx="9310">
                  <c:v>155.16666699999999</c:v>
                </c:pt>
                <c:pt idx="9311">
                  <c:v>155.183333</c:v>
                </c:pt>
                <c:pt idx="9312">
                  <c:v>155.19999999999999</c:v>
                </c:pt>
                <c:pt idx="9313">
                  <c:v>155.216667</c:v>
                </c:pt>
                <c:pt idx="9314">
                  <c:v>155.23333299999999</c:v>
                </c:pt>
                <c:pt idx="9315">
                  <c:v>155.25</c:v>
                </c:pt>
                <c:pt idx="9316">
                  <c:v>155.26666699999998</c:v>
                </c:pt>
                <c:pt idx="9317">
                  <c:v>155.283333</c:v>
                </c:pt>
                <c:pt idx="9318">
                  <c:v>155.29999999999998</c:v>
                </c:pt>
                <c:pt idx="9319">
                  <c:v>155.316667</c:v>
                </c:pt>
                <c:pt idx="9320">
                  <c:v>155.33333299999998</c:v>
                </c:pt>
                <c:pt idx="9321">
                  <c:v>155.35</c:v>
                </c:pt>
                <c:pt idx="9322">
                  <c:v>155.36666700000001</c:v>
                </c:pt>
                <c:pt idx="9323">
                  <c:v>155.38333299999999</c:v>
                </c:pt>
                <c:pt idx="9324">
                  <c:v>155.4</c:v>
                </c:pt>
                <c:pt idx="9325">
                  <c:v>155.41666699999999</c:v>
                </c:pt>
                <c:pt idx="9326">
                  <c:v>155.433333</c:v>
                </c:pt>
                <c:pt idx="9327">
                  <c:v>155.44999999999999</c:v>
                </c:pt>
                <c:pt idx="9328">
                  <c:v>155.466667</c:v>
                </c:pt>
                <c:pt idx="9329">
                  <c:v>155.48333299999999</c:v>
                </c:pt>
                <c:pt idx="9330">
                  <c:v>155.5</c:v>
                </c:pt>
                <c:pt idx="9331">
                  <c:v>155.51666699999998</c:v>
                </c:pt>
                <c:pt idx="9332">
                  <c:v>155.533333</c:v>
                </c:pt>
                <c:pt idx="9333">
                  <c:v>155.54999999999998</c:v>
                </c:pt>
                <c:pt idx="9334">
                  <c:v>155.566667</c:v>
                </c:pt>
                <c:pt idx="9335">
                  <c:v>155.58333299999998</c:v>
                </c:pt>
                <c:pt idx="9336">
                  <c:v>155.6</c:v>
                </c:pt>
                <c:pt idx="9337">
                  <c:v>155.61666700000001</c:v>
                </c:pt>
                <c:pt idx="9338">
                  <c:v>155.63333299999999</c:v>
                </c:pt>
                <c:pt idx="9339">
                  <c:v>155.65</c:v>
                </c:pt>
                <c:pt idx="9340">
                  <c:v>155.66666699999999</c:v>
                </c:pt>
                <c:pt idx="9341">
                  <c:v>155.683333</c:v>
                </c:pt>
                <c:pt idx="9342">
                  <c:v>155.69999999999999</c:v>
                </c:pt>
                <c:pt idx="9343">
                  <c:v>155.716667</c:v>
                </c:pt>
                <c:pt idx="9344">
                  <c:v>155.73333299999999</c:v>
                </c:pt>
                <c:pt idx="9345">
                  <c:v>155.75</c:v>
                </c:pt>
                <c:pt idx="9346">
                  <c:v>155.76666699999998</c:v>
                </c:pt>
                <c:pt idx="9347">
                  <c:v>155.783333</c:v>
                </c:pt>
                <c:pt idx="9348">
                  <c:v>155.79999999999998</c:v>
                </c:pt>
                <c:pt idx="9349">
                  <c:v>155.816667</c:v>
                </c:pt>
                <c:pt idx="9350">
                  <c:v>155.83333299999998</c:v>
                </c:pt>
                <c:pt idx="9351">
                  <c:v>155.85</c:v>
                </c:pt>
                <c:pt idx="9352">
                  <c:v>155.86666700000001</c:v>
                </c:pt>
                <c:pt idx="9353">
                  <c:v>155.88333299999999</c:v>
                </c:pt>
                <c:pt idx="9354">
                  <c:v>155.9</c:v>
                </c:pt>
                <c:pt idx="9355">
                  <c:v>155.91666699999999</c:v>
                </c:pt>
                <c:pt idx="9356">
                  <c:v>155.933333</c:v>
                </c:pt>
                <c:pt idx="9357">
                  <c:v>155.94999999999999</c:v>
                </c:pt>
                <c:pt idx="9358">
                  <c:v>155.966667</c:v>
                </c:pt>
                <c:pt idx="9359">
                  <c:v>155.98333299999999</c:v>
                </c:pt>
                <c:pt idx="9360">
                  <c:v>156</c:v>
                </c:pt>
                <c:pt idx="9361">
                  <c:v>156.01666699999998</c:v>
                </c:pt>
                <c:pt idx="9362">
                  <c:v>156.033333</c:v>
                </c:pt>
                <c:pt idx="9363">
                  <c:v>156.04999999999998</c:v>
                </c:pt>
                <c:pt idx="9364">
                  <c:v>156.066667</c:v>
                </c:pt>
                <c:pt idx="9365">
                  <c:v>156.08333299999998</c:v>
                </c:pt>
                <c:pt idx="9366">
                  <c:v>156.1</c:v>
                </c:pt>
                <c:pt idx="9367">
                  <c:v>156.11666700000001</c:v>
                </c:pt>
                <c:pt idx="9368">
                  <c:v>156.13333299999999</c:v>
                </c:pt>
                <c:pt idx="9369">
                  <c:v>156.15</c:v>
                </c:pt>
                <c:pt idx="9370">
                  <c:v>156.16666699999999</c:v>
                </c:pt>
                <c:pt idx="9371">
                  <c:v>156.183333</c:v>
                </c:pt>
                <c:pt idx="9372">
                  <c:v>156.19999999999999</c:v>
                </c:pt>
                <c:pt idx="9373">
                  <c:v>156.216667</c:v>
                </c:pt>
                <c:pt idx="9374">
                  <c:v>156.23333299999999</c:v>
                </c:pt>
                <c:pt idx="9375">
                  <c:v>156.25</c:v>
                </c:pt>
                <c:pt idx="9376">
                  <c:v>156.26666699999998</c:v>
                </c:pt>
                <c:pt idx="9377">
                  <c:v>156.283333</c:v>
                </c:pt>
                <c:pt idx="9378">
                  <c:v>156.29999999999998</c:v>
                </c:pt>
                <c:pt idx="9379">
                  <c:v>156.316667</c:v>
                </c:pt>
                <c:pt idx="9380">
                  <c:v>156.33333299999998</c:v>
                </c:pt>
                <c:pt idx="9381">
                  <c:v>156.35</c:v>
                </c:pt>
                <c:pt idx="9382">
                  <c:v>156.36666700000001</c:v>
                </c:pt>
                <c:pt idx="9383">
                  <c:v>156.38333299999999</c:v>
                </c:pt>
                <c:pt idx="9384">
                  <c:v>156.4</c:v>
                </c:pt>
                <c:pt idx="9385">
                  <c:v>156.41666699999999</c:v>
                </c:pt>
                <c:pt idx="9386">
                  <c:v>156.433333</c:v>
                </c:pt>
                <c:pt idx="9387">
                  <c:v>156.44999999999999</c:v>
                </c:pt>
                <c:pt idx="9388">
                  <c:v>156.466667</c:v>
                </c:pt>
                <c:pt idx="9389">
                  <c:v>156.48333299999999</c:v>
                </c:pt>
                <c:pt idx="9390">
                  <c:v>156.5</c:v>
                </c:pt>
                <c:pt idx="9391">
                  <c:v>156.51666699999998</c:v>
                </c:pt>
                <c:pt idx="9392">
                  <c:v>156.533333</c:v>
                </c:pt>
                <c:pt idx="9393">
                  <c:v>156.54999999999998</c:v>
                </c:pt>
                <c:pt idx="9394">
                  <c:v>156.566667</c:v>
                </c:pt>
                <c:pt idx="9395">
                  <c:v>156.58333299999998</c:v>
                </c:pt>
                <c:pt idx="9396">
                  <c:v>156.6</c:v>
                </c:pt>
                <c:pt idx="9397">
                  <c:v>156.61666700000001</c:v>
                </c:pt>
                <c:pt idx="9398">
                  <c:v>156.63333299999999</c:v>
                </c:pt>
                <c:pt idx="9399">
                  <c:v>156.65</c:v>
                </c:pt>
                <c:pt idx="9400">
                  <c:v>156.66666699999999</c:v>
                </c:pt>
                <c:pt idx="9401">
                  <c:v>156.683333</c:v>
                </c:pt>
                <c:pt idx="9402">
                  <c:v>156.69999999999999</c:v>
                </c:pt>
                <c:pt idx="9403">
                  <c:v>156.716667</c:v>
                </c:pt>
                <c:pt idx="9404">
                  <c:v>156.73333299999999</c:v>
                </c:pt>
                <c:pt idx="9405">
                  <c:v>156.75</c:v>
                </c:pt>
                <c:pt idx="9406">
                  <c:v>156.76666699999998</c:v>
                </c:pt>
                <c:pt idx="9407">
                  <c:v>156.783333</c:v>
                </c:pt>
                <c:pt idx="9408">
                  <c:v>156.79999999999998</c:v>
                </c:pt>
                <c:pt idx="9409">
                  <c:v>156.816667</c:v>
                </c:pt>
                <c:pt idx="9410">
                  <c:v>156.83333299999998</c:v>
                </c:pt>
                <c:pt idx="9411">
                  <c:v>156.85</c:v>
                </c:pt>
                <c:pt idx="9412">
                  <c:v>156.86666700000001</c:v>
                </c:pt>
                <c:pt idx="9413">
                  <c:v>156.88333299999999</c:v>
                </c:pt>
                <c:pt idx="9414">
                  <c:v>156.9</c:v>
                </c:pt>
                <c:pt idx="9415">
                  <c:v>156.91666699999999</c:v>
                </c:pt>
                <c:pt idx="9416">
                  <c:v>156.933333</c:v>
                </c:pt>
                <c:pt idx="9417">
                  <c:v>156.94999999999999</c:v>
                </c:pt>
                <c:pt idx="9418">
                  <c:v>156.966667</c:v>
                </c:pt>
                <c:pt idx="9419">
                  <c:v>156.98333299999999</c:v>
                </c:pt>
                <c:pt idx="9420">
                  <c:v>157</c:v>
                </c:pt>
                <c:pt idx="9421">
                  <c:v>157.01666699999998</c:v>
                </c:pt>
                <c:pt idx="9422">
                  <c:v>157.033333</c:v>
                </c:pt>
                <c:pt idx="9423">
                  <c:v>157.04999999999998</c:v>
                </c:pt>
                <c:pt idx="9424">
                  <c:v>157.066667</c:v>
                </c:pt>
                <c:pt idx="9425">
                  <c:v>157.08333299999998</c:v>
                </c:pt>
                <c:pt idx="9426">
                  <c:v>157.1</c:v>
                </c:pt>
                <c:pt idx="9427">
                  <c:v>157.11666700000001</c:v>
                </c:pt>
                <c:pt idx="9428">
                  <c:v>157.13333299999999</c:v>
                </c:pt>
                <c:pt idx="9429">
                  <c:v>157.15</c:v>
                </c:pt>
                <c:pt idx="9430">
                  <c:v>157.16666699999999</c:v>
                </c:pt>
                <c:pt idx="9431">
                  <c:v>157.183333</c:v>
                </c:pt>
                <c:pt idx="9432">
                  <c:v>157.19999999999999</c:v>
                </c:pt>
                <c:pt idx="9433">
                  <c:v>157.216667</c:v>
                </c:pt>
                <c:pt idx="9434">
                  <c:v>157.23333299999999</c:v>
                </c:pt>
                <c:pt idx="9435">
                  <c:v>157.25</c:v>
                </c:pt>
                <c:pt idx="9436">
                  <c:v>157.26666699999998</c:v>
                </c:pt>
                <c:pt idx="9437">
                  <c:v>157.283333</c:v>
                </c:pt>
                <c:pt idx="9438">
                  <c:v>157.29999999999998</c:v>
                </c:pt>
                <c:pt idx="9439">
                  <c:v>157.316667</c:v>
                </c:pt>
                <c:pt idx="9440">
                  <c:v>157.33333299999998</c:v>
                </c:pt>
                <c:pt idx="9441">
                  <c:v>157.35</c:v>
                </c:pt>
                <c:pt idx="9442">
                  <c:v>157.36666700000001</c:v>
                </c:pt>
                <c:pt idx="9443">
                  <c:v>157.38333299999999</c:v>
                </c:pt>
                <c:pt idx="9444">
                  <c:v>157.4</c:v>
                </c:pt>
                <c:pt idx="9445">
                  <c:v>157.41666699999999</c:v>
                </c:pt>
                <c:pt idx="9446">
                  <c:v>157.433333</c:v>
                </c:pt>
                <c:pt idx="9447">
                  <c:v>157.44999999999999</c:v>
                </c:pt>
                <c:pt idx="9448">
                  <c:v>157.466667</c:v>
                </c:pt>
                <c:pt idx="9449">
                  <c:v>157.48333299999999</c:v>
                </c:pt>
                <c:pt idx="9450">
                  <c:v>157.5</c:v>
                </c:pt>
                <c:pt idx="9451">
                  <c:v>157.51666699999998</c:v>
                </c:pt>
                <c:pt idx="9452">
                  <c:v>157.533333</c:v>
                </c:pt>
                <c:pt idx="9453">
                  <c:v>157.54999999999998</c:v>
                </c:pt>
                <c:pt idx="9454">
                  <c:v>157.566667</c:v>
                </c:pt>
                <c:pt idx="9455">
                  <c:v>157.58333299999998</c:v>
                </c:pt>
                <c:pt idx="9456">
                  <c:v>157.6</c:v>
                </c:pt>
                <c:pt idx="9457">
                  <c:v>157.61666700000001</c:v>
                </c:pt>
                <c:pt idx="9458">
                  <c:v>157.63333299999999</c:v>
                </c:pt>
                <c:pt idx="9459">
                  <c:v>157.65</c:v>
                </c:pt>
                <c:pt idx="9460">
                  <c:v>157.66666699999999</c:v>
                </c:pt>
                <c:pt idx="9461">
                  <c:v>157.683333</c:v>
                </c:pt>
                <c:pt idx="9462">
                  <c:v>157.69999999999999</c:v>
                </c:pt>
                <c:pt idx="9463">
                  <c:v>157.716667</c:v>
                </c:pt>
                <c:pt idx="9464">
                  <c:v>157.73333299999999</c:v>
                </c:pt>
                <c:pt idx="9465">
                  <c:v>157.75</c:v>
                </c:pt>
                <c:pt idx="9466">
                  <c:v>157.76666699999998</c:v>
                </c:pt>
                <c:pt idx="9467">
                  <c:v>157.783333</c:v>
                </c:pt>
                <c:pt idx="9468">
                  <c:v>157.79999999999998</c:v>
                </c:pt>
                <c:pt idx="9469">
                  <c:v>157.816667</c:v>
                </c:pt>
                <c:pt idx="9470">
                  <c:v>157.83333299999998</c:v>
                </c:pt>
                <c:pt idx="9471">
                  <c:v>157.85</c:v>
                </c:pt>
                <c:pt idx="9472">
                  <c:v>157.86666700000001</c:v>
                </c:pt>
                <c:pt idx="9473">
                  <c:v>157.88333299999999</c:v>
                </c:pt>
                <c:pt idx="9474">
                  <c:v>157.9</c:v>
                </c:pt>
                <c:pt idx="9475">
                  <c:v>157.91666699999999</c:v>
                </c:pt>
                <c:pt idx="9476">
                  <c:v>157.933333</c:v>
                </c:pt>
                <c:pt idx="9477">
                  <c:v>157.94999999999999</c:v>
                </c:pt>
                <c:pt idx="9478">
                  <c:v>157.966667</c:v>
                </c:pt>
                <c:pt idx="9479">
                  <c:v>157.98333299999999</c:v>
                </c:pt>
                <c:pt idx="9480">
                  <c:v>158</c:v>
                </c:pt>
                <c:pt idx="9481">
                  <c:v>158.01666699999998</c:v>
                </c:pt>
                <c:pt idx="9482">
                  <c:v>158.033333</c:v>
                </c:pt>
                <c:pt idx="9483">
                  <c:v>158.04999999999998</c:v>
                </c:pt>
                <c:pt idx="9484">
                  <c:v>158.066667</c:v>
                </c:pt>
                <c:pt idx="9485">
                  <c:v>158.08333299999998</c:v>
                </c:pt>
                <c:pt idx="9486">
                  <c:v>158.1</c:v>
                </c:pt>
                <c:pt idx="9487">
                  <c:v>158.11666700000001</c:v>
                </c:pt>
                <c:pt idx="9488">
                  <c:v>158.13333299999999</c:v>
                </c:pt>
                <c:pt idx="9489">
                  <c:v>158.15</c:v>
                </c:pt>
                <c:pt idx="9490">
                  <c:v>158.16666699999999</c:v>
                </c:pt>
                <c:pt idx="9491">
                  <c:v>158.183333</c:v>
                </c:pt>
                <c:pt idx="9492">
                  <c:v>158.19999999999999</c:v>
                </c:pt>
                <c:pt idx="9493">
                  <c:v>158.216667</c:v>
                </c:pt>
                <c:pt idx="9494">
                  <c:v>158.23333299999999</c:v>
                </c:pt>
                <c:pt idx="9495">
                  <c:v>158.25</c:v>
                </c:pt>
                <c:pt idx="9496">
                  <c:v>158.26666699999998</c:v>
                </c:pt>
                <c:pt idx="9497">
                  <c:v>158.283333</c:v>
                </c:pt>
                <c:pt idx="9498">
                  <c:v>158.29999999999998</c:v>
                </c:pt>
                <c:pt idx="9499">
                  <c:v>158.316667</c:v>
                </c:pt>
                <c:pt idx="9500">
                  <c:v>158.33333299999998</c:v>
                </c:pt>
                <c:pt idx="9501">
                  <c:v>158.35</c:v>
                </c:pt>
                <c:pt idx="9502">
                  <c:v>158.36666700000001</c:v>
                </c:pt>
                <c:pt idx="9503">
                  <c:v>158.38333299999999</c:v>
                </c:pt>
                <c:pt idx="9504">
                  <c:v>158.4</c:v>
                </c:pt>
                <c:pt idx="9505">
                  <c:v>158.41666699999999</c:v>
                </c:pt>
                <c:pt idx="9506">
                  <c:v>158.433333</c:v>
                </c:pt>
                <c:pt idx="9507">
                  <c:v>158.44999999999999</c:v>
                </c:pt>
                <c:pt idx="9508">
                  <c:v>158.466667</c:v>
                </c:pt>
                <c:pt idx="9509">
                  <c:v>158.48333299999999</c:v>
                </c:pt>
                <c:pt idx="9510">
                  <c:v>158.5</c:v>
                </c:pt>
                <c:pt idx="9511">
                  <c:v>158.51666699999998</c:v>
                </c:pt>
                <c:pt idx="9512">
                  <c:v>158.533333</c:v>
                </c:pt>
                <c:pt idx="9513">
                  <c:v>158.54999999999998</c:v>
                </c:pt>
                <c:pt idx="9514">
                  <c:v>158.566667</c:v>
                </c:pt>
                <c:pt idx="9515">
                  <c:v>158.58333299999998</c:v>
                </c:pt>
                <c:pt idx="9516">
                  <c:v>158.6</c:v>
                </c:pt>
                <c:pt idx="9517">
                  <c:v>158.61666700000001</c:v>
                </c:pt>
                <c:pt idx="9518">
                  <c:v>158.63333299999999</c:v>
                </c:pt>
                <c:pt idx="9519">
                  <c:v>158.65</c:v>
                </c:pt>
                <c:pt idx="9520">
                  <c:v>158.66666699999999</c:v>
                </c:pt>
                <c:pt idx="9521">
                  <c:v>158.683333</c:v>
                </c:pt>
                <c:pt idx="9522">
                  <c:v>158.69999999999999</c:v>
                </c:pt>
                <c:pt idx="9523">
                  <c:v>158.716667</c:v>
                </c:pt>
                <c:pt idx="9524">
                  <c:v>158.73333299999999</c:v>
                </c:pt>
                <c:pt idx="9525">
                  <c:v>158.75</c:v>
                </c:pt>
                <c:pt idx="9526">
                  <c:v>158.76666699999998</c:v>
                </c:pt>
                <c:pt idx="9527">
                  <c:v>158.783333</c:v>
                </c:pt>
                <c:pt idx="9528">
                  <c:v>158.79999999999998</c:v>
                </c:pt>
                <c:pt idx="9529">
                  <c:v>158.816667</c:v>
                </c:pt>
                <c:pt idx="9530">
                  <c:v>158.83333299999998</c:v>
                </c:pt>
                <c:pt idx="9531">
                  <c:v>158.85</c:v>
                </c:pt>
                <c:pt idx="9532">
                  <c:v>158.86666700000001</c:v>
                </c:pt>
                <c:pt idx="9533">
                  <c:v>158.88333299999999</c:v>
                </c:pt>
                <c:pt idx="9534">
                  <c:v>158.9</c:v>
                </c:pt>
                <c:pt idx="9535">
                  <c:v>158.91666699999999</c:v>
                </c:pt>
                <c:pt idx="9536">
                  <c:v>158.933333</c:v>
                </c:pt>
                <c:pt idx="9537">
                  <c:v>158.94999999999999</c:v>
                </c:pt>
                <c:pt idx="9538">
                  <c:v>158.966667</c:v>
                </c:pt>
                <c:pt idx="9539">
                  <c:v>158.98333299999999</c:v>
                </c:pt>
                <c:pt idx="9540">
                  <c:v>159</c:v>
                </c:pt>
                <c:pt idx="9541">
                  <c:v>159.01666699999998</c:v>
                </c:pt>
                <c:pt idx="9542">
                  <c:v>159.033333</c:v>
                </c:pt>
                <c:pt idx="9543">
                  <c:v>159.04999999999998</c:v>
                </c:pt>
                <c:pt idx="9544">
                  <c:v>159.066667</c:v>
                </c:pt>
                <c:pt idx="9545">
                  <c:v>159.08333299999998</c:v>
                </c:pt>
                <c:pt idx="9546">
                  <c:v>159.1</c:v>
                </c:pt>
                <c:pt idx="9547">
                  <c:v>159.11666700000001</c:v>
                </c:pt>
                <c:pt idx="9548">
                  <c:v>159.13333299999999</c:v>
                </c:pt>
                <c:pt idx="9549">
                  <c:v>159.15</c:v>
                </c:pt>
                <c:pt idx="9550">
                  <c:v>159.16666699999999</c:v>
                </c:pt>
                <c:pt idx="9551">
                  <c:v>159.183333</c:v>
                </c:pt>
                <c:pt idx="9552">
                  <c:v>159.19999999999999</c:v>
                </c:pt>
                <c:pt idx="9553">
                  <c:v>159.216667</c:v>
                </c:pt>
                <c:pt idx="9554">
                  <c:v>159.23333299999999</c:v>
                </c:pt>
                <c:pt idx="9555">
                  <c:v>159.25</c:v>
                </c:pt>
                <c:pt idx="9556">
                  <c:v>159.26666699999998</c:v>
                </c:pt>
                <c:pt idx="9557">
                  <c:v>159.283333</c:v>
                </c:pt>
                <c:pt idx="9558">
                  <c:v>159.29999999999998</c:v>
                </c:pt>
                <c:pt idx="9559">
                  <c:v>159.316667</c:v>
                </c:pt>
                <c:pt idx="9560">
                  <c:v>159.33333299999998</c:v>
                </c:pt>
                <c:pt idx="9561">
                  <c:v>159.35</c:v>
                </c:pt>
                <c:pt idx="9562">
                  <c:v>159.36666700000001</c:v>
                </c:pt>
                <c:pt idx="9563">
                  <c:v>159.38333299999999</c:v>
                </c:pt>
                <c:pt idx="9564">
                  <c:v>159.4</c:v>
                </c:pt>
                <c:pt idx="9565">
                  <c:v>159.41666699999999</c:v>
                </c:pt>
                <c:pt idx="9566">
                  <c:v>159.433333</c:v>
                </c:pt>
                <c:pt idx="9567">
                  <c:v>159.44999999999999</c:v>
                </c:pt>
                <c:pt idx="9568">
                  <c:v>159.466667</c:v>
                </c:pt>
                <c:pt idx="9569">
                  <c:v>159.48333299999999</c:v>
                </c:pt>
                <c:pt idx="9570">
                  <c:v>159.5</c:v>
                </c:pt>
                <c:pt idx="9571">
                  <c:v>159.51666699999998</c:v>
                </c:pt>
                <c:pt idx="9572">
                  <c:v>159.533333</c:v>
                </c:pt>
                <c:pt idx="9573">
                  <c:v>159.54999999999998</c:v>
                </c:pt>
                <c:pt idx="9574">
                  <c:v>159.566667</c:v>
                </c:pt>
                <c:pt idx="9575">
                  <c:v>159.58333299999998</c:v>
                </c:pt>
                <c:pt idx="9576">
                  <c:v>159.6</c:v>
                </c:pt>
                <c:pt idx="9577">
                  <c:v>159.61666700000001</c:v>
                </c:pt>
                <c:pt idx="9578">
                  <c:v>159.63333299999999</c:v>
                </c:pt>
                <c:pt idx="9579">
                  <c:v>159.65</c:v>
                </c:pt>
                <c:pt idx="9580">
                  <c:v>159.66666699999999</c:v>
                </c:pt>
                <c:pt idx="9581">
                  <c:v>159.683333</c:v>
                </c:pt>
                <c:pt idx="9582">
                  <c:v>159.69999999999999</c:v>
                </c:pt>
                <c:pt idx="9583">
                  <c:v>159.716667</c:v>
                </c:pt>
                <c:pt idx="9584">
                  <c:v>159.73333299999999</c:v>
                </c:pt>
                <c:pt idx="9585">
                  <c:v>159.75</c:v>
                </c:pt>
                <c:pt idx="9586">
                  <c:v>159.76666699999998</c:v>
                </c:pt>
                <c:pt idx="9587">
                  <c:v>159.783333</c:v>
                </c:pt>
                <c:pt idx="9588">
                  <c:v>159.79999999999998</c:v>
                </c:pt>
                <c:pt idx="9589">
                  <c:v>159.816667</c:v>
                </c:pt>
                <c:pt idx="9590">
                  <c:v>159.83333299999998</c:v>
                </c:pt>
                <c:pt idx="9591">
                  <c:v>159.85</c:v>
                </c:pt>
                <c:pt idx="9592">
                  <c:v>159.86666700000001</c:v>
                </c:pt>
                <c:pt idx="9593">
                  <c:v>159.88333299999999</c:v>
                </c:pt>
                <c:pt idx="9594">
                  <c:v>159.9</c:v>
                </c:pt>
                <c:pt idx="9595">
                  <c:v>159.91666699999999</c:v>
                </c:pt>
                <c:pt idx="9596">
                  <c:v>159.933333</c:v>
                </c:pt>
                <c:pt idx="9597">
                  <c:v>159.94999999999999</c:v>
                </c:pt>
                <c:pt idx="9598">
                  <c:v>159.966667</c:v>
                </c:pt>
                <c:pt idx="9599">
                  <c:v>159.98333299999999</c:v>
                </c:pt>
                <c:pt idx="9600">
                  <c:v>160</c:v>
                </c:pt>
                <c:pt idx="9601">
                  <c:v>160.01666699999998</c:v>
                </c:pt>
                <c:pt idx="9602">
                  <c:v>160.033333</c:v>
                </c:pt>
                <c:pt idx="9603">
                  <c:v>160.04999999999998</c:v>
                </c:pt>
                <c:pt idx="9604">
                  <c:v>160.066667</c:v>
                </c:pt>
                <c:pt idx="9605">
                  <c:v>160.08333299999998</c:v>
                </c:pt>
                <c:pt idx="9606">
                  <c:v>160.1</c:v>
                </c:pt>
                <c:pt idx="9607">
                  <c:v>160.11666700000001</c:v>
                </c:pt>
                <c:pt idx="9608">
                  <c:v>160.13333299999999</c:v>
                </c:pt>
                <c:pt idx="9609">
                  <c:v>160.15</c:v>
                </c:pt>
                <c:pt idx="9610">
                  <c:v>160.16666699999999</c:v>
                </c:pt>
                <c:pt idx="9611">
                  <c:v>160.183333</c:v>
                </c:pt>
                <c:pt idx="9612">
                  <c:v>160.19999999999999</c:v>
                </c:pt>
                <c:pt idx="9613">
                  <c:v>160.216667</c:v>
                </c:pt>
                <c:pt idx="9614">
                  <c:v>160.23333299999999</c:v>
                </c:pt>
                <c:pt idx="9615">
                  <c:v>160.25</c:v>
                </c:pt>
                <c:pt idx="9616">
                  <c:v>160.26666699999998</c:v>
                </c:pt>
                <c:pt idx="9617">
                  <c:v>160.283333</c:v>
                </c:pt>
                <c:pt idx="9618">
                  <c:v>160.29999999999998</c:v>
                </c:pt>
                <c:pt idx="9619">
                  <c:v>160.316667</c:v>
                </c:pt>
                <c:pt idx="9620">
                  <c:v>160.33333299999998</c:v>
                </c:pt>
                <c:pt idx="9621">
                  <c:v>160.35</c:v>
                </c:pt>
                <c:pt idx="9622">
                  <c:v>160.36666700000001</c:v>
                </c:pt>
                <c:pt idx="9623">
                  <c:v>160.38333299999999</c:v>
                </c:pt>
                <c:pt idx="9624">
                  <c:v>160.4</c:v>
                </c:pt>
                <c:pt idx="9625">
                  <c:v>160.41666699999999</c:v>
                </c:pt>
                <c:pt idx="9626">
                  <c:v>160.433333</c:v>
                </c:pt>
                <c:pt idx="9627">
                  <c:v>160.44999999999999</c:v>
                </c:pt>
                <c:pt idx="9628">
                  <c:v>160.466667</c:v>
                </c:pt>
                <c:pt idx="9629">
                  <c:v>160.48333299999999</c:v>
                </c:pt>
                <c:pt idx="9630">
                  <c:v>160.5</c:v>
                </c:pt>
                <c:pt idx="9631">
                  <c:v>160.51666699999998</c:v>
                </c:pt>
                <c:pt idx="9632">
                  <c:v>160.533333</c:v>
                </c:pt>
                <c:pt idx="9633">
                  <c:v>160.54999999999998</c:v>
                </c:pt>
                <c:pt idx="9634">
                  <c:v>160.566667</c:v>
                </c:pt>
                <c:pt idx="9635">
                  <c:v>160.58333299999998</c:v>
                </c:pt>
                <c:pt idx="9636">
                  <c:v>160.6</c:v>
                </c:pt>
                <c:pt idx="9637">
                  <c:v>160.61666700000001</c:v>
                </c:pt>
                <c:pt idx="9638">
                  <c:v>160.63333299999999</c:v>
                </c:pt>
                <c:pt idx="9639">
                  <c:v>160.65</c:v>
                </c:pt>
                <c:pt idx="9640">
                  <c:v>160.66666699999999</c:v>
                </c:pt>
                <c:pt idx="9641">
                  <c:v>160.683333</c:v>
                </c:pt>
                <c:pt idx="9642">
                  <c:v>160.69999999999999</c:v>
                </c:pt>
                <c:pt idx="9643">
                  <c:v>160.716667</c:v>
                </c:pt>
                <c:pt idx="9644">
                  <c:v>160.73333299999999</c:v>
                </c:pt>
                <c:pt idx="9645">
                  <c:v>160.75</c:v>
                </c:pt>
                <c:pt idx="9646">
                  <c:v>160.76666699999998</c:v>
                </c:pt>
                <c:pt idx="9647">
                  <c:v>160.783333</c:v>
                </c:pt>
                <c:pt idx="9648">
                  <c:v>160.79999999999998</c:v>
                </c:pt>
                <c:pt idx="9649">
                  <c:v>160.816667</c:v>
                </c:pt>
                <c:pt idx="9650">
                  <c:v>160.83333299999998</c:v>
                </c:pt>
                <c:pt idx="9651">
                  <c:v>160.85</c:v>
                </c:pt>
                <c:pt idx="9652">
                  <c:v>160.86666700000001</c:v>
                </c:pt>
                <c:pt idx="9653">
                  <c:v>160.88333299999999</c:v>
                </c:pt>
                <c:pt idx="9654">
                  <c:v>160.9</c:v>
                </c:pt>
                <c:pt idx="9655">
                  <c:v>160.91666699999999</c:v>
                </c:pt>
                <c:pt idx="9656">
                  <c:v>160.933333</c:v>
                </c:pt>
                <c:pt idx="9657">
                  <c:v>160.94999999999999</c:v>
                </c:pt>
                <c:pt idx="9658">
                  <c:v>160.966667</c:v>
                </c:pt>
                <c:pt idx="9659">
                  <c:v>160.98333299999999</c:v>
                </c:pt>
                <c:pt idx="9660">
                  <c:v>161</c:v>
                </c:pt>
                <c:pt idx="9661">
                  <c:v>161.01666699999998</c:v>
                </c:pt>
                <c:pt idx="9662">
                  <c:v>161.033333</c:v>
                </c:pt>
                <c:pt idx="9663">
                  <c:v>161.04999999999998</c:v>
                </c:pt>
                <c:pt idx="9664">
                  <c:v>161.066667</c:v>
                </c:pt>
                <c:pt idx="9665">
                  <c:v>161.08333299999998</c:v>
                </c:pt>
                <c:pt idx="9666">
                  <c:v>161.1</c:v>
                </c:pt>
                <c:pt idx="9667">
                  <c:v>161.11666700000001</c:v>
                </c:pt>
                <c:pt idx="9668">
                  <c:v>161.13333299999999</c:v>
                </c:pt>
                <c:pt idx="9669">
                  <c:v>161.15</c:v>
                </c:pt>
                <c:pt idx="9670">
                  <c:v>161.16666699999999</c:v>
                </c:pt>
                <c:pt idx="9671">
                  <c:v>161.183333</c:v>
                </c:pt>
                <c:pt idx="9672">
                  <c:v>161.19999999999999</c:v>
                </c:pt>
                <c:pt idx="9673">
                  <c:v>161.216667</c:v>
                </c:pt>
                <c:pt idx="9674">
                  <c:v>161.23333299999999</c:v>
                </c:pt>
                <c:pt idx="9675">
                  <c:v>161.25</c:v>
                </c:pt>
                <c:pt idx="9676">
                  <c:v>161.26666699999998</c:v>
                </c:pt>
                <c:pt idx="9677">
                  <c:v>161.283333</c:v>
                </c:pt>
                <c:pt idx="9678">
                  <c:v>161.29999999999998</c:v>
                </c:pt>
                <c:pt idx="9679">
                  <c:v>161.316667</c:v>
                </c:pt>
                <c:pt idx="9680">
                  <c:v>161.33333299999998</c:v>
                </c:pt>
                <c:pt idx="9681">
                  <c:v>161.35</c:v>
                </c:pt>
                <c:pt idx="9682">
                  <c:v>161.36666700000001</c:v>
                </c:pt>
                <c:pt idx="9683">
                  <c:v>161.38333299999999</c:v>
                </c:pt>
                <c:pt idx="9684">
                  <c:v>161.4</c:v>
                </c:pt>
                <c:pt idx="9685">
                  <c:v>161.41666699999999</c:v>
                </c:pt>
                <c:pt idx="9686">
                  <c:v>161.433333</c:v>
                </c:pt>
                <c:pt idx="9687">
                  <c:v>161.44999999999999</c:v>
                </c:pt>
                <c:pt idx="9688">
                  <c:v>161.466667</c:v>
                </c:pt>
                <c:pt idx="9689">
                  <c:v>161.48333299999999</c:v>
                </c:pt>
                <c:pt idx="9690">
                  <c:v>161.5</c:v>
                </c:pt>
                <c:pt idx="9691">
                  <c:v>161.51666699999998</c:v>
                </c:pt>
                <c:pt idx="9692">
                  <c:v>161.533333</c:v>
                </c:pt>
                <c:pt idx="9693">
                  <c:v>161.54999999999998</c:v>
                </c:pt>
                <c:pt idx="9694">
                  <c:v>161.566667</c:v>
                </c:pt>
                <c:pt idx="9695">
                  <c:v>161.58333299999998</c:v>
                </c:pt>
                <c:pt idx="9696">
                  <c:v>161.6</c:v>
                </c:pt>
                <c:pt idx="9697">
                  <c:v>161.61666700000001</c:v>
                </c:pt>
                <c:pt idx="9698">
                  <c:v>161.63333299999999</c:v>
                </c:pt>
                <c:pt idx="9699">
                  <c:v>161.65</c:v>
                </c:pt>
                <c:pt idx="9700">
                  <c:v>161.66666699999999</c:v>
                </c:pt>
                <c:pt idx="9701">
                  <c:v>161.683333</c:v>
                </c:pt>
                <c:pt idx="9702">
                  <c:v>161.69999999999999</c:v>
                </c:pt>
                <c:pt idx="9703">
                  <c:v>161.716667</c:v>
                </c:pt>
                <c:pt idx="9704">
                  <c:v>161.73333299999999</c:v>
                </c:pt>
                <c:pt idx="9705">
                  <c:v>161.75</c:v>
                </c:pt>
                <c:pt idx="9706">
                  <c:v>161.76666699999998</c:v>
                </c:pt>
                <c:pt idx="9707">
                  <c:v>161.783333</c:v>
                </c:pt>
                <c:pt idx="9708">
                  <c:v>161.79999999999998</c:v>
                </c:pt>
                <c:pt idx="9709">
                  <c:v>161.816667</c:v>
                </c:pt>
                <c:pt idx="9710">
                  <c:v>161.83333299999998</c:v>
                </c:pt>
                <c:pt idx="9711">
                  <c:v>161.85</c:v>
                </c:pt>
                <c:pt idx="9712">
                  <c:v>161.86666700000001</c:v>
                </c:pt>
                <c:pt idx="9713">
                  <c:v>161.88333299999999</c:v>
                </c:pt>
                <c:pt idx="9714">
                  <c:v>161.9</c:v>
                </c:pt>
                <c:pt idx="9715">
                  <c:v>161.91666699999999</c:v>
                </c:pt>
                <c:pt idx="9716">
                  <c:v>161.933333</c:v>
                </c:pt>
                <c:pt idx="9717">
                  <c:v>161.94999999999999</c:v>
                </c:pt>
                <c:pt idx="9718">
                  <c:v>161.966667</c:v>
                </c:pt>
                <c:pt idx="9719">
                  <c:v>161.98333299999999</c:v>
                </c:pt>
                <c:pt idx="9720">
                  <c:v>162</c:v>
                </c:pt>
                <c:pt idx="9721">
                  <c:v>162.01666699999998</c:v>
                </c:pt>
                <c:pt idx="9722">
                  <c:v>162.033333</c:v>
                </c:pt>
                <c:pt idx="9723">
                  <c:v>162.04999999999998</c:v>
                </c:pt>
                <c:pt idx="9724">
                  <c:v>162.066667</c:v>
                </c:pt>
                <c:pt idx="9725">
                  <c:v>162.08333299999998</c:v>
                </c:pt>
                <c:pt idx="9726">
                  <c:v>162.1</c:v>
                </c:pt>
                <c:pt idx="9727">
                  <c:v>162.11666700000001</c:v>
                </c:pt>
                <c:pt idx="9728">
                  <c:v>162.13333299999999</c:v>
                </c:pt>
                <c:pt idx="9729">
                  <c:v>162.15</c:v>
                </c:pt>
                <c:pt idx="9730">
                  <c:v>162.16666699999999</c:v>
                </c:pt>
                <c:pt idx="9731">
                  <c:v>162.183333</c:v>
                </c:pt>
                <c:pt idx="9732">
                  <c:v>162.19999999999999</c:v>
                </c:pt>
                <c:pt idx="9733">
                  <c:v>162.216667</c:v>
                </c:pt>
                <c:pt idx="9734">
                  <c:v>162.23333299999999</c:v>
                </c:pt>
                <c:pt idx="9735">
                  <c:v>162.25</c:v>
                </c:pt>
                <c:pt idx="9736">
                  <c:v>162.26666699999998</c:v>
                </c:pt>
                <c:pt idx="9737">
                  <c:v>162.283333</c:v>
                </c:pt>
                <c:pt idx="9738">
                  <c:v>162.29999999999998</c:v>
                </c:pt>
                <c:pt idx="9739">
                  <c:v>162.316667</c:v>
                </c:pt>
                <c:pt idx="9740">
                  <c:v>162.33333299999998</c:v>
                </c:pt>
                <c:pt idx="9741">
                  <c:v>162.35</c:v>
                </c:pt>
                <c:pt idx="9742">
                  <c:v>162.36666700000001</c:v>
                </c:pt>
                <c:pt idx="9743">
                  <c:v>162.38333299999999</c:v>
                </c:pt>
                <c:pt idx="9744">
                  <c:v>162.4</c:v>
                </c:pt>
                <c:pt idx="9745">
                  <c:v>162.41666699999999</c:v>
                </c:pt>
                <c:pt idx="9746">
                  <c:v>162.433333</c:v>
                </c:pt>
                <c:pt idx="9747">
                  <c:v>162.44999999999999</c:v>
                </c:pt>
                <c:pt idx="9748">
                  <c:v>162.466667</c:v>
                </c:pt>
                <c:pt idx="9749">
                  <c:v>162.48333299999999</c:v>
                </c:pt>
                <c:pt idx="9750">
                  <c:v>162.5</c:v>
                </c:pt>
                <c:pt idx="9751">
                  <c:v>162.51666699999998</c:v>
                </c:pt>
                <c:pt idx="9752">
                  <c:v>162.533333</c:v>
                </c:pt>
                <c:pt idx="9753">
                  <c:v>162.54999999999998</c:v>
                </c:pt>
                <c:pt idx="9754">
                  <c:v>162.566667</c:v>
                </c:pt>
                <c:pt idx="9755">
                  <c:v>162.58333299999998</c:v>
                </c:pt>
                <c:pt idx="9756">
                  <c:v>162.6</c:v>
                </c:pt>
                <c:pt idx="9757">
                  <c:v>162.61666700000001</c:v>
                </c:pt>
                <c:pt idx="9758">
                  <c:v>162.63333299999999</c:v>
                </c:pt>
                <c:pt idx="9759">
                  <c:v>162.65</c:v>
                </c:pt>
                <c:pt idx="9760">
                  <c:v>162.66666699999999</c:v>
                </c:pt>
                <c:pt idx="9761">
                  <c:v>162.683333</c:v>
                </c:pt>
                <c:pt idx="9762">
                  <c:v>162.69999999999999</c:v>
                </c:pt>
                <c:pt idx="9763">
                  <c:v>162.716667</c:v>
                </c:pt>
                <c:pt idx="9764">
                  <c:v>162.73333299999999</c:v>
                </c:pt>
                <c:pt idx="9765">
                  <c:v>162.75</c:v>
                </c:pt>
                <c:pt idx="9766">
                  <c:v>162.76666699999998</c:v>
                </c:pt>
                <c:pt idx="9767">
                  <c:v>162.783333</c:v>
                </c:pt>
                <c:pt idx="9768">
                  <c:v>162.79999999999998</c:v>
                </c:pt>
                <c:pt idx="9769">
                  <c:v>162.816667</c:v>
                </c:pt>
                <c:pt idx="9770">
                  <c:v>162.83333299999998</c:v>
                </c:pt>
                <c:pt idx="9771">
                  <c:v>162.85</c:v>
                </c:pt>
                <c:pt idx="9772">
                  <c:v>162.86666700000001</c:v>
                </c:pt>
                <c:pt idx="9773">
                  <c:v>162.88333299999999</c:v>
                </c:pt>
                <c:pt idx="9774">
                  <c:v>162.9</c:v>
                </c:pt>
                <c:pt idx="9775">
                  <c:v>162.91666699999999</c:v>
                </c:pt>
                <c:pt idx="9776">
                  <c:v>162.933333</c:v>
                </c:pt>
                <c:pt idx="9777">
                  <c:v>162.94999999999999</c:v>
                </c:pt>
                <c:pt idx="9778">
                  <c:v>162.966667</c:v>
                </c:pt>
                <c:pt idx="9779">
                  <c:v>162.98333299999999</c:v>
                </c:pt>
                <c:pt idx="9780">
                  <c:v>163</c:v>
                </c:pt>
                <c:pt idx="9781">
                  <c:v>163.01666699999998</c:v>
                </c:pt>
                <c:pt idx="9782">
                  <c:v>163.033333</c:v>
                </c:pt>
                <c:pt idx="9783">
                  <c:v>163.04999999999998</c:v>
                </c:pt>
                <c:pt idx="9784">
                  <c:v>163.066667</c:v>
                </c:pt>
                <c:pt idx="9785">
                  <c:v>163.08333299999998</c:v>
                </c:pt>
                <c:pt idx="9786">
                  <c:v>163.1</c:v>
                </c:pt>
                <c:pt idx="9787">
                  <c:v>163.11666700000001</c:v>
                </c:pt>
                <c:pt idx="9788">
                  <c:v>163.13333299999999</c:v>
                </c:pt>
                <c:pt idx="9789">
                  <c:v>163.15</c:v>
                </c:pt>
                <c:pt idx="9790">
                  <c:v>163.16666699999999</c:v>
                </c:pt>
                <c:pt idx="9791">
                  <c:v>163.183333</c:v>
                </c:pt>
                <c:pt idx="9792">
                  <c:v>163.19999999999999</c:v>
                </c:pt>
                <c:pt idx="9793">
                  <c:v>163.216667</c:v>
                </c:pt>
                <c:pt idx="9794">
                  <c:v>163.23333299999999</c:v>
                </c:pt>
                <c:pt idx="9795">
                  <c:v>163.25</c:v>
                </c:pt>
                <c:pt idx="9796">
                  <c:v>163.26666699999998</c:v>
                </c:pt>
                <c:pt idx="9797">
                  <c:v>163.283333</c:v>
                </c:pt>
                <c:pt idx="9798">
                  <c:v>163.29999999999998</c:v>
                </c:pt>
                <c:pt idx="9799">
                  <c:v>163.316667</c:v>
                </c:pt>
                <c:pt idx="9800">
                  <c:v>163.33333299999998</c:v>
                </c:pt>
                <c:pt idx="9801">
                  <c:v>163.35</c:v>
                </c:pt>
                <c:pt idx="9802">
                  <c:v>163.36666700000001</c:v>
                </c:pt>
                <c:pt idx="9803">
                  <c:v>163.38333299999999</c:v>
                </c:pt>
                <c:pt idx="9804">
                  <c:v>163.4</c:v>
                </c:pt>
                <c:pt idx="9805">
                  <c:v>163.41666699999999</c:v>
                </c:pt>
                <c:pt idx="9806">
                  <c:v>163.433333</c:v>
                </c:pt>
                <c:pt idx="9807">
                  <c:v>163.44999999999999</c:v>
                </c:pt>
                <c:pt idx="9808">
                  <c:v>163.466667</c:v>
                </c:pt>
                <c:pt idx="9809">
                  <c:v>163.48333299999999</c:v>
                </c:pt>
                <c:pt idx="9810">
                  <c:v>163.5</c:v>
                </c:pt>
                <c:pt idx="9811">
                  <c:v>163.51666699999998</c:v>
                </c:pt>
                <c:pt idx="9812">
                  <c:v>163.533333</c:v>
                </c:pt>
                <c:pt idx="9813">
                  <c:v>163.54999999999998</c:v>
                </c:pt>
                <c:pt idx="9814">
                  <c:v>163.566667</c:v>
                </c:pt>
                <c:pt idx="9815">
                  <c:v>163.58333299999998</c:v>
                </c:pt>
                <c:pt idx="9816">
                  <c:v>163.6</c:v>
                </c:pt>
                <c:pt idx="9817">
                  <c:v>163.61666700000001</c:v>
                </c:pt>
                <c:pt idx="9818">
                  <c:v>163.63333299999999</c:v>
                </c:pt>
                <c:pt idx="9819">
                  <c:v>163.65</c:v>
                </c:pt>
                <c:pt idx="9820">
                  <c:v>163.66666699999999</c:v>
                </c:pt>
                <c:pt idx="9821">
                  <c:v>163.683333</c:v>
                </c:pt>
                <c:pt idx="9822">
                  <c:v>163.69999999999999</c:v>
                </c:pt>
                <c:pt idx="9823">
                  <c:v>163.716667</c:v>
                </c:pt>
                <c:pt idx="9824">
                  <c:v>163.73333299999999</c:v>
                </c:pt>
                <c:pt idx="9825">
                  <c:v>163.75</c:v>
                </c:pt>
                <c:pt idx="9826">
                  <c:v>163.76666699999998</c:v>
                </c:pt>
                <c:pt idx="9827">
                  <c:v>163.783333</c:v>
                </c:pt>
                <c:pt idx="9828">
                  <c:v>163.79999999999998</c:v>
                </c:pt>
                <c:pt idx="9829">
                  <c:v>163.816667</c:v>
                </c:pt>
                <c:pt idx="9830">
                  <c:v>163.83333299999998</c:v>
                </c:pt>
                <c:pt idx="9831">
                  <c:v>163.85</c:v>
                </c:pt>
                <c:pt idx="9832">
                  <c:v>163.86666700000001</c:v>
                </c:pt>
                <c:pt idx="9833">
                  <c:v>163.88333299999999</c:v>
                </c:pt>
                <c:pt idx="9834">
                  <c:v>163.9</c:v>
                </c:pt>
                <c:pt idx="9835">
                  <c:v>163.91666699999999</c:v>
                </c:pt>
                <c:pt idx="9836">
                  <c:v>163.933333</c:v>
                </c:pt>
                <c:pt idx="9837">
                  <c:v>163.95</c:v>
                </c:pt>
                <c:pt idx="9838">
                  <c:v>163.966667</c:v>
                </c:pt>
                <c:pt idx="9839">
                  <c:v>163.98333299999999</c:v>
                </c:pt>
                <c:pt idx="9840">
                  <c:v>164</c:v>
                </c:pt>
                <c:pt idx="9841">
                  <c:v>164.01666699999998</c:v>
                </c:pt>
                <c:pt idx="9842">
                  <c:v>164.033333</c:v>
                </c:pt>
                <c:pt idx="9843">
                  <c:v>164.04999999999998</c:v>
                </c:pt>
                <c:pt idx="9844">
                  <c:v>164.066667</c:v>
                </c:pt>
                <c:pt idx="9845">
                  <c:v>164.08333299999998</c:v>
                </c:pt>
                <c:pt idx="9846">
                  <c:v>164.1</c:v>
                </c:pt>
                <c:pt idx="9847">
                  <c:v>164.11666700000001</c:v>
                </c:pt>
                <c:pt idx="9848">
                  <c:v>164.13333299999999</c:v>
                </c:pt>
                <c:pt idx="9849">
                  <c:v>164.15</c:v>
                </c:pt>
                <c:pt idx="9850">
                  <c:v>164.16666699999999</c:v>
                </c:pt>
                <c:pt idx="9851">
                  <c:v>164.183333</c:v>
                </c:pt>
                <c:pt idx="9852">
                  <c:v>164.2</c:v>
                </c:pt>
                <c:pt idx="9853">
                  <c:v>164.216667</c:v>
                </c:pt>
                <c:pt idx="9854">
                  <c:v>164.23333299999999</c:v>
                </c:pt>
                <c:pt idx="9855">
                  <c:v>164.25</c:v>
                </c:pt>
                <c:pt idx="9856">
                  <c:v>164.26666699999998</c:v>
                </c:pt>
                <c:pt idx="9857">
                  <c:v>164.283333</c:v>
                </c:pt>
                <c:pt idx="9858">
                  <c:v>164.29999999999998</c:v>
                </c:pt>
                <c:pt idx="9859">
                  <c:v>164.316667</c:v>
                </c:pt>
                <c:pt idx="9860">
                  <c:v>164.33333299999998</c:v>
                </c:pt>
                <c:pt idx="9861">
                  <c:v>164.35</c:v>
                </c:pt>
                <c:pt idx="9862">
                  <c:v>164.36666700000001</c:v>
                </c:pt>
                <c:pt idx="9863">
                  <c:v>164.38333299999999</c:v>
                </c:pt>
                <c:pt idx="9864">
                  <c:v>164.4</c:v>
                </c:pt>
                <c:pt idx="9865">
                  <c:v>164.41666699999999</c:v>
                </c:pt>
                <c:pt idx="9866">
                  <c:v>164.433333</c:v>
                </c:pt>
                <c:pt idx="9867">
                  <c:v>164.45</c:v>
                </c:pt>
                <c:pt idx="9868">
                  <c:v>164.466667</c:v>
                </c:pt>
                <c:pt idx="9869">
                  <c:v>164.48333299999999</c:v>
                </c:pt>
                <c:pt idx="9870">
                  <c:v>164.5</c:v>
                </c:pt>
                <c:pt idx="9871">
                  <c:v>164.51666699999998</c:v>
                </c:pt>
                <c:pt idx="9872">
                  <c:v>164.533333</c:v>
                </c:pt>
                <c:pt idx="9873">
                  <c:v>164.54999999999998</c:v>
                </c:pt>
                <c:pt idx="9874">
                  <c:v>164.566667</c:v>
                </c:pt>
                <c:pt idx="9875">
                  <c:v>164.58333299999998</c:v>
                </c:pt>
                <c:pt idx="9876">
                  <c:v>164.6</c:v>
                </c:pt>
                <c:pt idx="9877">
                  <c:v>164.61666700000001</c:v>
                </c:pt>
                <c:pt idx="9878">
                  <c:v>164.63333299999999</c:v>
                </c:pt>
                <c:pt idx="9879">
                  <c:v>164.65</c:v>
                </c:pt>
                <c:pt idx="9880">
                  <c:v>164.66666699999999</c:v>
                </c:pt>
                <c:pt idx="9881">
                  <c:v>164.683333</c:v>
                </c:pt>
                <c:pt idx="9882">
                  <c:v>164.7</c:v>
                </c:pt>
                <c:pt idx="9883">
                  <c:v>164.716667</c:v>
                </c:pt>
                <c:pt idx="9884">
                  <c:v>164.73333299999999</c:v>
                </c:pt>
                <c:pt idx="9885">
                  <c:v>164.75</c:v>
                </c:pt>
                <c:pt idx="9886">
                  <c:v>164.76666699999998</c:v>
                </c:pt>
                <c:pt idx="9887">
                  <c:v>164.783333</c:v>
                </c:pt>
                <c:pt idx="9888">
                  <c:v>164.79999999999998</c:v>
                </c:pt>
                <c:pt idx="9889">
                  <c:v>164.816667</c:v>
                </c:pt>
                <c:pt idx="9890">
                  <c:v>164.83333299999998</c:v>
                </c:pt>
                <c:pt idx="9891">
                  <c:v>164.85</c:v>
                </c:pt>
                <c:pt idx="9892">
                  <c:v>164.86666700000001</c:v>
                </c:pt>
                <c:pt idx="9893">
                  <c:v>164.88333299999999</c:v>
                </c:pt>
                <c:pt idx="9894">
                  <c:v>164.9</c:v>
                </c:pt>
                <c:pt idx="9895">
                  <c:v>164.91666699999999</c:v>
                </c:pt>
                <c:pt idx="9896">
                  <c:v>164.933333</c:v>
                </c:pt>
                <c:pt idx="9897">
                  <c:v>164.95</c:v>
                </c:pt>
                <c:pt idx="9898">
                  <c:v>164.966667</c:v>
                </c:pt>
                <c:pt idx="9899">
                  <c:v>164.98333299999999</c:v>
                </c:pt>
                <c:pt idx="9900">
                  <c:v>165</c:v>
                </c:pt>
                <c:pt idx="9901">
                  <c:v>165.01666699999998</c:v>
                </c:pt>
                <c:pt idx="9902">
                  <c:v>165.033333</c:v>
                </c:pt>
                <c:pt idx="9903">
                  <c:v>165.04999999999998</c:v>
                </c:pt>
                <c:pt idx="9904">
                  <c:v>165.066667</c:v>
                </c:pt>
                <c:pt idx="9905">
                  <c:v>165.08333299999998</c:v>
                </c:pt>
                <c:pt idx="9906">
                  <c:v>165.1</c:v>
                </c:pt>
                <c:pt idx="9907">
                  <c:v>165.11666700000001</c:v>
                </c:pt>
                <c:pt idx="9908">
                  <c:v>165.13333299999999</c:v>
                </c:pt>
                <c:pt idx="9909">
                  <c:v>165.15</c:v>
                </c:pt>
                <c:pt idx="9910">
                  <c:v>165.16666699999999</c:v>
                </c:pt>
                <c:pt idx="9911">
                  <c:v>165.183333</c:v>
                </c:pt>
                <c:pt idx="9912">
                  <c:v>165.2</c:v>
                </c:pt>
                <c:pt idx="9913">
                  <c:v>165.216667</c:v>
                </c:pt>
                <c:pt idx="9914">
                  <c:v>165.23333299999999</c:v>
                </c:pt>
                <c:pt idx="9915">
                  <c:v>165.25</c:v>
                </c:pt>
                <c:pt idx="9916">
                  <c:v>165.26666699999998</c:v>
                </c:pt>
                <c:pt idx="9917">
                  <c:v>165.283333</c:v>
                </c:pt>
                <c:pt idx="9918">
                  <c:v>165.29999999999998</c:v>
                </c:pt>
                <c:pt idx="9919">
                  <c:v>165.316667</c:v>
                </c:pt>
                <c:pt idx="9920">
                  <c:v>165.33333299999998</c:v>
                </c:pt>
                <c:pt idx="9921">
                  <c:v>165.35</c:v>
                </c:pt>
                <c:pt idx="9922">
                  <c:v>165.36666700000001</c:v>
                </c:pt>
                <c:pt idx="9923">
                  <c:v>165.38333299999999</c:v>
                </c:pt>
                <c:pt idx="9924">
                  <c:v>165.4</c:v>
                </c:pt>
                <c:pt idx="9925">
                  <c:v>165.41666699999999</c:v>
                </c:pt>
                <c:pt idx="9926">
                  <c:v>165.433333</c:v>
                </c:pt>
                <c:pt idx="9927">
                  <c:v>165.45</c:v>
                </c:pt>
                <c:pt idx="9928">
                  <c:v>165.466667</c:v>
                </c:pt>
                <c:pt idx="9929">
                  <c:v>165.48333299999999</c:v>
                </c:pt>
                <c:pt idx="9930">
                  <c:v>165.5</c:v>
                </c:pt>
                <c:pt idx="9931">
                  <c:v>165.51666699999998</c:v>
                </c:pt>
                <c:pt idx="9932">
                  <c:v>165.533333</c:v>
                </c:pt>
                <c:pt idx="9933">
                  <c:v>165.54999999999998</c:v>
                </c:pt>
                <c:pt idx="9934">
                  <c:v>165.566667</c:v>
                </c:pt>
                <c:pt idx="9935">
                  <c:v>165.58333299999998</c:v>
                </c:pt>
                <c:pt idx="9936">
                  <c:v>165.6</c:v>
                </c:pt>
                <c:pt idx="9937">
                  <c:v>165.61666700000001</c:v>
                </c:pt>
                <c:pt idx="9938">
                  <c:v>165.63333299999999</c:v>
                </c:pt>
                <c:pt idx="9939">
                  <c:v>165.65</c:v>
                </c:pt>
                <c:pt idx="9940">
                  <c:v>165.66666699999999</c:v>
                </c:pt>
                <c:pt idx="9941">
                  <c:v>165.683333</c:v>
                </c:pt>
                <c:pt idx="9942">
                  <c:v>165.7</c:v>
                </c:pt>
                <c:pt idx="9943">
                  <c:v>165.716667</c:v>
                </c:pt>
                <c:pt idx="9944">
                  <c:v>165.73333299999999</c:v>
                </c:pt>
                <c:pt idx="9945">
                  <c:v>165.75</c:v>
                </c:pt>
                <c:pt idx="9946">
                  <c:v>165.76666699999998</c:v>
                </c:pt>
                <c:pt idx="9947">
                  <c:v>165.783333</c:v>
                </c:pt>
                <c:pt idx="9948">
                  <c:v>165.79999999999998</c:v>
                </c:pt>
                <c:pt idx="9949">
                  <c:v>165.816667</c:v>
                </c:pt>
                <c:pt idx="9950">
                  <c:v>165.83333299999998</c:v>
                </c:pt>
                <c:pt idx="9951">
                  <c:v>165.85</c:v>
                </c:pt>
                <c:pt idx="9952">
                  <c:v>165.86666700000001</c:v>
                </c:pt>
                <c:pt idx="9953">
                  <c:v>165.88333299999999</c:v>
                </c:pt>
                <c:pt idx="9954">
                  <c:v>165.9</c:v>
                </c:pt>
                <c:pt idx="9955">
                  <c:v>165.91666699999999</c:v>
                </c:pt>
                <c:pt idx="9956">
                  <c:v>165.933333</c:v>
                </c:pt>
                <c:pt idx="9957">
                  <c:v>165.95</c:v>
                </c:pt>
                <c:pt idx="9958">
                  <c:v>165.966667</c:v>
                </c:pt>
                <c:pt idx="9959">
                  <c:v>165.98333299999999</c:v>
                </c:pt>
                <c:pt idx="9960">
                  <c:v>166</c:v>
                </c:pt>
                <c:pt idx="9961">
                  <c:v>166.01666699999998</c:v>
                </c:pt>
                <c:pt idx="9962">
                  <c:v>166.033333</c:v>
                </c:pt>
                <c:pt idx="9963">
                  <c:v>166.04999999999998</c:v>
                </c:pt>
                <c:pt idx="9964">
                  <c:v>166.066667</c:v>
                </c:pt>
                <c:pt idx="9965">
                  <c:v>166.08333299999998</c:v>
                </c:pt>
                <c:pt idx="9966">
                  <c:v>166.1</c:v>
                </c:pt>
                <c:pt idx="9967">
                  <c:v>166.11666700000001</c:v>
                </c:pt>
                <c:pt idx="9968">
                  <c:v>166.13333299999999</c:v>
                </c:pt>
                <c:pt idx="9969">
                  <c:v>166.15</c:v>
                </c:pt>
                <c:pt idx="9970">
                  <c:v>166.16666699999999</c:v>
                </c:pt>
                <c:pt idx="9971">
                  <c:v>166.183333</c:v>
                </c:pt>
                <c:pt idx="9972">
                  <c:v>166.2</c:v>
                </c:pt>
                <c:pt idx="9973">
                  <c:v>166.216667</c:v>
                </c:pt>
                <c:pt idx="9974">
                  <c:v>166.23333299999999</c:v>
                </c:pt>
                <c:pt idx="9975">
                  <c:v>166.25</c:v>
                </c:pt>
                <c:pt idx="9976">
                  <c:v>166.26666699999998</c:v>
                </c:pt>
                <c:pt idx="9977">
                  <c:v>166.283333</c:v>
                </c:pt>
                <c:pt idx="9978">
                  <c:v>166.29999999999998</c:v>
                </c:pt>
                <c:pt idx="9979">
                  <c:v>166.316667</c:v>
                </c:pt>
                <c:pt idx="9980">
                  <c:v>166.33333299999998</c:v>
                </c:pt>
                <c:pt idx="9981">
                  <c:v>166.35</c:v>
                </c:pt>
                <c:pt idx="9982">
                  <c:v>166.36666700000001</c:v>
                </c:pt>
                <c:pt idx="9983">
                  <c:v>166.38333299999999</c:v>
                </c:pt>
                <c:pt idx="9984">
                  <c:v>166.4</c:v>
                </c:pt>
                <c:pt idx="9985">
                  <c:v>166.41666699999999</c:v>
                </c:pt>
                <c:pt idx="9986">
                  <c:v>166.433333</c:v>
                </c:pt>
                <c:pt idx="9987">
                  <c:v>166.45</c:v>
                </c:pt>
                <c:pt idx="9988">
                  <c:v>166.466667</c:v>
                </c:pt>
                <c:pt idx="9989">
                  <c:v>166.48333299999999</c:v>
                </c:pt>
                <c:pt idx="9990">
                  <c:v>166.5</c:v>
                </c:pt>
                <c:pt idx="9991">
                  <c:v>166.51666699999998</c:v>
                </c:pt>
                <c:pt idx="9992">
                  <c:v>166.533333</c:v>
                </c:pt>
                <c:pt idx="9993">
                  <c:v>166.54999999999998</c:v>
                </c:pt>
                <c:pt idx="9994">
                  <c:v>166.566667</c:v>
                </c:pt>
                <c:pt idx="9995">
                  <c:v>166.58333299999998</c:v>
                </c:pt>
                <c:pt idx="9996">
                  <c:v>166.6</c:v>
                </c:pt>
                <c:pt idx="9997">
                  <c:v>166.61666700000001</c:v>
                </c:pt>
                <c:pt idx="9998">
                  <c:v>166.63333299999999</c:v>
                </c:pt>
                <c:pt idx="9999">
                  <c:v>166.65</c:v>
                </c:pt>
                <c:pt idx="10000">
                  <c:v>166.66666699999999</c:v>
                </c:pt>
                <c:pt idx="10001">
                  <c:v>166.683333</c:v>
                </c:pt>
                <c:pt idx="10002">
                  <c:v>166.7</c:v>
                </c:pt>
                <c:pt idx="10003">
                  <c:v>166.716667</c:v>
                </c:pt>
                <c:pt idx="10004">
                  <c:v>166.73333299999999</c:v>
                </c:pt>
                <c:pt idx="10005">
                  <c:v>166.75</c:v>
                </c:pt>
                <c:pt idx="10006">
                  <c:v>166.76666699999998</c:v>
                </c:pt>
                <c:pt idx="10007">
                  <c:v>166.783333</c:v>
                </c:pt>
                <c:pt idx="10008">
                  <c:v>166.79999999999998</c:v>
                </c:pt>
                <c:pt idx="10009">
                  <c:v>166.816667</c:v>
                </c:pt>
                <c:pt idx="10010">
                  <c:v>166.83333299999998</c:v>
                </c:pt>
                <c:pt idx="10011">
                  <c:v>166.85</c:v>
                </c:pt>
                <c:pt idx="10012">
                  <c:v>166.86666700000001</c:v>
                </c:pt>
                <c:pt idx="10013">
                  <c:v>166.88333299999999</c:v>
                </c:pt>
                <c:pt idx="10014">
                  <c:v>166.9</c:v>
                </c:pt>
                <c:pt idx="10015">
                  <c:v>166.91666699999999</c:v>
                </c:pt>
                <c:pt idx="10016">
                  <c:v>166.933333</c:v>
                </c:pt>
                <c:pt idx="10017">
                  <c:v>166.95</c:v>
                </c:pt>
                <c:pt idx="10018">
                  <c:v>166.966667</c:v>
                </c:pt>
                <c:pt idx="10019">
                  <c:v>166.98333299999999</c:v>
                </c:pt>
                <c:pt idx="10020">
                  <c:v>167</c:v>
                </c:pt>
                <c:pt idx="10021">
                  <c:v>167.01666699999998</c:v>
                </c:pt>
                <c:pt idx="10022">
                  <c:v>167.033333</c:v>
                </c:pt>
                <c:pt idx="10023">
                  <c:v>167.04999999999998</c:v>
                </c:pt>
                <c:pt idx="10024">
                  <c:v>167.066667</c:v>
                </c:pt>
                <c:pt idx="10025">
                  <c:v>167.08333299999998</c:v>
                </c:pt>
                <c:pt idx="10026">
                  <c:v>167.1</c:v>
                </c:pt>
                <c:pt idx="10027">
                  <c:v>167.11666700000001</c:v>
                </c:pt>
                <c:pt idx="10028">
                  <c:v>167.13333299999999</c:v>
                </c:pt>
                <c:pt idx="10029">
                  <c:v>167.15</c:v>
                </c:pt>
                <c:pt idx="10030">
                  <c:v>167.16666699999999</c:v>
                </c:pt>
                <c:pt idx="10031">
                  <c:v>167.183333</c:v>
                </c:pt>
                <c:pt idx="10032">
                  <c:v>167.2</c:v>
                </c:pt>
                <c:pt idx="10033">
                  <c:v>167.216667</c:v>
                </c:pt>
                <c:pt idx="10034">
                  <c:v>167.23333299999999</c:v>
                </c:pt>
                <c:pt idx="10035">
                  <c:v>167.25</c:v>
                </c:pt>
                <c:pt idx="10036">
                  <c:v>167.26666699999998</c:v>
                </c:pt>
                <c:pt idx="10037">
                  <c:v>167.283333</c:v>
                </c:pt>
                <c:pt idx="10038">
                  <c:v>167.29999999999998</c:v>
                </c:pt>
                <c:pt idx="10039">
                  <c:v>167.316667</c:v>
                </c:pt>
                <c:pt idx="10040">
                  <c:v>167.33333299999998</c:v>
                </c:pt>
                <c:pt idx="10041">
                  <c:v>167.35</c:v>
                </c:pt>
                <c:pt idx="10042">
                  <c:v>167.36666700000001</c:v>
                </c:pt>
                <c:pt idx="10043">
                  <c:v>167.38333299999999</c:v>
                </c:pt>
                <c:pt idx="10044">
                  <c:v>167.4</c:v>
                </c:pt>
                <c:pt idx="10045">
                  <c:v>167.41666699999999</c:v>
                </c:pt>
                <c:pt idx="10046">
                  <c:v>167.433333</c:v>
                </c:pt>
                <c:pt idx="10047">
                  <c:v>167.45</c:v>
                </c:pt>
                <c:pt idx="10048">
                  <c:v>167.466667</c:v>
                </c:pt>
                <c:pt idx="10049">
                  <c:v>167.48333299999999</c:v>
                </c:pt>
                <c:pt idx="10050">
                  <c:v>167.5</c:v>
                </c:pt>
                <c:pt idx="10051">
                  <c:v>167.51666699999998</c:v>
                </c:pt>
                <c:pt idx="10052">
                  <c:v>167.533333</c:v>
                </c:pt>
                <c:pt idx="10053">
                  <c:v>167.54999999999998</c:v>
                </c:pt>
                <c:pt idx="10054">
                  <c:v>167.566667</c:v>
                </c:pt>
                <c:pt idx="10055">
                  <c:v>167.58333299999998</c:v>
                </c:pt>
                <c:pt idx="10056">
                  <c:v>167.6</c:v>
                </c:pt>
                <c:pt idx="10057">
                  <c:v>167.61666700000001</c:v>
                </c:pt>
                <c:pt idx="10058">
                  <c:v>167.63333299999999</c:v>
                </c:pt>
                <c:pt idx="10059">
                  <c:v>167.65</c:v>
                </c:pt>
                <c:pt idx="10060">
                  <c:v>167.66666699999999</c:v>
                </c:pt>
                <c:pt idx="10061">
                  <c:v>167.683333</c:v>
                </c:pt>
                <c:pt idx="10062">
                  <c:v>167.7</c:v>
                </c:pt>
                <c:pt idx="10063">
                  <c:v>167.716667</c:v>
                </c:pt>
                <c:pt idx="10064">
                  <c:v>167.73333299999999</c:v>
                </c:pt>
                <c:pt idx="10065">
                  <c:v>167.75</c:v>
                </c:pt>
                <c:pt idx="10066">
                  <c:v>167.76666699999998</c:v>
                </c:pt>
                <c:pt idx="10067">
                  <c:v>167.783333</c:v>
                </c:pt>
                <c:pt idx="10068">
                  <c:v>167.79999999999998</c:v>
                </c:pt>
                <c:pt idx="10069">
                  <c:v>167.816667</c:v>
                </c:pt>
                <c:pt idx="10070">
                  <c:v>167.83333299999998</c:v>
                </c:pt>
                <c:pt idx="10071">
                  <c:v>167.85</c:v>
                </c:pt>
                <c:pt idx="10072">
                  <c:v>167.86666700000001</c:v>
                </c:pt>
                <c:pt idx="10073">
                  <c:v>167.88333299999999</c:v>
                </c:pt>
                <c:pt idx="10074">
                  <c:v>167.9</c:v>
                </c:pt>
                <c:pt idx="10075">
                  <c:v>167.91666699999999</c:v>
                </c:pt>
                <c:pt idx="10076">
                  <c:v>167.933333</c:v>
                </c:pt>
                <c:pt idx="10077">
                  <c:v>167.95</c:v>
                </c:pt>
                <c:pt idx="10078">
                  <c:v>167.966667</c:v>
                </c:pt>
                <c:pt idx="10079">
                  <c:v>167.98333299999999</c:v>
                </c:pt>
                <c:pt idx="10080">
                  <c:v>168</c:v>
                </c:pt>
                <c:pt idx="10081">
                  <c:v>168.01666699999998</c:v>
                </c:pt>
                <c:pt idx="10082">
                  <c:v>168.033333</c:v>
                </c:pt>
                <c:pt idx="10083">
                  <c:v>168.04999999999998</c:v>
                </c:pt>
                <c:pt idx="10084">
                  <c:v>168.066667</c:v>
                </c:pt>
                <c:pt idx="10085">
                  <c:v>168.08333299999998</c:v>
                </c:pt>
                <c:pt idx="10086">
                  <c:v>168.1</c:v>
                </c:pt>
                <c:pt idx="10087">
                  <c:v>168.11666700000001</c:v>
                </c:pt>
                <c:pt idx="10088">
                  <c:v>168.13333299999999</c:v>
                </c:pt>
                <c:pt idx="10089">
                  <c:v>168.15</c:v>
                </c:pt>
                <c:pt idx="10090">
                  <c:v>168.16666699999999</c:v>
                </c:pt>
                <c:pt idx="10091">
                  <c:v>168.183333</c:v>
                </c:pt>
                <c:pt idx="10092">
                  <c:v>168.2</c:v>
                </c:pt>
                <c:pt idx="10093">
                  <c:v>168.216667</c:v>
                </c:pt>
                <c:pt idx="10094">
                  <c:v>168.23333299999999</c:v>
                </c:pt>
                <c:pt idx="10095">
                  <c:v>168.25</c:v>
                </c:pt>
                <c:pt idx="10096">
                  <c:v>168.26666699999998</c:v>
                </c:pt>
                <c:pt idx="10097">
                  <c:v>168.283333</c:v>
                </c:pt>
                <c:pt idx="10098">
                  <c:v>168.29999999999998</c:v>
                </c:pt>
                <c:pt idx="10099">
                  <c:v>168.316667</c:v>
                </c:pt>
                <c:pt idx="10100">
                  <c:v>168.33333299999998</c:v>
                </c:pt>
                <c:pt idx="10101">
                  <c:v>168.35</c:v>
                </c:pt>
                <c:pt idx="10102">
                  <c:v>168.36666700000001</c:v>
                </c:pt>
                <c:pt idx="10103">
                  <c:v>168.38333299999999</c:v>
                </c:pt>
                <c:pt idx="10104">
                  <c:v>168.4</c:v>
                </c:pt>
                <c:pt idx="10105">
                  <c:v>168.41666699999999</c:v>
                </c:pt>
                <c:pt idx="10106">
                  <c:v>168.433333</c:v>
                </c:pt>
                <c:pt idx="10107">
                  <c:v>168.45</c:v>
                </c:pt>
                <c:pt idx="10108">
                  <c:v>168.466667</c:v>
                </c:pt>
                <c:pt idx="10109">
                  <c:v>168.48333299999999</c:v>
                </c:pt>
                <c:pt idx="10110">
                  <c:v>168.5</c:v>
                </c:pt>
                <c:pt idx="10111">
                  <c:v>168.51666699999998</c:v>
                </c:pt>
                <c:pt idx="10112">
                  <c:v>168.533333</c:v>
                </c:pt>
                <c:pt idx="10113">
                  <c:v>168.54999999999998</c:v>
                </c:pt>
                <c:pt idx="10114">
                  <c:v>168.566667</c:v>
                </c:pt>
                <c:pt idx="10115">
                  <c:v>168.58333299999998</c:v>
                </c:pt>
                <c:pt idx="10116">
                  <c:v>168.6</c:v>
                </c:pt>
                <c:pt idx="10117">
                  <c:v>168.61666700000001</c:v>
                </c:pt>
                <c:pt idx="10118">
                  <c:v>168.63333299999999</c:v>
                </c:pt>
                <c:pt idx="10119">
                  <c:v>168.65</c:v>
                </c:pt>
                <c:pt idx="10120">
                  <c:v>168.66666699999999</c:v>
                </c:pt>
                <c:pt idx="10121">
                  <c:v>168.683333</c:v>
                </c:pt>
                <c:pt idx="10122">
                  <c:v>168.7</c:v>
                </c:pt>
                <c:pt idx="10123">
                  <c:v>168.716667</c:v>
                </c:pt>
                <c:pt idx="10124">
                  <c:v>168.73333299999999</c:v>
                </c:pt>
                <c:pt idx="10125">
                  <c:v>168.75</c:v>
                </c:pt>
                <c:pt idx="10126">
                  <c:v>168.76666699999998</c:v>
                </c:pt>
                <c:pt idx="10127">
                  <c:v>168.783333</c:v>
                </c:pt>
                <c:pt idx="10128">
                  <c:v>168.79999999999998</c:v>
                </c:pt>
                <c:pt idx="10129">
                  <c:v>168.816667</c:v>
                </c:pt>
                <c:pt idx="10130">
                  <c:v>168.83333299999998</c:v>
                </c:pt>
                <c:pt idx="10131">
                  <c:v>168.85</c:v>
                </c:pt>
                <c:pt idx="10132">
                  <c:v>168.86666700000001</c:v>
                </c:pt>
                <c:pt idx="10133">
                  <c:v>168.88333299999999</c:v>
                </c:pt>
                <c:pt idx="10134">
                  <c:v>168.9</c:v>
                </c:pt>
                <c:pt idx="10135">
                  <c:v>168.91666699999999</c:v>
                </c:pt>
                <c:pt idx="10136">
                  <c:v>168.933333</c:v>
                </c:pt>
                <c:pt idx="10137">
                  <c:v>168.95</c:v>
                </c:pt>
                <c:pt idx="10138">
                  <c:v>168.966667</c:v>
                </c:pt>
                <c:pt idx="10139">
                  <c:v>168.98333299999999</c:v>
                </c:pt>
                <c:pt idx="10140">
                  <c:v>169</c:v>
                </c:pt>
                <c:pt idx="10141">
                  <c:v>169.01666699999998</c:v>
                </c:pt>
                <c:pt idx="10142">
                  <c:v>169.033333</c:v>
                </c:pt>
                <c:pt idx="10143">
                  <c:v>169.04999999999998</c:v>
                </c:pt>
                <c:pt idx="10144">
                  <c:v>169.066667</c:v>
                </c:pt>
                <c:pt idx="10145">
                  <c:v>169.08333299999998</c:v>
                </c:pt>
                <c:pt idx="10146">
                  <c:v>169.1</c:v>
                </c:pt>
                <c:pt idx="10147">
                  <c:v>169.11666700000001</c:v>
                </c:pt>
                <c:pt idx="10148">
                  <c:v>169.13333299999999</c:v>
                </c:pt>
                <c:pt idx="10149">
                  <c:v>169.15</c:v>
                </c:pt>
                <c:pt idx="10150">
                  <c:v>169.16666699999999</c:v>
                </c:pt>
                <c:pt idx="10151">
                  <c:v>169.183333</c:v>
                </c:pt>
                <c:pt idx="10152">
                  <c:v>169.2</c:v>
                </c:pt>
                <c:pt idx="10153">
                  <c:v>169.216667</c:v>
                </c:pt>
                <c:pt idx="10154">
                  <c:v>169.23333299999999</c:v>
                </c:pt>
                <c:pt idx="10155">
                  <c:v>169.25</c:v>
                </c:pt>
                <c:pt idx="10156">
                  <c:v>169.26666699999998</c:v>
                </c:pt>
                <c:pt idx="10157">
                  <c:v>169.283333</c:v>
                </c:pt>
                <c:pt idx="10158">
                  <c:v>169.29999999999998</c:v>
                </c:pt>
                <c:pt idx="10159">
                  <c:v>169.316667</c:v>
                </c:pt>
                <c:pt idx="10160">
                  <c:v>169.33333299999998</c:v>
                </c:pt>
                <c:pt idx="10161">
                  <c:v>169.35</c:v>
                </c:pt>
                <c:pt idx="10162">
                  <c:v>169.36666700000001</c:v>
                </c:pt>
                <c:pt idx="10163">
                  <c:v>169.38333299999999</c:v>
                </c:pt>
                <c:pt idx="10164">
                  <c:v>169.4</c:v>
                </c:pt>
                <c:pt idx="10165">
                  <c:v>169.41666699999999</c:v>
                </c:pt>
                <c:pt idx="10166">
                  <c:v>169.433333</c:v>
                </c:pt>
                <c:pt idx="10167">
                  <c:v>169.45</c:v>
                </c:pt>
                <c:pt idx="10168">
                  <c:v>169.466667</c:v>
                </c:pt>
                <c:pt idx="10169">
                  <c:v>169.48333299999999</c:v>
                </c:pt>
                <c:pt idx="10170">
                  <c:v>169.5</c:v>
                </c:pt>
                <c:pt idx="10171">
                  <c:v>169.51666699999998</c:v>
                </c:pt>
                <c:pt idx="10172">
                  <c:v>169.533333</c:v>
                </c:pt>
                <c:pt idx="10173">
                  <c:v>169.54999999999998</c:v>
                </c:pt>
                <c:pt idx="10174">
                  <c:v>169.566667</c:v>
                </c:pt>
                <c:pt idx="10175">
                  <c:v>169.58333299999998</c:v>
                </c:pt>
                <c:pt idx="10176">
                  <c:v>169.6</c:v>
                </c:pt>
                <c:pt idx="10177">
                  <c:v>169.61666700000001</c:v>
                </c:pt>
                <c:pt idx="10178">
                  <c:v>169.63333299999999</c:v>
                </c:pt>
                <c:pt idx="10179">
                  <c:v>169.65</c:v>
                </c:pt>
                <c:pt idx="10180">
                  <c:v>169.66666699999999</c:v>
                </c:pt>
                <c:pt idx="10181">
                  <c:v>169.683333</c:v>
                </c:pt>
                <c:pt idx="10182">
                  <c:v>169.7</c:v>
                </c:pt>
                <c:pt idx="10183">
                  <c:v>169.716667</c:v>
                </c:pt>
                <c:pt idx="10184">
                  <c:v>169.73333299999999</c:v>
                </c:pt>
                <c:pt idx="10185">
                  <c:v>169.75</c:v>
                </c:pt>
                <c:pt idx="10186">
                  <c:v>169.76666699999998</c:v>
                </c:pt>
                <c:pt idx="10187">
                  <c:v>169.783333</c:v>
                </c:pt>
                <c:pt idx="10188">
                  <c:v>169.79999999999998</c:v>
                </c:pt>
                <c:pt idx="10189">
                  <c:v>169.816667</c:v>
                </c:pt>
                <c:pt idx="10190">
                  <c:v>169.83333299999998</c:v>
                </c:pt>
                <c:pt idx="10191">
                  <c:v>169.85</c:v>
                </c:pt>
                <c:pt idx="10192">
                  <c:v>169.86666700000001</c:v>
                </c:pt>
                <c:pt idx="10193">
                  <c:v>169.88333299999999</c:v>
                </c:pt>
                <c:pt idx="10194">
                  <c:v>169.9</c:v>
                </c:pt>
                <c:pt idx="10195">
                  <c:v>169.91666699999999</c:v>
                </c:pt>
                <c:pt idx="10196">
                  <c:v>169.933333</c:v>
                </c:pt>
                <c:pt idx="10197">
                  <c:v>169.95</c:v>
                </c:pt>
                <c:pt idx="10198">
                  <c:v>169.966667</c:v>
                </c:pt>
                <c:pt idx="10199">
                  <c:v>169.98333299999999</c:v>
                </c:pt>
                <c:pt idx="10200">
                  <c:v>170</c:v>
                </c:pt>
                <c:pt idx="10201">
                  <c:v>170.01666699999998</c:v>
                </c:pt>
                <c:pt idx="10202">
                  <c:v>170.033333</c:v>
                </c:pt>
                <c:pt idx="10203">
                  <c:v>170.04999999999998</c:v>
                </c:pt>
                <c:pt idx="10204">
                  <c:v>170.066667</c:v>
                </c:pt>
                <c:pt idx="10205">
                  <c:v>170.08333299999998</c:v>
                </c:pt>
                <c:pt idx="10206">
                  <c:v>170.1</c:v>
                </c:pt>
                <c:pt idx="10207">
                  <c:v>170.11666700000001</c:v>
                </c:pt>
                <c:pt idx="10208">
                  <c:v>170.13333299999999</c:v>
                </c:pt>
                <c:pt idx="10209">
                  <c:v>170.15</c:v>
                </c:pt>
                <c:pt idx="10210">
                  <c:v>170.16666699999999</c:v>
                </c:pt>
                <c:pt idx="10211">
                  <c:v>170.183333</c:v>
                </c:pt>
                <c:pt idx="10212">
                  <c:v>170.2</c:v>
                </c:pt>
                <c:pt idx="10213">
                  <c:v>170.216667</c:v>
                </c:pt>
                <c:pt idx="10214">
                  <c:v>170.23333299999999</c:v>
                </c:pt>
                <c:pt idx="10215">
                  <c:v>170.25</c:v>
                </c:pt>
                <c:pt idx="10216">
                  <c:v>170.26666699999998</c:v>
                </c:pt>
                <c:pt idx="10217">
                  <c:v>170.283333</c:v>
                </c:pt>
                <c:pt idx="10218">
                  <c:v>170.29999999999998</c:v>
                </c:pt>
                <c:pt idx="10219">
                  <c:v>170.316667</c:v>
                </c:pt>
                <c:pt idx="10220">
                  <c:v>170.33333299999998</c:v>
                </c:pt>
                <c:pt idx="10221">
                  <c:v>170.35</c:v>
                </c:pt>
                <c:pt idx="10222">
                  <c:v>170.36666700000001</c:v>
                </c:pt>
                <c:pt idx="10223">
                  <c:v>170.38333299999999</c:v>
                </c:pt>
                <c:pt idx="10224">
                  <c:v>170.4</c:v>
                </c:pt>
                <c:pt idx="10225">
                  <c:v>170.41666699999999</c:v>
                </c:pt>
                <c:pt idx="10226">
                  <c:v>170.433333</c:v>
                </c:pt>
                <c:pt idx="10227">
                  <c:v>170.45</c:v>
                </c:pt>
                <c:pt idx="10228">
                  <c:v>170.466667</c:v>
                </c:pt>
                <c:pt idx="10229">
                  <c:v>170.48333299999999</c:v>
                </c:pt>
                <c:pt idx="10230">
                  <c:v>170.5</c:v>
                </c:pt>
                <c:pt idx="10231">
                  <c:v>170.51666699999998</c:v>
                </c:pt>
                <c:pt idx="10232">
                  <c:v>170.533333</c:v>
                </c:pt>
                <c:pt idx="10233">
                  <c:v>170.54999999999998</c:v>
                </c:pt>
                <c:pt idx="10234">
                  <c:v>170.566667</c:v>
                </c:pt>
                <c:pt idx="10235">
                  <c:v>170.58333299999998</c:v>
                </c:pt>
                <c:pt idx="10236">
                  <c:v>170.6</c:v>
                </c:pt>
                <c:pt idx="10237">
                  <c:v>170.61666700000001</c:v>
                </c:pt>
                <c:pt idx="10238">
                  <c:v>170.63333299999999</c:v>
                </c:pt>
                <c:pt idx="10239">
                  <c:v>170.65</c:v>
                </c:pt>
                <c:pt idx="10240">
                  <c:v>170.66666699999999</c:v>
                </c:pt>
                <c:pt idx="10241">
                  <c:v>170.683333</c:v>
                </c:pt>
                <c:pt idx="10242">
                  <c:v>170.7</c:v>
                </c:pt>
                <c:pt idx="10243">
                  <c:v>170.716667</c:v>
                </c:pt>
                <c:pt idx="10244">
                  <c:v>170.73333299999999</c:v>
                </c:pt>
                <c:pt idx="10245">
                  <c:v>170.75</c:v>
                </c:pt>
                <c:pt idx="10246">
                  <c:v>170.76666699999998</c:v>
                </c:pt>
                <c:pt idx="10247">
                  <c:v>170.783333</c:v>
                </c:pt>
                <c:pt idx="10248">
                  <c:v>170.79999999999998</c:v>
                </c:pt>
                <c:pt idx="10249">
                  <c:v>170.816667</c:v>
                </c:pt>
                <c:pt idx="10250">
                  <c:v>170.83333299999998</c:v>
                </c:pt>
                <c:pt idx="10251">
                  <c:v>170.85</c:v>
                </c:pt>
                <c:pt idx="10252">
                  <c:v>170.86666700000001</c:v>
                </c:pt>
                <c:pt idx="10253">
                  <c:v>170.88333299999999</c:v>
                </c:pt>
                <c:pt idx="10254">
                  <c:v>170.9</c:v>
                </c:pt>
                <c:pt idx="10255">
                  <c:v>170.91666699999999</c:v>
                </c:pt>
                <c:pt idx="10256">
                  <c:v>170.933333</c:v>
                </c:pt>
                <c:pt idx="10257">
                  <c:v>170.95</c:v>
                </c:pt>
                <c:pt idx="10258">
                  <c:v>170.966667</c:v>
                </c:pt>
                <c:pt idx="10259">
                  <c:v>170.98333299999999</c:v>
                </c:pt>
                <c:pt idx="10260">
                  <c:v>171</c:v>
                </c:pt>
                <c:pt idx="10261">
                  <c:v>171.01666699999998</c:v>
                </c:pt>
                <c:pt idx="10262">
                  <c:v>171.033333</c:v>
                </c:pt>
                <c:pt idx="10263">
                  <c:v>171.04999999999998</c:v>
                </c:pt>
                <c:pt idx="10264">
                  <c:v>171.066667</c:v>
                </c:pt>
                <c:pt idx="10265">
                  <c:v>171.08333299999998</c:v>
                </c:pt>
                <c:pt idx="10266">
                  <c:v>171.1</c:v>
                </c:pt>
                <c:pt idx="10267">
                  <c:v>171.11666700000001</c:v>
                </c:pt>
                <c:pt idx="10268">
                  <c:v>171.13333299999999</c:v>
                </c:pt>
                <c:pt idx="10269">
                  <c:v>171.15</c:v>
                </c:pt>
                <c:pt idx="10270">
                  <c:v>171.16666699999999</c:v>
                </c:pt>
                <c:pt idx="10271">
                  <c:v>171.183333</c:v>
                </c:pt>
                <c:pt idx="10272">
                  <c:v>171.2</c:v>
                </c:pt>
                <c:pt idx="10273">
                  <c:v>171.216667</c:v>
                </c:pt>
                <c:pt idx="10274">
                  <c:v>171.23333299999999</c:v>
                </c:pt>
                <c:pt idx="10275">
                  <c:v>171.25</c:v>
                </c:pt>
                <c:pt idx="10276">
                  <c:v>171.26666699999998</c:v>
                </c:pt>
                <c:pt idx="10277">
                  <c:v>171.283333</c:v>
                </c:pt>
                <c:pt idx="10278">
                  <c:v>171.29999999999998</c:v>
                </c:pt>
                <c:pt idx="10279">
                  <c:v>171.316667</c:v>
                </c:pt>
                <c:pt idx="10280">
                  <c:v>171.33333299999998</c:v>
                </c:pt>
                <c:pt idx="10281">
                  <c:v>171.35</c:v>
                </c:pt>
                <c:pt idx="10282">
                  <c:v>171.36666700000001</c:v>
                </c:pt>
                <c:pt idx="10283">
                  <c:v>171.38333299999999</c:v>
                </c:pt>
                <c:pt idx="10284">
                  <c:v>171.4</c:v>
                </c:pt>
                <c:pt idx="10285">
                  <c:v>171.41666699999999</c:v>
                </c:pt>
                <c:pt idx="10286">
                  <c:v>171.433333</c:v>
                </c:pt>
                <c:pt idx="10287">
                  <c:v>171.45</c:v>
                </c:pt>
                <c:pt idx="10288">
                  <c:v>171.466667</c:v>
                </c:pt>
                <c:pt idx="10289">
                  <c:v>171.48333299999999</c:v>
                </c:pt>
                <c:pt idx="10290">
                  <c:v>171.5</c:v>
                </c:pt>
                <c:pt idx="10291">
                  <c:v>171.51666699999998</c:v>
                </c:pt>
                <c:pt idx="10292">
                  <c:v>171.533333</c:v>
                </c:pt>
                <c:pt idx="10293">
                  <c:v>171.54999999999998</c:v>
                </c:pt>
                <c:pt idx="10294">
                  <c:v>171.566667</c:v>
                </c:pt>
                <c:pt idx="10295">
                  <c:v>171.58333299999998</c:v>
                </c:pt>
                <c:pt idx="10296">
                  <c:v>171.6</c:v>
                </c:pt>
                <c:pt idx="10297">
                  <c:v>171.61666700000001</c:v>
                </c:pt>
                <c:pt idx="10298">
                  <c:v>171.63333299999999</c:v>
                </c:pt>
                <c:pt idx="10299">
                  <c:v>171.65</c:v>
                </c:pt>
                <c:pt idx="10300">
                  <c:v>171.66666699999999</c:v>
                </c:pt>
                <c:pt idx="10301">
                  <c:v>171.683333</c:v>
                </c:pt>
                <c:pt idx="10302">
                  <c:v>171.7</c:v>
                </c:pt>
                <c:pt idx="10303">
                  <c:v>171.716667</c:v>
                </c:pt>
                <c:pt idx="10304">
                  <c:v>171.73333299999999</c:v>
                </c:pt>
                <c:pt idx="10305">
                  <c:v>171.75</c:v>
                </c:pt>
                <c:pt idx="10306">
                  <c:v>171.76666699999998</c:v>
                </c:pt>
                <c:pt idx="10307">
                  <c:v>171.783333</c:v>
                </c:pt>
                <c:pt idx="10308">
                  <c:v>171.79999999999998</c:v>
                </c:pt>
                <c:pt idx="10309">
                  <c:v>171.816667</c:v>
                </c:pt>
                <c:pt idx="10310">
                  <c:v>171.83333299999998</c:v>
                </c:pt>
                <c:pt idx="10311">
                  <c:v>171.85</c:v>
                </c:pt>
                <c:pt idx="10312">
                  <c:v>171.86666700000001</c:v>
                </c:pt>
                <c:pt idx="10313">
                  <c:v>171.88333299999999</c:v>
                </c:pt>
                <c:pt idx="10314">
                  <c:v>171.9</c:v>
                </c:pt>
                <c:pt idx="10315">
                  <c:v>171.91666699999999</c:v>
                </c:pt>
                <c:pt idx="10316">
                  <c:v>171.933333</c:v>
                </c:pt>
                <c:pt idx="10317">
                  <c:v>171.95</c:v>
                </c:pt>
                <c:pt idx="10318">
                  <c:v>171.966667</c:v>
                </c:pt>
                <c:pt idx="10319">
                  <c:v>171.98333299999999</c:v>
                </c:pt>
                <c:pt idx="10320">
                  <c:v>172</c:v>
                </c:pt>
                <c:pt idx="10321">
                  <c:v>172.01666699999998</c:v>
                </c:pt>
                <c:pt idx="10322">
                  <c:v>172.033333</c:v>
                </c:pt>
                <c:pt idx="10323">
                  <c:v>172.04999999999998</c:v>
                </c:pt>
                <c:pt idx="10324">
                  <c:v>172.066667</c:v>
                </c:pt>
                <c:pt idx="10325">
                  <c:v>172.08333299999998</c:v>
                </c:pt>
                <c:pt idx="10326">
                  <c:v>172.1</c:v>
                </c:pt>
                <c:pt idx="10327">
                  <c:v>172.11666700000001</c:v>
                </c:pt>
                <c:pt idx="10328">
                  <c:v>172.13333299999999</c:v>
                </c:pt>
                <c:pt idx="10329">
                  <c:v>172.15</c:v>
                </c:pt>
                <c:pt idx="10330">
                  <c:v>172.16666699999999</c:v>
                </c:pt>
                <c:pt idx="10331">
                  <c:v>172.183333</c:v>
                </c:pt>
                <c:pt idx="10332">
                  <c:v>172.2</c:v>
                </c:pt>
                <c:pt idx="10333">
                  <c:v>172.216667</c:v>
                </c:pt>
                <c:pt idx="10334">
                  <c:v>172.23333299999999</c:v>
                </c:pt>
                <c:pt idx="10335">
                  <c:v>172.25</c:v>
                </c:pt>
                <c:pt idx="10336">
                  <c:v>172.26666699999998</c:v>
                </c:pt>
                <c:pt idx="10337">
                  <c:v>172.283333</c:v>
                </c:pt>
                <c:pt idx="10338">
                  <c:v>172.29999999999998</c:v>
                </c:pt>
                <c:pt idx="10339">
                  <c:v>172.316667</c:v>
                </c:pt>
                <c:pt idx="10340">
                  <c:v>172.33333299999998</c:v>
                </c:pt>
                <c:pt idx="10341">
                  <c:v>172.35</c:v>
                </c:pt>
                <c:pt idx="10342">
                  <c:v>172.36666700000001</c:v>
                </c:pt>
                <c:pt idx="10343">
                  <c:v>172.38333299999999</c:v>
                </c:pt>
                <c:pt idx="10344">
                  <c:v>172.4</c:v>
                </c:pt>
                <c:pt idx="10345">
                  <c:v>172.41666699999999</c:v>
                </c:pt>
                <c:pt idx="10346">
                  <c:v>172.433333</c:v>
                </c:pt>
                <c:pt idx="10347">
                  <c:v>172.45</c:v>
                </c:pt>
                <c:pt idx="10348">
                  <c:v>172.466667</c:v>
                </c:pt>
                <c:pt idx="10349">
                  <c:v>172.48333299999999</c:v>
                </c:pt>
                <c:pt idx="10350">
                  <c:v>172.5</c:v>
                </c:pt>
                <c:pt idx="10351">
                  <c:v>172.51666699999998</c:v>
                </c:pt>
                <c:pt idx="10352">
                  <c:v>172.533333</c:v>
                </c:pt>
                <c:pt idx="10353">
                  <c:v>172.54999999999998</c:v>
                </c:pt>
                <c:pt idx="10354">
                  <c:v>172.566667</c:v>
                </c:pt>
                <c:pt idx="10355">
                  <c:v>172.58333299999998</c:v>
                </c:pt>
                <c:pt idx="10356">
                  <c:v>172.6</c:v>
                </c:pt>
                <c:pt idx="10357">
                  <c:v>172.61666700000001</c:v>
                </c:pt>
                <c:pt idx="10358">
                  <c:v>172.63333299999999</c:v>
                </c:pt>
                <c:pt idx="10359">
                  <c:v>172.65</c:v>
                </c:pt>
                <c:pt idx="10360">
                  <c:v>172.66666699999999</c:v>
                </c:pt>
                <c:pt idx="10361">
                  <c:v>172.683333</c:v>
                </c:pt>
                <c:pt idx="10362">
                  <c:v>172.7</c:v>
                </c:pt>
                <c:pt idx="10363">
                  <c:v>172.716667</c:v>
                </c:pt>
                <c:pt idx="10364">
                  <c:v>172.73333299999999</c:v>
                </c:pt>
                <c:pt idx="10365">
                  <c:v>172.75</c:v>
                </c:pt>
                <c:pt idx="10366">
                  <c:v>172.76666699999998</c:v>
                </c:pt>
                <c:pt idx="10367">
                  <c:v>172.783333</c:v>
                </c:pt>
                <c:pt idx="10368">
                  <c:v>172.79999999999998</c:v>
                </c:pt>
                <c:pt idx="10369">
                  <c:v>172.816667</c:v>
                </c:pt>
                <c:pt idx="10370">
                  <c:v>172.83333299999998</c:v>
                </c:pt>
                <c:pt idx="10371">
                  <c:v>172.85</c:v>
                </c:pt>
                <c:pt idx="10372">
                  <c:v>172.86666700000001</c:v>
                </c:pt>
                <c:pt idx="10373">
                  <c:v>172.88333299999999</c:v>
                </c:pt>
                <c:pt idx="10374">
                  <c:v>172.9</c:v>
                </c:pt>
                <c:pt idx="10375">
                  <c:v>172.91666699999999</c:v>
                </c:pt>
                <c:pt idx="10376">
                  <c:v>172.933333</c:v>
                </c:pt>
                <c:pt idx="10377">
                  <c:v>172.95</c:v>
                </c:pt>
                <c:pt idx="10378">
                  <c:v>172.966667</c:v>
                </c:pt>
                <c:pt idx="10379">
                  <c:v>172.98333299999999</c:v>
                </c:pt>
                <c:pt idx="10380">
                  <c:v>173</c:v>
                </c:pt>
                <c:pt idx="10381">
                  <c:v>173.01666699999998</c:v>
                </c:pt>
                <c:pt idx="10382">
                  <c:v>173.033333</c:v>
                </c:pt>
                <c:pt idx="10383">
                  <c:v>173.04999999999998</c:v>
                </c:pt>
                <c:pt idx="10384">
                  <c:v>173.066667</c:v>
                </c:pt>
                <c:pt idx="10385">
                  <c:v>173.08333299999998</c:v>
                </c:pt>
                <c:pt idx="10386">
                  <c:v>173.1</c:v>
                </c:pt>
                <c:pt idx="10387">
                  <c:v>173.11666700000001</c:v>
                </c:pt>
                <c:pt idx="10388">
                  <c:v>173.13333299999999</c:v>
                </c:pt>
                <c:pt idx="10389">
                  <c:v>173.15</c:v>
                </c:pt>
                <c:pt idx="10390">
                  <c:v>173.16666699999999</c:v>
                </c:pt>
                <c:pt idx="10391">
                  <c:v>173.183333</c:v>
                </c:pt>
                <c:pt idx="10392">
                  <c:v>173.2</c:v>
                </c:pt>
                <c:pt idx="10393">
                  <c:v>173.216667</c:v>
                </c:pt>
                <c:pt idx="10394">
                  <c:v>173.23333299999999</c:v>
                </c:pt>
                <c:pt idx="10395">
                  <c:v>173.25</c:v>
                </c:pt>
                <c:pt idx="10396">
                  <c:v>173.26666699999998</c:v>
                </c:pt>
                <c:pt idx="10397">
                  <c:v>173.283333</c:v>
                </c:pt>
                <c:pt idx="10398">
                  <c:v>173.29999999999998</c:v>
                </c:pt>
                <c:pt idx="10399">
                  <c:v>173.316667</c:v>
                </c:pt>
                <c:pt idx="10400">
                  <c:v>173.33333299999998</c:v>
                </c:pt>
                <c:pt idx="10401">
                  <c:v>173.35</c:v>
                </c:pt>
                <c:pt idx="10402">
                  <c:v>173.36666700000001</c:v>
                </c:pt>
                <c:pt idx="10403">
                  <c:v>173.38333299999999</c:v>
                </c:pt>
                <c:pt idx="10404">
                  <c:v>173.4</c:v>
                </c:pt>
                <c:pt idx="10405">
                  <c:v>173.41666699999999</c:v>
                </c:pt>
                <c:pt idx="10406">
                  <c:v>173.433333</c:v>
                </c:pt>
                <c:pt idx="10407">
                  <c:v>173.45</c:v>
                </c:pt>
                <c:pt idx="10408">
                  <c:v>173.466667</c:v>
                </c:pt>
                <c:pt idx="10409">
                  <c:v>173.48333299999999</c:v>
                </c:pt>
                <c:pt idx="10410">
                  <c:v>173.5</c:v>
                </c:pt>
                <c:pt idx="10411">
                  <c:v>173.51666699999998</c:v>
                </c:pt>
                <c:pt idx="10412">
                  <c:v>173.533333</c:v>
                </c:pt>
                <c:pt idx="10413">
                  <c:v>173.54999999999998</c:v>
                </c:pt>
                <c:pt idx="10414">
                  <c:v>173.566667</c:v>
                </c:pt>
                <c:pt idx="10415">
                  <c:v>173.58333299999998</c:v>
                </c:pt>
                <c:pt idx="10416">
                  <c:v>173.6</c:v>
                </c:pt>
                <c:pt idx="10417">
                  <c:v>173.61666700000001</c:v>
                </c:pt>
                <c:pt idx="10418">
                  <c:v>173.63333299999999</c:v>
                </c:pt>
                <c:pt idx="10419">
                  <c:v>173.65</c:v>
                </c:pt>
                <c:pt idx="10420">
                  <c:v>173.66666699999999</c:v>
                </c:pt>
                <c:pt idx="10421">
                  <c:v>173.683333</c:v>
                </c:pt>
                <c:pt idx="10422">
                  <c:v>173.7</c:v>
                </c:pt>
                <c:pt idx="10423">
                  <c:v>173.716667</c:v>
                </c:pt>
                <c:pt idx="10424">
                  <c:v>173.73333299999999</c:v>
                </c:pt>
                <c:pt idx="10425">
                  <c:v>173.75</c:v>
                </c:pt>
                <c:pt idx="10426">
                  <c:v>173.76666699999998</c:v>
                </c:pt>
                <c:pt idx="10427">
                  <c:v>173.783333</c:v>
                </c:pt>
                <c:pt idx="10428">
                  <c:v>173.79999999999998</c:v>
                </c:pt>
                <c:pt idx="10429">
                  <c:v>173.816667</c:v>
                </c:pt>
                <c:pt idx="10430">
                  <c:v>173.83333299999998</c:v>
                </c:pt>
                <c:pt idx="10431">
                  <c:v>173.85</c:v>
                </c:pt>
                <c:pt idx="10432">
                  <c:v>173.86666700000001</c:v>
                </c:pt>
                <c:pt idx="10433">
                  <c:v>173.88333299999999</c:v>
                </c:pt>
                <c:pt idx="10434">
                  <c:v>173.9</c:v>
                </c:pt>
                <c:pt idx="10435">
                  <c:v>173.91666699999999</c:v>
                </c:pt>
                <c:pt idx="10436">
                  <c:v>173.933333</c:v>
                </c:pt>
                <c:pt idx="10437">
                  <c:v>173.95</c:v>
                </c:pt>
                <c:pt idx="10438">
                  <c:v>173.966667</c:v>
                </c:pt>
                <c:pt idx="10439">
                  <c:v>173.98333299999999</c:v>
                </c:pt>
                <c:pt idx="10440">
                  <c:v>174</c:v>
                </c:pt>
                <c:pt idx="10441">
                  <c:v>174.01666699999998</c:v>
                </c:pt>
                <c:pt idx="10442">
                  <c:v>174.033333</c:v>
                </c:pt>
                <c:pt idx="10443">
                  <c:v>174.04999999999998</c:v>
                </c:pt>
                <c:pt idx="10444">
                  <c:v>174.066667</c:v>
                </c:pt>
                <c:pt idx="10445">
                  <c:v>174.08333299999998</c:v>
                </c:pt>
                <c:pt idx="10446">
                  <c:v>174.1</c:v>
                </c:pt>
                <c:pt idx="10447">
                  <c:v>174.11666700000001</c:v>
                </c:pt>
                <c:pt idx="10448">
                  <c:v>174.13333299999999</c:v>
                </c:pt>
                <c:pt idx="10449">
                  <c:v>174.15</c:v>
                </c:pt>
                <c:pt idx="10450">
                  <c:v>174.16666699999999</c:v>
                </c:pt>
                <c:pt idx="10451">
                  <c:v>174.183333</c:v>
                </c:pt>
                <c:pt idx="10452">
                  <c:v>174.2</c:v>
                </c:pt>
                <c:pt idx="10453">
                  <c:v>174.216667</c:v>
                </c:pt>
                <c:pt idx="10454">
                  <c:v>174.23333299999999</c:v>
                </c:pt>
                <c:pt idx="10455">
                  <c:v>174.25</c:v>
                </c:pt>
                <c:pt idx="10456">
                  <c:v>174.26666699999998</c:v>
                </c:pt>
                <c:pt idx="10457">
                  <c:v>174.283333</c:v>
                </c:pt>
                <c:pt idx="10458">
                  <c:v>174.29999999999998</c:v>
                </c:pt>
                <c:pt idx="10459">
                  <c:v>174.316667</c:v>
                </c:pt>
                <c:pt idx="10460">
                  <c:v>174.33333299999998</c:v>
                </c:pt>
                <c:pt idx="10461">
                  <c:v>174.35</c:v>
                </c:pt>
                <c:pt idx="10462">
                  <c:v>174.36666700000001</c:v>
                </c:pt>
                <c:pt idx="10463">
                  <c:v>174.38333299999999</c:v>
                </c:pt>
                <c:pt idx="10464">
                  <c:v>174.4</c:v>
                </c:pt>
                <c:pt idx="10465">
                  <c:v>174.41666699999999</c:v>
                </c:pt>
                <c:pt idx="10466">
                  <c:v>174.433333</c:v>
                </c:pt>
                <c:pt idx="10467">
                  <c:v>174.45</c:v>
                </c:pt>
                <c:pt idx="10468">
                  <c:v>174.466667</c:v>
                </c:pt>
                <c:pt idx="10469">
                  <c:v>174.48333299999999</c:v>
                </c:pt>
                <c:pt idx="10470">
                  <c:v>174.5</c:v>
                </c:pt>
                <c:pt idx="10471">
                  <c:v>174.51666699999998</c:v>
                </c:pt>
                <c:pt idx="10472">
                  <c:v>174.533333</c:v>
                </c:pt>
                <c:pt idx="10473">
                  <c:v>174.54999999999998</c:v>
                </c:pt>
                <c:pt idx="10474">
                  <c:v>174.566667</c:v>
                </c:pt>
                <c:pt idx="10475">
                  <c:v>174.58333299999998</c:v>
                </c:pt>
                <c:pt idx="10476">
                  <c:v>174.6</c:v>
                </c:pt>
                <c:pt idx="10477">
                  <c:v>174.61666700000001</c:v>
                </c:pt>
                <c:pt idx="10478">
                  <c:v>174.63333299999999</c:v>
                </c:pt>
                <c:pt idx="10479">
                  <c:v>174.65</c:v>
                </c:pt>
                <c:pt idx="10480">
                  <c:v>174.66666699999999</c:v>
                </c:pt>
                <c:pt idx="10481">
                  <c:v>174.683333</c:v>
                </c:pt>
                <c:pt idx="10482">
                  <c:v>174.7</c:v>
                </c:pt>
                <c:pt idx="10483">
                  <c:v>174.716667</c:v>
                </c:pt>
                <c:pt idx="10484">
                  <c:v>174.73333299999999</c:v>
                </c:pt>
                <c:pt idx="10485">
                  <c:v>174.75</c:v>
                </c:pt>
                <c:pt idx="10486">
                  <c:v>174.76666699999998</c:v>
                </c:pt>
                <c:pt idx="10487">
                  <c:v>174.783333</c:v>
                </c:pt>
                <c:pt idx="10488">
                  <c:v>174.79999999999998</c:v>
                </c:pt>
                <c:pt idx="10489">
                  <c:v>174.816667</c:v>
                </c:pt>
                <c:pt idx="10490">
                  <c:v>174.83333299999998</c:v>
                </c:pt>
                <c:pt idx="10491">
                  <c:v>174.85</c:v>
                </c:pt>
                <c:pt idx="10492">
                  <c:v>174.86666700000001</c:v>
                </c:pt>
                <c:pt idx="10493">
                  <c:v>174.88333299999999</c:v>
                </c:pt>
                <c:pt idx="10494">
                  <c:v>174.9</c:v>
                </c:pt>
                <c:pt idx="10495">
                  <c:v>174.91666699999999</c:v>
                </c:pt>
                <c:pt idx="10496">
                  <c:v>174.933333</c:v>
                </c:pt>
                <c:pt idx="10497">
                  <c:v>174.95</c:v>
                </c:pt>
                <c:pt idx="10498">
                  <c:v>174.966667</c:v>
                </c:pt>
                <c:pt idx="10499">
                  <c:v>174.98333299999999</c:v>
                </c:pt>
                <c:pt idx="10500">
                  <c:v>175</c:v>
                </c:pt>
                <c:pt idx="10501">
                  <c:v>175.01666699999998</c:v>
                </c:pt>
                <c:pt idx="10502">
                  <c:v>175.033333</c:v>
                </c:pt>
                <c:pt idx="10503">
                  <c:v>175.04999999999998</c:v>
                </c:pt>
                <c:pt idx="10504">
                  <c:v>175.066667</c:v>
                </c:pt>
                <c:pt idx="10505">
                  <c:v>175.08333299999998</c:v>
                </c:pt>
                <c:pt idx="10506">
                  <c:v>175.1</c:v>
                </c:pt>
                <c:pt idx="10507">
                  <c:v>175.11666700000001</c:v>
                </c:pt>
                <c:pt idx="10508">
                  <c:v>175.13333299999999</c:v>
                </c:pt>
                <c:pt idx="10509">
                  <c:v>175.15</c:v>
                </c:pt>
                <c:pt idx="10510">
                  <c:v>175.16666699999999</c:v>
                </c:pt>
                <c:pt idx="10511">
                  <c:v>175.183333</c:v>
                </c:pt>
                <c:pt idx="10512">
                  <c:v>175.2</c:v>
                </c:pt>
                <c:pt idx="10513">
                  <c:v>175.216667</c:v>
                </c:pt>
                <c:pt idx="10514">
                  <c:v>175.23333299999999</c:v>
                </c:pt>
                <c:pt idx="10515">
                  <c:v>175.25</c:v>
                </c:pt>
                <c:pt idx="10516">
                  <c:v>175.26666699999998</c:v>
                </c:pt>
                <c:pt idx="10517">
                  <c:v>175.283333</c:v>
                </c:pt>
                <c:pt idx="10518">
                  <c:v>175.29999999999998</c:v>
                </c:pt>
                <c:pt idx="10519">
                  <c:v>175.316667</c:v>
                </c:pt>
                <c:pt idx="10520">
                  <c:v>175.33333299999998</c:v>
                </c:pt>
                <c:pt idx="10521">
                  <c:v>175.35</c:v>
                </c:pt>
                <c:pt idx="10522">
                  <c:v>175.36666700000001</c:v>
                </c:pt>
                <c:pt idx="10523">
                  <c:v>175.38333299999999</c:v>
                </c:pt>
                <c:pt idx="10524">
                  <c:v>175.4</c:v>
                </c:pt>
                <c:pt idx="10525">
                  <c:v>175.41666699999999</c:v>
                </c:pt>
                <c:pt idx="10526">
                  <c:v>175.433333</c:v>
                </c:pt>
                <c:pt idx="10527">
                  <c:v>175.45</c:v>
                </c:pt>
                <c:pt idx="10528">
                  <c:v>175.466667</c:v>
                </c:pt>
                <c:pt idx="10529">
                  <c:v>175.48333299999999</c:v>
                </c:pt>
                <c:pt idx="10530">
                  <c:v>175.5</c:v>
                </c:pt>
                <c:pt idx="10531">
                  <c:v>175.51666699999998</c:v>
                </c:pt>
                <c:pt idx="10532">
                  <c:v>175.533333</c:v>
                </c:pt>
                <c:pt idx="10533">
                  <c:v>175.54999999999998</c:v>
                </c:pt>
                <c:pt idx="10534">
                  <c:v>175.566667</c:v>
                </c:pt>
                <c:pt idx="10535">
                  <c:v>175.58333299999998</c:v>
                </c:pt>
                <c:pt idx="10536">
                  <c:v>175.6</c:v>
                </c:pt>
                <c:pt idx="10537">
                  <c:v>175.61666700000001</c:v>
                </c:pt>
                <c:pt idx="10538">
                  <c:v>175.63333299999999</c:v>
                </c:pt>
                <c:pt idx="10539">
                  <c:v>175.65</c:v>
                </c:pt>
                <c:pt idx="10540">
                  <c:v>175.66666699999999</c:v>
                </c:pt>
                <c:pt idx="10541">
                  <c:v>175.683333</c:v>
                </c:pt>
                <c:pt idx="10542">
                  <c:v>175.7</c:v>
                </c:pt>
                <c:pt idx="10543">
                  <c:v>175.716667</c:v>
                </c:pt>
                <c:pt idx="10544">
                  <c:v>175.73333299999999</c:v>
                </c:pt>
                <c:pt idx="10545">
                  <c:v>175.75</c:v>
                </c:pt>
                <c:pt idx="10546">
                  <c:v>175.76666699999998</c:v>
                </c:pt>
                <c:pt idx="10547">
                  <c:v>175.783333</c:v>
                </c:pt>
                <c:pt idx="10548">
                  <c:v>175.79999999999998</c:v>
                </c:pt>
                <c:pt idx="10549">
                  <c:v>175.816667</c:v>
                </c:pt>
                <c:pt idx="10550">
                  <c:v>175.83333299999998</c:v>
                </c:pt>
                <c:pt idx="10551">
                  <c:v>175.85</c:v>
                </c:pt>
                <c:pt idx="10552">
                  <c:v>175.86666700000001</c:v>
                </c:pt>
                <c:pt idx="10553">
                  <c:v>175.88333299999999</c:v>
                </c:pt>
                <c:pt idx="10554">
                  <c:v>175.9</c:v>
                </c:pt>
                <c:pt idx="10555">
                  <c:v>175.91666699999999</c:v>
                </c:pt>
                <c:pt idx="10556">
                  <c:v>175.933333</c:v>
                </c:pt>
                <c:pt idx="10557">
                  <c:v>175.95</c:v>
                </c:pt>
                <c:pt idx="10558">
                  <c:v>175.966667</c:v>
                </c:pt>
                <c:pt idx="10559">
                  <c:v>175.98333299999999</c:v>
                </c:pt>
                <c:pt idx="10560">
                  <c:v>176</c:v>
                </c:pt>
                <c:pt idx="10561">
                  <c:v>176.01666699999998</c:v>
                </c:pt>
                <c:pt idx="10562">
                  <c:v>176.033333</c:v>
                </c:pt>
                <c:pt idx="10563">
                  <c:v>176.04999999999998</c:v>
                </c:pt>
                <c:pt idx="10564">
                  <c:v>176.066667</c:v>
                </c:pt>
                <c:pt idx="10565">
                  <c:v>176.08333299999998</c:v>
                </c:pt>
                <c:pt idx="10566">
                  <c:v>176.1</c:v>
                </c:pt>
                <c:pt idx="10567">
                  <c:v>176.11666699999998</c:v>
                </c:pt>
                <c:pt idx="10568">
                  <c:v>176.13333300000002</c:v>
                </c:pt>
                <c:pt idx="10569">
                  <c:v>176.15</c:v>
                </c:pt>
                <c:pt idx="10570">
                  <c:v>176.16666699999999</c:v>
                </c:pt>
                <c:pt idx="10571">
                  <c:v>176.18333299999998</c:v>
                </c:pt>
                <c:pt idx="10572">
                  <c:v>176.20000000000002</c:v>
                </c:pt>
                <c:pt idx="10573">
                  <c:v>176.216667</c:v>
                </c:pt>
                <c:pt idx="10574">
                  <c:v>176.23333299999999</c:v>
                </c:pt>
                <c:pt idx="10575">
                  <c:v>176.24999999999997</c:v>
                </c:pt>
                <c:pt idx="10576">
                  <c:v>176.26666700000001</c:v>
                </c:pt>
                <c:pt idx="10577">
                  <c:v>176.283333</c:v>
                </c:pt>
                <c:pt idx="10578">
                  <c:v>176.29999999999998</c:v>
                </c:pt>
                <c:pt idx="10579">
                  <c:v>176.31666699999997</c:v>
                </c:pt>
                <c:pt idx="10580">
                  <c:v>176.33333300000001</c:v>
                </c:pt>
                <c:pt idx="10581">
                  <c:v>176.35</c:v>
                </c:pt>
                <c:pt idx="10582">
                  <c:v>176.36666699999998</c:v>
                </c:pt>
                <c:pt idx="10583">
                  <c:v>176.38333300000002</c:v>
                </c:pt>
                <c:pt idx="10584">
                  <c:v>176.4</c:v>
                </c:pt>
                <c:pt idx="10585">
                  <c:v>176.41666699999999</c:v>
                </c:pt>
                <c:pt idx="10586">
                  <c:v>176.43333299999998</c:v>
                </c:pt>
                <c:pt idx="10587">
                  <c:v>176.45000000000002</c:v>
                </c:pt>
                <c:pt idx="10588">
                  <c:v>176.466667</c:v>
                </c:pt>
                <c:pt idx="10589">
                  <c:v>176.48333299999999</c:v>
                </c:pt>
                <c:pt idx="10590">
                  <c:v>176.49999999999997</c:v>
                </c:pt>
                <c:pt idx="10591">
                  <c:v>176.51666700000001</c:v>
                </c:pt>
                <c:pt idx="10592">
                  <c:v>176.533333</c:v>
                </c:pt>
                <c:pt idx="10593">
                  <c:v>176.54999999999998</c:v>
                </c:pt>
                <c:pt idx="10594">
                  <c:v>176.56666699999997</c:v>
                </c:pt>
                <c:pt idx="10595">
                  <c:v>176.58333300000001</c:v>
                </c:pt>
                <c:pt idx="10596">
                  <c:v>176.6</c:v>
                </c:pt>
                <c:pt idx="10597">
                  <c:v>176.61666699999998</c:v>
                </c:pt>
                <c:pt idx="10598">
                  <c:v>176.63333300000002</c:v>
                </c:pt>
                <c:pt idx="10599">
                  <c:v>176.65</c:v>
                </c:pt>
                <c:pt idx="10600">
                  <c:v>176.66666699999999</c:v>
                </c:pt>
                <c:pt idx="10601">
                  <c:v>176.68333299999998</c:v>
                </c:pt>
                <c:pt idx="10602">
                  <c:v>176.70000000000002</c:v>
                </c:pt>
                <c:pt idx="10603">
                  <c:v>176.716667</c:v>
                </c:pt>
                <c:pt idx="10604">
                  <c:v>176.73333299999999</c:v>
                </c:pt>
                <c:pt idx="10605">
                  <c:v>176.74999999999997</c:v>
                </c:pt>
                <c:pt idx="10606">
                  <c:v>176.76666700000001</c:v>
                </c:pt>
                <c:pt idx="10607">
                  <c:v>176.783333</c:v>
                </c:pt>
                <c:pt idx="10608">
                  <c:v>176.79999999999998</c:v>
                </c:pt>
                <c:pt idx="10609">
                  <c:v>176.81666699999997</c:v>
                </c:pt>
                <c:pt idx="10610">
                  <c:v>176.83333300000001</c:v>
                </c:pt>
                <c:pt idx="10611">
                  <c:v>176.85</c:v>
                </c:pt>
                <c:pt idx="10612">
                  <c:v>176.86666699999998</c:v>
                </c:pt>
                <c:pt idx="10613">
                  <c:v>176.88333300000002</c:v>
                </c:pt>
                <c:pt idx="10614">
                  <c:v>176.9</c:v>
                </c:pt>
                <c:pt idx="10615">
                  <c:v>176.91666699999999</c:v>
                </c:pt>
                <c:pt idx="10616">
                  <c:v>176.93333299999998</c:v>
                </c:pt>
                <c:pt idx="10617">
                  <c:v>176.95000000000002</c:v>
                </c:pt>
                <c:pt idx="10618">
                  <c:v>176.966667</c:v>
                </c:pt>
                <c:pt idx="10619">
                  <c:v>176.98333299999999</c:v>
                </c:pt>
                <c:pt idx="10620">
                  <c:v>176.99999999999997</c:v>
                </c:pt>
                <c:pt idx="10621">
                  <c:v>177.01666700000001</c:v>
                </c:pt>
                <c:pt idx="10622">
                  <c:v>177.033333</c:v>
                </c:pt>
                <c:pt idx="10623">
                  <c:v>177.04999999999998</c:v>
                </c:pt>
                <c:pt idx="10624">
                  <c:v>177.06666699999997</c:v>
                </c:pt>
                <c:pt idx="10625">
                  <c:v>177.08333300000001</c:v>
                </c:pt>
                <c:pt idx="10626">
                  <c:v>177.1</c:v>
                </c:pt>
                <c:pt idx="10627">
                  <c:v>177.11666699999998</c:v>
                </c:pt>
                <c:pt idx="10628">
                  <c:v>177.13333300000002</c:v>
                </c:pt>
                <c:pt idx="10629">
                  <c:v>177.15</c:v>
                </c:pt>
                <c:pt idx="10630">
                  <c:v>177.16666699999999</c:v>
                </c:pt>
                <c:pt idx="10631">
                  <c:v>177.18333299999998</c:v>
                </c:pt>
                <c:pt idx="10632">
                  <c:v>177.20000000000002</c:v>
                </c:pt>
                <c:pt idx="10633">
                  <c:v>177.216667</c:v>
                </c:pt>
                <c:pt idx="10634">
                  <c:v>177.23333299999999</c:v>
                </c:pt>
                <c:pt idx="10635">
                  <c:v>177.24999999999997</c:v>
                </c:pt>
                <c:pt idx="10636">
                  <c:v>177.26666700000001</c:v>
                </c:pt>
                <c:pt idx="10637">
                  <c:v>177.283333</c:v>
                </c:pt>
                <c:pt idx="10638">
                  <c:v>177.29999999999998</c:v>
                </c:pt>
                <c:pt idx="10639">
                  <c:v>177.31666699999997</c:v>
                </c:pt>
                <c:pt idx="10640">
                  <c:v>177.33333300000001</c:v>
                </c:pt>
                <c:pt idx="10641">
                  <c:v>177.35</c:v>
                </c:pt>
                <c:pt idx="10642">
                  <c:v>177.36666699999998</c:v>
                </c:pt>
                <c:pt idx="10643">
                  <c:v>177.38333300000002</c:v>
                </c:pt>
                <c:pt idx="10644">
                  <c:v>177.4</c:v>
                </c:pt>
                <c:pt idx="10645">
                  <c:v>177.41666699999999</c:v>
                </c:pt>
                <c:pt idx="10646">
                  <c:v>177.43333299999998</c:v>
                </c:pt>
                <c:pt idx="10647">
                  <c:v>177.45000000000002</c:v>
                </c:pt>
                <c:pt idx="10648">
                  <c:v>177.466667</c:v>
                </c:pt>
                <c:pt idx="10649">
                  <c:v>177.48333299999999</c:v>
                </c:pt>
                <c:pt idx="10650">
                  <c:v>177.49999999999997</c:v>
                </c:pt>
                <c:pt idx="10651">
                  <c:v>177.51666700000001</c:v>
                </c:pt>
                <c:pt idx="10652">
                  <c:v>177.533333</c:v>
                </c:pt>
                <c:pt idx="10653">
                  <c:v>177.54999999999998</c:v>
                </c:pt>
                <c:pt idx="10654">
                  <c:v>177.56666699999997</c:v>
                </c:pt>
                <c:pt idx="10655">
                  <c:v>177.58333300000001</c:v>
                </c:pt>
                <c:pt idx="10656">
                  <c:v>177.6</c:v>
                </c:pt>
                <c:pt idx="10657">
                  <c:v>177.61666699999998</c:v>
                </c:pt>
                <c:pt idx="10658">
                  <c:v>177.63333300000002</c:v>
                </c:pt>
                <c:pt idx="10659">
                  <c:v>177.65</c:v>
                </c:pt>
                <c:pt idx="10660">
                  <c:v>177.66666699999999</c:v>
                </c:pt>
                <c:pt idx="10661">
                  <c:v>177.68333299999998</c:v>
                </c:pt>
                <c:pt idx="10662">
                  <c:v>177.70000000000002</c:v>
                </c:pt>
                <c:pt idx="10663">
                  <c:v>177.716667</c:v>
                </c:pt>
                <c:pt idx="10664">
                  <c:v>177.73333299999999</c:v>
                </c:pt>
                <c:pt idx="10665">
                  <c:v>177.74999999999997</c:v>
                </c:pt>
                <c:pt idx="10666">
                  <c:v>177.76666700000001</c:v>
                </c:pt>
                <c:pt idx="10667">
                  <c:v>177.783333</c:v>
                </c:pt>
                <c:pt idx="10668">
                  <c:v>177.79999999999998</c:v>
                </c:pt>
                <c:pt idx="10669">
                  <c:v>177.81666699999997</c:v>
                </c:pt>
                <c:pt idx="10670">
                  <c:v>177.83333300000001</c:v>
                </c:pt>
                <c:pt idx="10671">
                  <c:v>177.85</c:v>
                </c:pt>
                <c:pt idx="10672">
                  <c:v>177.86666699999998</c:v>
                </c:pt>
                <c:pt idx="10673">
                  <c:v>177.88333300000002</c:v>
                </c:pt>
                <c:pt idx="10674">
                  <c:v>177.9</c:v>
                </c:pt>
                <c:pt idx="10675">
                  <c:v>177.91666699999999</c:v>
                </c:pt>
                <c:pt idx="10676">
                  <c:v>177.93333299999998</c:v>
                </c:pt>
                <c:pt idx="10677">
                  <c:v>177.95000000000002</c:v>
                </c:pt>
                <c:pt idx="10678">
                  <c:v>177.966667</c:v>
                </c:pt>
                <c:pt idx="10679">
                  <c:v>177.98333299999999</c:v>
                </c:pt>
                <c:pt idx="10680">
                  <c:v>177.99999999999997</c:v>
                </c:pt>
                <c:pt idx="10681">
                  <c:v>178.01666700000001</c:v>
                </c:pt>
                <c:pt idx="10682">
                  <c:v>178.033333</c:v>
                </c:pt>
                <c:pt idx="10683">
                  <c:v>178.04999999999998</c:v>
                </c:pt>
                <c:pt idx="10684">
                  <c:v>178.06666699999997</c:v>
                </c:pt>
                <c:pt idx="10685">
                  <c:v>178.08333300000001</c:v>
                </c:pt>
                <c:pt idx="10686">
                  <c:v>178.1</c:v>
                </c:pt>
                <c:pt idx="10687">
                  <c:v>178.11666699999998</c:v>
                </c:pt>
                <c:pt idx="10688">
                  <c:v>178.13333300000002</c:v>
                </c:pt>
                <c:pt idx="10689">
                  <c:v>178.15</c:v>
                </c:pt>
                <c:pt idx="10690">
                  <c:v>178.16666699999999</c:v>
                </c:pt>
                <c:pt idx="10691">
                  <c:v>178.18333299999998</c:v>
                </c:pt>
                <c:pt idx="10692">
                  <c:v>178.20000000000002</c:v>
                </c:pt>
                <c:pt idx="10693">
                  <c:v>178.216667</c:v>
                </c:pt>
                <c:pt idx="10694">
                  <c:v>178.23333299999999</c:v>
                </c:pt>
                <c:pt idx="10695">
                  <c:v>178.24999999999997</c:v>
                </c:pt>
                <c:pt idx="10696">
                  <c:v>178.26666700000001</c:v>
                </c:pt>
                <c:pt idx="10697">
                  <c:v>178.283333</c:v>
                </c:pt>
                <c:pt idx="10698">
                  <c:v>178.29999999999998</c:v>
                </c:pt>
                <c:pt idx="10699">
                  <c:v>178.31666699999997</c:v>
                </c:pt>
                <c:pt idx="10700">
                  <c:v>178.33333300000001</c:v>
                </c:pt>
                <c:pt idx="10701">
                  <c:v>178.35</c:v>
                </c:pt>
                <c:pt idx="10702">
                  <c:v>178.36666699999998</c:v>
                </c:pt>
                <c:pt idx="10703">
                  <c:v>178.38333300000002</c:v>
                </c:pt>
                <c:pt idx="10704">
                  <c:v>178.4</c:v>
                </c:pt>
                <c:pt idx="10705">
                  <c:v>178.41666699999999</c:v>
                </c:pt>
                <c:pt idx="10706">
                  <c:v>178.43333299999998</c:v>
                </c:pt>
                <c:pt idx="10707">
                  <c:v>178.45000000000002</c:v>
                </c:pt>
                <c:pt idx="10708">
                  <c:v>178.466667</c:v>
                </c:pt>
                <c:pt idx="10709">
                  <c:v>178.48333299999999</c:v>
                </c:pt>
                <c:pt idx="10710">
                  <c:v>178.49999999999997</c:v>
                </c:pt>
                <c:pt idx="10711">
                  <c:v>178.51666700000001</c:v>
                </c:pt>
                <c:pt idx="10712">
                  <c:v>178.533333</c:v>
                </c:pt>
                <c:pt idx="10713">
                  <c:v>178.54999999999998</c:v>
                </c:pt>
                <c:pt idx="10714">
                  <c:v>178.56666699999997</c:v>
                </c:pt>
                <c:pt idx="10715">
                  <c:v>178.58333300000001</c:v>
                </c:pt>
                <c:pt idx="10716">
                  <c:v>178.6</c:v>
                </c:pt>
                <c:pt idx="10717">
                  <c:v>178.61666699999998</c:v>
                </c:pt>
                <c:pt idx="10718">
                  <c:v>178.63333300000002</c:v>
                </c:pt>
                <c:pt idx="10719">
                  <c:v>178.65</c:v>
                </c:pt>
                <c:pt idx="10720">
                  <c:v>178.66666699999999</c:v>
                </c:pt>
                <c:pt idx="10721">
                  <c:v>178.68333299999998</c:v>
                </c:pt>
                <c:pt idx="10722">
                  <c:v>178.70000000000002</c:v>
                </c:pt>
                <c:pt idx="10723">
                  <c:v>178.716667</c:v>
                </c:pt>
                <c:pt idx="10724">
                  <c:v>178.73333299999999</c:v>
                </c:pt>
                <c:pt idx="10725">
                  <c:v>178.74999999999997</c:v>
                </c:pt>
                <c:pt idx="10726">
                  <c:v>178.76666700000001</c:v>
                </c:pt>
                <c:pt idx="10727">
                  <c:v>178.783333</c:v>
                </c:pt>
                <c:pt idx="10728">
                  <c:v>178.79999999999998</c:v>
                </c:pt>
                <c:pt idx="10729">
                  <c:v>178.81666699999997</c:v>
                </c:pt>
                <c:pt idx="10730">
                  <c:v>178.83333300000001</c:v>
                </c:pt>
                <c:pt idx="10731">
                  <c:v>178.85</c:v>
                </c:pt>
                <c:pt idx="10732">
                  <c:v>178.86666699999998</c:v>
                </c:pt>
                <c:pt idx="10733">
                  <c:v>178.88333300000002</c:v>
                </c:pt>
                <c:pt idx="10734">
                  <c:v>178.9</c:v>
                </c:pt>
                <c:pt idx="10735">
                  <c:v>178.91666699999999</c:v>
                </c:pt>
                <c:pt idx="10736">
                  <c:v>178.93333299999998</c:v>
                </c:pt>
                <c:pt idx="10737">
                  <c:v>178.95000000000002</c:v>
                </c:pt>
                <c:pt idx="10738">
                  <c:v>178.966667</c:v>
                </c:pt>
                <c:pt idx="10739">
                  <c:v>178.98333299999999</c:v>
                </c:pt>
                <c:pt idx="10740">
                  <c:v>178.99999999999997</c:v>
                </c:pt>
                <c:pt idx="10741">
                  <c:v>179.01666700000001</c:v>
                </c:pt>
                <c:pt idx="10742">
                  <c:v>179.033333</c:v>
                </c:pt>
                <c:pt idx="10743">
                  <c:v>179.04999999999998</c:v>
                </c:pt>
                <c:pt idx="10744">
                  <c:v>179.06666699999997</c:v>
                </c:pt>
                <c:pt idx="10745">
                  <c:v>179.08333300000001</c:v>
                </c:pt>
                <c:pt idx="10746">
                  <c:v>179.1</c:v>
                </c:pt>
                <c:pt idx="10747">
                  <c:v>179.11666699999998</c:v>
                </c:pt>
                <c:pt idx="10748">
                  <c:v>179.13333300000002</c:v>
                </c:pt>
                <c:pt idx="10749">
                  <c:v>179.15</c:v>
                </c:pt>
                <c:pt idx="10750">
                  <c:v>179.16666699999999</c:v>
                </c:pt>
                <c:pt idx="10751">
                  <c:v>179.18333299999998</c:v>
                </c:pt>
                <c:pt idx="10752">
                  <c:v>179.20000000000002</c:v>
                </c:pt>
                <c:pt idx="10753">
                  <c:v>179.216667</c:v>
                </c:pt>
                <c:pt idx="10754">
                  <c:v>179.23333299999999</c:v>
                </c:pt>
                <c:pt idx="10755">
                  <c:v>179.24999999999997</c:v>
                </c:pt>
                <c:pt idx="10756">
                  <c:v>179.26666700000001</c:v>
                </c:pt>
                <c:pt idx="10757">
                  <c:v>179.283333</c:v>
                </c:pt>
                <c:pt idx="10758">
                  <c:v>179.29999999999998</c:v>
                </c:pt>
                <c:pt idx="10759">
                  <c:v>179.31666699999997</c:v>
                </c:pt>
                <c:pt idx="10760">
                  <c:v>179.33333300000001</c:v>
                </c:pt>
                <c:pt idx="10761">
                  <c:v>179.35</c:v>
                </c:pt>
                <c:pt idx="10762">
                  <c:v>179.36666699999998</c:v>
                </c:pt>
                <c:pt idx="10763">
                  <c:v>179.38333300000002</c:v>
                </c:pt>
                <c:pt idx="10764">
                  <c:v>179.4</c:v>
                </c:pt>
                <c:pt idx="10765">
                  <c:v>179.41666699999999</c:v>
                </c:pt>
                <c:pt idx="10766">
                  <c:v>179.43333299999998</c:v>
                </c:pt>
                <c:pt idx="10767">
                  <c:v>179.45000000000002</c:v>
                </c:pt>
                <c:pt idx="10768">
                  <c:v>179.466667</c:v>
                </c:pt>
                <c:pt idx="10769">
                  <c:v>179.48333299999999</c:v>
                </c:pt>
                <c:pt idx="10770">
                  <c:v>179.49999999999997</c:v>
                </c:pt>
                <c:pt idx="10771">
                  <c:v>179.51666700000001</c:v>
                </c:pt>
                <c:pt idx="10772">
                  <c:v>179.533333</c:v>
                </c:pt>
                <c:pt idx="10773">
                  <c:v>179.54999999999998</c:v>
                </c:pt>
                <c:pt idx="10774">
                  <c:v>179.56666699999997</c:v>
                </c:pt>
                <c:pt idx="10775">
                  <c:v>179.58333300000001</c:v>
                </c:pt>
                <c:pt idx="10776">
                  <c:v>179.6</c:v>
                </c:pt>
                <c:pt idx="10777">
                  <c:v>179.61666699999998</c:v>
                </c:pt>
                <c:pt idx="10778">
                  <c:v>179.63333300000002</c:v>
                </c:pt>
                <c:pt idx="10779">
                  <c:v>179.65</c:v>
                </c:pt>
                <c:pt idx="10780">
                  <c:v>179.66666699999999</c:v>
                </c:pt>
                <c:pt idx="10781">
                  <c:v>179.68333299999998</c:v>
                </c:pt>
                <c:pt idx="10782">
                  <c:v>179.70000000000002</c:v>
                </c:pt>
                <c:pt idx="10783">
                  <c:v>179.716667</c:v>
                </c:pt>
                <c:pt idx="10784">
                  <c:v>179.73333299999999</c:v>
                </c:pt>
                <c:pt idx="10785">
                  <c:v>179.74999999999997</c:v>
                </c:pt>
                <c:pt idx="10786">
                  <c:v>179.76666700000001</c:v>
                </c:pt>
                <c:pt idx="10787">
                  <c:v>179.783333</c:v>
                </c:pt>
                <c:pt idx="10788">
                  <c:v>179.79999999999998</c:v>
                </c:pt>
                <c:pt idx="10789">
                  <c:v>179.81666699999997</c:v>
                </c:pt>
                <c:pt idx="10790">
                  <c:v>179.83333300000001</c:v>
                </c:pt>
                <c:pt idx="10791">
                  <c:v>179.85</c:v>
                </c:pt>
                <c:pt idx="10792">
                  <c:v>179.86666699999998</c:v>
                </c:pt>
                <c:pt idx="10793">
                  <c:v>179.88333300000002</c:v>
                </c:pt>
                <c:pt idx="10794">
                  <c:v>179.9</c:v>
                </c:pt>
                <c:pt idx="10795">
                  <c:v>179.91666699999999</c:v>
                </c:pt>
                <c:pt idx="10796">
                  <c:v>179.93333299999998</c:v>
                </c:pt>
                <c:pt idx="10797">
                  <c:v>179.95000000000002</c:v>
                </c:pt>
                <c:pt idx="10798">
                  <c:v>179.966667</c:v>
                </c:pt>
                <c:pt idx="10799">
                  <c:v>179.98333299999999</c:v>
                </c:pt>
                <c:pt idx="10800">
                  <c:v>179.99999999999997</c:v>
                </c:pt>
                <c:pt idx="10801">
                  <c:v>180.01666700000001</c:v>
                </c:pt>
                <c:pt idx="10802">
                  <c:v>180.033333</c:v>
                </c:pt>
                <c:pt idx="10803">
                  <c:v>180.04999999999998</c:v>
                </c:pt>
                <c:pt idx="10804">
                  <c:v>180.06666699999997</c:v>
                </c:pt>
                <c:pt idx="10805">
                  <c:v>180.08333300000001</c:v>
                </c:pt>
                <c:pt idx="10806">
                  <c:v>180.1</c:v>
                </c:pt>
                <c:pt idx="10807">
                  <c:v>180.11666699999998</c:v>
                </c:pt>
                <c:pt idx="10808">
                  <c:v>180.13333300000002</c:v>
                </c:pt>
                <c:pt idx="10809">
                  <c:v>180.15</c:v>
                </c:pt>
                <c:pt idx="10810">
                  <c:v>180.16666699999999</c:v>
                </c:pt>
                <c:pt idx="10811">
                  <c:v>180.18333299999998</c:v>
                </c:pt>
                <c:pt idx="10812">
                  <c:v>180.20000000000002</c:v>
                </c:pt>
                <c:pt idx="10813">
                  <c:v>180.216667</c:v>
                </c:pt>
                <c:pt idx="10814">
                  <c:v>180.23333299999999</c:v>
                </c:pt>
                <c:pt idx="10815">
                  <c:v>180.24999999999997</c:v>
                </c:pt>
                <c:pt idx="10816">
                  <c:v>180.26666700000001</c:v>
                </c:pt>
                <c:pt idx="10817">
                  <c:v>180.283333</c:v>
                </c:pt>
                <c:pt idx="10818">
                  <c:v>180.29999999999998</c:v>
                </c:pt>
                <c:pt idx="10819">
                  <c:v>180.31666699999997</c:v>
                </c:pt>
                <c:pt idx="10820">
                  <c:v>180.33333300000001</c:v>
                </c:pt>
                <c:pt idx="10821">
                  <c:v>180.35</c:v>
                </c:pt>
                <c:pt idx="10822">
                  <c:v>180.36666699999998</c:v>
                </c:pt>
                <c:pt idx="10823">
                  <c:v>180.38333300000002</c:v>
                </c:pt>
                <c:pt idx="10824">
                  <c:v>180.4</c:v>
                </c:pt>
                <c:pt idx="10825">
                  <c:v>180.41666699999999</c:v>
                </c:pt>
                <c:pt idx="10826">
                  <c:v>180.43333299999998</c:v>
                </c:pt>
                <c:pt idx="10827">
                  <c:v>180.45000000000002</c:v>
                </c:pt>
                <c:pt idx="10828">
                  <c:v>180.466667</c:v>
                </c:pt>
                <c:pt idx="10829">
                  <c:v>180.48333299999999</c:v>
                </c:pt>
                <c:pt idx="10830">
                  <c:v>180.49999999999997</c:v>
                </c:pt>
                <c:pt idx="10831">
                  <c:v>180.51666700000001</c:v>
                </c:pt>
                <c:pt idx="10832">
                  <c:v>180.533333</c:v>
                </c:pt>
                <c:pt idx="10833">
                  <c:v>180.54999999999998</c:v>
                </c:pt>
                <c:pt idx="10834">
                  <c:v>180.56666699999997</c:v>
                </c:pt>
                <c:pt idx="10835">
                  <c:v>180.58333300000001</c:v>
                </c:pt>
                <c:pt idx="10836">
                  <c:v>180.6</c:v>
                </c:pt>
                <c:pt idx="10837">
                  <c:v>180.61666699999998</c:v>
                </c:pt>
                <c:pt idx="10838">
                  <c:v>180.63333300000002</c:v>
                </c:pt>
                <c:pt idx="10839">
                  <c:v>180.65</c:v>
                </c:pt>
                <c:pt idx="10840">
                  <c:v>180.66666699999999</c:v>
                </c:pt>
                <c:pt idx="10841">
                  <c:v>180.68333299999998</c:v>
                </c:pt>
                <c:pt idx="10842">
                  <c:v>180.70000000000002</c:v>
                </c:pt>
                <c:pt idx="10843">
                  <c:v>180.716667</c:v>
                </c:pt>
                <c:pt idx="10844">
                  <c:v>180.73333299999999</c:v>
                </c:pt>
                <c:pt idx="10845">
                  <c:v>180.74999999999997</c:v>
                </c:pt>
                <c:pt idx="10846">
                  <c:v>180.76666700000001</c:v>
                </c:pt>
                <c:pt idx="10847">
                  <c:v>180.783333</c:v>
                </c:pt>
                <c:pt idx="10848">
                  <c:v>180.79999999999998</c:v>
                </c:pt>
                <c:pt idx="10849">
                  <c:v>180.81666699999997</c:v>
                </c:pt>
                <c:pt idx="10850">
                  <c:v>180.83333300000001</c:v>
                </c:pt>
                <c:pt idx="10851">
                  <c:v>180.85</c:v>
                </c:pt>
                <c:pt idx="10852">
                  <c:v>180.86666699999998</c:v>
                </c:pt>
                <c:pt idx="10853">
                  <c:v>180.88333300000002</c:v>
                </c:pt>
                <c:pt idx="10854">
                  <c:v>180.9</c:v>
                </c:pt>
                <c:pt idx="10855">
                  <c:v>180.91666699999999</c:v>
                </c:pt>
                <c:pt idx="10856">
                  <c:v>180.93333299999998</c:v>
                </c:pt>
                <c:pt idx="10857">
                  <c:v>180.95000000000002</c:v>
                </c:pt>
                <c:pt idx="10858">
                  <c:v>180.966667</c:v>
                </c:pt>
                <c:pt idx="10859">
                  <c:v>180.98333299999999</c:v>
                </c:pt>
                <c:pt idx="10860">
                  <c:v>180.99999999999997</c:v>
                </c:pt>
                <c:pt idx="10861">
                  <c:v>181.01666700000001</c:v>
                </c:pt>
                <c:pt idx="10862">
                  <c:v>181.033333</c:v>
                </c:pt>
                <c:pt idx="10863">
                  <c:v>181.04999999999998</c:v>
                </c:pt>
                <c:pt idx="10864">
                  <c:v>181.06666699999997</c:v>
                </c:pt>
                <c:pt idx="10865">
                  <c:v>181.08333300000001</c:v>
                </c:pt>
                <c:pt idx="10866">
                  <c:v>181.1</c:v>
                </c:pt>
                <c:pt idx="10867">
                  <c:v>181.11666699999998</c:v>
                </c:pt>
                <c:pt idx="10868">
                  <c:v>181.13333300000002</c:v>
                </c:pt>
                <c:pt idx="10869">
                  <c:v>181.15</c:v>
                </c:pt>
                <c:pt idx="10870">
                  <c:v>181.16666699999999</c:v>
                </c:pt>
                <c:pt idx="10871">
                  <c:v>181.18333299999998</c:v>
                </c:pt>
                <c:pt idx="10872">
                  <c:v>181.20000000000002</c:v>
                </c:pt>
                <c:pt idx="10873">
                  <c:v>181.216667</c:v>
                </c:pt>
                <c:pt idx="10874">
                  <c:v>181.23333299999999</c:v>
                </c:pt>
                <c:pt idx="10875">
                  <c:v>181.24999999999997</c:v>
                </c:pt>
                <c:pt idx="10876">
                  <c:v>181.26666700000001</c:v>
                </c:pt>
                <c:pt idx="10877">
                  <c:v>181.283333</c:v>
                </c:pt>
                <c:pt idx="10878">
                  <c:v>181.29999999999998</c:v>
                </c:pt>
                <c:pt idx="10879">
                  <c:v>181.31666699999997</c:v>
                </c:pt>
                <c:pt idx="10880">
                  <c:v>181.33333300000001</c:v>
                </c:pt>
                <c:pt idx="10881">
                  <c:v>181.35</c:v>
                </c:pt>
                <c:pt idx="10882">
                  <c:v>181.36666699999998</c:v>
                </c:pt>
                <c:pt idx="10883">
                  <c:v>181.38333300000002</c:v>
                </c:pt>
                <c:pt idx="10884">
                  <c:v>181.4</c:v>
                </c:pt>
                <c:pt idx="10885">
                  <c:v>181.41666699999999</c:v>
                </c:pt>
                <c:pt idx="10886">
                  <c:v>181.43333299999998</c:v>
                </c:pt>
                <c:pt idx="10887">
                  <c:v>181.45000000000002</c:v>
                </c:pt>
                <c:pt idx="10888">
                  <c:v>181.466667</c:v>
                </c:pt>
                <c:pt idx="10889">
                  <c:v>181.48333299999999</c:v>
                </c:pt>
                <c:pt idx="10890">
                  <c:v>181.49999999999997</c:v>
                </c:pt>
                <c:pt idx="10891">
                  <c:v>181.51666700000001</c:v>
                </c:pt>
                <c:pt idx="10892">
                  <c:v>181.533333</c:v>
                </c:pt>
                <c:pt idx="10893">
                  <c:v>181.54999999999998</c:v>
                </c:pt>
                <c:pt idx="10894">
                  <c:v>181.56666699999997</c:v>
                </c:pt>
                <c:pt idx="10895">
                  <c:v>181.58333300000001</c:v>
                </c:pt>
                <c:pt idx="10896">
                  <c:v>181.6</c:v>
                </c:pt>
                <c:pt idx="10897">
                  <c:v>181.61666699999998</c:v>
                </c:pt>
                <c:pt idx="10898">
                  <c:v>181.63333300000002</c:v>
                </c:pt>
                <c:pt idx="10899">
                  <c:v>181.65</c:v>
                </c:pt>
                <c:pt idx="10900">
                  <c:v>181.66666699999999</c:v>
                </c:pt>
                <c:pt idx="10901">
                  <c:v>181.68333299999998</c:v>
                </c:pt>
                <c:pt idx="10902">
                  <c:v>181.70000000000002</c:v>
                </c:pt>
                <c:pt idx="10903">
                  <c:v>181.716667</c:v>
                </c:pt>
                <c:pt idx="10904">
                  <c:v>181.73333299999999</c:v>
                </c:pt>
                <c:pt idx="10905">
                  <c:v>181.74999999999997</c:v>
                </c:pt>
                <c:pt idx="10906">
                  <c:v>181.76666700000001</c:v>
                </c:pt>
                <c:pt idx="10907">
                  <c:v>181.783333</c:v>
                </c:pt>
                <c:pt idx="10908">
                  <c:v>181.79999999999998</c:v>
                </c:pt>
                <c:pt idx="10909">
                  <c:v>181.81666699999997</c:v>
                </c:pt>
                <c:pt idx="10910">
                  <c:v>181.83333300000001</c:v>
                </c:pt>
                <c:pt idx="10911">
                  <c:v>181.85</c:v>
                </c:pt>
                <c:pt idx="10912">
                  <c:v>181.86666699999998</c:v>
                </c:pt>
                <c:pt idx="10913">
                  <c:v>181.88333300000002</c:v>
                </c:pt>
                <c:pt idx="10914">
                  <c:v>181.9</c:v>
                </c:pt>
                <c:pt idx="10915">
                  <c:v>181.91666699999999</c:v>
                </c:pt>
                <c:pt idx="10916">
                  <c:v>181.93333299999998</c:v>
                </c:pt>
                <c:pt idx="10917">
                  <c:v>181.95000000000002</c:v>
                </c:pt>
                <c:pt idx="10918">
                  <c:v>181.966667</c:v>
                </c:pt>
                <c:pt idx="10919">
                  <c:v>181.98333299999999</c:v>
                </c:pt>
                <c:pt idx="10920">
                  <c:v>181.99999999999997</c:v>
                </c:pt>
                <c:pt idx="10921">
                  <c:v>182.01666700000001</c:v>
                </c:pt>
                <c:pt idx="10922">
                  <c:v>182.033333</c:v>
                </c:pt>
                <c:pt idx="10923">
                  <c:v>182.04999999999998</c:v>
                </c:pt>
                <c:pt idx="10924">
                  <c:v>182.06666699999997</c:v>
                </c:pt>
                <c:pt idx="10925">
                  <c:v>182.08333300000001</c:v>
                </c:pt>
                <c:pt idx="10926">
                  <c:v>182.1</c:v>
                </c:pt>
                <c:pt idx="10927">
                  <c:v>182.11666699999998</c:v>
                </c:pt>
                <c:pt idx="10928">
                  <c:v>182.13333300000002</c:v>
                </c:pt>
                <c:pt idx="10929">
                  <c:v>182.15</c:v>
                </c:pt>
                <c:pt idx="10930">
                  <c:v>182.16666699999999</c:v>
                </c:pt>
                <c:pt idx="10931">
                  <c:v>182.18333299999998</c:v>
                </c:pt>
                <c:pt idx="10932">
                  <c:v>182.20000000000002</c:v>
                </c:pt>
                <c:pt idx="10933">
                  <c:v>182.216667</c:v>
                </c:pt>
                <c:pt idx="10934">
                  <c:v>182.23333299999999</c:v>
                </c:pt>
                <c:pt idx="10935">
                  <c:v>182.24999999999997</c:v>
                </c:pt>
                <c:pt idx="10936">
                  <c:v>182.26666700000001</c:v>
                </c:pt>
                <c:pt idx="10937">
                  <c:v>182.283333</c:v>
                </c:pt>
                <c:pt idx="10938">
                  <c:v>182.29999999999998</c:v>
                </c:pt>
                <c:pt idx="10939">
                  <c:v>182.31666699999997</c:v>
                </c:pt>
                <c:pt idx="10940">
                  <c:v>182.33333300000001</c:v>
                </c:pt>
                <c:pt idx="10941">
                  <c:v>182.35</c:v>
                </c:pt>
                <c:pt idx="10942">
                  <c:v>182.36666699999998</c:v>
                </c:pt>
                <c:pt idx="10943">
                  <c:v>182.38333300000002</c:v>
                </c:pt>
                <c:pt idx="10944">
                  <c:v>182.4</c:v>
                </c:pt>
                <c:pt idx="10945">
                  <c:v>182.41666699999999</c:v>
                </c:pt>
                <c:pt idx="10946">
                  <c:v>182.43333299999998</c:v>
                </c:pt>
                <c:pt idx="10947">
                  <c:v>182.45000000000002</c:v>
                </c:pt>
                <c:pt idx="10948">
                  <c:v>182.466667</c:v>
                </c:pt>
                <c:pt idx="10949">
                  <c:v>182.48333299999999</c:v>
                </c:pt>
                <c:pt idx="10950">
                  <c:v>182.49999999999997</c:v>
                </c:pt>
                <c:pt idx="10951">
                  <c:v>182.51666700000001</c:v>
                </c:pt>
                <c:pt idx="10952">
                  <c:v>182.533333</c:v>
                </c:pt>
                <c:pt idx="10953">
                  <c:v>182.54999999999998</c:v>
                </c:pt>
                <c:pt idx="10954">
                  <c:v>182.56666699999997</c:v>
                </c:pt>
                <c:pt idx="10955">
                  <c:v>182.58333300000001</c:v>
                </c:pt>
                <c:pt idx="10956">
                  <c:v>182.6</c:v>
                </c:pt>
                <c:pt idx="10957">
                  <c:v>182.61666699999998</c:v>
                </c:pt>
                <c:pt idx="10958">
                  <c:v>182.63333300000002</c:v>
                </c:pt>
                <c:pt idx="10959">
                  <c:v>182.65</c:v>
                </c:pt>
                <c:pt idx="10960">
                  <c:v>182.66666699999999</c:v>
                </c:pt>
                <c:pt idx="10961">
                  <c:v>182.68333299999998</c:v>
                </c:pt>
                <c:pt idx="10962">
                  <c:v>182.70000000000002</c:v>
                </c:pt>
                <c:pt idx="10963">
                  <c:v>182.716667</c:v>
                </c:pt>
                <c:pt idx="10964">
                  <c:v>182.73333299999999</c:v>
                </c:pt>
                <c:pt idx="10965">
                  <c:v>182.74999999999997</c:v>
                </c:pt>
                <c:pt idx="10966">
                  <c:v>182.76666700000001</c:v>
                </c:pt>
                <c:pt idx="10967">
                  <c:v>182.783333</c:v>
                </c:pt>
                <c:pt idx="10968">
                  <c:v>182.79999999999998</c:v>
                </c:pt>
                <c:pt idx="10969">
                  <c:v>182.81666699999997</c:v>
                </c:pt>
                <c:pt idx="10970">
                  <c:v>182.83333300000001</c:v>
                </c:pt>
                <c:pt idx="10971">
                  <c:v>182.85</c:v>
                </c:pt>
                <c:pt idx="10972">
                  <c:v>182.86666699999998</c:v>
                </c:pt>
                <c:pt idx="10973">
                  <c:v>182.88333300000002</c:v>
                </c:pt>
                <c:pt idx="10974">
                  <c:v>182.9</c:v>
                </c:pt>
                <c:pt idx="10975">
                  <c:v>182.91666699999999</c:v>
                </c:pt>
                <c:pt idx="10976">
                  <c:v>182.93333299999998</c:v>
                </c:pt>
                <c:pt idx="10977">
                  <c:v>182.95000000000002</c:v>
                </c:pt>
                <c:pt idx="10978">
                  <c:v>182.966667</c:v>
                </c:pt>
                <c:pt idx="10979">
                  <c:v>182.98333299999999</c:v>
                </c:pt>
                <c:pt idx="10980">
                  <c:v>182.99999999999997</c:v>
                </c:pt>
                <c:pt idx="10981">
                  <c:v>183.01666700000001</c:v>
                </c:pt>
                <c:pt idx="10982">
                  <c:v>183.033333</c:v>
                </c:pt>
                <c:pt idx="10983">
                  <c:v>183.04999999999998</c:v>
                </c:pt>
                <c:pt idx="10984">
                  <c:v>183.06666699999997</c:v>
                </c:pt>
                <c:pt idx="10985">
                  <c:v>183.08333300000001</c:v>
                </c:pt>
                <c:pt idx="10986">
                  <c:v>183.1</c:v>
                </c:pt>
                <c:pt idx="10987">
                  <c:v>183.11666699999998</c:v>
                </c:pt>
                <c:pt idx="10988">
                  <c:v>183.13333300000002</c:v>
                </c:pt>
                <c:pt idx="10989">
                  <c:v>183.15</c:v>
                </c:pt>
                <c:pt idx="10990">
                  <c:v>183.16666699999999</c:v>
                </c:pt>
                <c:pt idx="10991">
                  <c:v>183.18333299999998</c:v>
                </c:pt>
                <c:pt idx="10992">
                  <c:v>183.20000000000002</c:v>
                </c:pt>
                <c:pt idx="10993">
                  <c:v>183.216667</c:v>
                </c:pt>
                <c:pt idx="10994">
                  <c:v>183.23333299999999</c:v>
                </c:pt>
                <c:pt idx="10995">
                  <c:v>183.24999999999997</c:v>
                </c:pt>
                <c:pt idx="10996">
                  <c:v>183.26666700000001</c:v>
                </c:pt>
                <c:pt idx="10997">
                  <c:v>183.283333</c:v>
                </c:pt>
                <c:pt idx="10998">
                  <c:v>183.29999999999998</c:v>
                </c:pt>
                <c:pt idx="10999">
                  <c:v>183.31666699999997</c:v>
                </c:pt>
                <c:pt idx="11000">
                  <c:v>183.33333300000001</c:v>
                </c:pt>
                <c:pt idx="11001">
                  <c:v>183.35</c:v>
                </c:pt>
                <c:pt idx="11002">
                  <c:v>183.36666699999998</c:v>
                </c:pt>
                <c:pt idx="11003">
                  <c:v>183.38333300000002</c:v>
                </c:pt>
                <c:pt idx="11004">
                  <c:v>183.4</c:v>
                </c:pt>
                <c:pt idx="11005">
                  <c:v>183.41666699999999</c:v>
                </c:pt>
                <c:pt idx="11006">
                  <c:v>183.43333299999998</c:v>
                </c:pt>
                <c:pt idx="11007">
                  <c:v>183.45000000000002</c:v>
                </c:pt>
                <c:pt idx="11008">
                  <c:v>183.466667</c:v>
                </c:pt>
                <c:pt idx="11009">
                  <c:v>183.48333299999999</c:v>
                </c:pt>
                <c:pt idx="11010">
                  <c:v>183.49999999999997</c:v>
                </c:pt>
                <c:pt idx="11011">
                  <c:v>183.51666700000001</c:v>
                </c:pt>
                <c:pt idx="11012">
                  <c:v>183.533333</c:v>
                </c:pt>
                <c:pt idx="11013">
                  <c:v>183.54999999999998</c:v>
                </c:pt>
                <c:pt idx="11014">
                  <c:v>183.56666699999997</c:v>
                </c:pt>
                <c:pt idx="11015">
                  <c:v>183.58333300000001</c:v>
                </c:pt>
                <c:pt idx="11016">
                  <c:v>183.6</c:v>
                </c:pt>
                <c:pt idx="11017">
                  <c:v>183.61666699999998</c:v>
                </c:pt>
                <c:pt idx="11018">
                  <c:v>183.63333300000002</c:v>
                </c:pt>
                <c:pt idx="11019">
                  <c:v>183.65</c:v>
                </c:pt>
                <c:pt idx="11020">
                  <c:v>183.66666699999999</c:v>
                </c:pt>
                <c:pt idx="11021">
                  <c:v>183.68333299999998</c:v>
                </c:pt>
                <c:pt idx="11022">
                  <c:v>183.70000000000002</c:v>
                </c:pt>
                <c:pt idx="11023">
                  <c:v>183.716667</c:v>
                </c:pt>
                <c:pt idx="11024">
                  <c:v>183.73333299999999</c:v>
                </c:pt>
                <c:pt idx="11025">
                  <c:v>183.74999999999997</c:v>
                </c:pt>
                <c:pt idx="11026">
                  <c:v>183.76666700000001</c:v>
                </c:pt>
                <c:pt idx="11027">
                  <c:v>183.783333</c:v>
                </c:pt>
                <c:pt idx="11028">
                  <c:v>183.79999999999998</c:v>
                </c:pt>
                <c:pt idx="11029">
                  <c:v>183.81666699999997</c:v>
                </c:pt>
                <c:pt idx="11030">
                  <c:v>183.83333300000001</c:v>
                </c:pt>
                <c:pt idx="11031">
                  <c:v>183.85</c:v>
                </c:pt>
                <c:pt idx="11032">
                  <c:v>183.86666699999998</c:v>
                </c:pt>
                <c:pt idx="11033">
                  <c:v>183.88333300000002</c:v>
                </c:pt>
                <c:pt idx="11034">
                  <c:v>183.9</c:v>
                </c:pt>
                <c:pt idx="11035">
                  <c:v>183.91666699999999</c:v>
                </c:pt>
                <c:pt idx="11036">
                  <c:v>183.93333299999998</c:v>
                </c:pt>
                <c:pt idx="11037">
                  <c:v>183.95000000000002</c:v>
                </c:pt>
                <c:pt idx="11038">
                  <c:v>183.966667</c:v>
                </c:pt>
                <c:pt idx="11039">
                  <c:v>183.98333299999999</c:v>
                </c:pt>
                <c:pt idx="11040">
                  <c:v>183.99999999999997</c:v>
                </c:pt>
                <c:pt idx="11041">
                  <c:v>184.01666700000001</c:v>
                </c:pt>
                <c:pt idx="11042">
                  <c:v>184.033333</c:v>
                </c:pt>
                <c:pt idx="11043">
                  <c:v>184.04999999999998</c:v>
                </c:pt>
                <c:pt idx="11044">
                  <c:v>184.06666699999997</c:v>
                </c:pt>
                <c:pt idx="11045">
                  <c:v>184.08333300000001</c:v>
                </c:pt>
                <c:pt idx="11046">
                  <c:v>184.1</c:v>
                </c:pt>
                <c:pt idx="11047">
                  <c:v>184.11666699999998</c:v>
                </c:pt>
                <c:pt idx="11048">
                  <c:v>184.13333300000002</c:v>
                </c:pt>
                <c:pt idx="11049">
                  <c:v>184.15</c:v>
                </c:pt>
                <c:pt idx="11050">
                  <c:v>184.16666699999999</c:v>
                </c:pt>
                <c:pt idx="11051">
                  <c:v>184.18333299999998</c:v>
                </c:pt>
                <c:pt idx="11052">
                  <c:v>184.20000000000002</c:v>
                </c:pt>
                <c:pt idx="11053">
                  <c:v>184.216667</c:v>
                </c:pt>
                <c:pt idx="11054">
                  <c:v>184.23333299999999</c:v>
                </c:pt>
                <c:pt idx="11055">
                  <c:v>184.24999999999997</c:v>
                </c:pt>
                <c:pt idx="11056">
                  <c:v>184.26666700000001</c:v>
                </c:pt>
                <c:pt idx="11057">
                  <c:v>184.283333</c:v>
                </c:pt>
                <c:pt idx="11058">
                  <c:v>184.29999999999998</c:v>
                </c:pt>
                <c:pt idx="11059">
                  <c:v>184.31666699999997</c:v>
                </c:pt>
                <c:pt idx="11060">
                  <c:v>184.33333300000001</c:v>
                </c:pt>
                <c:pt idx="11061">
                  <c:v>184.35</c:v>
                </c:pt>
                <c:pt idx="11062">
                  <c:v>184.36666699999998</c:v>
                </c:pt>
                <c:pt idx="11063">
                  <c:v>184.38333300000002</c:v>
                </c:pt>
                <c:pt idx="11064">
                  <c:v>184.4</c:v>
                </c:pt>
                <c:pt idx="11065">
                  <c:v>184.41666699999999</c:v>
                </c:pt>
                <c:pt idx="11066">
                  <c:v>184.43333299999998</c:v>
                </c:pt>
                <c:pt idx="11067">
                  <c:v>184.45000000000002</c:v>
                </c:pt>
                <c:pt idx="11068">
                  <c:v>184.466667</c:v>
                </c:pt>
                <c:pt idx="11069">
                  <c:v>184.48333299999999</c:v>
                </c:pt>
                <c:pt idx="11070">
                  <c:v>184.49999999999997</c:v>
                </c:pt>
                <c:pt idx="11071">
                  <c:v>184.51666700000001</c:v>
                </c:pt>
                <c:pt idx="11072">
                  <c:v>184.533333</c:v>
                </c:pt>
                <c:pt idx="11073">
                  <c:v>184.54999999999998</c:v>
                </c:pt>
                <c:pt idx="11074">
                  <c:v>184.56666699999997</c:v>
                </c:pt>
                <c:pt idx="11075">
                  <c:v>184.58333300000001</c:v>
                </c:pt>
                <c:pt idx="11076">
                  <c:v>184.6</c:v>
                </c:pt>
                <c:pt idx="11077">
                  <c:v>184.61666699999998</c:v>
                </c:pt>
                <c:pt idx="11078">
                  <c:v>184.63333300000002</c:v>
                </c:pt>
                <c:pt idx="11079">
                  <c:v>184.65</c:v>
                </c:pt>
                <c:pt idx="11080">
                  <c:v>184.66666699999999</c:v>
                </c:pt>
                <c:pt idx="11081">
                  <c:v>184.68333299999998</c:v>
                </c:pt>
                <c:pt idx="11082">
                  <c:v>184.70000000000002</c:v>
                </c:pt>
                <c:pt idx="11083">
                  <c:v>184.716667</c:v>
                </c:pt>
                <c:pt idx="11084">
                  <c:v>184.73333299999999</c:v>
                </c:pt>
                <c:pt idx="11085">
                  <c:v>184.74999999999997</c:v>
                </c:pt>
                <c:pt idx="11086">
                  <c:v>184.76666700000001</c:v>
                </c:pt>
                <c:pt idx="11087">
                  <c:v>184.783333</c:v>
                </c:pt>
                <c:pt idx="11088">
                  <c:v>184.79999999999998</c:v>
                </c:pt>
                <c:pt idx="11089">
                  <c:v>184.81666699999997</c:v>
                </c:pt>
                <c:pt idx="11090">
                  <c:v>184.83333300000001</c:v>
                </c:pt>
                <c:pt idx="11091">
                  <c:v>184.85</c:v>
                </c:pt>
                <c:pt idx="11092">
                  <c:v>184.86666699999998</c:v>
                </c:pt>
                <c:pt idx="11093">
                  <c:v>184.88333300000002</c:v>
                </c:pt>
                <c:pt idx="11094">
                  <c:v>184.9</c:v>
                </c:pt>
                <c:pt idx="11095">
                  <c:v>184.91666699999999</c:v>
                </c:pt>
                <c:pt idx="11096">
                  <c:v>184.93333299999998</c:v>
                </c:pt>
                <c:pt idx="11097">
                  <c:v>184.95000000000002</c:v>
                </c:pt>
                <c:pt idx="11098">
                  <c:v>184.966667</c:v>
                </c:pt>
                <c:pt idx="11099">
                  <c:v>184.98333299999999</c:v>
                </c:pt>
                <c:pt idx="11100">
                  <c:v>184.99999999999997</c:v>
                </c:pt>
                <c:pt idx="11101">
                  <c:v>185.01666700000001</c:v>
                </c:pt>
                <c:pt idx="11102">
                  <c:v>185.033333</c:v>
                </c:pt>
                <c:pt idx="11103">
                  <c:v>185.04999999999998</c:v>
                </c:pt>
                <c:pt idx="11104">
                  <c:v>185.06666699999997</c:v>
                </c:pt>
                <c:pt idx="11105">
                  <c:v>185.08333300000001</c:v>
                </c:pt>
                <c:pt idx="11106">
                  <c:v>185.1</c:v>
                </c:pt>
                <c:pt idx="11107">
                  <c:v>185.11666699999998</c:v>
                </c:pt>
                <c:pt idx="11108">
                  <c:v>185.13333300000002</c:v>
                </c:pt>
                <c:pt idx="11109">
                  <c:v>185.15</c:v>
                </c:pt>
                <c:pt idx="11110">
                  <c:v>185.16666699999999</c:v>
                </c:pt>
                <c:pt idx="11111">
                  <c:v>185.18333299999998</c:v>
                </c:pt>
                <c:pt idx="11112">
                  <c:v>185.20000000000002</c:v>
                </c:pt>
                <c:pt idx="11113">
                  <c:v>185.216667</c:v>
                </c:pt>
                <c:pt idx="11114">
                  <c:v>185.23333299999999</c:v>
                </c:pt>
                <c:pt idx="11115">
                  <c:v>185.24999999999997</c:v>
                </c:pt>
                <c:pt idx="11116">
                  <c:v>185.26666700000001</c:v>
                </c:pt>
                <c:pt idx="11117">
                  <c:v>185.283333</c:v>
                </c:pt>
                <c:pt idx="11118">
                  <c:v>185.29999999999998</c:v>
                </c:pt>
                <c:pt idx="11119">
                  <c:v>185.31666699999997</c:v>
                </c:pt>
                <c:pt idx="11120">
                  <c:v>185.33333300000001</c:v>
                </c:pt>
                <c:pt idx="11121">
                  <c:v>185.35</c:v>
                </c:pt>
                <c:pt idx="11122">
                  <c:v>185.36666699999998</c:v>
                </c:pt>
                <c:pt idx="11123">
                  <c:v>185.38333300000002</c:v>
                </c:pt>
                <c:pt idx="11124">
                  <c:v>185.4</c:v>
                </c:pt>
                <c:pt idx="11125">
                  <c:v>185.41666699999999</c:v>
                </c:pt>
                <c:pt idx="11126">
                  <c:v>185.43333299999998</c:v>
                </c:pt>
                <c:pt idx="11127">
                  <c:v>185.45000000000002</c:v>
                </c:pt>
                <c:pt idx="11128">
                  <c:v>185.466667</c:v>
                </c:pt>
                <c:pt idx="11129">
                  <c:v>185.48333299999999</c:v>
                </c:pt>
                <c:pt idx="11130">
                  <c:v>185.49999999999997</c:v>
                </c:pt>
                <c:pt idx="11131">
                  <c:v>185.51666700000001</c:v>
                </c:pt>
                <c:pt idx="11132">
                  <c:v>185.533333</c:v>
                </c:pt>
                <c:pt idx="11133">
                  <c:v>185.54999999999998</c:v>
                </c:pt>
                <c:pt idx="11134">
                  <c:v>185.56666699999997</c:v>
                </c:pt>
                <c:pt idx="11135">
                  <c:v>185.58333300000001</c:v>
                </c:pt>
                <c:pt idx="11136">
                  <c:v>185.6</c:v>
                </c:pt>
                <c:pt idx="11137">
                  <c:v>185.61666699999998</c:v>
                </c:pt>
                <c:pt idx="11138">
                  <c:v>185.63333300000002</c:v>
                </c:pt>
                <c:pt idx="11139">
                  <c:v>185.65</c:v>
                </c:pt>
                <c:pt idx="11140">
                  <c:v>185.66666699999999</c:v>
                </c:pt>
                <c:pt idx="11141">
                  <c:v>185.68333299999998</c:v>
                </c:pt>
                <c:pt idx="11142">
                  <c:v>185.70000000000002</c:v>
                </c:pt>
                <c:pt idx="11143">
                  <c:v>185.716667</c:v>
                </c:pt>
                <c:pt idx="11144">
                  <c:v>185.73333299999999</c:v>
                </c:pt>
                <c:pt idx="11145">
                  <c:v>185.74999999999997</c:v>
                </c:pt>
                <c:pt idx="11146">
                  <c:v>185.76666700000001</c:v>
                </c:pt>
                <c:pt idx="11147">
                  <c:v>185.783333</c:v>
                </c:pt>
                <c:pt idx="11148">
                  <c:v>185.79999999999998</c:v>
                </c:pt>
                <c:pt idx="11149">
                  <c:v>185.81666699999997</c:v>
                </c:pt>
                <c:pt idx="11150">
                  <c:v>185.83333300000001</c:v>
                </c:pt>
                <c:pt idx="11151">
                  <c:v>185.85</c:v>
                </c:pt>
                <c:pt idx="11152">
                  <c:v>185.86666699999998</c:v>
                </c:pt>
                <c:pt idx="11153">
                  <c:v>185.88333300000002</c:v>
                </c:pt>
                <c:pt idx="11154">
                  <c:v>185.9</c:v>
                </c:pt>
                <c:pt idx="11155">
                  <c:v>185.91666699999999</c:v>
                </c:pt>
                <c:pt idx="11156">
                  <c:v>185.93333299999998</c:v>
                </c:pt>
                <c:pt idx="11157">
                  <c:v>185.95000000000002</c:v>
                </c:pt>
                <c:pt idx="11158">
                  <c:v>185.966667</c:v>
                </c:pt>
                <c:pt idx="11159">
                  <c:v>185.98333299999999</c:v>
                </c:pt>
                <c:pt idx="11160">
                  <c:v>185.99999999999997</c:v>
                </c:pt>
                <c:pt idx="11161">
                  <c:v>186.01666700000001</c:v>
                </c:pt>
                <c:pt idx="11162">
                  <c:v>186.033333</c:v>
                </c:pt>
                <c:pt idx="11163">
                  <c:v>186.04999999999998</c:v>
                </c:pt>
                <c:pt idx="11164">
                  <c:v>186.06666699999997</c:v>
                </c:pt>
                <c:pt idx="11165">
                  <c:v>186.08333300000001</c:v>
                </c:pt>
                <c:pt idx="11166">
                  <c:v>186.1</c:v>
                </c:pt>
                <c:pt idx="11167">
                  <c:v>186.11666699999998</c:v>
                </c:pt>
                <c:pt idx="11168">
                  <c:v>186.13333300000002</c:v>
                </c:pt>
                <c:pt idx="11169">
                  <c:v>186.15</c:v>
                </c:pt>
                <c:pt idx="11170">
                  <c:v>186.16666699999999</c:v>
                </c:pt>
                <c:pt idx="11171">
                  <c:v>186.18333299999998</c:v>
                </c:pt>
                <c:pt idx="11172">
                  <c:v>186.20000000000002</c:v>
                </c:pt>
                <c:pt idx="11173">
                  <c:v>186.216667</c:v>
                </c:pt>
                <c:pt idx="11174">
                  <c:v>186.23333299999999</c:v>
                </c:pt>
                <c:pt idx="11175">
                  <c:v>186.24999999999997</c:v>
                </c:pt>
                <c:pt idx="11176">
                  <c:v>186.26666700000001</c:v>
                </c:pt>
                <c:pt idx="11177">
                  <c:v>186.283333</c:v>
                </c:pt>
                <c:pt idx="11178">
                  <c:v>186.29999999999998</c:v>
                </c:pt>
                <c:pt idx="11179">
                  <c:v>186.31666699999997</c:v>
                </c:pt>
                <c:pt idx="11180">
                  <c:v>186.33333300000001</c:v>
                </c:pt>
                <c:pt idx="11181">
                  <c:v>186.35</c:v>
                </c:pt>
                <c:pt idx="11182">
                  <c:v>186.36666699999998</c:v>
                </c:pt>
                <c:pt idx="11183">
                  <c:v>186.38333300000002</c:v>
                </c:pt>
                <c:pt idx="11184">
                  <c:v>186.4</c:v>
                </c:pt>
                <c:pt idx="11185">
                  <c:v>186.41666699999999</c:v>
                </c:pt>
                <c:pt idx="11186">
                  <c:v>186.43333299999998</c:v>
                </c:pt>
                <c:pt idx="11187">
                  <c:v>186.45000000000002</c:v>
                </c:pt>
                <c:pt idx="11188">
                  <c:v>186.466667</c:v>
                </c:pt>
                <c:pt idx="11189">
                  <c:v>186.48333299999999</c:v>
                </c:pt>
                <c:pt idx="11190">
                  <c:v>186.49999999999997</c:v>
                </c:pt>
                <c:pt idx="11191">
                  <c:v>186.51666700000001</c:v>
                </c:pt>
                <c:pt idx="11192">
                  <c:v>186.533333</c:v>
                </c:pt>
                <c:pt idx="11193">
                  <c:v>186.54999999999998</c:v>
                </c:pt>
                <c:pt idx="11194">
                  <c:v>186.56666699999997</c:v>
                </c:pt>
                <c:pt idx="11195">
                  <c:v>186.58333300000001</c:v>
                </c:pt>
                <c:pt idx="11196">
                  <c:v>186.6</c:v>
                </c:pt>
                <c:pt idx="11197">
                  <c:v>186.61666699999998</c:v>
                </c:pt>
                <c:pt idx="11198">
                  <c:v>186.63333300000002</c:v>
                </c:pt>
                <c:pt idx="11199">
                  <c:v>186.65</c:v>
                </c:pt>
                <c:pt idx="11200">
                  <c:v>186.66666699999999</c:v>
                </c:pt>
                <c:pt idx="11201">
                  <c:v>186.68333299999998</c:v>
                </c:pt>
                <c:pt idx="11202">
                  <c:v>186.70000000000002</c:v>
                </c:pt>
                <c:pt idx="11203">
                  <c:v>186.716667</c:v>
                </c:pt>
                <c:pt idx="11204">
                  <c:v>186.73333299999999</c:v>
                </c:pt>
                <c:pt idx="11205">
                  <c:v>186.74999999999997</c:v>
                </c:pt>
                <c:pt idx="11206">
                  <c:v>186.76666700000001</c:v>
                </c:pt>
                <c:pt idx="11207">
                  <c:v>186.783333</c:v>
                </c:pt>
                <c:pt idx="11208">
                  <c:v>186.79999999999998</c:v>
                </c:pt>
                <c:pt idx="11209">
                  <c:v>186.81666699999997</c:v>
                </c:pt>
                <c:pt idx="11210">
                  <c:v>186.83333300000001</c:v>
                </c:pt>
                <c:pt idx="11211">
                  <c:v>186.85</c:v>
                </c:pt>
                <c:pt idx="11212">
                  <c:v>186.86666699999998</c:v>
                </c:pt>
                <c:pt idx="11213">
                  <c:v>186.88333300000002</c:v>
                </c:pt>
                <c:pt idx="11214">
                  <c:v>186.9</c:v>
                </c:pt>
                <c:pt idx="11215">
                  <c:v>186.91666699999999</c:v>
                </c:pt>
                <c:pt idx="11216">
                  <c:v>186.93333299999998</c:v>
                </c:pt>
                <c:pt idx="11217">
                  <c:v>186.95000000000002</c:v>
                </c:pt>
                <c:pt idx="11218">
                  <c:v>186.966667</c:v>
                </c:pt>
                <c:pt idx="11219">
                  <c:v>186.98333299999999</c:v>
                </c:pt>
                <c:pt idx="11220">
                  <c:v>186.99999999999997</c:v>
                </c:pt>
                <c:pt idx="11221">
                  <c:v>187.01666700000001</c:v>
                </c:pt>
                <c:pt idx="11222">
                  <c:v>187.033333</c:v>
                </c:pt>
                <c:pt idx="11223">
                  <c:v>187.04999999999998</c:v>
                </c:pt>
                <c:pt idx="11224">
                  <c:v>187.06666699999997</c:v>
                </c:pt>
                <c:pt idx="11225">
                  <c:v>187.08333300000001</c:v>
                </c:pt>
                <c:pt idx="11226">
                  <c:v>187.1</c:v>
                </c:pt>
                <c:pt idx="11227">
                  <c:v>187.11666699999998</c:v>
                </c:pt>
                <c:pt idx="11228">
                  <c:v>187.13333300000002</c:v>
                </c:pt>
                <c:pt idx="11229">
                  <c:v>187.15</c:v>
                </c:pt>
                <c:pt idx="11230">
                  <c:v>187.16666699999999</c:v>
                </c:pt>
                <c:pt idx="11231">
                  <c:v>187.18333299999998</c:v>
                </c:pt>
                <c:pt idx="11232">
                  <c:v>187.20000000000002</c:v>
                </c:pt>
                <c:pt idx="11233">
                  <c:v>187.216667</c:v>
                </c:pt>
                <c:pt idx="11234">
                  <c:v>187.23333299999999</c:v>
                </c:pt>
                <c:pt idx="11235">
                  <c:v>187.24999999999997</c:v>
                </c:pt>
                <c:pt idx="11236">
                  <c:v>187.26666700000001</c:v>
                </c:pt>
                <c:pt idx="11237">
                  <c:v>187.283333</c:v>
                </c:pt>
                <c:pt idx="11238">
                  <c:v>187.29999999999998</c:v>
                </c:pt>
                <c:pt idx="11239">
                  <c:v>187.31666699999997</c:v>
                </c:pt>
                <c:pt idx="11240">
                  <c:v>187.33333300000001</c:v>
                </c:pt>
                <c:pt idx="11241">
                  <c:v>187.35</c:v>
                </c:pt>
                <c:pt idx="11242">
                  <c:v>187.36666699999998</c:v>
                </c:pt>
                <c:pt idx="11243">
                  <c:v>187.38333300000002</c:v>
                </c:pt>
                <c:pt idx="11244">
                  <c:v>187.4</c:v>
                </c:pt>
                <c:pt idx="11245">
                  <c:v>187.41666699999999</c:v>
                </c:pt>
                <c:pt idx="11246">
                  <c:v>187.43333299999998</c:v>
                </c:pt>
                <c:pt idx="11247">
                  <c:v>187.45000000000002</c:v>
                </c:pt>
                <c:pt idx="11248">
                  <c:v>187.466667</c:v>
                </c:pt>
                <c:pt idx="11249">
                  <c:v>187.48333299999999</c:v>
                </c:pt>
                <c:pt idx="11250">
                  <c:v>187.49999999999997</c:v>
                </c:pt>
                <c:pt idx="11251">
                  <c:v>187.51666700000001</c:v>
                </c:pt>
                <c:pt idx="11252">
                  <c:v>187.533333</c:v>
                </c:pt>
                <c:pt idx="11253">
                  <c:v>187.54999999999998</c:v>
                </c:pt>
                <c:pt idx="11254">
                  <c:v>187.56666699999997</c:v>
                </c:pt>
                <c:pt idx="11255">
                  <c:v>187.58333300000001</c:v>
                </c:pt>
                <c:pt idx="11256">
                  <c:v>187.6</c:v>
                </c:pt>
                <c:pt idx="11257">
                  <c:v>187.61666699999998</c:v>
                </c:pt>
                <c:pt idx="11258">
                  <c:v>187.63333300000002</c:v>
                </c:pt>
                <c:pt idx="11259">
                  <c:v>187.65</c:v>
                </c:pt>
                <c:pt idx="11260">
                  <c:v>187.66666699999999</c:v>
                </c:pt>
                <c:pt idx="11261">
                  <c:v>187.68333299999998</c:v>
                </c:pt>
                <c:pt idx="11262">
                  <c:v>187.70000000000002</c:v>
                </c:pt>
                <c:pt idx="11263">
                  <c:v>187.716667</c:v>
                </c:pt>
                <c:pt idx="11264">
                  <c:v>187.73333299999999</c:v>
                </c:pt>
                <c:pt idx="11265">
                  <c:v>187.74999999999997</c:v>
                </c:pt>
                <c:pt idx="11266">
                  <c:v>187.76666700000001</c:v>
                </c:pt>
                <c:pt idx="11267">
                  <c:v>187.783333</c:v>
                </c:pt>
                <c:pt idx="11268">
                  <c:v>187.79999999999998</c:v>
                </c:pt>
                <c:pt idx="11269">
                  <c:v>187.81666699999997</c:v>
                </c:pt>
                <c:pt idx="11270">
                  <c:v>187.83333300000001</c:v>
                </c:pt>
                <c:pt idx="11271">
                  <c:v>187.85</c:v>
                </c:pt>
                <c:pt idx="11272">
                  <c:v>187.86666699999998</c:v>
                </c:pt>
                <c:pt idx="11273">
                  <c:v>187.88333300000002</c:v>
                </c:pt>
                <c:pt idx="11274">
                  <c:v>187.9</c:v>
                </c:pt>
                <c:pt idx="11275">
                  <c:v>187.91666699999999</c:v>
                </c:pt>
                <c:pt idx="11276">
                  <c:v>187.93333299999998</c:v>
                </c:pt>
                <c:pt idx="11277">
                  <c:v>187.95000000000002</c:v>
                </c:pt>
                <c:pt idx="11278">
                  <c:v>187.966667</c:v>
                </c:pt>
                <c:pt idx="11279">
                  <c:v>187.98333299999999</c:v>
                </c:pt>
                <c:pt idx="11280">
                  <c:v>187.99999999999997</c:v>
                </c:pt>
                <c:pt idx="11281">
                  <c:v>188.01666700000001</c:v>
                </c:pt>
                <c:pt idx="11282">
                  <c:v>188.033333</c:v>
                </c:pt>
                <c:pt idx="11283">
                  <c:v>188.04999999999998</c:v>
                </c:pt>
                <c:pt idx="11284">
                  <c:v>188.06666699999997</c:v>
                </c:pt>
                <c:pt idx="11285">
                  <c:v>188.08333300000001</c:v>
                </c:pt>
                <c:pt idx="11286">
                  <c:v>188.1</c:v>
                </c:pt>
                <c:pt idx="11287">
                  <c:v>188.11666699999998</c:v>
                </c:pt>
                <c:pt idx="11288">
                  <c:v>188.13333300000002</c:v>
                </c:pt>
                <c:pt idx="11289">
                  <c:v>188.15</c:v>
                </c:pt>
                <c:pt idx="11290">
                  <c:v>188.16666699999999</c:v>
                </c:pt>
                <c:pt idx="11291">
                  <c:v>188.18333299999998</c:v>
                </c:pt>
                <c:pt idx="11292">
                  <c:v>188.20000000000002</c:v>
                </c:pt>
                <c:pt idx="11293">
                  <c:v>188.216667</c:v>
                </c:pt>
                <c:pt idx="11294">
                  <c:v>188.23333299999999</c:v>
                </c:pt>
                <c:pt idx="11295">
                  <c:v>188.24999999999997</c:v>
                </c:pt>
                <c:pt idx="11296">
                  <c:v>188.26666700000001</c:v>
                </c:pt>
                <c:pt idx="11297">
                  <c:v>188.283333</c:v>
                </c:pt>
                <c:pt idx="11298">
                  <c:v>188.29999999999998</c:v>
                </c:pt>
                <c:pt idx="11299">
                  <c:v>188.31666699999997</c:v>
                </c:pt>
                <c:pt idx="11300">
                  <c:v>188.33333300000001</c:v>
                </c:pt>
                <c:pt idx="11301">
                  <c:v>188.35</c:v>
                </c:pt>
                <c:pt idx="11302">
                  <c:v>188.36666699999998</c:v>
                </c:pt>
                <c:pt idx="11303">
                  <c:v>188.38333300000002</c:v>
                </c:pt>
                <c:pt idx="11304">
                  <c:v>188.4</c:v>
                </c:pt>
                <c:pt idx="11305">
                  <c:v>188.41666699999999</c:v>
                </c:pt>
                <c:pt idx="11306">
                  <c:v>188.43333299999998</c:v>
                </c:pt>
                <c:pt idx="11307">
                  <c:v>188.45000000000002</c:v>
                </c:pt>
                <c:pt idx="11308">
                  <c:v>188.466667</c:v>
                </c:pt>
                <c:pt idx="11309">
                  <c:v>188.48333299999999</c:v>
                </c:pt>
                <c:pt idx="11310">
                  <c:v>188.49999999999997</c:v>
                </c:pt>
                <c:pt idx="11311">
                  <c:v>188.51666700000001</c:v>
                </c:pt>
                <c:pt idx="11312">
                  <c:v>188.533333</c:v>
                </c:pt>
                <c:pt idx="11313">
                  <c:v>188.54999999999998</c:v>
                </c:pt>
                <c:pt idx="11314">
                  <c:v>188.56666699999997</c:v>
                </c:pt>
                <c:pt idx="11315">
                  <c:v>188.58333300000001</c:v>
                </c:pt>
                <c:pt idx="11316">
                  <c:v>188.6</c:v>
                </c:pt>
                <c:pt idx="11317">
                  <c:v>188.61666699999998</c:v>
                </c:pt>
                <c:pt idx="11318">
                  <c:v>188.63333300000002</c:v>
                </c:pt>
                <c:pt idx="11319">
                  <c:v>188.65</c:v>
                </c:pt>
                <c:pt idx="11320">
                  <c:v>188.66666699999999</c:v>
                </c:pt>
                <c:pt idx="11321">
                  <c:v>188.68333299999998</c:v>
                </c:pt>
                <c:pt idx="11322">
                  <c:v>188.70000000000002</c:v>
                </c:pt>
                <c:pt idx="11323">
                  <c:v>188.716667</c:v>
                </c:pt>
                <c:pt idx="11324">
                  <c:v>188.73333299999999</c:v>
                </c:pt>
                <c:pt idx="11325">
                  <c:v>188.74999999999997</c:v>
                </c:pt>
                <c:pt idx="11326">
                  <c:v>188.76666700000001</c:v>
                </c:pt>
                <c:pt idx="11327">
                  <c:v>188.783333</c:v>
                </c:pt>
                <c:pt idx="11328">
                  <c:v>188.79999999999998</c:v>
                </c:pt>
                <c:pt idx="11329">
                  <c:v>188.81666699999997</c:v>
                </c:pt>
                <c:pt idx="11330">
                  <c:v>188.83333300000001</c:v>
                </c:pt>
                <c:pt idx="11331">
                  <c:v>188.85</c:v>
                </c:pt>
                <c:pt idx="11332">
                  <c:v>188.86666699999998</c:v>
                </c:pt>
                <c:pt idx="11333">
                  <c:v>188.88333300000002</c:v>
                </c:pt>
                <c:pt idx="11334">
                  <c:v>188.9</c:v>
                </c:pt>
                <c:pt idx="11335">
                  <c:v>188.91666699999999</c:v>
                </c:pt>
                <c:pt idx="11336">
                  <c:v>188.93333299999998</c:v>
                </c:pt>
                <c:pt idx="11337">
                  <c:v>188.95000000000002</c:v>
                </c:pt>
                <c:pt idx="11338">
                  <c:v>188.966667</c:v>
                </c:pt>
                <c:pt idx="11339">
                  <c:v>188.98333299999999</c:v>
                </c:pt>
                <c:pt idx="11340">
                  <c:v>188.99999999999997</c:v>
                </c:pt>
                <c:pt idx="11341">
                  <c:v>189.01666700000001</c:v>
                </c:pt>
                <c:pt idx="11342">
                  <c:v>189.033333</c:v>
                </c:pt>
                <c:pt idx="11343">
                  <c:v>189.04999999999998</c:v>
                </c:pt>
                <c:pt idx="11344">
                  <c:v>189.06666699999997</c:v>
                </c:pt>
                <c:pt idx="11345">
                  <c:v>189.08333300000001</c:v>
                </c:pt>
                <c:pt idx="11346">
                  <c:v>189.1</c:v>
                </c:pt>
                <c:pt idx="11347">
                  <c:v>189.11666699999998</c:v>
                </c:pt>
                <c:pt idx="11348">
                  <c:v>189.13333300000002</c:v>
                </c:pt>
                <c:pt idx="11349">
                  <c:v>189.15</c:v>
                </c:pt>
                <c:pt idx="11350">
                  <c:v>189.16666699999999</c:v>
                </c:pt>
                <c:pt idx="11351">
                  <c:v>189.18333299999998</c:v>
                </c:pt>
                <c:pt idx="11352">
                  <c:v>189.20000000000002</c:v>
                </c:pt>
                <c:pt idx="11353">
                  <c:v>189.216667</c:v>
                </c:pt>
                <c:pt idx="11354">
                  <c:v>189.23333299999999</c:v>
                </c:pt>
                <c:pt idx="11355">
                  <c:v>189.24999999999997</c:v>
                </c:pt>
                <c:pt idx="11356">
                  <c:v>189.26666700000001</c:v>
                </c:pt>
                <c:pt idx="11357">
                  <c:v>189.283333</c:v>
                </c:pt>
                <c:pt idx="11358">
                  <c:v>189.29999999999998</c:v>
                </c:pt>
                <c:pt idx="11359">
                  <c:v>189.31666699999997</c:v>
                </c:pt>
                <c:pt idx="11360">
                  <c:v>189.33333300000001</c:v>
                </c:pt>
                <c:pt idx="11361">
                  <c:v>189.35</c:v>
                </c:pt>
                <c:pt idx="11362">
                  <c:v>189.36666699999998</c:v>
                </c:pt>
                <c:pt idx="11363">
                  <c:v>189.38333300000002</c:v>
                </c:pt>
                <c:pt idx="11364">
                  <c:v>189.4</c:v>
                </c:pt>
                <c:pt idx="11365">
                  <c:v>189.41666699999999</c:v>
                </c:pt>
                <c:pt idx="11366">
                  <c:v>189.43333299999998</c:v>
                </c:pt>
                <c:pt idx="11367">
                  <c:v>189.45000000000002</c:v>
                </c:pt>
                <c:pt idx="11368">
                  <c:v>189.466667</c:v>
                </c:pt>
                <c:pt idx="11369">
                  <c:v>189.48333299999999</c:v>
                </c:pt>
                <c:pt idx="11370">
                  <c:v>189.49999999999997</c:v>
                </c:pt>
                <c:pt idx="11371">
                  <c:v>189.51666700000001</c:v>
                </c:pt>
                <c:pt idx="11372">
                  <c:v>189.533333</c:v>
                </c:pt>
                <c:pt idx="11373">
                  <c:v>189.54999999999998</c:v>
                </c:pt>
                <c:pt idx="11374">
                  <c:v>189.56666699999997</c:v>
                </c:pt>
                <c:pt idx="11375">
                  <c:v>189.58333300000001</c:v>
                </c:pt>
                <c:pt idx="11376">
                  <c:v>189.6</c:v>
                </c:pt>
                <c:pt idx="11377">
                  <c:v>189.61666699999998</c:v>
                </c:pt>
                <c:pt idx="11378">
                  <c:v>189.63333300000002</c:v>
                </c:pt>
                <c:pt idx="11379">
                  <c:v>189.65</c:v>
                </c:pt>
                <c:pt idx="11380">
                  <c:v>189.66666699999999</c:v>
                </c:pt>
                <c:pt idx="11381">
                  <c:v>189.68333299999998</c:v>
                </c:pt>
                <c:pt idx="11382">
                  <c:v>189.70000000000002</c:v>
                </c:pt>
                <c:pt idx="11383">
                  <c:v>189.716667</c:v>
                </c:pt>
                <c:pt idx="11384">
                  <c:v>189.73333299999999</c:v>
                </c:pt>
                <c:pt idx="11385">
                  <c:v>189.74999999999997</c:v>
                </c:pt>
                <c:pt idx="11386">
                  <c:v>189.76666700000001</c:v>
                </c:pt>
                <c:pt idx="11387">
                  <c:v>189.783333</c:v>
                </c:pt>
                <c:pt idx="11388">
                  <c:v>189.79999999999998</c:v>
                </c:pt>
                <c:pt idx="11389">
                  <c:v>189.81666699999997</c:v>
                </c:pt>
                <c:pt idx="11390">
                  <c:v>189.83333300000001</c:v>
                </c:pt>
                <c:pt idx="11391">
                  <c:v>189.85</c:v>
                </c:pt>
                <c:pt idx="11392">
                  <c:v>189.86666699999998</c:v>
                </c:pt>
                <c:pt idx="11393">
                  <c:v>189.88333300000002</c:v>
                </c:pt>
                <c:pt idx="11394">
                  <c:v>189.9</c:v>
                </c:pt>
                <c:pt idx="11395">
                  <c:v>189.91666699999999</c:v>
                </c:pt>
                <c:pt idx="11396">
                  <c:v>189.93333299999998</c:v>
                </c:pt>
                <c:pt idx="11397">
                  <c:v>189.95000000000002</c:v>
                </c:pt>
                <c:pt idx="11398">
                  <c:v>189.966667</c:v>
                </c:pt>
                <c:pt idx="11399">
                  <c:v>189.98333299999999</c:v>
                </c:pt>
                <c:pt idx="11400">
                  <c:v>189.99999999999997</c:v>
                </c:pt>
                <c:pt idx="11401">
                  <c:v>190.01666700000001</c:v>
                </c:pt>
                <c:pt idx="11402">
                  <c:v>190.033333</c:v>
                </c:pt>
                <c:pt idx="11403">
                  <c:v>190.04999999999998</c:v>
                </c:pt>
                <c:pt idx="11404">
                  <c:v>190.06666699999997</c:v>
                </c:pt>
                <c:pt idx="11405">
                  <c:v>190.08333300000001</c:v>
                </c:pt>
                <c:pt idx="11406">
                  <c:v>190.1</c:v>
                </c:pt>
                <c:pt idx="11407">
                  <c:v>190.11666699999998</c:v>
                </c:pt>
                <c:pt idx="11408">
                  <c:v>190.13333300000002</c:v>
                </c:pt>
                <c:pt idx="11409">
                  <c:v>190.15</c:v>
                </c:pt>
                <c:pt idx="11410">
                  <c:v>190.16666699999999</c:v>
                </c:pt>
                <c:pt idx="11411">
                  <c:v>190.18333299999998</c:v>
                </c:pt>
                <c:pt idx="11412">
                  <c:v>190.20000000000002</c:v>
                </c:pt>
                <c:pt idx="11413">
                  <c:v>190.216667</c:v>
                </c:pt>
                <c:pt idx="11414">
                  <c:v>190.23333299999999</c:v>
                </c:pt>
                <c:pt idx="11415">
                  <c:v>190.24999999999997</c:v>
                </c:pt>
                <c:pt idx="11416">
                  <c:v>190.26666700000001</c:v>
                </c:pt>
                <c:pt idx="11417">
                  <c:v>190.283333</c:v>
                </c:pt>
                <c:pt idx="11418">
                  <c:v>190.29999999999998</c:v>
                </c:pt>
                <c:pt idx="11419">
                  <c:v>190.31666699999997</c:v>
                </c:pt>
                <c:pt idx="11420">
                  <c:v>190.33333300000001</c:v>
                </c:pt>
                <c:pt idx="11421">
                  <c:v>190.35</c:v>
                </c:pt>
                <c:pt idx="11422">
                  <c:v>190.36666699999998</c:v>
                </c:pt>
                <c:pt idx="11423">
                  <c:v>190.38333300000002</c:v>
                </c:pt>
                <c:pt idx="11424">
                  <c:v>190.4</c:v>
                </c:pt>
                <c:pt idx="11425">
                  <c:v>190.41666699999999</c:v>
                </c:pt>
                <c:pt idx="11426">
                  <c:v>190.43333299999998</c:v>
                </c:pt>
                <c:pt idx="11427">
                  <c:v>190.45000000000002</c:v>
                </c:pt>
                <c:pt idx="11428">
                  <c:v>190.466667</c:v>
                </c:pt>
                <c:pt idx="11429">
                  <c:v>190.48333299999999</c:v>
                </c:pt>
                <c:pt idx="11430">
                  <c:v>190.49999999999997</c:v>
                </c:pt>
                <c:pt idx="11431">
                  <c:v>190.51666700000001</c:v>
                </c:pt>
                <c:pt idx="11432">
                  <c:v>190.533333</c:v>
                </c:pt>
                <c:pt idx="11433">
                  <c:v>190.54999999999998</c:v>
                </c:pt>
                <c:pt idx="11434">
                  <c:v>190.56666699999997</c:v>
                </c:pt>
                <c:pt idx="11435">
                  <c:v>190.58333300000001</c:v>
                </c:pt>
                <c:pt idx="11436">
                  <c:v>190.6</c:v>
                </c:pt>
                <c:pt idx="11437">
                  <c:v>190.61666699999998</c:v>
                </c:pt>
                <c:pt idx="11438">
                  <c:v>190.63333300000002</c:v>
                </c:pt>
                <c:pt idx="11439">
                  <c:v>190.65</c:v>
                </c:pt>
                <c:pt idx="11440">
                  <c:v>190.66666699999999</c:v>
                </c:pt>
                <c:pt idx="11441">
                  <c:v>190.68333299999998</c:v>
                </c:pt>
                <c:pt idx="11442">
                  <c:v>190.70000000000002</c:v>
                </c:pt>
                <c:pt idx="11443">
                  <c:v>190.716667</c:v>
                </c:pt>
                <c:pt idx="11444">
                  <c:v>190.73333299999999</c:v>
                </c:pt>
                <c:pt idx="11445">
                  <c:v>190.74999999999997</c:v>
                </c:pt>
                <c:pt idx="11446">
                  <c:v>190.76666700000001</c:v>
                </c:pt>
                <c:pt idx="11447">
                  <c:v>190.783333</c:v>
                </c:pt>
                <c:pt idx="11448">
                  <c:v>190.79999999999998</c:v>
                </c:pt>
                <c:pt idx="11449">
                  <c:v>190.81666699999997</c:v>
                </c:pt>
                <c:pt idx="11450">
                  <c:v>190.83333300000001</c:v>
                </c:pt>
                <c:pt idx="11451">
                  <c:v>190.85</c:v>
                </c:pt>
                <c:pt idx="11452">
                  <c:v>190.86666699999998</c:v>
                </c:pt>
                <c:pt idx="11453">
                  <c:v>190.88333300000002</c:v>
                </c:pt>
                <c:pt idx="11454">
                  <c:v>190.9</c:v>
                </c:pt>
                <c:pt idx="11455">
                  <c:v>190.91666699999999</c:v>
                </c:pt>
                <c:pt idx="11456">
                  <c:v>190.93333299999998</c:v>
                </c:pt>
                <c:pt idx="11457">
                  <c:v>190.95000000000002</c:v>
                </c:pt>
                <c:pt idx="11458">
                  <c:v>190.966667</c:v>
                </c:pt>
                <c:pt idx="11459">
                  <c:v>190.98333299999999</c:v>
                </c:pt>
                <c:pt idx="11460">
                  <c:v>190.99999999999997</c:v>
                </c:pt>
                <c:pt idx="11461">
                  <c:v>191.01666700000001</c:v>
                </c:pt>
                <c:pt idx="11462">
                  <c:v>191.033333</c:v>
                </c:pt>
                <c:pt idx="11463">
                  <c:v>191.04999999999998</c:v>
                </c:pt>
                <c:pt idx="11464">
                  <c:v>191.06666699999997</c:v>
                </c:pt>
                <c:pt idx="11465">
                  <c:v>191.08333300000001</c:v>
                </c:pt>
                <c:pt idx="11466">
                  <c:v>191.1</c:v>
                </c:pt>
                <c:pt idx="11467">
                  <c:v>191.11666699999998</c:v>
                </c:pt>
                <c:pt idx="11468">
                  <c:v>191.13333300000002</c:v>
                </c:pt>
                <c:pt idx="11469">
                  <c:v>191.15</c:v>
                </c:pt>
                <c:pt idx="11470">
                  <c:v>191.16666699999999</c:v>
                </c:pt>
                <c:pt idx="11471">
                  <c:v>191.18333299999998</c:v>
                </c:pt>
                <c:pt idx="11472">
                  <c:v>191.20000000000002</c:v>
                </c:pt>
                <c:pt idx="11473">
                  <c:v>191.216667</c:v>
                </c:pt>
                <c:pt idx="11474">
                  <c:v>191.23333299999999</c:v>
                </c:pt>
                <c:pt idx="11475">
                  <c:v>191.24999999999997</c:v>
                </c:pt>
                <c:pt idx="11476">
                  <c:v>191.26666700000001</c:v>
                </c:pt>
                <c:pt idx="11477">
                  <c:v>191.283333</c:v>
                </c:pt>
                <c:pt idx="11478">
                  <c:v>191.29999999999998</c:v>
                </c:pt>
                <c:pt idx="11479">
                  <c:v>191.31666699999997</c:v>
                </c:pt>
                <c:pt idx="11480">
                  <c:v>191.33333300000001</c:v>
                </c:pt>
                <c:pt idx="11481">
                  <c:v>191.35</c:v>
                </c:pt>
                <c:pt idx="11482">
                  <c:v>191.36666699999998</c:v>
                </c:pt>
                <c:pt idx="11483">
                  <c:v>191.38333300000002</c:v>
                </c:pt>
                <c:pt idx="11484">
                  <c:v>191.4</c:v>
                </c:pt>
                <c:pt idx="11485">
                  <c:v>191.41666699999999</c:v>
                </c:pt>
                <c:pt idx="11486">
                  <c:v>191.43333299999998</c:v>
                </c:pt>
                <c:pt idx="11487">
                  <c:v>191.45000000000002</c:v>
                </c:pt>
                <c:pt idx="11488">
                  <c:v>191.466667</c:v>
                </c:pt>
                <c:pt idx="11489">
                  <c:v>191.48333299999999</c:v>
                </c:pt>
                <c:pt idx="11490">
                  <c:v>191.49999999999997</c:v>
                </c:pt>
                <c:pt idx="11491">
                  <c:v>191.51666700000001</c:v>
                </c:pt>
                <c:pt idx="11492">
                  <c:v>191.533333</c:v>
                </c:pt>
                <c:pt idx="11493">
                  <c:v>191.54999999999998</c:v>
                </c:pt>
                <c:pt idx="11494">
                  <c:v>191.56666699999997</c:v>
                </c:pt>
                <c:pt idx="11495">
                  <c:v>191.58333300000001</c:v>
                </c:pt>
                <c:pt idx="11496">
                  <c:v>191.6</c:v>
                </c:pt>
                <c:pt idx="11497">
                  <c:v>191.61666699999998</c:v>
                </c:pt>
                <c:pt idx="11498">
                  <c:v>191.63333300000002</c:v>
                </c:pt>
                <c:pt idx="11499">
                  <c:v>191.65</c:v>
                </c:pt>
                <c:pt idx="11500">
                  <c:v>191.66666699999999</c:v>
                </c:pt>
                <c:pt idx="11501">
                  <c:v>191.68333299999998</c:v>
                </c:pt>
                <c:pt idx="11502">
                  <c:v>191.70000000000002</c:v>
                </c:pt>
                <c:pt idx="11503">
                  <c:v>191.716667</c:v>
                </c:pt>
                <c:pt idx="11504">
                  <c:v>191.73333299999999</c:v>
                </c:pt>
                <c:pt idx="11505">
                  <c:v>191.74999999999997</c:v>
                </c:pt>
                <c:pt idx="11506">
                  <c:v>191.76666700000001</c:v>
                </c:pt>
                <c:pt idx="11507">
                  <c:v>191.783333</c:v>
                </c:pt>
                <c:pt idx="11508">
                  <c:v>191.79999999999998</c:v>
                </c:pt>
                <c:pt idx="11509">
                  <c:v>191.81666699999997</c:v>
                </c:pt>
                <c:pt idx="11510">
                  <c:v>191.83333300000001</c:v>
                </c:pt>
                <c:pt idx="11511">
                  <c:v>191.85</c:v>
                </c:pt>
                <c:pt idx="11512">
                  <c:v>191.86666699999998</c:v>
                </c:pt>
                <c:pt idx="11513">
                  <c:v>191.88333300000002</c:v>
                </c:pt>
                <c:pt idx="11514">
                  <c:v>191.9</c:v>
                </c:pt>
                <c:pt idx="11515">
                  <c:v>191.91666699999999</c:v>
                </c:pt>
                <c:pt idx="11516">
                  <c:v>191.93333299999998</c:v>
                </c:pt>
                <c:pt idx="11517">
                  <c:v>191.95000000000002</c:v>
                </c:pt>
                <c:pt idx="11518">
                  <c:v>191.966667</c:v>
                </c:pt>
                <c:pt idx="11519">
                  <c:v>191.98333299999999</c:v>
                </c:pt>
                <c:pt idx="11520">
                  <c:v>191.99999999999997</c:v>
                </c:pt>
                <c:pt idx="11521">
                  <c:v>192.01666700000001</c:v>
                </c:pt>
                <c:pt idx="11522">
                  <c:v>192.033333</c:v>
                </c:pt>
                <c:pt idx="11523">
                  <c:v>192.04999999999998</c:v>
                </c:pt>
                <c:pt idx="11524">
                  <c:v>192.06666699999997</c:v>
                </c:pt>
                <c:pt idx="11525">
                  <c:v>192.08333300000001</c:v>
                </c:pt>
                <c:pt idx="11526">
                  <c:v>192.1</c:v>
                </c:pt>
                <c:pt idx="11527">
                  <c:v>192.11666699999998</c:v>
                </c:pt>
                <c:pt idx="11528">
                  <c:v>192.13333300000002</c:v>
                </c:pt>
                <c:pt idx="11529">
                  <c:v>192.15</c:v>
                </c:pt>
                <c:pt idx="11530">
                  <c:v>192.16666699999999</c:v>
                </c:pt>
                <c:pt idx="11531">
                  <c:v>192.18333299999998</c:v>
                </c:pt>
                <c:pt idx="11532">
                  <c:v>192.20000000000002</c:v>
                </c:pt>
                <c:pt idx="11533">
                  <c:v>192.216667</c:v>
                </c:pt>
                <c:pt idx="11534">
                  <c:v>192.23333299999999</c:v>
                </c:pt>
                <c:pt idx="11535">
                  <c:v>192.24999999999997</c:v>
                </c:pt>
                <c:pt idx="11536">
                  <c:v>192.26666700000001</c:v>
                </c:pt>
                <c:pt idx="11537">
                  <c:v>192.283333</c:v>
                </c:pt>
                <c:pt idx="11538">
                  <c:v>192.29999999999998</c:v>
                </c:pt>
                <c:pt idx="11539">
                  <c:v>192.31666699999997</c:v>
                </c:pt>
                <c:pt idx="11540">
                  <c:v>192.33333300000001</c:v>
                </c:pt>
                <c:pt idx="11541">
                  <c:v>192.35</c:v>
                </c:pt>
                <c:pt idx="11542">
                  <c:v>192.36666699999998</c:v>
                </c:pt>
                <c:pt idx="11543">
                  <c:v>192.38333300000002</c:v>
                </c:pt>
                <c:pt idx="11544">
                  <c:v>192.4</c:v>
                </c:pt>
                <c:pt idx="11545">
                  <c:v>192.41666699999999</c:v>
                </c:pt>
                <c:pt idx="11546">
                  <c:v>192.43333299999998</c:v>
                </c:pt>
                <c:pt idx="11547">
                  <c:v>192.45000000000002</c:v>
                </c:pt>
                <c:pt idx="11548">
                  <c:v>192.466667</c:v>
                </c:pt>
                <c:pt idx="11549">
                  <c:v>192.48333299999999</c:v>
                </c:pt>
                <c:pt idx="11550">
                  <c:v>192.49999999999997</c:v>
                </c:pt>
                <c:pt idx="11551">
                  <c:v>192.51666700000001</c:v>
                </c:pt>
                <c:pt idx="11552">
                  <c:v>192.533333</c:v>
                </c:pt>
                <c:pt idx="11553">
                  <c:v>192.54999999999998</c:v>
                </c:pt>
                <c:pt idx="11554">
                  <c:v>192.56666699999997</c:v>
                </c:pt>
                <c:pt idx="11555">
                  <c:v>192.58333300000001</c:v>
                </c:pt>
                <c:pt idx="11556">
                  <c:v>192.6</c:v>
                </c:pt>
                <c:pt idx="11557">
                  <c:v>192.61666699999998</c:v>
                </c:pt>
                <c:pt idx="11558">
                  <c:v>192.63333300000002</c:v>
                </c:pt>
                <c:pt idx="11559">
                  <c:v>192.65</c:v>
                </c:pt>
                <c:pt idx="11560">
                  <c:v>192.66666699999999</c:v>
                </c:pt>
                <c:pt idx="11561">
                  <c:v>192.68333299999998</c:v>
                </c:pt>
                <c:pt idx="11562">
                  <c:v>192.70000000000002</c:v>
                </c:pt>
                <c:pt idx="11563">
                  <c:v>192.716667</c:v>
                </c:pt>
                <c:pt idx="11564">
                  <c:v>192.73333299999999</c:v>
                </c:pt>
                <c:pt idx="11565">
                  <c:v>192.74999999999997</c:v>
                </c:pt>
                <c:pt idx="11566">
                  <c:v>192.76666700000001</c:v>
                </c:pt>
                <c:pt idx="11567">
                  <c:v>192.783333</c:v>
                </c:pt>
                <c:pt idx="11568">
                  <c:v>192.79999999999998</c:v>
                </c:pt>
                <c:pt idx="11569">
                  <c:v>192.81666699999997</c:v>
                </c:pt>
                <c:pt idx="11570">
                  <c:v>192.83333300000001</c:v>
                </c:pt>
                <c:pt idx="11571">
                  <c:v>192.85</c:v>
                </c:pt>
                <c:pt idx="11572">
                  <c:v>192.86666699999998</c:v>
                </c:pt>
                <c:pt idx="11573">
                  <c:v>192.88333300000002</c:v>
                </c:pt>
                <c:pt idx="11574">
                  <c:v>192.9</c:v>
                </c:pt>
                <c:pt idx="11575">
                  <c:v>192.91666699999999</c:v>
                </c:pt>
                <c:pt idx="11576">
                  <c:v>192.93333299999998</c:v>
                </c:pt>
                <c:pt idx="11577">
                  <c:v>192.95000000000002</c:v>
                </c:pt>
                <c:pt idx="11578">
                  <c:v>192.966667</c:v>
                </c:pt>
                <c:pt idx="11579">
                  <c:v>192.98333299999999</c:v>
                </c:pt>
                <c:pt idx="11580">
                  <c:v>192.99999999999997</c:v>
                </c:pt>
                <c:pt idx="11581">
                  <c:v>193.01666700000001</c:v>
                </c:pt>
                <c:pt idx="11582">
                  <c:v>193.033333</c:v>
                </c:pt>
                <c:pt idx="11583">
                  <c:v>193.04999999999998</c:v>
                </c:pt>
                <c:pt idx="11584">
                  <c:v>193.06666699999997</c:v>
                </c:pt>
                <c:pt idx="11585">
                  <c:v>193.08333300000001</c:v>
                </c:pt>
                <c:pt idx="11586">
                  <c:v>193.1</c:v>
                </c:pt>
                <c:pt idx="11587">
                  <c:v>193.11666699999998</c:v>
                </c:pt>
                <c:pt idx="11588">
                  <c:v>193.13333300000002</c:v>
                </c:pt>
                <c:pt idx="11589">
                  <c:v>193.15</c:v>
                </c:pt>
                <c:pt idx="11590">
                  <c:v>193.16666699999999</c:v>
                </c:pt>
                <c:pt idx="11591">
                  <c:v>193.18333299999998</c:v>
                </c:pt>
                <c:pt idx="11592">
                  <c:v>193.20000000000002</c:v>
                </c:pt>
                <c:pt idx="11593">
                  <c:v>193.216667</c:v>
                </c:pt>
                <c:pt idx="11594">
                  <c:v>193.23333299999999</c:v>
                </c:pt>
                <c:pt idx="11595">
                  <c:v>193.24999999999997</c:v>
                </c:pt>
                <c:pt idx="11596">
                  <c:v>193.26666700000001</c:v>
                </c:pt>
                <c:pt idx="11597">
                  <c:v>193.283333</c:v>
                </c:pt>
                <c:pt idx="11598">
                  <c:v>193.29999999999998</c:v>
                </c:pt>
                <c:pt idx="11599">
                  <c:v>193.31666699999997</c:v>
                </c:pt>
                <c:pt idx="11600">
                  <c:v>193.33333300000001</c:v>
                </c:pt>
                <c:pt idx="11601">
                  <c:v>193.35</c:v>
                </c:pt>
                <c:pt idx="11602">
                  <c:v>193.36666699999998</c:v>
                </c:pt>
                <c:pt idx="11603">
                  <c:v>193.38333300000002</c:v>
                </c:pt>
                <c:pt idx="11604">
                  <c:v>193.4</c:v>
                </c:pt>
                <c:pt idx="11605">
                  <c:v>193.41666699999999</c:v>
                </c:pt>
                <c:pt idx="11606">
                  <c:v>193.43333299999998</c:v>
                </c:pt>
                <c:pt idx="11607">
                  <c:v>193.45000000000002</c:v>
                </c:pt>
                <c:pt idx="11608">
                  <c:v>193.466667</c:v>
                </c:pt>
                <c:pt idx="11609">
                  <c:v>193.48333299999999</c:v>
                </c:pt>
                <c:pt idx="11610">
                  <c:v>193.49999999999997</c:v>
                </c:pt>
                <c:pt idx="11611">
                  <c:v>193.51666700000001</c:v>
                </c:pt>
                <c:pt idx="11612">
                  <c:v>193.533333</c:v>
                </c:pt>
                <c:pt idx="11613">
                  <c:v>193.54999999999998</c:v>
                </c:pt>
                <c:pt idx="11614">
                  <c:v>193.56666699999997</c:v>
                </c:pt>
                <c:pt idx="11615">
                  <c:v>193.58333300000001</c:v>
                </c:pt>
                <c:pt idx="11616">
                  <c:v>193.6</c:v>
                </c:pt>
                <c:pt idx="11617">
                  <c:v>193.61666699999998</c:v>
                </c:pt>
                <c:pt idx="11618">
                  <c:v>193.63333300000002</c:v>
                </c:pt>
                <c:pt idx="11619">
                  <c:v>193.65</c:v>
                </c:pt>
                <c:pt idx="11620">
                  <c:v>193.66666699999999</c:v>
                </c:pt>
                <c:pt idx="11621">
                  <c:v>193.68333299999998</c:v>
                </c:pt>
                <c:pt idx="11622">
                  <c:v>193.70000000000002</c:v>
                </c:pt>
                <c:pt idx="11623">
                  <c:v>193.716667</c:v>
                </c:pt>
                <c:pt idx="11624">
                  <c:v>193.73333299999999</c:v>
                </c:pt>
                <c:pt idx="11625">
                  <c:v>193.74999999999997</c:v>
                </c:pt>
                <c:pt idx="11626">
                  <c:v>193.76666700000001</c:v>
                </c:pt>
                <c:pt idx="11627">
                  <c:v>193.783333</c:v>
                </c:pt>
                <c:pt idx="11628">
                  <c:v>193.79999999999998</c:v>
                </c:pt>
                <c:pt idx="11629">
                  <c:v>193.81666699999997</c:v>
                </c:pt>
                <c:pt idx="11630">
                  <c:v>193.83333300000001</c:v>
                </c:pt>
                <c:pt idx="11631">
                  <c:v>193.85</c:v>
                </c:pt>
                <c:pt idx="11632">
                  <c:v>193.86666699999998</c:v>
                </c:pt>
                <c:pt idx="11633">
                  <c:v>193.88333300000002</c:v>
                </c:pt>
                <c:pt idx="11634">
                  <c:v>193.9</c:v>
                </c:pt>
                <c:pt idx="11635">
                  <c:v>193.91666699999999</c:v>
                </c:pt>
                <c:pt idx="11636">
                  <c:v>193.93333299999998</c:v>
                </c:pt>
                <c:pt idx="11637">
                  <c:v>193.95000000000002</c:v>
                </c:pt>
                <c:pt idx="11638">
                  <c:v>193.966667</c:v>
                </c:pt>
                <c:pt idx="11639">
                  <c:v>193.98333299999999</c:v>
                </c:pt>
                <c:pt idx="11640">
                  <c:v>193.99999999999997</c:v>
                </c:pt>
                <c:pt idx="11641">
                  <c:v>194.01666700000001</c:v>
                </c:pt>
                <c:pt idx="11642">
                  <c:v>194.033333</c:v>
                </c:pt>
                <c:pt idx="11643">
                  <c:v>194.04999999999998</c:v>
                </c:pt>
                <c:pt idx="11644">
                  <c:v>194.06666699999997</c:v>
                </c:pt>
                <c:pt idx="11645">
                  <c:v>194.08333300000001</c:v>
                </c:pt>
                <c:pt idx="11646">
                  <c:v>194.1</c:v>
                </c:pt>
                <c:pt idx="11647">
                  <c:v>194.11666699999998</c:v>
                </c:pt>
                <c:pt idx="11648">
                  <c:v>194.13333300000002</c:v>
                </c:pt>
                <c:pt idx="11649">
                  <c:v>194.15</c:v>
                </c:pt>
                <c:pt idx="11650">
                  <c:v>194.16666699999999</c:v>
                </c:pt>
                <c:pt idx="11651">
                  <c:v>194.18333299999998</c:v>
                </c:pt>
                <c:pt idx="11652">
                  <c:v>194.20000000000002</c:v>
                </c:pt>
                <c:pt idx="11653">
                  <c:v>194.216667</c:v>
                </c:pt>
                <c:pt idx="11654">
                  <c:v>194.23333299999999</c:v>
                </c:pt>
                <c:pt idx="11655">
                  <c:v>194.24999999999997</c:v>
                </c:pt>
                <c:pt idx="11656">
                  <c:v>194.26666700000001</c:v>
                </c:pt>
                <c:pt idx="11657">
                  <c:v>194.283333</c:v>
                </c:pt>
                <c:pt idx="11658">
                  <c:v>194.29999999999998</c:v>
                </c:pt>
                <c:pt idx="11659">
                  <c:v>194.31666699999997</c:v>
                </c:pt>
                <c:pt idx="11660">
                  <c:v>194.33333300000001</c:v>
                </c:pt>
                <c:pt idx="11661">
                  <c:v>194.35</c:v>
                </c:pt>
                <c:pt idx="11662">
                  <c:v>194.36666699999998</c:v>
                </c:pt>
                <c:pt idx="11663">
                  <c:v>194.38333300000002</c:v>
                </c:pt>
                <c:pt idx="11664">
                  <c:v>194.4</c:v>
                </c:pt>
                <c:pt idx="11665">
                  <c:v>194.41666699999999</c:v>
                </c:pt>
                <c:pt idx="11666">
                  <c:v>194.43333299999998</c:v>
                </c:pt>
                <c:pt idx="11667">
                  <c:v>194.45000000000002</c:v>
                </c:pt>
                <c:pt idx="11668">
                  <c:v>194.466667</c:v>
                </c:pt>
                <c:pt idx="11669">
                  <c:v>194.48333299999999</c:v>
                </c:pt>
                <c:pt idx="11670">
                  <c:v>194.49999999999997</c:v>
                </c:pt>
                <c:pt idx="11671">
                  <c:v>194.51666700000001</c:v>
                </c:pt>
                <c:pt idx="11672">
                  <c:v>194.533333</c:v>
                </c:pt>
                <c:pt idx="11673">
                  <c:v>194.54999999999998</c:v>
                </c:pt>
                <c:pt idx="11674">
                  <c:v>194.56666699999997</c:v>
                </c:pt>
                <c:pt idx="11675">
                  <c:v>194.58333300000001</c:v>
                </c:pt>
                <c:pt idx="11676">
                  <c:v>194.6</c:v>
                </c:pt>
                <c:pt idx="11677">
                  <c:v>194.61666699999998</c:v>
                </c:pt>
                <c:pt idx="11678">
                  <c:v>194.63333300000002</c:v>
                </c:pt>
                <c:pt idx="11679">
                  <c:v>194.65</c:v>
                </c:pt>
                <c:pt idx="11680">
                  <c:v>194.66666699999999</c:v>
                </c:pt>
                <c:pt idx="11681">
                  <c:v>194.68333299999998</c:v>
                </c:pt>
                <c:pt idx="11682">
                  <c:v>194.70000000000002</c:v>
                </c:pt>
                <c:pt idx="11683">
                  <c:v>194.716667</c:v>
                </c:pt>
                <c:pt idx="11684">
                  <c:v>194.73333299999999</c:v>
                </c:pt>
                <c:pt idx="11685">
                  <c:v>194.74999999999997</c:v>
                </c:pt>
                <c:pt idx="11686">
                  <c:v>194.76666700000001</c:v>
                </c:pt>
                <c:pt idx="11687">
                  <c:v>194.783333</c:v>
                </c:pt>
                <c:pt idx="11688">
                  <c:v>194.79999999999998</c:v>
                </c:pt>
                <c:pt idx="11689">
                  <c:v>194.81666699999997</c:v>
                </c:pt>
                <c:pt idx="11690">
                  <c:v>194.83333300000001</c:v>
                </c:pt>
                <c:pt idx="11691">
                  <c:v>194.85</c:v>
                </c:pt>
                <c:pt idx="11692">
                  <c:v>194.86666699999998</c:v>
                </c:pt>
                <c:pt idx="11693">
                  <c:v>194.88333300000002</c:v>
                </c:pt>
                <c:pt idx="11694">
                  <c:v>194.9</c:v>
                </c:pt>
                <c:pt idx="11695">
                  <c:v>194.91666699999999</c:v>
                </c:pt>
                <c:pt idx="11696">
                  <c:v>194.93333299999998</c:v>
                </c:pt>
                <c:pt idx="11697">
                  <c:v>194.95000000000002</c:v>
                </c:pt>
                <c:pt idx="11698">
                  <c:v>194.966667</c:v>
                </c:pt>
                <c:pt idx="11699">
                  <c:v>194.98333299999999</c:v>
                </c:pt>
                <c:pt idx="11700">
                  <c:v>194.99999999999997</c:v>
                </c:pt>
                <c:pt idx="11701">
                  <c:v>195.01666700000001</c:v>
                </c:pt>
                <c:pt idx="11702">
                  <c:v>195.033333</c:v>
                </c:pt>
                <c:pt idx="11703">
                  <c:v>195.04999999999998</c:v>
                </c:pt>
                <c:pt idx="11704">
                  <c:v>195.06666699999997</c:v>
                </c:pt>
                <c:pt idx="11705">
                  <c:v>195.08333300000001</c:v>
                </c:pt>
                <c:pt idx="11706">
                  <c:v>195.1</c:v>
                </c:pt>
                <c:pt idx="11707">
                  <c:v>195.11666699999998</c:v>
                </c:pt>
                <c:pt idx="11708">
                  <c:v>195.13333300000002</c:v>
                </c:pt>
                <c:pt idx="11709">
                  <c:v>195.15</c:v>
                </c:pt>
                <c:pt idx="11710">
                  <c:v>195.16666699999999</c:v>
                </c:pt>
                <c:pt idx="11711">
                  <c:v>195.18333299999998</c:v>
                </c:pt>
                <c:pt idx="11712">
                  <c:v>195.20000000000002</c:v>
                </c:pt>
                <c:pt idx="11713">
                  <c:v>195.216667</c:v>
                </c:pt>
                <c:pt idx="11714">
                  <c:v>195.23333299999999</c:v>
                </c:pt>
                <c:pt idx="11715">
                  <c:v>195.24999999999997</c:v>
                </c:pt>
                <c:pt idx="11716">
                  <c:v>195.26666700000001</c:v>
                </c:pt>
                <c:pt idx="11717">
                  <c:v>195.283333</c:v>
                </c:pt>
                <c:pt idx="11718">
                  <c:v>195.29999999999998</c:v>
                </c:pt>
                <c:pt idx="11719">
                  <c:v>195.31666699999997</c:v>
                </c:pt>
                <c:pt idx="11720">
                  <c:v>195.33333300000001</c:v>
                </c:pt>
                <c:pt idx="11721">
                  <c:v>195.35</c:v>
                </c:pt>
                <c:pt idx="11722">
                  <c:v>195.36666699999998</c:v>
                </c:pt>
                <c:pt idx="11723">
                  <c:v>195.38333300000002</c:v>
                </c:pt>
                <c:pt idx="11724">
                  <c:v>195.4</c:v>
                </c:pt>
                <c:pt idx="11725">
                  <c:v>195.41666699999999</c:v>
                </c:pt>
                <c:pt idx="11726">
                  <c:v>195.43333299999998</c:v>
                </c:pt>
                <c:pt idx="11727">
                  <c:v>195.45000000000002</c:v>
                </c:pt>
                <c:pt idx="11728">
                  <c:v>195.466667</c:v>
                </c:pt>
                <c:pt idx="11729">
                  <c:v>195.48333299999999</c:v>
                </c:pt>
                <c:pt idx="11730">
                  <c:v>195.49999999999997</c:v>
                </c:pt>
                <c:pt idx="11731">
                  <c:v>195.51666700000001</c:v>
                </c:pt>
                <c:pt idx="11732">
                  <c:v>195.533333</c:v>
                </c:pt>
                <c:pt idx="11733">
                  <c:v>195.54999999999998</c:v>
                </c:pt>
                <c:pt idx="11734">
                  <c:v>195.56666699999997</c:v>
                </c:pt>
                <c:pt idx="11735">
                  <c:v>195.58333300000001</c:v>
                </c:pt>
                <c:pt idx="11736">
                  <c:v>195.6</c:v>
                </c:pt>
                <c:pt idx="11737">
                  <c:v>195.61666699999998</c:v>
                </c:pt>
                <c:pt idx="11738">
                  <c:v>195.63333300000002</c:v>
                </c:pt>
                <c:pt idx="11739">
                  <c:v>195.65</c:v>
                </c:pt>
                <c:pt idx="11740">
                  <c:v>195.66666699999999</c:v>
                </c:pt>
                <c:pt idx="11741">
                  <c:v>195.68333299999998</c:v>
                </c:pt>
                <c:pt idx="11742">
                  <c:v>195.70000000000002</c:v>
                </c:pt>
                <c:pt idx="11743">
                  <c:v>195.716667</c:v>
                </c:pt>
                <c:pt idx="11744">
                  <c:v>195.73333299999999</c:v>
                </c:pt>
                <c:pt idx="11745">
                  <c:v>195.74999999999997</c:v>
                </c:pt>
                <c:pt idx="11746">
                  <c:v>195.76666700000001</c:v>
                </c:pt>
                <c:pt idx="11747">
                  <c:v>195.783333</c:v>
                </c:pt>
                <c:pt idx="11748">
                  <c:v>195.79999999999998</c:v>
                </c:pt>
                <c:pt idx="11749">
                  <c:v>195.81666699999997</c:v>
                </c:pt>
                <c:pt idx="11750">
                  <c:v>195.83333300000001</c:v>
                </c:pt>
                <c:pt idx="11751">
                  <c:v>195.85</c:v>
                </c:pt>
                <c:pt idx="11752">
                  <c:v>195.86666699999998</c:v>
                </c:pt>
                <c:pt idx="11753">
                  <c:v>195.88333300000002</c:v>
                </c:pt>
                <c:pt idx="11754">
                  <c:v>195.9</c:v>
                </c:pt>
                <c:pt idx="11755">
                  <c:v>195.91666699999999</c:v>
                </c:pt>
                <c:pt idx="11756">
                  <c:v>195.93333299999998</c:v>
                </c:pt>
                <c:pt idx="11757">
                  <c:v>195.95000000000002</c:v>
                </c:pt>
                <c:pt idx="11758">
                  <c:v>195.966667</c:v>
                </c:pt>
                <c:pt idx="11759">
                  <c:v>195.98333299999999</c:v>
                </c:pt>
                <c:pt idx="11760">
                  <c:v>195.99999999999997</c:v>
                </c:pt>
                <c:pt idx="11761">
                  <c:v>196.01666700000001</c:v>
                </c:pt>
                <c:pt idx="11762">
                  <c:v>196.033333</c:v>
                </c:pt>
                <c:pt idx="11763">
                  <c:v>196.04999999999998</c:v>
                </c:pt>
                <c:pt idx="11764">
                  <c:v>196.06666699999997</c:v>
                </c:pt>
                <c:pt idx="11765">
                  <c:v>196.08333300000001</c:v>
                </c:pt>
                <c:pt idx="11766">
                  <c:v>196.1</c:v>
                </c:pt>
                <c:pt idx="11767">
                  <c:v>196.11666699999998</c:v>
                </c:pt>
                <c:pt idx="11768">
                  <c:v>196.13333300000002</c:v>
                </c:pt>
                <c:pt idx="11769">
                  <c:v>196.15</c:v>
                </c:pt>
                <c:pt idx="11770">
                  <c:v>196.16666699999999</c:v>
                </c:pt>
                <c:pt idx="11771">
                  <c:v>196.18333299999998</c:v>
                </c:pt>
                <c:pt idx="11772">
                  <c:v>196.20000000000002</c:v>
                </c:pt>
                <c:pt idx="11773">
                  <c:v>196.216667</c:v>
                </c:pt>
                <c:pt idx="11774">
                  <c:v>196.23333299999999</c:v>
                </c:pt>
                <c:pt idx="11775">
                  <c:v>196.24999999999997</c:v>
                </c:pt>
                <c:pt idx="11776">
                  <c:v>196.26666700000001</c:v>
                </c:pt>
                <c:pt idx="11777">
                  <c:v>196.283333</c:v>
                </c:pt>
                <c:pt idx="11778">
                  <c:v>196.29999999999998</c:v>
                </c:pt>
                <c:pt idx="11779">
                  <c:v>196.31666699999997</c:v>
                </c:pt>
                <c:pt idx="11780">
                  <c:v>196.33333300000001</c:v>
                </c:pt>
                <c:pt idx="11781">
                  <c:v>196.35</c:v>
                </c:pt>
                <c:pt idx="11782">
                  <c:v>196.36666699999998</c:v>
                </c:pt>
                <c:pt idx="11783">
                  <c:v>196.38333300000002</c:v>
                </c:pt>
                <c:pt idx="11784">
                  <c:v>196.4</c:v>
                </c:pt>
                <c:pt idx="11785">
                  <c:v>196.41666699999999</c:v>
                </c:pt>
                <c:pt idx="11786">
                  <c:v>196.43333299999998</c:v>
                </c:pt>
                <c:pt idx="11787">
                  <c:v>196.45000000000002</c:v>
                </c:pt>
                <c:pt idx="11788">
                  <c:v>196.466667</c:v>
                </c:pt>
                <c:pt idx="11789">
                  <c:v>196.48333299999999</c:v>
                </c:pt>
                <c:pt idx="11790">
                  <c:v>196.49999999999997</c:v>
                </c:pt>
                <c:pt idx="11791">
                  <c:v>196.51666700000001</c:v>
                </c:pt>
                <c:pt idx="11792">
                  <c:v>196.533333</c:v>
                </c:pt>
                <c:pt idx="11793">
                  <c:v>196.54999999999998</c:v>
                </c:pt>
                <c:pt idx="11794">
                  <c:v>196.56666699999997</c:v>
                </c:pt>
                <c:pt idx="11795">
                  <c:v>196.58333300000001</c:v>
                </c:pt>
                <c:pt idx="11796">
                  <c:v>196.6</c:v>
                </c:pt>
                <c:pt idx="11797">
                  <c:v>196.61666699999998</c:v>
                </c:pt>
                <c:pt idx="11798">
                  <c:v>196.63333300000002</c:v>
                </c:pt>
                <c:pt idx="11799">
                  <c:v>196.65</c:v>
                </c:pt>
                <c:pt idx="11800">
                  <c:v>196.66666699999999</c:v>
                </c:pt>
                <c:pt idx="11801">
                  <c:v>196.68333299999998</c:v>
                </c:pt>
                <c:pt idx="11802">
                  <c:v>196.70000000000002</c:v>
                </c:pt>
                <c:pt idx="11803">
                  <c:v>196.716667</c:v>
                </c:pt>
                <c:pt idx="11804">
                  <c:v>196.73333299999999</c:v>
                </c:pt>
                <c:pt idx="11805">
                  <c:v>196.74999999999997</c:v>
                </c:pt>
                <c:pt idx="11806">
                  <c:v>196.76666700000001</c:v>
                </c:pt>
                <c:pt idx="11807">
                  <c:v>196.783333</c:v>
                </c:pt>
                <c:pt idx="11808">
                  <c:v>196.79999999999998</c:v>
                </c:pt>
                <c:pt idx="11809">
                  <c:v>196.81666699999997</c:v>
                </c:pt>
                <c:pt idx="11810">
                  <c:v>196.83333300000001</c:v>
                </c:pt>
                <c:pt idx="11811">
                  <c:v>196.85</c:v>
                </c:pt>
                <c:pt idx="11812">
                  <c:v>196.86666699999998</c:v>
                </c:pt>
                <c:pt idx="11813">
                  <c:v>196.88333300000002</c:v>
                </c:pt>
                <c:pt idx="11814">
                  <c:v>196.9</c:v>
                </c:pt>
                <c:pt idx="11815">
                  <c:v>196.91666699999999</c:v>
                </c:pt>
                <c:pt idx="11816">
                  <c:v>196.93333299999998</c:v>
                </c:pt>
                <c:pt idx="11817">
                  <c:v>196.95000000000002</c:v>
                </c:pt>
                <c:pt idx="11818">
                  <c:v>196.966667</c:v>
                </c:pt>
                <c:pt idx="11819">
                  <c:v>196.98333299999999</c:v>
                </c:pt>
                <c:pt idx="11820">
                  <c:v>196.99999999999997</c:v>
                </c:pt>
                <c:pt idx="11821">
                  <c:v>197.01666700000001</c:v>
                </c:pt>
                <c:pt idx="11822">
                  <c:v>197.033333</c:v>
                </c:pt>
                <c:pt idx="11823">
                  <c:v>197.04999999999998</c:v>
                </c:pt>
                <c:pt idx="11824">
                  <c:v>197.06666699999997</c:v>
                </c:pt>
                <c:pt idx="11825">
                  <c:v>197.08333300000001</c:v>
                </c:pt>
                <c:pt idx="11826">
                  <c:v>197.1</c:v>
                </c:pt>
                <c:pt idx="11827">
                  <c:v>197.11666699999998</c:v>
                </c:pt>
                <c:pt idx="11828">
                  <c:v>197.13333300000002</c:v>
                </c:pt>
                <c:pt idx="11829">
                  <c:v>197.15</c:v>
                </c:pt>
                <c:pt idx="11830">
                  <c:v>197.16666699999999</c:v>
                </c:pt>
                <c:pt idx="11831">
                  <c:v>197.18333299999998</c:v>
                </c:pt>
                <c:pt idx="11832">
                  <c:v>197.20000000000002</c:v>
                </c:pt>
                <c:pt idx="11833">
                  <c:v>197.216667</c:v>
                </c:pt>
                <c:pt idx="11834">
                  <c:v>197.23333299999999</c:v>
                </c:pt>
                <c:pt idx="11835">
                  <c:v>197.24999999999997</c:v>
                </c:pt>
                <c:pt idx="11836">
                  <c:v>197.26666700000001</c:v>
                </c:pt>
                <c:pt idx="11837">
                  <c:v>197.283333</c:v>
                </c:pt>
                <c:pt idx="11838">
                  <c:v>197.29999999999998</c:v>
                </c:pt>
                <c:pt idx="11839">
                  <c:v>197.31666699999997</c:v>
                </c:pt>
                <c:pt idx="11840">
                  <c:v>197.33333300000001</c:v>
                </c:pt>
                <c:pt idx="11841">
                  <c:v>197.35</c:v>
                </c:pt>
                <c:pt idx="11842">
                  <c:v>197.36666699999998</c:v>
                </c:pt>
                <c:pt idx="11843">
                  <c:v>197.38333300000002</c:v>
                </c:pt>
                <c:pt idx="11844">
                  <c:v>197.4</c:v>
                </c:pt>
                <c:pt idx="11845">
                  <c:v>197.41666699999999</c:v>
                </c:pt>
                <c:pt idx="11846">
                  <c:v>197.43333299999998</c:v>
                </c:pt>
                <c:pt idx="11847">
                  <c:v>197.45000000000002</c:v>
                </c:pt>
                <c:pt idx="11848">
                  <c:v>197.466667</c:v>
                </c:pt>
                <c:pt idx="11849">
                  <c:v>197.48333299999999</c:v>
                </c:pt>
                <c:pt idx="11850">
                  <c:v>197.49999999999997</c:v>
                </c:pt>
                <c:pt idx="11851">
                  <c:v>197.51666700000001</c:v>
                </c:pt>
                <c:pt idx="11852">
                  <c:v>197.533333</c:v>
                </c:pt>
                <c:pt idx="11853">
                  <c:v>197.54999999999998</c:v>
                </c:pt>
                <c:pt idx="11854">
                  <c:v>197.56666699999997</c:v>
                </c:pt>
                <c:pt idx="11855">
                  <c:v>197.58333300000001</c:v>
                </c:pt>
                <c:pt idx="11856">
                  <c:v>197.6</c:v>
                </c:pt>
                <c:pt idx="11857">
                  <c:v>197.61666699999998</c:v>
                </c:pt>
                <c:pt idx="11858">
                  <c:v>197.63333300000002</c:v>
                </c:pt>
                <c:pt idx="11859">
                  <c:v>197.65</c:v>
                </c:pt>
                <c:pt idx="11860">
                  <c:v>197.66666699999999</c:v>
                </c:pt>
                <c:pt idx="11861">
                  <c:v>197.68333299999998</c:v>
                </c:pt>
                <c:pt idx="11862">
                  <c:v>197.70000000000002</c:v>
                </c:pt>
                <c:pt idx="11863">
                  <c:v>197.716667</c:v>
                </c:pt>
                <c:pt idx="11864">
                  <c:v>197.73333299999999</c:v>
                </c:pt>
                <c:pt idx="11865">
                  <c:v>197.74999999999997</c:v>
                </c:pt>
                <c:pt idx="11866">
                  <c:v>197.76666700000001</c:v>
                </c:pt>
                <c:pt idx="11867">
                  <c:v>197.783333</c:v>
                </c:pt>
                <c:pt idx="11868">
                  <c:v>197.79999999999998</c:v>
                </c:pt>
                <c:pt idx="11869">
                  <c:v>197.81666699999997</c:v>
                </c:pt>
                <c:pt idx="11870">
                  <c:v>197.83333300000001</c:v>
                </c:pt>
                <c:pt idx="11871">
                  <c:v>197.85</c:v>
                </c:pt>
                <c:pt idx="11872">
                  <c:v>197.86666699999998</c:v>
                </c:pt>
                <c:pt idx="11873">
                  <c:v>197.88333300000002</c:v>
                </c:pt>
                <c:pt idx="11874">
                  <c:v>197.9</c:v>
                </c:pt>
                <c:pt idx="11875">
                  <c:v>197.91666699999999</c:v>
                </c:pt>
                <c:pt idx="11876">
                  <c:v>197.93333299999998</c:v>
                </c:pt>
                <c:pt idx="11877">
                  <c:v>197.95000000000002</c:v>
                </c:pt>
                <c:pt idx="11878">
                  <c:v>197.966667</c:v>
                </c:pt>
                <c:pt idx="11879">
                  <c:v>197.98333299999999</c:v>
                </c:pt>
                <c:pt idx="11880">
                  <c:v>197.99999999999997</c:v>
                </c:pt>
                <c:pt idx="11881">
                  <c:v>198.01666700000001</c:v>
                </c:pt>
                <c:pt idx="11882">
                  <c:v>198.033333</c:v>
                </c:pt>
                <c:pt idx="11883">
                  <c:v>198.04999999999998</c:v>
                </c:pt>
                <c:pt idx="11884">
                  <c:v>198.06666699999997</c:v>
                </c:pt>
                <c:pt idx="11885">
                  <c:v>198.08333300000001</c:v>
                </c:pt>
                <c:pt idx="11886">
                  <c:v>198.1</c:v>
                </c:pt>
                <c:pt idx="11887">
                  <c:v>198.11666699999998</c:v>
                </c:pt>
                <c:pt idx="11888">
                  <c:v>198.13333300000002</c:v>
                </c:pt>
                <c:pt idx="11889">
                  <c:v>198.15</c:v>
                </c:pt>
                <c:pt idx="11890">
                  <c:v>198.16666699999999</c:v>
                </c:pt>
                <c:pt idx="11891">
                  <c:v>198.18333299999998</c:v>
                </c:pt>
                <c:pt idx="11892">
                  <c:v>198.20000000000002</c:v>
                </c:pt>
                <c:pt idx="11893">
                  <c:v>198.216667</c:v>
                </c:pt>
                <c:pt idx="11894">
                  <c:v>198.23333299999999</c:v>
                </c:pt>
                <c:pt idx="11895">
                  <c:v>198.24999999999997</c:v>
                </c:pt>
                <c:pt idx="11896">
                  <c:v>198.26666700000001</c:v>
                </c:pt>
                <c:pt idx="11897">
                  <c:v>198.283333</c:v>
                </c:pt>
                <c:pt idx="11898">
                  <c:v>198.29999999999998</c:v>
                </c:pt>
                <c:pt idx="11899">
                  <c:v>198.31666699999997</c:v>
                </c:pt>
                <c:pt idx="11900">
                  <c:v>198.33333300000001</c:v>
                </c:pt>
                <c:pt idx="11901">
                  <c:v>198.35</c:v>
                </c:pt>
                <c:pt idx="11902">
                  <c:v>198.36666699999998</c:v>
                </c:pt>
                <c:pt idx="11903">
                  <c:v>198.38333300000002</c:v>
                </c:pt>
                <c:pt idx="11904">
                  <c:v>198.4</c:v>
                </c:pt>
                <c:pt idx="11905">
                  <c:v>198.41666699999999</c:v>
                </c:pt>
                <c:pt idx="11906">
                  <c:v>198.43333299999998</c:v>
                </c:pt>
                <c:pt idx="11907">
                  <c:v>198.45000000000002</c:v>
                </c:pt>
                <c:pt idx="11908">
                  <c:v>198.466667</c:v>
                </c:pt>
                <c:pt idx="11909">
                  <c:v>198.48333299999999</c:v>
                </c:pt>
                <c:pt idx="11910">
                  <c:v>198.49999999999997</c:v>
                </c:pt>
                <c:pt idx="11911">
                  <c:v>198.51666700000001</c:v>
                </c:pt>
                <c:pt idx="11912">
                  <c:v>198.533333</c:v>
                </c:pt>
                <c:pt idx="11913">
                  <c:v>198.54999999999998</c:v>
                </c:pt>
                <c:pt idx="11914">
                  <c:v>198.56666699999997</c:v>
                </c:pt>
                <c:pt idx="11915">
                  <c:v>198.58333300000001</c:v>
                </c:pt>
                <c:pt idx="11916">
                  <c:v>198.6</c:v>
                </c:pt>
                <c:pt idx="11917">
                  <c:v>198.61666699999998</c:v>
                </c:pt>
                <c:pt idx="11918">
                  <c:v>198.63333300000002</c:v>
                </c:pt>
                <c:pt idx="11919">
                  <c:v>198.65</c:v>
                </c:pt>
                <c:pt idx="11920">
                  <c:v>198.66666699999999</c:v>
                </c:pt>
                <c:pt idx="11921">
                  <c:v>198.68333299999998</c:v>
                </c:pt>
                <c:pt idx="11922">
                  <c:v>198.70000000000002</c:v>
                </c:pt>
                <c:pt idx="11923">
                  <c:v>198.716667</c:v>
                </c:pt>
                <c:pt idx="11924">
                  <c:v>198.73333299999999</c:v>
                </c:pt>
                <c:pt idx="11925">
                  <c:v>198.74999999999997</c:v>
                </c:pt>
                <c:pt idx="11926">
                  <c:v>198.76666700000001</c:v>
                </c:pt>
                <c:pt idx="11927">
                  <c:v>198.783333</c:v>
                </c:pt>
                <c:pt idx="11928">
                  <c:v>198.79999999999998</c:v>
                </c:pt>
                <c:pt idx="11929">
                  <c:v>198.81666699999997</c:v>
                </c:pt>
                <c:pt idx="11930">
                  <c:v>198.83333300000001</c:v>
                </c:pt>
                <c:pt idx="11931">
                  <c:v>198.85</c:v>
                </c:pt>
                <c:pt idx="11932">
                  <c:v>198.86666699999998</c:v>
                </c:pt>
                <c:pt idx="11933">
                  <c:v>198.88333300000002</c:v>
                </c:pt>
                <c:pt idx="11934">
                  <c:v>198.9</c:v>
                </c:pt>
                <c:pt idx="11935">
                  <c:v>198.91666699999999</c:v>
                </c:pt>
                <c:pt idx="11936">
                  <c:v>198.93333299999998</c:v>
                </c:pt>
                <c:pt idx="11937">
                  <c:v>198.95000000000002</c:v>
                </c:pt>
                <c:pt idx="11938">
                  <c:v>198.966667</c:v>
                </c:pt>
                <c:pt idx="11939">
                  <c:v>198.98333299999999</c:v>
                </c:pt>
                <c:pt idx="11940">
                  <c:v>198.99999999999997</c:v>
                </c:pt>
                <c:pt idx="11941">
                  <c:v>199.01666700000001</c:v>
                </c:pt>
                <c:pt idx="11942">
                  <c:v>199.033333</c:v>
                </c:pt>
                <c:pt idx="11943">
                  <c:v>199.04999999999998</c:v>
                </c:pt>
                <c:pt idx="11944">
                  <c:v>199.06666699999997</c:v>
                </c:pt>
                <c:pt idx="11945">
                  <c:v>199.08333300000001</c:v>
                </c:pt>
                <c:pt idx="11946">
                  <c:v>199.1</c:v>
                </c:pt>
                <c:pt idx="11947">
                  <c:v>199.11666699999998</c:v>
                </c:pt>
                <c:pt idx="11948">
                  <c:v>199.13333300000002</c:v>
                </c:pt>
                <c:pt idx="11949">
                  <c:v>199.15</c:v>
                </c:pt>
                <c:pt idx="11950">
                  <c:v>199.16666699999999</c:v>
                </c:pt>
                <c:pt idx="11951">
                  <c:v>199.18333299999998</c:v>
                </c:pt>
                <c:pt idx="11952">
                  <c:v>199.20000000000002</c:v>
                </c:pt>
                <c:pt idx="11953">
                  <c:v>199.216667</c:v>
                </c:pt>
                <c:pt idx="11954">
                  <c:v>199.23333299999999</c:v>
                </c:pt>
                <c:pt idx="11955">
                  <c:v>199.24999999999997</c:v>
                </c:pt>
                <c:pt idx="11956">
                  <c:v>199.26666700000001</c:v>
                </c:pt>
                <c:pt idx="11957">
                  <c:v>199.283333</c:v>
                </c:pt>
                <c:pt idx="11958">
                  <c:v>199.29999999999998</c:v>
                </c:pt>
                <c:pt idx="11959">
                  <c:v>199.31666699999997</c:v>
                </c:pt>
                <c:pt idx="11960">
                  <c:v>199.33333300000001</c:v>
                </c:pt>
                <c:pt idx="11961">
                  <c:v>199.35</c:v>
                </c:pt>
                <c:pt idx="11962">
                  <c:v>199.36666699999998</c:v>
                </c:pt>
                <c:pt idx="11963">
                  <c:v>199.38333300000002</c:v>
                </c:pt>
                <c:pt idx="11964">
                  <c:v>199.4</c:v>
                </c:pt>
                <c:pt idx="11965">
                  <c:v>199.41666699999999</c:v>
                </c:pt>
                <c:pt idx="11966">
                  <c:v>199.43333299999998</c:v>
                </c:pt>
                <c:pt idx="11967">
                  <c:v>199.45000000000002</c:v>
                </c:pt>
                <c:pt idx="11968">
                  <c:v>199.466667</c:v>
                </c:pt>
                <c:pt idx="11969">
                  <c:v>199.48333299999999</c:v>
                </c:pt>
                <c:pt idx="11970">
                  <c:v>199.49999999999997</c:v>
                </c:pt>
                <c:pt idx="11971">
                  <c:v>199.51666700000001</c:v>
                </c:pt>
                <c:pt idx="11972">
                  <c:v>199.533333</c:v>
                </c:pt>
                <c:pt idx="11973">
                  <c:v>199.54999999999998</c:v>
                </c:pt>
                <c:pt idx="11974">
                  <c:v>199.56666699999997</c:v>
                </c:pt>
                <c:pt idx="11975">
                  <c:v>199.58333300000001</c:v>
                </c:pt>
                <c:pt idx="11976">
                  <c:v>199.6</c:v>
                </c:pt>
                <c:pt idx="11977">
                  <c:v>199.61666699999998</c:v>
                </c:pt>
                <c:pt idx="11978">
                  <c:v>199.63333300000002</c:v>
                </c:pt>
                <c:pt idx="11979">
                  <c:v>199.65</c:v>
                </c:pt>
                <c:pt idx="11980">
                  <c:v>199.66666699999999</c:v>
                </c:pt>
                <c:pt idx="11981">
                  <c:v>199.68333299999998</c:v>
                </c:pt>
                <c:pt idx="11982">
                  <c:v>199.70000000000002</c:v>
                </c:pt>
                <c:pt idx="11983">
                  <c:v>199.716667</c:v>
                </c:pt>
                <c:pt idx="11984">
                  <c:v>199.73333299999999</c:v>
                </c:pt>
                <c:pt idx="11985">
                  <c:v>199.74999999999997</c:v>
                </c:pt>
                <c:pt idx="11986">
                  <c:v>199.76666700000001</c:v>
                </c:pt>
                <c:pt idx="11987">
                  <c:v>199.783333</c:v>
                </c:pt>
                <c:pt idx="11988">
                  <c:v>199.79999999999998</c:v>
                </c:pt>
                <c:pt idx="11989">
                  <c:v>199.81666699999997</c:v>
                </c:pt>
                <c:pt idx="11990">
                  <c:v>199.83333300000001</c:v>
                </c:pt>
                <c:pt idx="11991">
                  <c:v>199.85</c:v>
                </c:pt>
                <c:pt idx="11992">
                  <c:v>199.86666699999998</c:v>
                </c:pt>
                <c:pt idx="11993">
                  <c:v>199.88333300000002</c:v>
                </c:pt>
                <c:pt idx="11994">
                  <c:v>199.9</c:v>
                </c:pt>
                <c:pt idx="11995">
                  <c:v>199.91666699999999</c:v>
                </c:pt>
                <c:pt idx="11996">
                  <c:v>199.93333299999998</c:v>
                </c:pt>
                <c:pt idx="11997">
                  <c:v>199.95000000000002</c:v>
                </c:pt>
                <c:pt idx="11998">
                  <c:v>199.966667</c:v>
                </c:pt>
                <c:pt idx="11999">
                  <c:v>199.98333299999999</c:v>
                </c:pt>
                <c:pt idx="12001">
                  <c:v>199.99999999999997</c:v>
                </c:pt>
                <c:pt idx="12002">
                  <c:v>200.01666700000001</c:v>
                </c:pt>
                <c:pt idx="12003">
                  <c:v>200.033333</c:v>
                </c:pt>
                <c:pt idx="12004">
                  <c:v>200.04999999999998</c:v>
                </c:pt>
                <c:pt idx="12005">
                  <c:v>200.06666699999997</c:v>
                </c:pt>
                <c:pt idx="12006">
                  <c:v>200.08333300000001</c:v>
                </c:pt>
                <c:pt idx="12007">
                  <c:v>200.1</c:v>
                </c:pt>
                <c:pt idx="12008">
                  <c:v>200.11666699999998</c:v>
                </c:pt>
                <c:pt idx="12009">
                  <c:v>200.13333300000002</c:v>
                </c:pt>
                <c:pt idx="12010">
                  <c:v>200.15</c:v>
                </c:pt>
                <c:pt idx="12011">
                  <c:v>200.16666699999999</c:v>
                </c:pt>
                <c:pt idx="12012">
                  <c:v>200.18333299999998</c:v>
                </c:pt>
                <c:pt idx="12013">
                  <c:v>200.20000000000002</c:v>
                </c:pt>
                <c:pt idx="12014">
                  <c:v>200.216667</c:v>
                </c:pt>
                <c:pt idx="12015">
                  <c:v>200.23333299999999</c:v>
                </c:pt>
                <c:pt idx="12016">
                  <c:v>200.24999999999997</c:v>
                </c:pt>
                <c:pt idx="12017">
                  <c:v>200.26666700000001</c:v>
                </c:pt>
                <c:pt idx="12018">
                  <c:v>200.283333</c:v>
                </c:pt>
                <c:pt idx="12019">
                  <c:v>200.29999999999998</c:v>
                </c:pt>
                <c:pt idx="12020">
                  <c:v>200.31666699999997</c:v>
                </c:pt>
                <c:pt idx="12021">
                  <c:v>200.33333300000001</c:v>
                </c:pt>
                <c:pt idx="12022">
                  <c:v>200.35</c:v>
                </c:pt>
                <c:pt idx="12023">
                  <c:v>200.36666699999998</c:v>
                </c:pt>
                <c:pt idx="12024">
                  <c:v>200.38333300000002</c:v>
                </c:pt>
                <c:pt idx="12025">
                  <c:v>200.4</c:v>
                </c:pt>
                <c:pt idx="12026">
                  <c:v>200.41666699999999</c:v>
                </c:pt>
                <c:pt idx="12027">
                  <c:v>200.43333299999998</c:v>
                </c:pt>
                <c:pt idx="12028">
                  <c:v>200.45000000000002</c:v>
                </c:pt>
                <c:pt idx="12029">
                  <c:v>200.466667</c:v>
                </c:pt>
                <c:pt idx="12030">
                  <c:v>200.48333299999999</c:v>
                </c:pt>
                <c:pt idx="12031">
                  <c:v>200.49999999999997</c:v>
                </c:pt>
                <c:pt idx="12032">
                  <c:v>200.51666700000001</c:v>
                </c:pt>
                <c:pt idx="12033">
                  <c:v>200.533333</c:v>
                </c:pt>
                <c:pt idx="12034">
                  <c:v>200.54999999999998</c:v>
                </c:pt>
                <c:pt idx="12035">
                  <c:v>200.56666699999997</c:v>
                </c:pt>
                <c:pt idx="12036">
                  <c:v>200.58333300000001</c:v>
                </c:pt>
                <c:pt idx="12037">
                  <c:v>200.6</c:v>
                </c:pt>
                <c:pt idx="12038">
                  <c:v>200.61666699999998</c:v>
                </c:pt>
                <c:pt idx="12039">
                  <c:v>200.63333300000002</c:v>
                </c:pt>
                <c:pt idx="12040">
                  <c:v>200.65</c:v>
                </c:pt>
                <c:pt idx="12041">
                  <c:v>200.66666699999999</c:v>
                </c:pt>
                <c:pt idx="12042">
                  <c:v>200.68333299999998</c:v>
                </c:pt>
                <c:pt idx="12043">
                  <c:v>200.70000000000002</c:v>
                </c:pt>
                <c:pt idx="12044">
                  <c:v>200.716667</c:v>
                </c:pt>
                <c:pt idx="12045">
                  <c:v>200.73333299999999</c:v>
                </c:pt>
                <c:pt idx="12046">
                  <c:v>200.74999999999997</c:v>
                </c:pt>
                <c:pt idx="12047">
                  <c:v>200.76666700000001</c:v>
                </c:pt>
                <c:pt idx="12048">
                  <c:v>200.783333</c:v>
                </c:pt>
                <c:pt idx="12049">
                  <c:v>200.79999999999998</c:v>
                </c:pt>
                <c:pt idx="12050">
                  <c:v>200.81666699999997</c:v>
                </c:pt>
                <c:pt idx="12051">
                  <c:v>200.83333300000001</c:v>
                </c:pt>
                <c:pt idx="12052">
                  <c:v>200.85</c:v>
                </c:pt>
                <c:pt idx="12053">
                  <c:v>200.86666699999998</c:v>
                </c:pt>
                <c:pt idx="12054">
                  <c:v>200.88333300000002</c:v>
                </c:pt>
                <c:pt idx="12055">
                  <c:v>200.9</c:v>
                </c:pt>
                <c:pt idx="12056">
                  <c:v>200.91666699999999</c:v>
                </c:pt>
                <c:pt idx="12057">
                  <c:v>200.93333299999998</c:v>
                </c:pt>
                <c:pt idx="12058">
                  <c:v>200.95000000000002</c:v>
                </c:pt>
                <c:pt idx="12059">
                  <c:v>200.966667</c:v>
                </c:pt>
                <c:pt idx="12060">
                  <c:v>200.98333299999999</c:v>
                </c:pt>
                <c:pt idx="12061">
                  <c:v>200.99999999999997</c:v>
                </c:pt>
                <c:pt idx="12062">
                  <c:v>201.01666700000001</c:v>
                </c:pt>
                <c:pt idx="12063">
                  <c:v>201.033333</c:v>
                </c:pt>
                <c:pt idx="12064">
                  <c:v>201.04999999999998</c:v>
                </c:pt>
                <c:pt idx="12065">
                  <c:v>201.06666699999997</c:v>
                </c:pt>
                <c:pt idx="12066">
                  <c:v>201.08333300000001</c:v>
                </c:pt>
                <c:pt idx="12067">
                  <c:v>201.1</c:v>
                </c:pt>
                <c:pt idx="12068">
                  <c:v>201.11666699999998</c:v>
                </c:pt>
                <c:pt idx="12069">
                  <c:v>201.13333300000002</c:v>
                </c:pt>
                <c:pt idx="12070">
                  <c:v>201.15</c:v>
                </c:pt>
                <c:pt idx="12071">
                  <c:v>201.16666699999999</c:v>
                </c:pt>
                <c:pt idx="12072">
                  <c:v>201.18333299999998</c:v>
                </c:pt>
                <c:pt idx="12073">
                  <c:v>201.20000000000002</c:v>
                </c:pt>
                <c:pt idx="12074">
                  <c:v>201.216667</c:v>
                </c:pt>
                <c:pt idx="12075">
                  <c:v>201.23333299999999</c:v>
                </c:pt>
                <c:pt idx="12076">
                  <c:v>201.24999999999997</c:v>
                </c:pt>
                <c:pt idx="12077">
                  <c:v>201.26666700000001</c:v>
                </c:pt>
                <c:pt idx="12078">
                  <c:v>201.283333</c:v>
                </c:pt>
                <c:pt idx="12079">
                  <c:v>201.29999999999998</c:v>
                </c:pt>
                <c:pt idx="12080">
                  <c:v>201.31666699999997</c:v>
                </c:pt>
                <c:pt idx="12081">
                  <c:v>201.33333300000001</c:v>
                </c:pt>
                <c:pt idx="12082">
                  <c:v>201.35</c:v>
                </c:pt>
                <c:pt idx="12083">
                  <c:v>201.36666699999998</c:v>
                </c:pt>
                <c:pt idx="12084">
                  <c:v>201.38333300000002</c:v>
                </c:pt>
                <c:pt idx="12085">
                  <c:v>201.4</c:v>
                </c:pt>
                <c:pt idx="12086">
                  <c:v>201.41666699999999</c:v>
                </c:pt>
                <c:pt idx="12087">
                  <c:v>201.43333299999998</c:v>
                </c:pt>
                <c:pt idx="12088">
                  <c:v>201.45000000000002</c:v>
                </c:pt>
                <c:pt idx="12089">
                  <c:v>201.466667</c:v>
                </c:pt>
                <c:pt idx="12090">
                  <c:v>201.48333299999999</c:v>
                </c:pt>
                <c:pt idx="12091">
                  <c:v>201.49999999999997</c:v>
                </c:pt>
                <c:pt idx="12092">
                  <c:v>201.51666700000001</c:v>
                </c:pt>
                <c:pt idx="12093">
                  <c:v>201.533333</c:v>
                </c:pt>
                <c:pt idx="12094">
                  <c:v>201.54999999999998</c:v>
                </c:pt>
                <c:pt idx="12095">
                  <c:v>201.56666699999997</c:v>
                </c:pt>
                <c:pt idx="12096">
                  <c:v>201.58333300000001</c:v>
                </c:pt>
                <c:pt idx="12097">
                  <c:v>201.6</c:v>
                </c:pt>
                <c:pt idx="12098">
                  <c:v>201.61666699999998</c:v>
                </c:pt>
                <c:pt idx="12099">
                  <c:v>201.63333300000002</c:v>
                </c:pt>
                <c:pt idx="12100">
                  <c:v>201.65</c:v>
                </c:pt>
                <c:pt idx="12101">
                  <c:v>201.66666699999999</c:v>
                </c:pt>
                <c:pt idx="12102">
                  <c:v>201.68333299999998</c:v>
                </c:pt>
                <c:pt idx="12103">
                  <c:v>201.70000000000002</c:v>
                </c:pt>
                <c:pt idx="12104">
                  <c:v>201.716667</c:v>
                </c:pt>
                <c:pt idx="12105">
                  <c:v>201.73333299999999</c:v>
                </c:pt>
                <c:pt idx="12106">
                  <c:v>201.74999999999997</c:v>
                </c:pt>
                <c:pt idx="12107">
                  <c:v>201.76666700000001</c:v>
                </c:pt>
                <c:pt idx="12108">
                  <c:v>201.783333</c:v>
                </c:pt>
                <c:pt idx="12109">
                  <c:v>201.79999999999998</c:v>
                </c:pt>
                <c:pt idx="12110">
                  <c:v>201.81666699999997</c:v>
                </c:pt>
                <c:pt idx="12111">
                  <c:v>201.83333300000001</c:v>
                </c:pt>
                <c:pt idx="12112">
                  <c:v>201.85</c:v>
                </c:pt>
                <c:pt idx="12113">
                  <c:v>201.86666699999998</c:v>
                </c:pt>
                <c:pt idx="12114">
                  <c:v>201.88333300000002</c:v>
                </c:pt>
                <c:pt idx="12115">
                  <c:v>201.9</c:v>
                </c:pt>
                <c:pt idx="12116">
                  <c:v>201.91666699999999</c:v>
                </c:pt>
                <c:pt idx="12117">
                  <c:v>201.93333299999998</c:v>
                </c:pt>
                <c:pt idx="12118">
                  <c:v>201.95000000000002</c:v>
                </c:pt>
                <c:pt idx="12119">
                  <c:v>201.966667</c:v>
                </c:pt>
                <c:pt idx="12120">
                  <c:v>201.98333299999999</c:v>
                </c:pt>
                <c:pt idx="12121">
                  <c:v>201.99999999999997</c:v>
                </c:pt>
                <c:pt idx="12122">
                  <c:v>202.01666700000001</c:v>
                </c:pt>
                <c:pt idx="12123">
                  <c:v>202.033333</c:v>
                </c:pt>
                <c:pt idx="12124">
                  <c:v>202.04999999999998</c:v>
                </c:pt>
                <c:pt idx="12125">
                  <c:v>202.06666699999997</c:v>
                </c:pt>
                <c:pt idx="12126">
                  <c:v>202.08333300000001</c:v>
                </c:pt>
                <c:pt idx="12127">
                  <c:v>202.1</c:v>
                </c:pt>
                <c:pt idx="12128">
                  <c:v>202.11666699999998</c:v>
                </c:pt>
                <c:pt idx="12129">
                  <c:v>202.13333300000002</c:v>
                </c:pt>
                <c:pt idx="12130">
                  <c:v>202.15</c:v>
                </c:pt>
                <c:pt idx="12131">
                  <c:v>202.16666699999999</c:v>
                </c:pt>
                <c:pt idx="12132">
                  <c:v>202.18333299999998</c:v>
                </c:pt>
                <c:pt idx="12133">
                  <c:v>202.20000000000002</c:v>
                </c:pt>
                <c:pt idx="12134">
                  <c:v>202.216667</c:v>
                </c:pt>
                <c:pt idx="12135">
                  <c:v>202.23333299999999</c:v>
                </c:pt>
                <c:pt idx="12136">
                  <c:v>202.24999999999997</c:v>
                </c:pt>
                <c:pt idx="12137">
                  <c:v>202.26666700000001</c:v>
                </c:pt>
                <c:pt idx="12138">
                  <c:v>202.283333</c:v>
                </c:pt>
                <c:pt idx="12139">
                  <c:v>202.29999999999998</c:v>
                </c:pt>
                <c:pt idx="12140">
                  <c:v>202.31666699999997</c:v>
                </c:pt>
                <c:pt idx="12141">
                  <c:v>202.33333300000001</c:v>
                </c:pt>
                <c:pt idx="12142">
                  <c:v>202.35</c:v>
                </c:pt>
                <c:pt idx="12143">
                  <c:v>202.36666699999998</c:v>
                </c:pt>
                <c:pt idx="12144">
                  <c:v>202.38333300000002</c:v>
                </c:pt>
                <c:pt idx="12145">
                  <c:v>202.4</c:v>
                </c:pt>
                <c:pt idx="12146">
                  <c:v>202.41666699999999</c:v>
                </c:pt>
                <c:pt idx="12147">
                  <c:v>202.43333299999998</c:v>
                </c:pt>
                <c:pt idx="12148">
                  <c:v>202.45000000000002</c:v>
                </c:pt>
                <c:pt idx="12149">
                  <c:v>202.466667</c:v>
                </c:pt>
                <c:pt idx="12150">
                  <c:v>202.48333299999999</c:v>
                </c:pt>
                <c:pt idx="12151">
                  <c:v>202.49999999999997</c:v>
                </c:pt>
                <c:pt idx="12152">
                  <c:v>202.51666700000001</c:v>
                </c:pt>
                <c:pt idx="12153">
                  <c:v>202.533333</c:v>
                </c:pt>
                <c:pt idx="12154">
                  <c:v>202.54999999999998</c:v>
                </c:pt>
                <c:pt idx="12155">
                  <c:v>202.56666699999997</c:v>
                </c:pt>
                <c:pt idx="12156">
                  <c:v>202.58333300000001</c:v>
                </c:pt>
                <c:pt idx="12157">
                  <c:v>202.6</c:v>
                </c:pt>
                <c:pt idx="12158">
                  <c:v>202.61666699999998</c:v>
                </c:pt>
                <c:pt idx="12159">
                  <c:v>202.63333300000002</c:v>
                </c:pt>
                <c:pt idx="12160">
                  <c:v>202.65</c:v>
                </c:pt>
                <c:pt idx="12161">
                  <c:v>202.66666699999999</c:v>
                </c:pt>
                <c:pt idx="12162">
                  <c:v>202.68333299999998</c:v>
                </c:pt>
                <c:pt idx="12163">
                  <c:v>202.70000000000002</c:v>
                </c:pt>
                <c:pt idx="12164">
                  <c:v>202.716667</c:v>
                </c:pt>
                <c:pt idx="12165">
                  <c:v>202.73333299999999</c:v>
                </c:pt>
                <c:pt idx="12166">
                  <c:v>202.74999999999997</c:v>
                </c:pt>
                <c:pt idx="12167">
                  <c:v>202.76666700000001</c:v>
                </c:pt>
                <c:pt idx="12168">
                  <c:v>202.783333</c:v>
                </c:pt>
                <c:pt idx="12169">
                  <c:v>202.79999999999998</c:v>
                </c:pt>
                <c:pt idx="12170">
                  <c:v>202.81666699999997</c:v>
                </c:pt>
                <c:pt idx="12171">
                  <c:v>202.83333300000001</c:v>
                </c:pt>
                <c:pt idx="12172">
                  <c:v>202.85</c:v>
                </c:pt>
                <c:pt idx="12173">
                  <c:v>202.86666699999998</c:v>
                </c:pt>
                <c:pt idx="12174">
                  <c:v>202.88333300000002</c:v>
                </c:pt>
                <c:pt idx="12175">
                  <c:v>202.9</c:v>
                </c:pt>
                <c:pt idx="12176">
                  <c:v>202.91666699999999</c:v>
                </c:pt>
                <c:pt idx="12177">
                  <c:v>202.93333299999998</c:v>
                </c:pt>
                <c:pt idx="12178">
                  <c:v>202.95000000000002</c:v>
                </c:pt>
                <c:pt idx="12179">
                  <c:v>202.966667</c:v>
                </c:pt>
                <c:pt idx="12180">
                  <c:v>202.98333299999999</c:v>
                </c:pt>
                <c:pt idx="12181">
                  <c:v>202.99999999999997</c:v>
                </c:pt>
                <c:pt idx="12182">
                  <c:v>203.01666700000001</c:v>
                </c:pt>
                <c:pt idx="12183">
                  <c:v>203.033333</c:v>
                </c:pt>
                <c:pt idx="12184">
                  <c:v>203.04999999999998</c:v>
                </c:pt>
                <c:pt idx="12185">
                  <c:v>203.06666699999997</c:v>
                </c:pt>
                <c:pt idx="12186">
                  <c:v>203.08333300000001</c:v>
                </c:pt>
                <c:pt idx="12187">
                  <c:v>203.1</c:v>
                </c:pt>
                <c:pt idx="12188">
                  <c:v>203.11666699999998</c:v>
                </c:pt>
                <c:pt idx="12189">
                  <c:v>203.13333300000002</c:v>
                </c:pt>
                <c:pt idx="12190">
                  <c:v>203.15</c:v>
                </c:pt>
                <c:pt idx="12191">
                  <c:v>203.16666699999999</c:v>
                </c:pt>
                <c:pt idx="12192">
                  <c:v>203.18333299999998</c:v>
                </c:pt>
                <c:pt idx="12193">
                  <c:v>203.20000000000002</c:v>
                </c:pt>
                <c:pt idx="12194">
                  <c:v>203.216667</c:v>
                </c:pt>
                <c:pt idx="12195">
                  <c:v>203.23333299999999</c:v>
                </c:pt>
                <c:pt idx="12196">
                  <c:v>203.24999999999997</c:v>
                </c:pt>
                <c:pt idx="12197">
                  <c:v>203.26666700000001</c:v>
                </c:pt>
                <c:pt idx="12198">
                  <c:v>203.283333</c:v>
                </c:pt>
                <c:pt idx="12199">
                  <c:v>203.29999999999998</c:v>
                </c:pt>
                <c:pt idx="12200">
                  <c:v>203.31666699999997</c:v>
                </c:pt>
                <c:pt idx="12201">
                  <c:v>203.33333300000001</c:v>
                </c:pt>
                <c:pt idx="12202">
                  <c:v>203.35</c:v>
                </c:pt>
                <c:pt idx="12203">
                  <c:v>203.36666699999998</c:v>
                </c:pt>
                <c:pt idx="12204">
                  <c:v>203.38333300000002</c:v>
                </c:pt>
                <c:pt idx="12205">
                  <c:v>203.4</c:v>
                </c:pt>
                <c:pt idx="12206">
                  <c:v>203.41666699999999</c:v>
                </c:pt>
                <c:pt idx="12207">
                  <c:v>203.43333299999998</c:v>
                </c:pt>
                <c:pt idx="12208">
                  <c:v>203.45000000000002</c:v>
                </c:pt>
                <c:pt idx="12209">
                  <c:v>203.466667</c:v>
                </c:pt>
                <c:pt idx="12210">
                  <c:v>203.48333299999999</c:v>
                </c:pt>
                <c:pt idx="12211">
                  <c:v>203.49999999999997</c:v>
                </c:pt>
                <c:pt idx="12212">
                  <c:v>203.51666700000001</c:v>
                </c:pt>
                <c:pt idx="12213">
                  <c:v>203.533333</c:v>
                </c:pt>
                <c:pt idx="12214">
                  <c:v>203.54999999999998</c:v>
                </c:pt>
                <c:pt idx="12215">
                  <c:v>203.56666699999997</c:v>
                </c:pt>
                <c:pt idx="12216">
                  <c:v>203.58333300000001</c:v>
                </c:pt>
                <c:pt idx="12217">
                  <c:v>203.6</c:v>
                </c:pt>
                <c:pt idx="12218">
                  <c:v>203.61666699999998</c:v>
                </c:pt>
                <c:pt idx="12219">
                  <c:v>203.63333300000002</c:v>
                </c:pt>
                <c:pt idx="12220">
                  <c:v>203.65</c:v>
                </c:pt>
                <c:pt idx="12221">
                  <c:v>203.66666699999999</c:v>
                </c:pt>
                <c:pt idx="12222">
                  <c:v>203.68333299999998</c:v>
                </c:pt>
                <c:pt idx="12223">
                  <c:v>203.70000000000002</c:v>
                </c:pt>
                <c:pt idx="12224">
                  <c:v>203.716667</c:v>
                </c:pt>
                <c:pt idx="12225">
                  <c:v>203.73333299999999</c:v>
                </c:pt>
                <c:pt idx="12226">
                  <c:v>203.74999999999997</c:v>
                </c:pt>
                <c:pt idx="12227">
                  <c:v>203.76666700000001</c:v>
                </c:pt>
                <c:pt idx="12228">
                  <c:v>203.783333</c:v>
                </c:pt>
                <c:pt idx="12229">
                  <c:v>203.79999999999998</c:v>
                </c:pt>
                <c:pt idx="12230">
                  <c:v>203.81666699999997</c:v>
                </c:pt>
                <c:pt idx="12231">
                  <c:v>203.83333300000001</c:v>
                </c:pt>
                <c:pt idx="12232">
                  <c:v>203.85</c:v>
                </c:pt>
                <c:pt idx="12233">
                  <c:v>203.86666699999998</c:v>
                </c:pt>
                <c:pt idx="12234">
                  <c:v>203.88333300000002</c:v>
                </c:pt>
                <c:pt idx="12235">
                  <c:v>203.9</c:v>
                </c:pt>
                <c:pt idx="12236">
                  <c:v>203.91666699999999</c:v>
                </c:pt>
                <c:pt idx="12237">
                  <c:v>203.93333299999998</c:v>
                </c:pt>
                <c:pt idx="12238">
                  <c:v>203.95000000000002</c:v>
                </c:pt>
                <c:pt idx="12239">
                  <c:v>203.966667</c:v>
                </c:pt>
                <c:pt idx="12240">
                  <c:v>203.98333299999999</c:v>
                </c:pt>
                <c:pt idx="12241">
                  <c:v>203.99999999999997</c:v>
                </c:pt>
                <c:pt idx="12242">
                  <c:v>204.01666700000001</c:v>
                </c:pt>
                <c:pt idx="12243">
                  <c:v>204.033333</c:v>
                </c:pt>
                <c:pt idx="12244">
                  <c:v>204.04999999999998</c:v>
                </c:pt>
                <c:pt idx="12245">
                  <c:v>204.06666699999997</c:v>
                </c:pt>
                <c:pt idx="12246">
                  <c:v>204.08333300000001</c:v>
                </c:pt>
                <c:pt idx="12247">
                  <c:v>204.1</c:v>
                </c:pt>
                <c:pt idx="12248">
                  <c:v>204.11666699999998</c:v>
                </c:pt>
                <c:pt idx="12249">
                  <c:v>204.13333300000002</c:v>
                </c:pt>
                <c:pt idx="12250">
                  <c:v>204.15</c:v>
                </c:pt>
                <c:pt idx="12251">
                  <c:v>204.16666699999999</c:v>
                </c:pt>
                <c:pt idx="12252">
                  <c:v>204.18333299999998</c:v>
                </c:pt>
                <c:pt idx="12253">
                  <c:v>204.20000000000002</c:v>
                </c:pt>
                <c:pt idx="12254">
                  <c:v>204.216667</c:v>
                </c:pt>
                <c:pt idx="12255">
                  <c:v>204.23333299999999</c:v>
                </c:pt>
                <c:pt idx="12256">
                  <c:v>204.24999999999997</c:v>
                </c:pt>
                <c:pt idx="12257">
                  <c:v>204.26666700000001</c:v>
                </c:pt>
                <c:pt idx="12258">
                  <c:v>204.283333</c:v>
                </c:pt>
                <c:pt idx="12259">
                  <c:v>204.29999999999998</c:v>
                </c:pt>
                <c:pt idx="12260">
                  <c:v>204.31666699999997</c:v>
                </c:pt>
                <c:pt idx="12261">
                  <c:v>204.33333300000001</c:v>
                </c:pt>
                <c:pt idx="12262">
                  <c:v>204.35</c:v>
                </c:pt>
                <c:pt idx="12263">
                  <c:v>204.36666699999998</c:v>
                </c:pt>
                <c:pt idx="12264">
                  <c:v>204.38333300000002</c:v>
                </c:pt>
                <c:pt idx="12265">
                  <c:v>204.4</c:v>
                </c:pt>
                <c:pt idx="12266">
                  <c:v>204.41666699999999</c:v>
                </c:pt>
                <c:pt idx="12267">
                  <c:v>204.43333299999998</c:v>
                </c:pt>
                <c:pt idx="12268">
                  <c:v>204.45000000000002</c:v>
                </c:pt>
                <c:pt idx="12269">
                  <c:v>204.466667</c:v>
                </c:pt>
                <c:pt idx="12270">
                  <c:v>204.48333299999999</c:v>
                </c:pt>
                <c:pt idx="12271">
                  <c:v>204.49999999999997</c:v>
                </c:pt>
                <c:pt idx="12272">
                  <c:v>204.51666700000001</c:v>
                </c:pt>
                <c:pt idx="12273">
                  <c:v>204.533333</c:v>
                </c:pt>
                <c:pt idx="12274">
                  <c:v>204.54999999999998</c:v>
                </c:pt>
                <c:pt idx="12275">
                  <c:v>204.56666699999997</c:v>
                </c:pt>
                <c:pt idx="12276">
                  <c:v>204.58333300000001</c:v>
                </c:pt>
                <c:pt idx="12277">
                  <c:v>204.6</c:v>
                </c:pt>
                <c:pt idx="12278">
                  <c:v>204.61666699999998</c:v>
                </c:pt>
                <c:pt idx="12279">
                  <c:v>204.63333300000002</c:v>
                </c:pt>
                <c:pt idx="12280">
                  <c:v>204.65</c:v>
                </c:pt>
                <c:pt idx="12281">
                  <c:v>204.66666699999999</c:v>
                </c:pt>
                <c:pt idx="12282">
                  <c:v>204.68333299999998</c:v>
                </c:pt>
                <c:pt idx="12283">
                  <c:v>204.70000000000002</c:v>
                </c:pt>
                <c:pt idx="12284">
                  <c:v>204.716667</c:v>
                </c:pt>
                <c:pt idx="12285">
                  <c:v>204.73333299999999</c:v>
                </c:pt>
                <c:pt idx="12286">
                  <c:v>204.74999999999997</c:v>
                </c:pt>
                <c:pt idx="12287">
                  <c:v>204.76666700000001</c:v>
                </c:pt>
                <c:pt idx="12288">
                  <c:v>204.783333</c:v>
                </c:pt>
                <c:pt idx="12289">
                  <c:v>204.79999999999998</c:v>
                </c:pt>
                <c:pt idx="12290">
                  <c:v>204.81666699999997</c:v>
                </c:pt>
                <c:pt idx="12291">
                  <c:v>204.83333300000001</c:v>
                </c:pt>
                <c:pt idx="12292">
                  <c:v>204.85</c:v>
                </c:pt>
                <c:pt idx="12293">
                  <c:v>204.86666699999998</c:v>
                </c:pt>
                <c:pt idx="12294">
                  <c:v>204.88333300000002</c:v>
                </c:pt>
                <c:pt idx="12295">
                  <c:v>204.9</c:v>
                </c:pt>
                <c:pt idx="12296">
                  <c:v>204.91666699999999</c:v>
                </c:pt>
                <c:pt idx="12297">
                  <c:v>204.93333299999998</c:v>
                </c:pt>
                <c:pt idx="12298">
                  <c:v>204.95000000000002</c:v>
                </c:pt>
                <c:pt idx="12299">
                  <c:v>204.966667</c:v>
                </c:pt>
                <c:pt idx="12300">
                  <c:v>204.98333299999999</c:v>
                </c:pt>
                <c:pt idx="12301">
                  <c:v>204.99999999999997</c:v>
                </c:pt>
                <c:pt idx="12302">
                  <c:v>205.01666700000001</c:v>
                </c:pt>
                <c:pt idx="12303">
                  <c:v>205.033333</c:v>
                </c:pt>
                <c:pt idx="12304">
                  <c:v>205.04999999999998</c:v>
                </c:pt>
                <c:pt idx="12305">
                  <c:v>205.06666699999997</c:v>
                </c:pt>
                <c:pt idx="12306">
                  <c:v>205.08333300000001</c:v>
                </c:pt>
                <c:pt idx="12307">
                  <c:v>205.1</c:v>
                </c:pt>
                <c:pt idx="12308">
                  <c:v>205.11666699999998</c:v>
                </c:pt>
                <c:pt idx="12309">
                  <c:v>205.13333300000002</c:v>
                </c:pt>
                <c:pt idx="12310">
                  <c:v>205.15</c:v>
                </c:pt>
                <c:pt idx="12311">
                  <c:v>205.16666699999999</c:v>
                </c:pt>
                <c:pt idx="12312">
                  <c:v>205.18333299999998</c:v>
                </c:pt>
                <c:pt idx="12313">
                  <c:v>205.20000000000002</c:v>
                </c:pt>
                <c:pt idx="12314">
                  <c:v>205.216667</c:v>
                </c:pt>
                <c:pt idx="12315">
                  <c:v>205.23333299999999</c:v>
                </c:pt>
                <c:pt idx="12316">
                  <c:v>205.24999999999997</c:v>
                </c:pt>
                <c:pt idx="12317">
                  <c:v>205.26666700000001</c:v>
                </c:pt>
                <c:pt idx="12318">
                  <c:v>205.283333</c:v>
                </c:pt>
                <c:pt idx="12319">
                  <c:v>205.29999999999998</c:v>
                </c:pt>
                <c:pt idx="12320">
                  <c:v>205.31666699999997</c:v>
                </c:pt>
                <c:pt idx="12321">
                  <c:v>205.33333300000001</c:v>
                </c:pt>
                <c:pt idx="12322">
                  <c:v>205.35</c:v>
                </c:pt>
                <c:pt idx="12323">
                  <c:v>205.36666699999998</c:v>
                </c:pt>
                <c:pt idx="12324">
                  <c:v>205.38333300000002</c:v>
                </c:pt>
                <c:pt idx="12325">
                  <c:v>205.4</c:v>
                </c:pt>
                <c:pt idx="12326">
                  <c:v>205.41666699999999</c:v>
                </c:pt>
                <c:pt idx="12327">
                  <c:v>205.43333299999998</c:v>
                </c:pt>
                <c:pt idx="12328">
                  <c:v>205.45000000000002</c:v>
                </c:pt>
                <c:pt idx="12329">
                  <c:v>205.466667</c:v>
                </c:pt>
                <c:pt idx="12330">
                  <c:v>205.48333299999999</c:v>
                </c:pt>
                <c:pt idx="12331">
                  <c:v>205.49999999999997</c:v>
                </c:pt>
                <c:pt idx="12332">
                  <c:v>205.51666700000001</c:v>
                </c:pt>
                <c:pt idx="12333">
                  <c:v>205.533333</c:v>
                </c:pt>
                <c:pt idx="12334">
                  <c:v>205.54999999999998</c:v>
                </c:pt>
                <c:pt idx="12335">
                  <c:v>205.56666699999997</c:v>
                </c:pt>
                <c:pt idx="12336">
                  <c:v>205.58333300000001</c:v>
                </c:pt>
                <c:pt idx="12337">
                  <c:v>205.6</c:v>
                </c:pt>
                <c:pt idx="12338">
                  <c:v>205.61666699999998</c:v>
                </c:pt>
                <c:pt idx="12339">
                  <c:v>205.63333300000002</c:v>
                </c:pt>
                <c:pt idx="12340">
                  <c:v>205.65</c:v>
                </c:pt>
                <c:pt idx="12341">
                  <c:v>205.66666699999999</c:v>
                </c:pt>
                <c:pt idx="12342">
                  <c:v>205.68333299999998</c:v>
                </c:pt>
                <c:pt idx="12343">
                  <c:v>205.70000000000002</c:v>
                </c:pt>
                <c:pt idx="12344">
                  <c:v>205.716667</c:v>
                </c:pt>
                <c:pt idx="12345">
                  <c:v>205.73333299999999</c:v>
                </c:pt>
                <c:pt idx="12346">
                  <c:v>205.74999999999997</c:v>
                </c:pt>
                <c:pt idx="12347">
                  <c:v>205.76666700000001</c:v>
                </c:pt>
                <c:pt idx="12348">
                  <c:v>205.783333</c:v>
                </c:pt>
                <c:pt idx="12349">
                  <c:v>205.79999999999998</c:v>
                </c:pt>
                <c:pt idx="12350">
                  <c:v>205.81666699999997</c:v>
                </c:pt>
                <c:pt idx="12351">
                  <c:v>205.83333300000001</c:v>
                </c:pt>
                <c:pt idx="12352">
                  <c:v>205.85</c:v>
                </c:pt>
                <c:pt idx="12353">
                  <c:v>205.86666699999998</c:v>
                </c:pt>
                <c:pt idx="12354">
                  <c:v>205.88333300000002</c:v>
                </c:pt>
                <c:pt idx="12355">
                  <c:v>205.9</c:v>
                </c:pt>
                <c:pt idx="12356">
                  <c:v>205.91666699999999</c:v>
                </c:pt>
                <c:pt idx="12357">
                  <c:v>205.93333299999998</c:v>
                </c:pt>
                <c:pt idx="12358">
                  <c:v>205.95000000000002</c:v>
                </c:pt>
                <c:pt idx="12359">
                  <c:v>205.966667</c:v>
                </c:pt>
                <c:pt idx="12360">
                  <c:v>205.98333299999999</c:v>
                </c:pt>
                <c:pt idx="12361">
                  <c:v>205.99999999999997</c:v>
                </c:pt>
                <c:pt idx="12362">
                  <c:v>206.01666700000001</c:v>
                </c:pt>
                <c:pt idx="12363">
                  <c:v>206.033333</c:v>
                </c:pt>
                <c:pt idx="12364">
                  <c:v>206.04999999999998</c:v>
                </c:pt>
                <c:pt idx="12365">
                  <c:v>206.06666699999997</c:v>
                </c:pt>
                <c:pt idx="12366">
                  <c:v>206.08333300000001</c:v>
                </c:pt>
                <c:pt idx="12367">
                  <c:v>206.1</c:v>
                </c:pt>
                <c:pt idx="12368">
                  <c:v>206.11666699999998</c:v>
                </c:pt>
                <c:pt idx="12369">
                  <c:v>206.13333300000002</c:v>
                </c:pt>
                <c:pt idx="12370">
                  <c:v>206.15</c:v>
                </c:pt>
                <c:pt idx="12371">
                  <c:v>206.16666699999999</c:v>
                </c:pt>
                <c:pt idx="12372">
                  <c:v>206.18333299999998</c:v>
                </c:pt>
                <c:pt idx="12373">
                  <c:v>206.20000000000002</c:v>
                </c:pt>
                <c:pt idx="12374">
                  <c:v>206.216667</c:v>
                </c:pt>
                <c:pt idx="12375">
                  <c:v>206.23333299999999</c:v>
                </c:pt>
                <c:pt idx="12376">
                  <c:v>206.24999999999997</c:v>
                </c:pt>
                <c:pt idx="12377">
                  <c:v>206.26666700000001</c:v>
                </c:pt>
                <c:pt idx="12378">
                  <c:v>206.283333</c:v>
                </c:pt>
                <c:pt idx="12379">
                  <c:v>206.29999999999998</c:v>
                </c:pt>
                <c:pt idx="12380">
                  <c:v>206.31666699999997</c:v>
                </c:pt>
                <c:pt idx="12381">
                  <c:v>206.33333300000001</c:v>
                </c:pt>
                <c:pt idx="12382">
                  <c:v>206.35</c:v>
                </c:pt>
                <c:pt idx="12383">
                  <c:v>206.36666699999998</c:v>
                </c:pt>
                <c:pt idx="12384">
                  <c:v>206.38333300000002</c:v>
                </c:pt>
                <c:pt idx="12385">
                  <c:v>206.4</c:v>
                </c:pt>
                <c:pt idx="12386">
                  <c:v>206.41666699999999</c:v>
                </c:pt>
                <c:pt idx="12387">
                  <c:v>206.43333299999998</c:v>
                </c:pt>
                <c:pt idx="12388">
                  <c:v>206.45000000000002</c:v>
                </c:pt>
                <c:pt idx="12389">
                  <c:v>206.466667</c:v>
                </c:pt>
                <c:pt idx="12390">
                  <c:v>206.48333299999999</c:v>
                </c:pt>
                <c:pt idx="12391">
                  <c:v>206.49999999999997</c:v>
                </c:pt>
                <c:pt idx="12392">
                  <c:v>206.51666700000001</c:v>
                </c:pt>
                <c:pt idx="12393">
                  <c:v>206.533333</c:v>
                </c:pt>
                <c:pt idx="12394">
                  <c:v>206.54999999999998</c:v>
                </c:pt>
                <c:pt idx="12395">
                  <c:v>206.56666699999997</c:v>
                </c:pt>
                <c:pt idx="12396">
                  <c:v>206.58333300000001</c:v>
                </c:pt>
                <c:pt idx="12397">
                  <c:v>206.6</c:v>
                </c:pt>
                <c:pt idx="12398">
                  <c:v>206.61666699999998</c:v>
                </c:pt>
                <c:pt idx="12399">
                  <c:v>206.63333300000002</c:v>
                </c:pt>
                <c:pt idx="12400">
                  <c:v>206.65</c:v>
                </c:pt>
                <c:pt idx="12401">
                  <c:v>206.66666699999999</c:v>
                </c:pt>
                <c:pt idx="12402">
                  <c:v>206.68333299999998</c:v>
                </c:pt>
                <c:pt idx="12403">
                  <c:v>206.70000000000002</c:v>
                </c:pt>
                <c:pt idx="12404">
                  <c:v>206.716667</c:v>
                </c:pt>
                <c:pt idx="12405">
                  <c:v>206.73333299999999</c:v>
                </c:pt>
                <c:pt idx="12406">
                  <c:v>206.74999999999997</c:v>
                </c:pt>
                <c:pt idx="12407">
                  <c:v>206.76666700000001</c:v>
                </c:pt>
                <c:pt idx="12408">
                  <c:v>206.783333</c:v>
                </c:pt>
                <c:pt idx="12409">
                  <c:v>206.79999999999998</c:v>
                </c:pt>
                <c:pt idx="12410">
                  <c:v>206.81666699999997</c:v>
                </c:pt>
                <c:pt idx="12411">
                  <c:v>206.83333300000001</c:v>
                </c:pt>
                <c:pt idx="12412">
                  <c:v>206.85</c:v>
                </c:pt>
                <c:pt idx="12413">
                  <c:v>206.86666699999998</c:v>
                </c:pt>
                <c:pt idx="12414">
                  <c:v>206.88333300000002</c:v>
                </c:pt>
                <c:pt idx="12415">
                  <c:v>206.9</c:v>
                </c:pt>
                <c:pt idx="12416">
                  <c:v>206.91666699999999</c:v>
                </c:pt>
                <c:pt idx="12417">
                  <c:v>206.93333299999998</c:v>
                </c:pt>
                <c:pt idx="12418">
                  <c:v>206.95000000000002</c:v>
                </c:pt>
                <c:pt idx="12419">
                  <c:v>206.966667</c:v>
                </c:pt>
                <c:pt idx="12420">
                  <c:v>206.98333299999999</c:v>
                </c:pt>
                <c:pt idx="12421">
                  <c:v>206.99999999999997</c:v>
                </c:pt>
                <c:pt idx="12422">
                  <c:v>207.01666700000001</c:v>
                </c:pt>
                <c:pt idx="12423">
                  <c:v>207.033333</c:v>
                </c:pt>
                <c:pt idx="12424">
                  <c:v>207.04999999999998</c:v>
                </c:pt>
                <c:pt idx="12425">
                  <c:v>207.06666699999997</c:v>
                </c:pt>
                <c:pt idx="12426">
                  <c:v>207.08333300000001</c:v>
                </c:pt>
                <c:pt idx="12427">
                  <c:v>207.1</c:v>
                </c:pt>
                <c:pt idx="12428">
                  <c:v>207.11666699999998</c:v>
                </c:pt>
                <c:pt idx="12429">
                  <c:v>207.13333300000002</c:v>
                </c:pt>
                <c:pt idx="12430">
                  <c:v>207.15</c:v>
                </c:pt>
                <c:pt idx="12431">
                  <c:v>207.16666699999999</c:v>
                </c:pt>
                <c:pt idx="12432">
                  <c:v>207.18333299999998</c:v>
                </c:pt>
                <c:pt idx="12433">
                  <c:v>207.20000000000002</c:v>
                </c:pt>
                <c:pt idx="12434">
                  <c:v>207.216667</c:v>
                </c:pt>
                <c:pt idx="12435">
                  <c:v>207.23333299999999</c:v>
                </c:pt>
                <c:pt idx="12436">
                  <c:v>207.24999999999997</c:v>
                </c:pt>
                <c:pt idx="12437">
                  <c:v>207.26666700000001</c:v>
                </c:pt>
                <c:pt idx="12438">
                  <c:v>207.283333</c:v>
                </c:pt>
                <c:pt idx="12439">
                  <c:v>207.29999999999998</c:v>
                </c:pt>
                <c:pt idx="12440">
                  <c:v>207.31666699999997</c:v>
                </c:pt>
                <c:pt idx="12441">
                  <c:v>207.33333300000001</c:v>
                </c:pt>
                <c:pt idx="12442">
                  <c:v>207.35</c:v>
                </c:pt>
                <c:pt idx="12443">
                  <c:v>207.36666699999998</c:v>
                </c:pt>
                <c:pt idx="12444">
                  <c:v>207.38333300000002</c:v>
                </c:pt>
                <c:pt idx="12445">
                  <c:v>207.4</c:v>
                </c:pt>
                <c:pt idx="12446">
                  <c:v>207.41666699999999</c:v>
                </c:pt>
                <c:pt idx="12447">
                  <c:v>207.43333299999998</c:v>
                </c:pt>
                <c:pt idx="12448">
                  <c:v>207.45000000000002</c:v>
                </c:pt>
                <c:pt idx="12449">
                  <c:v>207.466667</c:v>
                </c:pt>
                <c:pt idx="12450">
                  <c:v>207.48333299999999</c:v>
                </c:pt>
                <c:pt idx="12451">
                  <c:v>207.49999999999997</c:v>
                </c:pt>
                <c:pt idx="12452">
                  <c:v>207.51666700000001</c:v>
                </c:pt>
                <c:pt idx="12453">
                  <c:v>207.533333</c:v>
                </c:pt>
                <c:pt idx="12454">
                  <c:v>207.54999999999998</c:v>
                </c:pt>
                <c:pt idx="12455">
                  <c:v>207.56666699999997</c:v>
                </c:pt>
                <c:pt idx="12456">
                  <c:v>207.58333300000001</c:v>
                </c:pt>
                <c:pt idx="12457">
                  <c:v>207.6</c:v>
                </c:pt>
                <c:pt idx="12458">
                  <c:v>207.61666699999998</c:v>
                </c:pt>
                <c:pt idx="12459">
                  <c:v>207.63333300000002</c:v>
                </c:pt>
                <c:pt idx="12460">
                  <c:v>207.65</c:v>
                </c:pt>
                <c:pt idx="12461">
                  <c:v>207.66666699999999</c:v>
                </c:pt>
                <c:pt idx="12462">
                  <c:v>207.68333299999998</c:v>
                </c:pt>
                <c:pt idx="12463">
                  <c:v>207.70000000000002</c:v>
                </c:pt>
                <c:pt idx="12464">
                  <c:v>207.716667</c:v>
                </c:pt>
                <c:pt idx="12465">
                  <c:v>207.73333299999999</c:v>
                </c:pt>
                <c:pt idx="12466">
                  <c:v>207.74999999999997</c:v>
                </c:pt>
                <c:pt idx="12467">
                  <c:v>207.76666700000001</c:v>
                </c:pt>
                <c:pt idx="12468">
                  <c:v>207.783333</c:v>
                </c:pt>
                <c:pt idx="12469">
                  <c:v>207.79999999999998</c:v>
                </c:pt>
                <c:pt idx="12470">
                  <c:v>207.81666699999997</c:v>
                </c:pt>
                <c:pt idx="12471">
                  <c:v>207.83333300000001</c:v>
                </c:pt>
                <c:pt idx="12472">
                  <c:v>207.85</c:v>
                </c:pt>
                <c:pt idx="12473">
                  <c:v>207.86666699999998</c:v>
                </c:pt>
                <c:pt idx="12474">
                  <c:v>207.88333300000002</c:v>
                </c:pt>
                <c:pt idx="12475">
                  <c:v>207.9</c:v>
                </c:pt>
                <c:pt idx="12476">
                  <c:v>207.91666699999999</c:v>
                </c:pt>
                <c:pt idx="12477">
                  <c:v>207.93333299999998</c:v>
                </c:pt>
                <c:pt idx="12478">
                  <c:v>207.95000000000002</c:v>
                </c:pt>
                <c:pt idx="12479">
                  <c:v>207.966667</c:v>
                </c:pt>
                <c:pt idx="12480">
                  <c:v>207.98333299999999</c:v>
                </c:pt>
                <c:pt idx="12481">
                  <c:v>207.99999999999997</c:v>
                </c:pt>
                <c:pt idx="12482">
                  <c:v>208.01666700000001</c:v>
                </c:pt>
                <c:pt idx="12483">
                  <c:v>208.033333</c:v>
                </c:pt>
                <c:pt idx="12484">
                  <c:v>208.04999999999998</c:v>
                </c:pt>
                <c:pt idx="12485">
                  <c:v>208.06666699999997</c:v>
                </c:pt>
                <c:pt idx="12486">
                  <c:v>208.08333300000001</c:v>
                </c:pt>
                <c:pt idx="12487">
                  <c:v>208.1</c:v>
                </c:pt>
                <c:pt idx="12488">
                  <c:v>208.11666699999998</c:v>
                </c:pt>
                <c:pt idx="12489">
                  <c:v>208.13333300000002</c:v>
                </c:pt>
                <c:pt idx="12490">
                  <c:v>208.15</c:v>
                </c:pt>
                <c:pt idx="12491">
                  <c:v>208.16666699999999</c:v>
                </c:pt>
                <c:pt idx="12492">
                  <c:v>208.18333299999998</c:v>
                </c:pt>
                <c:pt idx="12493">
                  <c:v>208.20000000000002</c:v>
                </c:pt>
                <c:pt idx="12494">
                  <c:v>208.216667</c:v>
                </c:pt>
                <c:pt idx="12495">
                  <c:v>208.23333299999999</c:v>
                </c:pt>
                <c:pt idx="12496">
                  <c:v>208.24999999999997</c:v>
                </c:pt>
                <c:pt idx="12497">
                  <c:v>208.26666700000001</c:v>
                </c:pt>
                <c:pt idx="12498">
                  <c:v>208.283333</c:v>
                </c:pt>
                <c:pt idx="12499">
                  <c:v>208.29999999999998</c:v>
                </c:pt>
                <c:pt idx="12500">
                  <c:v>208.31666699999997</c:v>
                </c:pt>
                <c:pt idx="12501">
                  <c:v>208.33333300000001</c:v>
                </c:pt>
                <c:pt idx="12502">
                  <c:v>208.35</c:v>
                </c:pt>
                <c:pt idx="12503">
                  <c:v>208.36666699999998</c:v>
                </c:pt>
                <c:pt idx="12504">
                  <c:v>208.38333300000002</c:v>
                </c:pt>
                <c:pt idx="12505">
                  <c:v>208.4</c:v>
                </c:pt>
                <c:pt idx="12506">
                  <c:v>208.41666699999999</c:v>
                </c:pt>
                <c:pt idx="12507">
                  <c:v>208.43333299999998</c:v>
                </c:pt>
                <c:pt idx="12508">
                  <c:v>208.45000000000002</c:v>
                </c:pt>
                <c:pt idx="12509">
                  <c:v>208.466667</c:v>
                </c:pt>
                <c:pt idx="12510">
                  <c:v>208.48333299999999</c:v>
                </c:pt>
              </c:numCache>
            </c:numRef>
          </c:xVal>
          <c:yVal>
            <c:numRef>
              <c:f>'Fig 3'!$G$9:$G$12519</c:f>
              <c:numCache>
                <c:formatCode>General</c:formatCode>
                <c:ptCount val="12511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-4.7552440900950057E-3</c:v>
                </c:pt>
                <c:pt idx="7">
                  <c:v>-4.7552440900950057E-3</c:v>
                </c:pt>
                <c:pt idx="8">
                  <c:v>-4.7552440900950057E-3</c:v>
                </c:pt>
                <c:pt idx="9">
                  <c:v>-9.3706280599953999E-3</c:v>
                </c:pt>
                <c:pt idx="10">
                  <c:v>-9.3706280599953999E-3</c:v>
                </c:pt>
                <c:pt idx="11">
                  <c:v>-1.4125872150214625E-2</c:v>
                </c:pt>
                <c:pt idx="12">
                  <c:v>-1.4125872150214625E-2</c:v>
                </c:pt>
                <c:pt idx="13">
                  <c:v>-1.8881116240309633E-2</c:v>
                </c:pt>
                <c:pt idx="14">
                  <c:v>-1.8881116240309633E-2</c:v>
                </c:pt>
                <c:pt idx="15">
                  <c:v>-2.3496500210210023E-2</c:v>
                </c:pt>
                <c:pt idx="16">
                  <c:v>-2.3496500210210023E-2</c:v>
                </c:pt>
                <c:pt idx="17">
                  <c:v>-2.825174430042925E-2</c:v>
                </c:pt>
                <c:pt idx="18">
                  <c:v>-3.300698839052426E-2</c:v>
                </c:pt>
                <c:pt idx="19">
                  <c:v>-3.300698839052426E-2</c:v>
                </c:pt>
                <c:pt idx="20">
                  <c:v>-3.762237236042465E-2</c:v>
                </c:pt>
                <c:pt idx="21">
                  <c:v>-3.762237236042465E-2</c:v>
                </c:pt>
                <c:pt idx="22">
                  <c:v>-4.2377616450643876E-2</c:v>
                </c:pt>
                <c:pt idx="23">
                  <c:v>-4.2377616450643876E-2</c:v>
                </c:pt>
                <c:pt idx="24">
                  <c:v>-4.7132860540863103E-2</c:v>
                </c:pt>
                <c:pt idx="25">
                  <c:v>-4.7132860540863103E-2</c:v>
                </c:pt>
                <c:pt idx="26">
                  <c:v>-5.1748244510639273E-2</c:v>
                </c:pt>
                <c:pt idx="27">
                  <c:v>-5.1748244510639273E-2</c:v>
                </c:pt>
                <c:pt idx="28">
                  <c:v>-5.6503488600858499E-2</c:v>
                </c:pt>
                <c:pt idx="29">
                  <c:v>-6.1258732691077733E-2</c:v>
                </c:pt>
                <c:pt idx="30">
                  <c:v>-6.1258732691077733E-2</c:v>
                </c:pt>
                <c:pt idx="31">
                  <c:v>-6.5874116660853896E-2</c:v>
                </c:pt>
                <c:pt idx="32">
                  <c:v>-6.5874116660853896E-2</c:v>
                </c:pt>
                <c:pt idx="33">
                  <c:v>-6.5874116660853896E-2</c:v>
                </c:pt>
                <c:pt idx="34">
                  <c:v>-7.0629360751073123E-2</c:v>
                </c:pt>
                <c:pt idx="35">
                  <c:v>-7.0629360751073123E-2</c:v>
                </c:pt>
                <c:pt idx="36">
                  <c:v>-7.0629360751073123E-2</c:v>
                </c:pt>
                <c:pt idx="37">
                  <c:v>-7.0629360751073123E-2</c:v>
                </c:pt>
                <c:pt idx="38">
                  <c:v>-7.0629360751073123E-2</c:v>
                </c:pt>
                <c:pt idx="39">
                  <c:v>-7.0629360751073123E-2</c:v>
                </c:pt>
                <c:pt idx="40">
                  <c:v>-7.0629360751073123E-2</c:v>
                </c:pt>
                <c:pt idx="41">
                  <c:v>-7.0629360751073123E-2</c:v>
                </c:pt>
                <c:pt idx="42">
                  <c:v>-7.0629360751073123E-2</c:v>
                </c:pt>
                <c:pt idx="43">
                  <c:v>-7.0629360751073123E-2</c:v>
                </c:pt>
                <c:pt idx="44">
                  <c:v>-6.5874116660853896E-2</c:v>
                </c:pt>
                <c:pt idx="45">
                  <c:v>-6.5874116660853896E-2</c:v>
                </c:pt>
                <c:pt idx="46">
                  <c:v>-6.1258732691077733E-2</c:v>
                </c:pt>
                <c:pt idx="47">
                  <c:v>-5.6503488600858499E-2</c:v>
                </c:pt>
                <c:pt idx="48">
                  <c:v>-5.1748244510639273E-2</c:v>
                </c:pt>
                <c:pt idx="49">
                  <c:v>-4.7132860540863103E-2</c:v>
                </c:pt>
                <c:pt idx="50">
                  <c:v>-4.2377616450643876E-2</c:v>
                </c:pt>
                <c:pt idx="51">
                  <c:v>-3.762237236042465E-2</c:v>
                </c:pt>
                <c:pt idx="52">
                  <c:v>-2.825174430042925E-2</c:v>
                </c:pt>
                <c:pt idx="53">
                  <c:v>-2.3496500210210023E-2</c:v>
                </c:pt>
                <c:pt idx="54">
                  <c:v>-1.4125872150214625E-2</c:v>
                </c:pt>
                <c:pt idx="55">
                  <c:v>-4.7552440900950057E-3</c:v>
                </c:pt>
                <c:pt idx="56">
                  <c:v>4.7552440902192267E-3</c:v>
                </c:pt>
                <c:pt idx="57">
                  <c:v>9.37062806011962E-3</c:v>
                </c:pt>
                <c:pt idx="58">
                  <c:v>1.888111624043385E-2</c:v>
                </c:pt>
                <c:pt idx="59">
                  <c:v>3.3006988390648473E-2</c:v>
                </c:pt>
                <c:pt idx="60">
                  <c:v>4.2377616450768103E-2</c:v>
                </c:pt>
                <c:pt idx="61">
                  <c:v>5.6503488600982726E-2</c:v>
                </c:pt>
                <c:pt idx="62">
                  <c:v>7.0629360751197356E-2</c:v>
                </c:pt>
                <c:pt idx="63">
                  <c:v>8.4755232901411987E-2</c:v>
                </c:pt>
                <c:pt idx="64">
                  <c:v>9.8881105051626603E-2</c:v>
                </c:pt>
                <c:pt idx="65">
                  <c:v>0.11300697720184122</c:v>
                </c:pt>
                <c:pt idx="66">
                  <c:v>0.12713284935205585</c:v>
                </c:pt>
                <c:pt idx="67">
                  <c:v>0.14125872150227048</c:v>
                </c:pt>
                <c:pt idx="68">
                  <c:v>0.16013983774270435</c:v>
                </c:pt>
                <c:pt idx="69">
                  <c:v>0.17426570989291898</c:v>
                </c:pt>
                <c:pt idx="70">
                  <c:v>0.18839158204313358</c:v>
                </c:pt>
                <c:pt idx="71">
                  <c:v>0.20727269828356742</c:v>
                </c:pt>
                <c:pt idx="72">
                  <c:v>0.22139857043378205</c:v>
                </c:pt>
                <c:pt idx="73">
                  <c:v>0.23552444258399668</c:v>
                </c:pt>
                <c:pt idx="74">
                  <c:v>0.25440555882443056</c:v>
                </c:pt>
                <c:pt idx="75">
                  <c:v>0.26853143097464516</c:v>
                </c:pt>
                <c:pt idx="76">
                  <c:v>0.28727268709476017</c:v>
                </c:pt>
                <c:pt idx="77">
                  <c:v>0.30615380333519404</c:v>
                </c:pt>
                <c:pt idx="78">
                  <c:v>0.3202796754854087</c:v>
                </c:pt>
                <c:pt idx="79">
                  <c:v>0.33916079172584251</c:v>
                </c:pt>
                <c:pt idx="80">
                  <c:v>0.35790204784595758</c:v>
                </c:pt>
                <c:pt idx="81">
                  <c:v>0.37678316408626716</c:v>
                </c:pt>
                <c:pt idx="82">
                  <c:v>0.39566428032670103</c:v>
                </c:pt>
                <c:pt idx="83">
                  <c:v>0.41454539656713485</c:v>
                </c:pt>
                <c:pt idx="84">
                  <c:v>0.42867126871734951</c:v>
                </c:pt>
                <c:pt idx="85">
                  <c:v>0.44741252483746452</c:v>
                </c:pt>
                <c:pt idx="86">
                  <c:v>0.46153839698767918</c:v>
                </c:pt>
                <c:pt idx="87">
                  <c:v>0.48041951322811299</c:v>
                </c:pt>
                <c:pt idx="88">
                  <c:v>0.49454538537832765</c:v>
                </c:pt>
                <c:pt idx="89">
                  <c:v>0.51342650161876147</c:v>
                </c:pt>
                <c:pt idx="90">
                  <c:v>0.52755237376897612</c:v>
                </c:pt>
                <c:pt idx="91">
                  <c:v>0.54629362988909103</c:v>
                </c:pt>
                <c:pt idx="92">
                  <c:v>0.56041950203930579</c:v>
                </c:pt>
                <c:pt idx="93">
                  <c:v>0.57930061827973967</c:v>
                </c:pt>
                <c:pt idx="94">
                  <c:v>0.59342649042995421</c:v>
                </c:pt>
                <c:pt idx="95">
                  <c:v>0.61230760667026385</c:v>
                </c:pt>
                <c:pt idx="96">
                  <c:v>0.62643347882060263</c:v>
                </c:pt>
                <c:pt idx="97">
                  <c:v>0.64531459506091238</c:v>
                </c:pt>
                <c:pt idx="98">
                  <c:v>0.65944046721112692</c:v>
                </c:pt>
                <c:pt idx="99">
                  <c:v>0.67818172333124194</c:v>
                </c:pt>
                <c:pt idx="100">
                  <c:v>0.69230759548145659</c:v>
                </c:pt>
                <c:pt idx="101">
                  <c:v>0.70643346763179549</c:v>
                </c:pt>
                <c:pt idx="102">
                  <c:v>0.72531458387210512</c:v>
                </c:pt>
                <c:pt idx="103">
                  <c:v>0.73944045602231967</c:v>
                </c:pt>
                <c:pt idx="104">
                  <c:v>0.75832157226275354</c:v>
                </c:pt>
                <c:pt idx="105">
                  <c:v>0.7724474444129682</c:v>
                </c:pt>
                <c:pt idx="106">
                  <c:v>0.78657331656318286</c:v>
                </c:pt>
                <c:pt idx="107">
                  <c:v>0.80545443280361662</c:v>
                </c:pt>
                <c:pt idx="108">
                  <c:v>0.81958030495383127</c:v>
                </c:pt>
                <c:pt idx="109">
                  <c:v>0.83370617710404582</c:v>
                </c:pt>
                <c:pt idx="110">
                  <c:v>0.85244743322416094</c:v>
                </c:pt>
                <c:pt idx="111">
                  <c:v>0.87132854946459481</c:v>
                </c:pt>
                <c:pt idx="112">
                  <c:v>0.88545442161480936</c:v>
                </c:pt>
                <c:pt idx="113">
                  <c:v>0.90433553785524323</c:v>
                </c:pt>
                <c:pt idx="114">
                  <c:v>0.92307679397535836</c:v>
                </c:pt>
                <c:pt idx="115">
                  <c:v>0.9372026661255729</c:v>
                </c:pt>
                <c:pt idx="116">
                  <c:v>0.95608378236600677</c:v>
                </c:pt>
                <c:pt idx="117">
                  <c:v>0.97020965451622132</c:v>
                </c:pt>
                <c:pt idx="118">
                  <c:v>0.98433552666643598</c:v>
                </c:pt>
                <c:pt idx="119">
                  <c:v>0.99846139881665064</c:v>
                </c:pt>
                <c:pt idx="120">
                  <c:v>1.0173425150570845</c:v>
                </c:pt>
                <c:pt idx="121">
                  <c:v>1.0314683872072992</c:v>
                </c:pt>
                <c:pt idx="122">
                  <c:v>1.050349503447733</c:v>
                </c:pt>
                <c:pt idx="123">
                  <c:v>1.0644753755979475</c:v>
                </c:pt>
                <c:pt idx="124">
                  <c:v>1.0786012477481624</c:v>
                </c:pt>
                <c:pt idx="125">
                  <c:v>1.0927271198983768</c:v>
                </c:pt>
                <c:pt idx="126">
                  <c:v>1.111468376018492</c:v>
                </c:pt>
                <c:pt idx="127">
                  <c:v>1.1257341082890253</c:v>
                </c:pt>
                <c:pt idx="128">
                  <c:v>1.13985998043924</c:v>
                </c:pt>
                <c:pt idx="129">
                  <c:v>1.158601236559355</c:v>
                </c:pt>
                <c:pt idx="130">
                  <c:v>1.1727271087095696</c:v>
                </c:pt>
                <c:pt idx="131">
                  <c:v>1.1916082249500035</c:v>
                </c:pt>
                <c:pt idx="132">
                  <c:v>1.2057340971002179</c:v>
                </c:pt>
                <c:pt idx="133">
                  <c:v>1.2246152133405277</c:v>
                </c:pt>
                <c:pt idx="134">
                  <c:v>1.2387410854908665</c:v>
                </c:pt>
                <c:pt idx="135">
                  <c:v>1.2574823416108574</c:v>
                </c:pt>
                <c:pt idx="136">
                  <c:v>1.2716082137611964</c:v>
                </c:pt>
                <c:pt idx="137">
                  <c:v>1.2857340859114108</c:v>
                </c:pt>
                <c:pt idx="138">
                  <c:v>1.2998599580616255</c:v>
                </c:pt>
                <c:pt idx="139">
                  <c:v>1.3141256903321588</c:v>
                </c:pt>
                <c:pt idx="140">
                  <c:v>1.3282515624823734</c:v>
                </c:pt>
                <c:pt idx="141">
                  <c:v>1.3423774346325883</c:v>
                </c:pt>
                <c:pt idx="142">
                  <c:v>1.3611186907527033</c:v>
                </c:pt>
                <c:pt idx="143">
                  <c:v>1.3752445629029177</c:v>
                </c:pt>
                <c:pt idx="144">
                  <c:v>1.3893704350531324</c:v>
                </c:pt>
                <c:pt idx="145">
                  <c:v>1.4082515512935663</c:v>
                </c:pt>
                <c:pt idx="146">
                  <c:v>1.4223774234437809</c:v>
                </c:pt>
                <c:pt idx="147">
                  <c:v>1.4365032955939954</c:v>
                </c:pt>
                <c:pt idx="148">
                  <c:v>1.4553844118344292</c:v>
                </c:pt>
                <c:pt idx="149">
                  <c:v>1.4695102839846439</c:v>
                </c:pt>
                <c:pt idx="150">
                  <c:v>1.4836361561348588</c:v>
                </c:pt>
                <c:pt idx="151">
                  <c:v>1.5025172723752926</c:v>
                </c:pt>
                <c:pt idx="152">
                  <c:v>1.5166431445255071</c:v>
                </c:pt>
                <c:pt idx="153">
                  <c:v>1.5307690166757217</c:v>
                </c:pt>
                <c:pt idx="154">
                  <c:v>1.5448948888259364</c:v>
                </c:pt>
                <c:pt idx="155">
                  <c:v>1.5542655168860562</c:v>
                </c:pt>
                <c:pt idx="156">
                  <c:v>1.5683913890362706</c:v>
                </c:pt>
                <c:pt idx="157">
                  <c:v>1.5825172611864853</c:v>
                </c:pt>
                <c:pt idx="158">
                  <c:v>1.5966431333366997</c:v>
                </c:pt>
                <c:pt idx="159">
                  <c:v>1.6107690054869144</c:v>
                </c:pt>
                <c:pt idx="160">
                  <c:v>1.6248948776371293</c:v>
                </c:pt>
                <c:pt idx="161">
                  <c:v>1.6390207497873437</c:v>
                </c:pt>
                <c:pt idx="162">
                  <c:v>1.6531466219375583</c:v>
                </c:pt>
                <c:pt idx="163">
                  <c:v>1.667272494087773</c:v>
                </c:pt>
                <c:pt idx="164">
                  <c:v>1.6813983662379877</c:v>
                </c:pt>
                <c:pt idx="165">
                  <c:v>1.6955242383883267</c:v>
                </c:pt>
                <c:pt idx="166">
                  <c:v>1.7096501105385411</c:v>
                </c:pt>
                <c:pt idx="167">
                  <c:v>1.7237759826887558</c:v>
                </c:pt>
                <c:pt idx="168">
                  <c:v>1.7379018548389702</c:v>
                </c:pt>
                <c:pt idx="169">
                  <c:v>1.7474123430192847</c:v>
                </c:pt>
                <c:pt idx="170">
                  <c:v>1.7615382151694992</c:v>
                </c:pt>
                <c:pt idx="171">
                  <c:v>1.7756640873197138</c:v>
                </c:pt>
                <c:pt idx="172">
                  <c:v>1.7897899594700526</c:v>
                </c:pt>
                <c:pt idx="173">
                  <c:v>1.799160587530048</c:v>
                </c:pt>
                <c:pt idx="174">
                  <c:v>1.8132864596802627</c:v>
                </c:pt>
                <c:pt idx="175">
                  <c:v>1.8274123318304774</c:v>
                </c:pt>
                <c:pt idx="176">
                  <c:v>1.841538203980692</c:v>
                </c:pt>
                <c:pt idx="177">
                  <c:v>1.8556640761309067</c:v>
                </c:pt>
                <c:pt idx="178">
                  <c:v>1.8651745643113451</c:v>
                </c:pt>
                <c:pt idx="179">
                  <c:v>1.8793004364615595</c:v>
                </c:pt>
                <c:pt idx="180">
                  <c:v>1.8934263086117742</c:v>
                </c:pt>
                <c:pt idx="181">
                  <c:v>1.9075521807619891</c:v>
                </c:pt>
                <c:pt idx="182">
                  <c:v>1.9216780529122035</c:v>
                </c:pt>
                <c:pt idx="183">
                  <c:v>1.9358039250624182</c:v>
                </c:pt>
                <c:pt idx="184">
                  <c:v>1.9499297972126326</c:v>
                </c:pt>
                <c:pt idx="185">
                  <c:v>1.9593004252727526</c:v>
                </c:pt>
                <c:pt idx="186">
                  <c:v>1.9734262974229673</c:v>
                </c:pt>
                <c:pt idx="187">
                  <c:v>1.9875521695731815</c:v>
                </c:pt>
                <c:pt idx="188">
                  <c:v>1.9969227976331769</c:v>
                </c:pt>
                <c:pt idx="189">
                  <c:v>2.0110486697835159</c:v>
                </c:pt>
                <c:pt idx="190">
                  <c:v>2.0251745419337301</c:v>
                </c:pt>
                <c:pt idx="191">
                  <c:v>2.0346850301140451</c:v>
                </c:pt>
                <c:pt idx="192">
                  <c:v>2.0488109022642593</c:v>
                </c:pt>
                <c:pt idx="193">
                  <c:v>2.0581815303242545</c:v>
                </c:pt>
                <c:pt idx="194">
                  <c:v>2.072307402474594</c:v>
                </c:pt>
                <c:pt idx="195">
                  <c:v>2.0864332746248082</c:v>
                </c:pt>
                <c:pt idx="196">
                  <c:v>2.0959437628051223</c:v>
                </c:pt>
                <c:pt idx="197">
                  <c:v>2.1100696349553369</c:v>
                </c:pt>
                <c:pt idx="198">
                  <c:v>2.119440263015457</c:v>
                </c:pt>
                <c:pt idx="199">
                  <c:v>2.1335661351656716</c:v>
                </c:pt>
                <c:pt idx="200">
                  <c:v>2.1429367632256668</c:v>
                </c:pt>
                <c:pt idx="201">
                  <c:v>2.1570626353758811</c:v>
                </c:pt>
                <c:pt idx="202">
                  <c:v>2.1665731235563199</c:v>
                </c:pt>
                <c:pt idx="203">
                  <c:v>2.1806989957065346</c:v>
                </c:pt>
                <c:pt idx="204">
                  <c:v>2.1900696237665298</c:v>
                </c:pt>
                <c:pt idx="205">
                  <c:v>2.1994402518266494</c:v>
                </c:pt>
                <c:pt idx="206">
                  <c:v>2.213566123976864</c:v>
                </c:pt>
                <c:pt idx="207">
                  <c:v>2.2230766121571781</c:v>
                </c:pt>
                <c:pt idx="208">
                  <c:v>2.2324472402171738</c:v>
                </c:pt>
                <c:pt idx="209">
                  <c:v>2.2465731123675123</c:v>
                </c:pt>
                <c:pt idx="210">
                  <c:v>2.2560836005478269</c:v>
                </c:pt>
                <c:pt idx="211">
                  <c:v>2.2702094726980415</c:v>
                </c:pt>
                <c:pt idx="212">
                  <c:v>2.2795801007580367</c:v>
                </c:pt>
                <c:pt idx="213">
                  <c:v>2.2889507288181568</c:v>
                </c:pt>
                <c:pt idx="214">
                  <c:v>2.3030766009683714</c:v>
                </c:pt>
                <c:pt idx="215">
                  <c:v>2.3125870891486855</c:v>
                </c:pt>
                <c:pt idx="216">
                  <c:v>2.3267129612989002</c:v>
                </c:pt>
                <c:pt idx="217">
                  <c:v>2.3360835893590197</c:v>
                </c:pt>
                <c:pt idx="218">
                  <c:v>2.3502094615092344</c:v>
                </c:pt>
                <c:pt idx="219">
                  <c:v>2.3595800895692296</c:v>
                </c:pt>
                <c:pt idx="220">
                  <c:v>2.3737059617194443</c:v>
                </c:pt>
                <c:pt idx="221">
                  <c:v>2.3832164498998827</c:v>
                </c:pt>
                <c:pt idx="222">
                  <c:v>2.3925870779598779</c:v>
                </c:pt>
                <c:pt idx="223">
                  <c:v>2.4067129501100926</c:v>
                </c:pt>
                <c:pt idx="224">
                  <c:v>2.4162234382905314</c:v>
                </c:pt>
                <c:pt idx="225">
                  <c:v>2.4255940663505267</c:v>
                </c:pt>
                <c:pt idx="226">
                  <c:v>2.4397199385007409</c:v>
                </c:pt>
                <c:pt idx="227">
                  <c:v>2.4490905665608609</c:v>
                </c:pt>
                <c:pt idx="228">
                  <c:v>2.4632164387110755</c:v>
                </c:pt>
                <c:pt idx="229">
                  <c:v>2.4727269268913896</c:v>
                </c:pt>
                <c:pt idx="230">
                  <c:v>2.4868527990416043</c:v>
                </c:pt>
                <c:pt idx="231">
                  <c:v>2.4962234271017238</c:v>
                </c:pt>
                <c:pt idx="232">
                  <c:v>2.5055940551617191</c:v>
                </c:pt>
                <c:pt idx="233">
                  <c:v>2.5151045433420336</c:v>
                </c:pt>
                <c:pt idx="234">
                  <c:v>2.5244751714021532</c:v>
                </c:pt>
                <c:pt idx="235">
                  <c:v>2.5338457994621488</c:v>
                </c:pt>
                <c:pt idx="236">
                  <c:v>2.5479716716123635</c:v>
                </c:pt>
                <c:pt idx="237">
                  <c:v>2.5574821597928015</c:v>
                </c:pt>
                <c:pt idx="238">
                  <c:v>2.5668527878527971</c:v>
                </c:pt>
                <c:pt idx="239">
                  <c:v>2.5809786600030118</c:v>
                </c:pt>
                <c:pt idx="240">
                  <c:v>2.5904891481834498</c:v>
                </c:pt>
                <c:pt idx="241">
                  <c:v>2.5998597762434454</c:v>
                </c:pt>
                <c:pt idx="242">
                  <c:v>2.6139856483936601</c:v>
                </c:pt>
                <c:pt idx="243">
                  <c:v>2.6233562764537797</c:v>
                </c:pt>
                <c:pt idx="244">
                  <c:v>2.6328667646340942</c:v>
                </c:pt>
                <c:pt idx="245">
                  <c:v>2.6469926367843088</c:v>
                </c:pt>
                <c:pt idx="246">
                  <c:v>2.6563632648443041</c:v>
                </c:pt>
                <c:pt idx="247">
                  <c:v>2.6704891369946431</c:v>
                </c:pt>
                <c:pt idx="248">
                  <c:v>2.6798597650546383</c:v>
                </c:pt>
                <c:pt idx="249">
                  <c:v>2.6893702532349524</c:v>
                </c:pt>
                <c:pt idx="250">
                  <c:v>2.703496125385167</c:v>
                </c:pt>
                <c:pt idx="251">
                  <c:v>2.7128667534452866</c:v>
                </c:pt>
                <c:pt idx="252">
                  <c:v>2.7222373815052818</c:v>
                </c:pt>
                <c:pt idx="253">
                  <c:v>2.7317478696857207</c:v>
                </c:pt>
                <c:pt idx="254">
                  <c:v>2.7458737418359354</c:v>
                </c:pt>
                <c:pt idx="255">
                  <c:v>2.7552443698959306</c:v>
                </c:pt>
                <c:pt idx="256">
                  <c:v>2.7646149979560501</c:v>
                </c:pt>
                <c:pt idx="257">
                  <c:v>2.7788807302265837</c:v>
                </c:pt>
                <c:pt idx="258">
                  <c:v>2.7882513582865789</c:v>
                </c:pt>
                <c:pt idx="259">
                  <c:v>2.7976219863465746</c:v>
                </c:pt>
                <c:pt idx="260">
                  <c:v>2.8117478584969131</c:v>
                </c:pt>
                <c:pt idx="261">
                  <c:v>2.8212583466772272</c:v>
                </c:pt>
                <c:pt idx="262">
                  <c:v>2.8306289747372233</c:v>
                </c:pt>
                <c:pt idx="263">
                  <c:v>2.8399996027973424</c:v>
                </c:pt>
                <c:pt idx="264">
                  <c:v>2.849510090977657</c:v>
                </c:pt>
                <c:pt idx="265">
                  <c:v>2.8588807190377765</c:v>
                </c:pt>
                <c:pt idx="266">
                  <c:v>2.8682513470977722</c:v>
                </c:pt>
                <c:pt idx="267">
                  <c:v>2.8777618352780863</c:v>
                </c:pt>
                <c:pt idx="268">
                  <c:v>2.8871324633382058</c:v>
                </c:pt>
                <c:pt idx="269">
                  <c:v>2.8965030913982011</c:v>
                </c:pt>
                <c:pt idx="270">
                  <c:v>2.9012583354884205</c:v>
                </c:pt>
                <c:pt idx="271">
                  <c:v>2.9106289635484157</c:v>
                </c:pt>
                <c:pt idx="272">
                  <c:v>2.9201394517288546</c:v>
                </c:pt>
                <c:pt idx="273">
                  <c:v>2.9295100797888498</c:v>
                </c:pt>
                <c:pt idx="274">
                  <c:v>2.9388807078489694</c:v>
                </c:pt>
                <c:pt idx="275">
                  <c:v>2.9483911960292835</c:v>
                </c:pt>
                <c:pt idx="276">
                  <c:v>2.9577618240892787</c:v>
                </c:pt>
                <c:pt idx="277">
                  <c:v>2.9672723122697175</c:v>
                </c:pt>
                <c:pt idx="278">
                  <c:v>2.9766429403297128</c:v>
                </c:pt>
                <c:pt idx="279">
                  <c:v>2.986013568389708</c:v>
                </c:pt>
                <c:pt idx="280">
                  <c:v>2.9955240565701464</c:v>
                </c:pt>
                <c:pt idx="281">
                  <c:v>3.0048946846301416</c:v>
                </c:pt>
                <c:pt idx="282">
                  <c:v>3.0096499287203611</c:v>
                </c:pt>
                <c:pt idx="283">
                  <c:v>3.0190205567803563</c:v>
                </c:pt>
                <c:pt idx="284">
                  <c:v>3.0283911848404763</c:v>
                </c:pt>
                <c:pt idx="285">
                  <c:v>3.0379016730207904</c:v>
                </c:pt>
                <c:pt idx="286">
                  <c:v>3.04727230108091</c:v>
                </c:pt>
                <c:pt idx="287">
                  <c:v>3.0566429291409052</c:v>
                </c:pt>
                <c:pt idx="288">
                  <c:v>3.0661534173212197</c:v>
                </c:pt>
                <c:pt idx="289">
                  <c:v>3.0755240453813393</c:v>
                </c:pt>
                <c:pt idx="290">
                  <c:v>3.0848946734413349</c:v>
                </c:pt>
                <c:pt idx="291">
                  <c:v>3.094405161621649</c:v>
                </c:pt>
                <c:pt idx="292">
                  <c:v>3.1037757896817681</c:v>
                </c:pt>
                <c:pt idx="293">
                  <c:v>3.1131464177417643</c:v>
                </c:pt>
                <c:pt idx="294">
                  <c:v>3.1226569059222022</c:v>
                </c:pt>
                <c:pt idx="295">
                  <c:v>3.1320275339821979</c:v>
                </c:pt>
                <c:pt idx="296">
                  <c:v>3.141538022162512</c:v>
                </c:pt>
                <c:pt idx="297">
                  <c:v>3.150908650222632</c:v>
                </c:pt>
                <c:pt idx="298">
                  <c:v>3.1556638943128505</c:v>
                </c:pt>
                <c:pt idx="299">
                  <c:v>3.1650345223728462</c:v>
                </c:pt>
                <c:pt idx="300">
                  <c:v>3.1744051504328414</c:v>
                </c:pt>
                <c:pt idx="301">
                  <c:v>3.1791603945230609</c:v>
                </c:pt>
                <c:pt idx="302">
                  <c:v>3.1885310225831804</c:v>
                </c:pt>
                <c:pt idx="303">
                  <c:v>3.198041510763495</c:v>
                </c:pt>
                <c:pt idx="304">
                  <c:v>3.2074121388234902</c:v>
                </c:pt>
                <c:pt idx="305">
                  <c:v>3.2167827668836098</c:v>
                </c:pt>
                <c:pt idx="306">
                  <c:v>3.2262932550639238</c:v>
                </c:pt>
                <c:pt idx="307">
                  <c:v>3.2356638831240438</c:v>
                </c:pt>
                <c:pt idx="308">
                  <c:v>3.2450345111840391</c:v>
                </c:pt>
                <c:pt idx="309">
                  <c:v>3.2545449993643532</c:v>
                </c:pt>
                <c:pt idx="310">
                  <c:v>3.2639156274244732</c:v>
                </c:pt>
                <c:pt idx="311">
                  <c:v>3.2732862554844684</c:v>
                </c:pt>
                <c:pt idx="312">
                  <c:v>3.2827967436649068</c:v>
                </c:pt>
                <c:pt idx="313">
                  <c:v>3.2874121276346826</c:v>
                </c:pt>
                <c:pt idx="314">
                  <c:v>3.2969226158151215</c:v>
                </c:pt>
                <c:pt idx="315">
                  <c:v>3.3062932438751167</c:v>
                </c:pt>
                <c:pt idx="316">
                  <c:v>3.3158037320554312</c:v>
                </c:pt>
                <c:pt idx="317">
                  <c:v>3.3251743601155503</c:v>
                </c:pt>
                <c:pt idx="318">
                  <c:v>3.334544988175546</c:v>
                </c:pt>
                <c:pt idx="319">
                  <c:v>3.339300232265765</c:v>
                </c:pt>
                <c:pt idx="320">
                  <c:v>3.3486708603257607</c:v>
                </c:pt>
                <c:pt idx="321">
                  <c:v>3.3581813485061991</c:v>
                </c:pt>
                <c:pt idx="322">
                  <c:v>3.3627967324759753</c:v>
                </c:pt>
                <c:pt idx="323">
                  <c:v>3.3723072206564138</c:v>
                </c:pt>
                <c:pt idx="324">
                  <c:v>3.3816778487164094</c:v>
                </c:pt>
                <c:pt idx="325">
                  <c:v>3.3910484767765285</c:v>
                </c:pt>
                <c:pt idx="326">
                  <c:v>3.4005589649568431</c:v>
                </c:pt>
                <c:pt idx="327">
                  <c:v>3.4099295930168383</c:v>
                </c:pt>
                <c:pt idx="328">
                  <c:v>3.4193002210769579</c:v>
                </c:pt>
                <c:pt idx="329">
                  <c:v>3.4288107092572724</c:v>
                </c:pt>
                <c:pt idx="330">
                  <c:v>3.4381813373173915</c:v>
                </c:pt>
                <c:pt idx="331">
                  <c:v>3.442936581407487</c:v>
                </c:pt>
                <c:pt idx="332">
                  <c:v>3.4523072094676066</c:v>
                </c:pt>
                <c:pt idx="333">
                  <c:v>3.4570624535577013</c:v>
                </c:pt>
                <c:pt idx="334">
                  <c:v>3.4664330816178213</c:v>
                </c:pt>
                <c:pt idx="335">
                  <c:v>3.4711883257080403</c:v>
                </c:pt>
                <c:pt idx="336">
                  <c:v>3.4758037096778165</c:v>
                </c:pt>
                <c:pt idx="337">
                  <c:v>3.4853141978582554</c:v>
                </c:pt>
                <c:pt idx="338">
                  <c:v>3.4946848259182506</c:v>
                </c:pt>
                <c:pt idx="339">
                  <c:v>3.4994400700084696</c:v>
                </c:pt>
                <c:pt idx="340">
                  <c:v>3.5088106980684648</c:v>
                </c:pt>
                <c:pt idx="341">
                  <c:v>3.5183211862487789</c:v>
                </c:pt>
                <c:pt idx="342">
                  <c:v>3.5276918143088989</c:v>
                </c:pt>
                <c:pt idx="343">
                  <c:v>3.5370624423688941</c:v>
                </c:pt>
                <c:pt idx="344">
                  <c:v>3.5418176864591135</c:v>
                </c:pt>
                <c:pt idx="345">
                  <c:v>3.5511883145192331</c:v>
                </c:pt>
                <c:pt idx="346">
                  <c:v>3.5606988026995472</c:v>
                </c:pt>
                <c:pt idx="347">
                  <c:v>3.5700694307595424</c:v>
                </c:pt>
                <c:pt idx="348">
                  <c:v>3.5748246748497619</c:v>
                </c:pt>
                <c:pt idx="349">
                  <c:v>3.5841953029097571</c:v>
                </c:pt>
                <c:pt idx="350">
                  <c:v>3.5935659309698771</c:v>
                </c:pt>
                <c:pt idx="351">
                  <c:v>3.6030764191501912</c:v>
                </c:pt>
                <c:pt idx="352">
                  <c:v>3.6076918031200913</c:v>
                </c:pt>
                <c:pt idx="353">
                  <c:v>3.6172022913004054</c:v>
                </c:pt>
                <c:pt idx="354">
                  <c:v>3.6265729193605254</c:v>
                </c:pt>
                <c:pt idx="355">
                  <c:v>3.6359435474205206</c:v>
                </c:pt>
                <c:pt idx="356">
                  <c:v>3.6406987915107401</c:v>
                </c:pt>
                <c:pt idx="357">
                  <c:v>3.6500694195707357</c:v>
                </c:pt>
                <c:pt idx="358">
                  <c:v>3.6595799077511737</c:v>
                </c:pt>
                <c:pt idx="359">
                  <c:v>3.6689505358111689</c:v>
                </c:pt>
                <c:pt idx="360">
                  <c:v>3.6783211638711646</c:v>
                </c:pt>
                <c:pt idx="361">
                  <c:v>3.687831652051603</c:v>
                </c:pt>
                <c:pt idx="362">
                  <c:v>3.6972022801115987</c:v>
                </c:pt>
                <c:pt idx="363">
                  <c:v>3.7019575242018177</c:v>
                </c:pt>
                <c:pt idx="364">
                  <c:v>3.7113281522618133</c:v>
                </c:pt>
                <c:pt idx="365">
                  <c:v>3.7208386404422513</c:v>
                </c:pt>
                <c:pt idx="366">
                  <c:v>3.725454024412028</c:v>
                </c:pt>
                <c:pt idx="367">
                  <c:v>3.7349645125924664</c:v>
                </c:pt>
                <c:pt idx="368">
                  <c:v>3.7395798965623666</c:v>
                </c:pt>
                <c:pt idx="369">
                  <c:v>3.7490903847426811</c:v>
                </c:pt>
                <c:pt idx="370">
                  <c:v>3.7537057687125812</c:v>
                </c:pt>
                <c:pt idx="371">
                  <c:v>3.7632162568928957</c:v>
                </c:pt>
                <c:pt idx="372">
                  <c:v>3.7678316408627963</c:v>
                </c:pt>
                <c:pt idx="373">
                  <c:v>3.7773421290431104</c:v>
                </c:pt>
                <c:pt idx="374">
                  <c:v>3.7867127571031056</c:v>
                </c:pt>
                <c:pt idx="375">
                  <c:v>3.7914680011933246</c:v>
                </c:pt>
                <c:pt idx="376">
                  <c:v>3.8008386292534446</c:v>
                </c:pt>
                <c:pt idx="377">
                  <c:v>3.8055938733435393</c:v>
                </c:pt>
                <c:pt idx="378">
                  <c:v>3.8149645014036593</c:v>
                </c:pt>
                <c:pt idx="379">
                  <c:v>3.8197197454937539</c:v>
                </c:pt>
                <c:pt idx="380">
                  <c:v>3.8290903735538735</c:v>
                </c:pt>
                <c:pt idx="381">
                  <c:v>3.8384610016138692</c:v>
                </c:pt>
                <c:pt idx="382">
                  <c:v>3.8432162457040882</c:v>
                </c:pt>
                <c:pt idx="383">
                  <c:v>3.8525868737640834</c:v>
                </c:pt>
                <c:pt idx="384">
                  <c:v>3.8573421178543028</c:v>
                </c:pt>
                <c:pt idx="385">
                  <c:v>3.8668526060346169</c:v>
                </c:pt>
                <c:pt idx="386">
                  <c:v>3.8714679900045175</c:v>
                </c:pt>
                <c:pt idx="387">
                  <c:v>3.880978478184832</c:v>
                </c:pt>
                <c:pt idx="388">
                  <c:v>3.8903491062449511</c:v>
                </c:pt>
                <c:pt idx="389">
                  <c:v>3.8951043503351706</c:v>
                </c:pt>
                <c:pt idx="390">
                  <c:v>3.8997197343049463</c:v>
                </c:pt>
                <c:pt idx="391">
                  <c:v>3.9092302224853848</c:v>
                </c:pt>
                <c:pt idx="392">
                  <c:v>3.9138456064551614</c:v>
                </c:pt>
                <c:pt idx="393">
                  <c:v>3.9233560946355999</c:v>
                </c:pt>
                <c:pt idx="394">
                  <c:v>3.9327267226955955</c:v>
                </c:pt>
                <c:pt idx="395">
                  <c:v>3.9374819667858141</c:v>
                </c:pt>
                <c:pt idx="396">
                  <c:v>3.9468525948458097</c:v>
                </c:pt>
                <c:pt idx="397">
                  <c:v>3.9516078389360292</c:v>
                </c:pt>
                <c:pt idx="398">
                  <c:v>3.9609784669960248</c:v>
                </c:pt>
                <c:pt idx="399">
                  <c:v>3.9657337110862438</c:v>
                </c:pt>
                <c:pt idx="400">
                  <c:v>3.975104339146363</c:v>
                </c:pt>
                <c:pt idx="401">
                  <c:v>3.9798595832364581</c:v>
                </c:pt>
                <c:pt idx="402">
                  <c:v>3.9892302112965781</c:v>
                </c:pt>
                <c:pt idx="403">
                  <c:v>3.9986008393565737</c:v>
                </c:pt>
                <c:pt idx="404">
                  <c:v>4.0033560834467927</c:v>
                </c:pt>
                <c:pt idx="405">
                  <c:v>4.0081113275368869</c:v>
                </c:pt>
                <c:pt idx="406">
                  <c:v>4.0174819555970078</c:v>
                </c:pt>
                <c:pt idx="407">
                  <c:v>4.0222371996871029</c:v>
                </c:pt>
                <c:pt idx="408">
                  <c:v>4.031607827747222</c:v>
                </c:pt>
                <c:pt idx="409">
                  <c:v>4.0363630718374406</c:v>
                </c:pt>
                <c:pt idx="410">
                  <c:v>4.0457336998974363</c:v>
                </c:pt>
                <c:pt idx="411">
                  <c:v>4.0504889439876557</c:v>
                </c:pt>
                <c:pt idx="412">
                  <c:v>4.0598595720476514</c:v>
                </c:pt>
                <c:pt idx="413">
                  <c:v>4.0646148161378699</c:v>
                </c:pt>
                <c:pt idx="414">
                  <c:v>4.0739854441978656</c:v>
                </c:pt>
                <c:pt idx="415">
                  <c:v>4.078740688288085</c:v>
                </c:pt>
                <c:pt idx="416">
                  <c:v>4.0881113163480807</c:v>
                </c:pt>
                <c:pt idx="417">
                  <c:v>4.0928665604382992</c:v>
                </c:pt>
                <c:pt idx="418">
                  <c:v>4.1022371884982949</c:v>
                </c:pt>
                <c:pt idx="419">
                  <c:v>4.1069924325885143</c:v>
                </c:pt>
                <c:pt idx="420">
                  <c:v>4.1163630606486343</c:v>
                </c:pt>
                <c:pt idx="421">
                  <c:v>4.1211183047387294</c:v>
                </c:pt>
                <c:pt idx="422">
                  <c:v>4.1304889327988485</c:v>
                </c:pt>
                <c:pt idx="423">
                  <c:v>4.1352441768889436</c:v>
                </c:pt>
                <c:pt idx="424">
                  <c:v>4.1399994209791631</c:v>
                </c:pt>
                <c:pt idx="425">
                  <c:v>4.1493700490391587</c:v>
                </c:pt>
                <c:pt idx="426">
                  <c:v>4.1541252931293773</c:v>
                </c:pt>
                <c:pt idx="427">
                  <c:v>4.1634959211894964</c:v>
                </c:pt>
                <c:pt idx="428">
                  <c:v>4.1682511652795915</c:v>
                </c:pt>
                <c:pt idx="429">
                  <c:v>4.1776217933397115</c:v>
                </c:pt>
                <c:pt idx="430">
                  <c:v>4.1869924213997072</c:v>
                </c:pt>
                <c:pt idx="431">
                  <c:v>4.1917476654899266</c:v>
                </c:pt>
                <c:pt idx="432">
                  <c:v>4.2011182935499214</c:v>
                </c:pt>
                <c:pt idx="433">
                  <c:v>4.2058735376401408</c:v>
                </c:pt>
                <c:pt idx="434">
                  <c:v>4.2152441657001356</c:v>
                </c:pt>
                <c:pt idx="435">
                  <c:v>4.2199994097903559</c:v>
                </c:pt>
                <c:pt idx="436">
                  <c:v>4.2295098979706696</c:v>
                </c:pt>
                <c:pt idx="437">
                  <c:v>4.2341252819405701</c:v>
                </c:pt>
                <c:pt idx="438">
                  <c:v>4.2436357701208847</c:v>
                </c:pt>
                <c:pt idx="439">
                  <c:v>4.2530063981810038</c:v>
                </c:pt>
                <c:pt idx="440">
                  <c:v>4.2577616422710989</c:v>
                </c:pt>
                <c:pt idx="441">
                  <c:v>4.267132270331218</c:v>
                </c:pt>
                <c:pt idx="442">
                  <c:v>4.2765028983912137</c:v>
                </c:pt>
                <c:pt idx="443">
                  <c:v>4.2812581424814331</c:v>
                </c:pt>
                <c:pt idx="444">
                  <c:v>4.2860133865716525</c:v>
                </c:pt>
                <c:pt idx="445">
                  <c:v>4.2953840146316473</c:v>
                </c:pt>
                <c:pt idx="446">
                  <c:v>4.3001392587218676</c:v>
                </c:pt>
                <c:pt idx="447">
                  <c:v>4.3095098867818624</c:v>
                </c:pt>
                <c:pt idx="448">
                  <c:v>4.3142651308720819</c:v>
                </c:pt>
                <c:pt idx="449">
                  <c:v>4.3236357589320766</c:v>
                </c:pt>
                <c:pt idx="450">
                  <c:v>4.3283910030222961</c:v>
                </c:pt>
                <c:pt idx="451">
                  <c:v>4.3377616310822917</c:v>
                </c:pt>
                <c:pt idx="452">
                  <c:v>4.3425168751725112</c:v>
                </c:pt>
                <c:pt idx="453">
                  <c:v>4.3471322591424117</c:v>
                </c:pt>
                <c:pt idx="454">
                  <c:v>4.3566427473227254</c:v>
                </c:pt>
                <c:pt idx="455">
                  <c:v>4.361258131292626</c:v>
                </c:pt>
                <c:pt idx="456">
                  <c:v>4.3660133753828445</c:v>
                </c:pt>
                <c:pt idx="457">
                  <c:v>4.3753840034428402</c:v>
                </c:pt>
                <c:pt idx="458">
                  <c:v>4.3801392475330596</c:v>
                </c:pt>
                <c:pt idx="459">
                  <c:v>4.3848944916231547</c:v>
                </c:pt>
                <c:pt idx="460">
                  <c:v>4.3895098755930553</c:v>
                </c:pt>
                <c:pt idx="461">
                  <c:v>4.3990203637733689</c:v>
                </c:pt>
                <c:pt idx="462">
                  <c:v>4.4036357477432695</c:v>
                </c:pt>
                <c:pt idx="463">
                  <c:v>4.4083909918334889</c:v>
                </c:pt>
                <c:pt idx="464">
                  <c:v>4.4131462359237084</c:v>
                </c:pt>
                <c:pt idx="465">
                  <c:v>4.422516863983704</c:v>
                </c:pt>
                <c:pt idx="466">
                  <c:v>4.4272721080739226</c:v>
                </c:pt>
                <c:pt idx="467">
                  <c:v>4.4320273521640186</c:v>
                </c:pt>
                <c:pt idx="468">
                  <c:v>4.4413979802241377</c:v>
                </c:pt>
                <c:pt idx="469">
                  <c:v>4.4461532243142328</c:v>
                </c:pt>
                <c:pt idx="470">
                  <c:v>4.4555238523743519</c:v>
                </c:pt>
                <c:pt idx="471">
                  <c:v>4.4602790964645713</c:v>
                </c:pt>
                <c:pt idx="472">
                  <c:v>4.469649724524567</c:v>
                </c:pt>
                <c:pt idx="473">
                  <c:v>4.4744049686147864</c:v>
                </c:pt>
                <c:pt idx="474">
                  <c:v>4.4837755966747812</c:v>
                </c:pt>
                <c:pt idx="475">
                  <c:v>4.4885308407650006</c:v>
                </c:pt>
                <c:pt idx="476">
                  <c:v>4.4979014688249954</c:v>
                </c:pt>
                <c:pt idx="477">
                  <c:v>4.5026567129152157</c:v>
                </c:pt>
                <c:pt idx="478">
                  <c:v>4.5072720968851163</c:v>
                </c:pt>
                <c:pt idx="479">
                  <c:v>4.51678258506543</c:v>
                </c:pt>
                <c:pt idx="480">
                  <c:v>4.5213979690353305</c:v>
                </c:pt>
                <c:pt idx="481">
                  <c:v>4.5309084572156451</c:v>
                </c:pt>
                <c:pt idx="482">
                  <c:v>4.5355238411855447</c:v>
                </c:pt>
                <c:pt idx="483">
                  <c:v>4.5450343293658593</c:v>
                </c:pt>
                <c:pt idx="484">
                  <c:v>4.5496497133357598</c:v>
                </c:pt>
                <c:pt idx="485">
                  <c:v>4.5591602015160735</c:v>
                </c:pt>
                <c:pt idx="486">
                  <c:v>4.5637755854859741</c:v>
                </c:pt>
                <c:pt idx="487">
                  <c:v>4.5732860736662886</c:v>
                </c:pt>
                <c:pt idx="488">
                  <c:v>4.5779014576361892</c:v>
                </c:pt>
                <c:pt idx="489">
                  <c:v>4.5826567017264077</c:v>
                </c:pt>
                <c:pt idx="490">
                  <c:v>4.5874119458166271</c:v>
                </c:pt>
                <c:pt idx="491">
                  <c:v>4.5967825738766219</c:v>
                </c:pt>
                <c:pt idx="492">
                  <c:v>4.6015378179668422</c:v>
                </c:pt>
                <c:pt idx="493">
                  <c:v>4.6062930620569364</c:v>
                </c:pt>
                <c:pt idx="494">
                  <c:v>4.6156636901170565</c:v>
                </c:pt>
                <c:pt idx="495">
                  <c:v>4.6204189342071516</c:v>
                </c:pt>
                <c:pt idx="496">
                  <c:v>4.6250343181770512</c:v>
                </c:pt>
                <c:pt idx="497">
                  <c:v>4.6345448063573667</c:v>
                </c:pt>
                <c:pt idx="498">
                  <c:v>4.6391601903272663</c:v>
                </c:pt>
                <c:pt idx="499">
                  <c:v>4.6439154344174858</c:v>
                </c:pt>
                <c:pt idx="500">
                  <c:v>4.6532860624774814</c:v>
                </c:pt>
                <c:pt idx="501">
                  <c:v>4.6580413065677</c:v>
                </c:pt>
                <c:pt idx="502">
                  <c:v>4.6674119346276957</c:v>
                </c:pt>
                <c:pt idx="503">
                  <c:v>4.6721671787179151</c:v>
                </c:pt>
                <c:pt idx="504">
                  <c:v>4.6815378067780342</c:v>
                </c:pt>
                <c:pt idx="505">
                  <c:v>4.6862930508681293</c:v>
                </c:pt>
                <c:pt idx="506">
                  <c:v>4.6910482949583487</c:v>
                </c:pt>
                <c:pt idx="507">
                  <c:v>4.6956636789282484</c:v>
                </c:pt>
                <c:pt idx="508">
                  <c:v>4.7051741671085638</c:v>
                </c:pt>
                <c:pt idx="509">
                  <c:v>4.7097895510784635</c:v>
                </c:pt>
                <c:pt idx="510">
                  <c:v>4.7193000392587781</c:v>
                </c:pt>
                <c:pt idx="511">
                  <c:v>4.7239154232286786</c:v>
                </c:pt>
                <c:pt idx="512">
                  <c:v>4.7286706673188981</c:v>
                </c:pt>
                <c:pt idx="513">
                  <c:v>4.7380412953788937</c:v>
                </c:pt>
                <c:pt idx="514">
                  <c:v>4.7427965394691123</c:v>
                </c:pt>
                <c:pt idx="515">
                  <c:v>4.7521671675291079</c:v>
                </c:pt>
                <c:pt idx="516">
                  <c:v>4.7569224116193265</c:v>
                </c:pt>
                <c:pt idx="517">
                  <c:v>4.7662930396793222</c:v>
                </c:pt>
                <c:pt idx="518">
                  <c:v>4.7710482837695416</c:v>
                </c:pt>
                <c:pt idx="519">
                  <c:v>4.7758035278597601</c:v>
                </c:pt>
                <c:pt idx="520">
                  <c:v>4.7851741559197558</c:v>
                </c:pt>
                <c:pt idx="521">
                  <c:v>4.7899294000099761</c:v>
                </c:pt>
                <c:pt idx="522">
                  <c:v>4.7946846441000703</c:v>
                </c:pt>
                <c:pt idx="523">
                  <c:v>4.7993000280699709</c:v>
                </c:pt>
                <c:pt idx="524">
                  <c:v>4.8088105162502846</c:v>
                </c:pt>
                <c:pt idx="525">
                  <c:v>4.8134259002201851</c:v>
                </c:pt>
                <c:pt idx="526">
                  <c:v>4.8181811443104046</c:v>
                </c:pt>
                <c:pt idx="527">
                  <c:v>4.8275517723703993</c:v>
                </c:pt>
                <c:pt idx="528">
                  <c:v>4.8323070164606197</c:v>
                </c:pt>
                <c:pt idx="529">
                  <c:v>4.8370622605508382</c:v>
                </c:pt>
                <c:pt idx="530">
                  <c:v>4.8464328886108339</c:v>
                </c:pt>
                <c:pt idx="531">
                  <c:v>4.8511881327010533</c:v>
                </c:pt>
                <c:pt idx="532">
                  <c:v>4.8558035166709539</c:v>
                </c:pt>
                <c:pt idx="533">
                  <c:v>4.860558760761049</c:v>
                </c:pt>
                <c:pt idx="534">
                  <c:v>4.8699293888211681</c:v>
                </c:pt>
                <c:pt idx="535">
                  <c:v>4.8746846329112632</c:v>
                </c:pt>
                <c:pt idx="536">
                  <c:v>4.8794398770014817</c:v>
                </c:pt>
                <c:pt idx="537">
                  <c:v>4.8840552609713823</c:v>
                </c:pt>
                <c:pt idx="538">
                  <c:v>4.8935657491516968</c:v>
                </c:pt>
                <c:pt idx="539">
                  <c:v>4.8981811331215974</c:v>
                </c:pt>
                <c:pt idx="540">
                  <c:v>4.9029363772116925</c:v>
                </c:pt>
                <c:pt idx="541">
                  <c:v>4.9123070052718116</c:v>
                </c:pt>
                <c:pt idx="542">
                  <c:v>4.9170622493620311</c:v>
                </c:pt>
                <c:pt idx="543">
                  <c:v>4.9218174934521262</c:v>
                </c:pt>
                <c:pt idx="544">
                  <c:v>4.9264328774220267</c:v>
                </c:pt>
                <c:pt idx="545">
                  <c:v>4.9359433656023413</c:v>
                </c:pt>
                <c:pt idx="546">
                  <c:v>4.9405587495722409</c:v>
                </c:pt>
                <c:pt idx="547">
                  <c:v>4.9500692377525555</c:v>
                </c:pt>
                <c:pt idx="548">
                  <c:v>4.9546846217224561</c:v>
                </c:pt>
                <c:pt idx="549">
                  <c:v>4.9594398658126755</c:v>
                </c:pt>
                <c:pt idx="550">
                  <c:v>4.964195109902894</c:v>
                </c:pt>
                <c:pt idx="551">
                  <c:v>4.9735657379628897</c:v>
                </c:pt>
                <c:pt idx="552">
                  <c:v>4.9783209820531082</c:v>
                </c:pt>
                <c:pt idx="553">
                  <c:v>4.9830762261432042</c:v>
                </c:pt>
                <c:pt idx="554">
                  <c:v>4.9876916101131039</c:v>
                </c:pt>
                <c:pt idx="555">
                  <c:v>4.9924468542033233</c:v>
                </c:pt>
                <c:pt idx="556">
                  <c:v>4.9972020982934184</c:v>
                </c:pt>
                <c:pt idx="557">
                  <c:v>5.001817482263319</c:v>
                </c:pt>
                <c:pt idx="558">
                  <c:v>5.0065727263535384</c:v>
                </c:pt>
                <c:pt idx="559">
                  <c:v>5.0159433544135332</c:v>
                </c:pt>
                <c:pt idx="560">
                  <c:v>5.0206985985037536</c:v>
                </c:pt>
                <c:pt idx="561">
                  <c:v>5.0254538425939721</c:v>
                </c:pt>
                <c:pt idx="562">
                  <c:v>5.0300692265637483</c:v>
                </c:pt>
                <c:pt idx="563">
                  <c:v>5.0395797147441863</c:v>
                </c:pt>
                <c:pt idx="564">
                  <c:v>5.0441950987140869</c:v>
                </c:pt>
                <c:pt idx="565">
                  <c:v>5.048950342804182</c:v>
                </c:pt>
                <c:pt idx="566">
                  <c:v>5.0537055868944014</c:v>
                </c:pt>
                <c:pt idx="567">
                  <c:v>5.058320970864302</c:v>
                </c:pt>
                <c:pt idx="568">
                  <c:v>5.0630762149543971</c:v>
                </c:pt>
                <c:pt idx="569">
                  <c:v>5.0678314590446156</c:v>
                </c:pt>
                <c:pt idx="570">
                  <c:v>5.0724468430145162</c:v>
                </c:pt>
                <c:pt idx="571">
                  <c:v>5.0819573311948307</c:v>
                </c:pt>
                <c:pt idx="572">
                  <c:v>5.0865727151647313</c:v>
                </c:pt>
                <c:pt idx="573">
                  <c:v>5.0913279592548264</c:v>
                </c:pt>
                <c:pt idx="574">
                  <c:v>5.0960832033450449</c:v>
                </c:pt>
                <c:pt idx="575">
                  <c:v>5.1006985873149455</c:v>
                </c:pt>
                <c:pt idx="576">
                  <c:v>5.1102090754952592</c:v>
                </c:pt>
                <c:pt idx="577">
                  <c:v>5.1148244594651597</c:v>
                </c:pt>
                <c:pt idx="578">
                  <c:v>5.1195797035553801</c:v>
                </c:pt>
                <c:pt idx="579">
                  <c:v>5.1243349476454743</c:v>
                </c:pt>
                <c:pt idx="580">
                  <c:v>5.1289503316153748</c:v>
                </c:pt>
                <c:pt idx="581">
                  <c:v>5.1384608197956885</c:v>
                </c:pt>
                <c:pt idx="582">
                  <c:v>5.1432160638859088</c:v>
                </c:pt>
                <c:pt idx="583">
                  <c:v>5.1478314478558094</c:v>
                </c:pt>
                <c:pt idx="584">
                  <c:v>5.157341936036123</c:v>
                </c:pt>
                <c:pt idx="585">
                  <c:v>5.1619573200060236</c:v>
                </c:pt>
                <c:pt idx="586">
                  <c:v>5.1667125640962421</c:v>
                </c:pt>
                <c:pt idx="587">
                  <c:v>5.1760831921562378</c:v>
                </c:pt>
                <c:pt idx="588">
                  <c:v>5.1808384362464572</c:v>
                </c:pt>
                <c:pt idx="589">
                  <c:v>5.1855936803365523</c:v>
                </c:pt>
                <c:pt idx="590">
                  <c:v>5.1902090643064529</c:v>
                </c:pt>
                <c:pt idx="591">
                  <c:v>5.1949643083966714</c:v>
                </c:pt>
                <c:pt idx="592">
                  <c:v>5.2043349364566671</c:v>
                </c:pt>
                <c:pt idx="593">
                  <c:v>5.2090901805468857</c:v>
                </c:pt>
                <c:pt idx="594">
                  <c:v>5.213845424637106</c:v>
                </c:pt>
                <c:pt idx="595">
                  <c:v>5.2232160526971008</c:v>
                </c:pt>
                <c:pt idx="596">
                  <c:v>5.2279712967873202</c:v>
                </c:pt>
                <c:pt idx="597">
                  <c:v>5.2325866807572208</c:v>
                </c:pt>
                <c:pt idx="598">
                  <c:v>5.2373419248473159</c:v>
                </c:pt>
                <c:pt idx="599">
                  <c:v>5.2467125529074359</c:v>
                </c:pt>
                <c:pt idx="600">
                  <c:v>5.251467796997531</c:v>
                </c:pt>
                <c:pt idx="601">
                  <c:v>5.2562230410877495</c:v>
                </c:pt>
                <c:pt idx="602">
                  <c:v>5.2608384250576501</c:v>
                </c:pt>
                <c:pt idx="603">
                  <c:v>5.2703489132379637</c:v>
                </c:pt>
                <c:pt idx="604">
                  <c:v>5.2749642972078643</c:v>
                </c:pt>
                <c:pt idx="605">
                  <c:v>5.2797195412979603</c:v>
                </c:pt>
                <c:pt idx="606">
                  <c:v>5.2844747853881788</c:v>
                </c:pt>
                <c:pt idx="607">
                  <c:v>5.293845413448298</c:v>
                </c:pt>
                <c:pt idx="608">
                  <c:v>5.298600657538393</c:v>
                </c:pt>
                <c:pt idx="609">
                  <c:v>5.3032160415082936</c:v>
                </c:pt>
                <c:pt idx="610">
                  <c:v>5.3079712855985131</c:v>
                </c:pt>
                <c:pt idx="611">
                  <c:v>5.3127265296886081</c:v>
                </c:pt>
                <c:pt idx="612">
                  <c:v>5.3173419136585087</c:v>
                </c:pt>
                <c:pt idx="613">
                  <c:v>5.3268524018388224</c:v>
                </c:pt>
                <c:pt idx="614">
                  <c:v>5.3316076459290418</c:v>
                </c:pt>
                <c:pt idx="615">
                  <c:v>5.3362230298989424</c:v>
                </c:pt>
                <c:pt idx="616">
                  <c:v>5.3409782739891618</c:v>
                </c:pt>
                <c:pt idx="617">
                  <c:v>5.3457335180792569</c:v>
                </c:pt>
                <c:pt idx="618">
                  <c:v>5.3503489020491575</c:v>
                </c:pt>
                <c:pt idx="619">
                  <c:v>5.355104146139376</c:v>
                </c:pt>
                <c:pt idx="620">
                  <c:v>5.3598593902294711</c:v>
                </c:pt>
                <c:pt idx="621">
                  <c:v>5.3644747741993717</c:v>
                </c:pt>
                <c:pt idx="622">
                  <c:v>5.3692300182895911</c:v>
                </c:pt>
                <c:pt idx="623">
                  <c:v>5.3739852623796862</c:v>
                </c:pt>
                <c:pt idx="624">
                  <c:v>5.3786006463495868</c:v>
                </c:pt>
                <c:pt idx="625">
                  <c:v>5.3881111345300248</c:v>
                </c:pt>
                <c:pt idx="626">
                  <c:v>5.392726518499801</c:v>
                </c:pt>
                <c:pt idx="627">
                  <c:v>5.3974817625900195</c:v>
                </c:pt>
                <c:pt idx="628">
                  <c:v>5.4022370066802399</c:v>
                </c:pt>
                <c:pt idx="629">
                  <c:v>5.4068523906500152</c:v>
                </c:pt>
                <c:pt idx="630">
                  <c:v>5.4116076347402347</c:v>
                </c:pt>
                <c:pt idx="631">
                  <c:v>5.4163628788304541</c:v>
                </c:pt>
                <c:pt idx="632">
                  <c:v>5.4209782628003547</c:v>
                </c:pt>
                <c:pt idx="633">
                  <c:v>5.4257335068904489</c:v>
                </c:pt>
                <c:pt idx="634">
                  <c:v>5.4304887509806692</c:v>
                </c:pt>
                <c:pt idx="635">
                  <c:v>5.439859379040664</c:v>
                </c:pt>
                <c:pt idx="636">
                  <c:v>5.4446146231308834</c:v>
                </c:pt>
                <c:pt idx="637">
                  <c:v>5.449230007100784</c:v>
                </c:pt>
                <c:pt idx="638">
                  <c:v>5.4539852511908782</c:v>
                </c:pt>
                <c:pt idx="639">
                  <c:v>5.4587404952810976</c:v>
                </c:pt>
                <c:pt idx="640">
                  <c:v>5.4633558792509982</c:v>
                </c:pt>
                <c:pt idx="641">
                  <c:v>5.4728663674313127</c:v>
                </c:pt>
                <c:pt idx="642">
                  <c:v>5.4774817514012133</c:v>
                </c:pt>
                <c:pt idx="643">
                  <c:v>5.4822369954914318</c:v>
                </c:pt>
                <c:pt idx="644">
                  <c:v>5.4869922395815269</c:v>
                </c:pt>
                <c:pt idx="645">
                  <c:v>5.4916076235514275</c:v>
                </c:pt>
                <c:pt idx="646">
                  <c:v>5.4963628676416461</c:v>
                </c:pt>
                <c:pt idx="647">
                  <c:v>5.5058733558219606</c:v>
                </c:pt>
                <c:pt idx="648">
                  <c:v>5.5104887397918612</c:v>
                </c:pt>
                <c:pt idx="649">
                  <c:v>5.5152439838819562</c:v>
                </c:pt>
                <c:pt idx="650">
                  <c:v>5.5199992279721757</c:v>
                </c:pt>
                <c:pt idx="651">
                  <c:v>5.5246146119420754</c:v>
                </c:pt>
                <c:pt idx="652">
                  <c:v>5.5293698560322957</c:v>
                </c:pt>
                <c:pt idx="653">
                  <c:v>5.5341251001223908</c:v>
                </c:pt>
                <c:pt idx="654">
                  <c:v>5.5434957281825099</c:v>
                </c:pt>
                <c:pt idx="655">
                  <c:v>5.548250972272605</c:v>
                </c:pt>
                <c:pt idx="656">
                  <c:v>5.5528663562425056</c:v>
                </c:pt>
                <c:pt idx="657">
                  <c:v>5.5623768444228192</c:v>
                </c:pt>
                <c:pt idx="658">
                  <c:v>5.5669922283927198</c:v>
                </c:pt>
                <c:pt idx="659">
                  <c:v>5.5717474724829392</c:v>
                </c:pt>
                <c:pt idx="660">
                  <c:v>5.5765027165731578</c:v>
                </c:pt>
                <c:pt idx="661">
                  <c:v>5.5858733446331534</c:v>
                </c:pt>
                <c:pt idx="662">
                  <c:v>5.5906285887233729</c:v>
                </c:pt>
                <c:pt idx="663">
                  <c:v>5.5952439726931491</c:v>
                </c:pt>
                <c:pt idx="664">
                  <c:v>5.5999992167833685</c:v>
                </c:pt>
                <c:pt idx="665">
                  <c:v>5.604754460873588</c:v>
                </c:pt>
                <c:pt idx="666">
                  <c:v>5.6141250889335828</c:v>
                </c:pt>
                <c:pt idx="667">
                  <c:v>5.6188803330238022</c:v>
                </c:pt>
                <c:pt idx="668">
                  <c:v>5.6234957169937019</c:v>
                </c:pt>
                <c:pt idx="669">
                  <c:v>5.628250961083797</c:v>
                </c:pt>
                <c:pt idx="670">
                  <c:v>5.6330062051740173</c:v>
                </c:pt>
                <c:pt idx="671">
                  <c:v>5.6423768332340121</c:v>
                </c:pt>
                <c:pt idx="672">
                  <c:v>5.6471320773242315</c:v>
                </c:pt>
                <c:pt idx="673">
                  <c:v>5.6565027053843506</c:v>
                </c:pt>
                <c:pt idx="674">
                  <c:v>5.6612579494744466</c:v>
                </c:pt>
                <c:pt idx="675">
                  <c:v>5.6658733334443463</c:v>
                </c:pt>
                <c:pt idx="676">
                  <c:v>5.6753838216246608</c:v>
                </c:pt>
                <c:pt idx="677">
                  <c:v>5.6799992055945614</c:v>
                </c:pt>
                <c:pt idx="678">
                  <c:v>5.6847544496847799</c:v>
                </c:pt>
                <c:pt idx="679">
                  <c:v>5.689509693774875</c:v>
                </c:pt>
                <c:pt idx="680">
                  <c:v>5.6942649378650945</c:v>
                </c:pt>
                <c:pt idx="681">
                  <c:v>5.7036355659250901</c:v>
                </c:pt>
                <c:pt idx="682">
                  <c:v>5.7083908100153087</c:v>
                </c:pt>
                <c:pt idx="683">
                  <c:v>5.7130061939852093</c:v>
                </c:pt>
                <c:pt idx="684">
                  <c:v>5.7177614380754287</c:v>
                </c:pt>
                <c:pt idx="685">
                  <c:v>5.7225166821655238</c:v>
                </c:pt>
                <c:pt idx="686">
                  <c:v>5.7271320661354235</c:v>
                </c:pt>
                <c:pt idx="687">
                  <c:v>5.736642554315738</c:v>
                </c:pt>
                <c:pt idx="688">
                  <c:v>5.7412579382856386</c:v>
                </c:pt>
                <c:pt idx="689">
                  <c:v>5.746013182375858</c:v>
                </c:pt>
                <c:pt idx="690">
                  <c:v>5.7507684264659531</c:v>
                </c:pt>
                <c:pt idx="691">
                  <c:v>5.7601390545260731</c:v>
                </c:pt>
                <c:pt idx="692">
                  <c:v>5.7648942986162917</c:v>
                </c:pt>
                <c:pt idx="693">
                  <c:v>5.7695096825860679</c:v>
                </c:pt>
                <c:pt idx="694">
                  <c:v>5.7742649266762873</c:v>
                </c:pt>
                <c:pt idx="695">
                  <c:v>5.7790201707665059</c:v>
                </c:pt>
                <c:pt idx="696">
                  <c:v>5.7883907988265015</c:v>
                </c:pt>
                <c:pt idx="697">
                  <c:v>5.793146042916721</c:v>
                </c:pt>
                <c:pt idx="698">
                  <c:v>5.7977614268866215</c:v>
                </c:pt>
                <c:pt idx="699">
                  <c:v>5.8025166709767166</c:v>
                </c:pt>
                <c:pt idx="700">
                  <c:v>5.8072719150669352</c:v>
                </c:pt>
                <c:pt idx="701">
                  <c:v>5.8118872990368358</c:v>
                </c:pt>
                <c:pt idx="702">
                  <c:v>5.8166425431269309</c:v>
                </c:pt>
                <c:pt idx="703">
                  <c:v>5.8213977872171503</c:v>
                </c:pt>
                <c:pt idx="704">
                  <c:v>5.82601317118705</c:v>
                </c:pt>
                <c:pt idx="705">
                  <c:v>5.830768415277146</c:v>
                </c:pt>
                <c:pt idx="706">
                  <c:v>5.8355236593673654</c:v>
                </c:pt>
                <c:pt idx="707">
                  <c:v>5.8401390433372651</c:v>
                </c:pt>
                <c:pt idx="708">
                  <c:v>5.8448942874274845</c:v>
                </c:pt>
                <c:pt idx="709">
                  <c:v>5.8496495315175796</c:v>
                </c:pt>
                <c:pt idx="710">
                  <c:v>5.8542649154874802</c:v>
                </c:pt>
                <c:pt idx="711">
                  <c:v>5.8590201595776996</c:v>
                </c:pt>
                <c:pt idx="712">
                  <c:v>5.8637754036677947</c:v>
                </c:pt>
                <c:pt idx="713">
                  <c:v>5.8731460317279138</c:v>
                </c:pt>
                <c:pt idx="714">
                  <c:v>5.8779012758180089</c:v>
                </c:pt>
                <c:pt idx="715">
                  <c:v>5.8826565199082284</c:v>
                </c:pt>
                <c:pt idx="716">
                  <c:v>5.887271903878128</c:v>
                </c:pt>
                <c:pt idx="717">
                  <c:v>5.8920271479683475</c:v>
                </c:pt>
                <c:pt idx="718">
                  <c:v>5.9013977760283431</c:v>
                </c:pt>
                <c:pt idx="719">
                  <c:v>5.9061530201185617</c:v>
                </c:pt>
                <c:pt idx="720">
                  <c:v>5.9109082642086568</c:v>
                </c:pt>
                <c:pt idx="721">
                  <c:v>5.9155236481785574</c:v>
                </c:pt>
                <c:pt idx="722">
                  <c:v>5.9202788922687777</c:v>
                </c:pt>
                <c:pt idx="723">
                  <c:v>5.9250341363588719</c:v>
                </c:pt>
                <c:pt idx="724">
                  <c:v>5.9296495203287725</c:v>
                </c:pt>
                <c:pt idx="725">
                  <c:v>5.9344047644189919</c:v>
                </c:pt>
                <c:pt idx="726">
                  <c:v>5.9391600085090861</c:v>
                </c:pt>
                <c:pt idx="727">
                  <c:v>5.9437753924789867</c:v>
                </c:pt>
                <c:pt idx="728">
                  <c:v>5.9485306365692061</c:v>
                </c:pt>
                <c:pt idx="729">
                  <c:v>5.9532858806594255</c:v>
                </c:pt>
                <c:pt idx="730">
                  <c:v>5.9579012646292009</c:v>
                </c:pt>
                <c:pt idx="731">
                  <c:v>5.9626565087194212</c:v>
                </c:pt>
                <c:pt idx="732">
                  <c:v>5.9674117528096398</c:v>
                </c:pt>
                <c:pt idx="733">
                  <c:v>5.972027136779416</c:v>
                </c:pt>
                <c:pt idx="734">
                  <c:v>5.9767823808696354</c:v>
                </c:pt>
                <c:pt idx="735">
                  <c:v>5.9861530089297545</c:v>
                </c:pt>
                <c:pt idx="736">
                  <c:v>5.9909082530198505</c:v>
                </c:pt>
                <c:pt idx="737">
                  <c:v>5.9956634971100691</c:v>
                </c:pt>
                <c:pt idx="738">
                  <c:v>6.0002788810799697</c:v>
                </c:pt>
                <c:pt idx="739">
                  <c:v>6.0050341251700647</c:v>
                </c:pt>
                <c:pt idx="740">
                  <c:v>6.0097893692602833</c:v>
                </c:pt>
                <c:pt idx="741">
                  <c:v>6.0144047532301839</c:v>
                </c:pt>
                <c:pt idx="742">
                  <c:v>6.0144047532301839</c:v>
                </c:pt>
                <c:pt idx="743">
                  <c:v>6.019159997320279</c:v>
                </c:pt>
                <c:pt idx="744">
                  <c:v>6.0239152414104984</c:v>
                </c:pt>
                <c:pt idx="745">
                  <c:v>6.0332858694706184</c:v>
                </c:pt>
                <c:pt idx="746">
                  <c:v>6.0380411135607126</c:v>
                </c:pt>
                <c:pt idx="747">
                  <c:v>6.0426564975306132</c:v>
                </c:pt>
                <c:pt idx="748">
                  <c:v>6.0474117416208326</c:v>
                </c:pt>
                <c:pt idx="749">
                  <c:v>6.0569222298011471</c:v>
                </c:pt>
                <c:pt idx="750">
                  <c:v>6.0615376137710477</c:v>
                </c:pt>
                <c:pt idx="751">
                  <c:v>6.0662928578611428</c:v>
                </c:pt>
                <c:pt idx="752">
                  <c:v>6.0710481019513614</c:v>
                </c:pt>
                <c:pt idx="753">
                  <c:v>6.0756634859212619</c:v>
                </c:pt>
                <c:pt idx="754">
                  <c:v>6.0804187300114814</c:v>
                </c:pt>
                <c:pt idx="755">
                  <c:v>6.0851739741015765</c:v>
                </c:pt>
                <c:pt idx="756">
                  <c:v>6.089789358071477</c:v>
                </c:pt>
                <c:pt idx="757">
                  <c:v>6.0992998462517907</c:v>
                </c:pt>
                <c:pt idx="758">
                  <c:v>6.1039152302216912</c:v>
                </c:pt>
                <c:pt idx="759">
                  <c:v>6.1086704743119098</c:v>
                </c:pt>
                <c:pt idx="760">
                  <c:v>6.1134257184020058</c:v>
                </c:pt>
                <c:pt idx="761">
                  <c:v>6.1180411023719055</c:v>
                </c:pt>
                <c:pt idx="762">
                  <c:v>6.1227963464621249</c:v>
                </c:pt>
                <c:pt idx="763">
                  <c:v>6.12755159055222</c:v>
                </c:pt>
                <c:pt idx="764">
                  <c:v>6.12755159055222</c:v>
                </c:pt>
                <c:pt idx="765">
                  <c:v>6.1321669745221206</c:v>
                </c:pt>
                <c:pt idx="766">
                  <c:v>6.1416774627025594</c:v>
                </c:pt>
                <c:pt idx="767">
                  <c:v>6.1462928466723348</c:v>
                </c:pt>
                <c:pt idx="768">
                  <c:v>6.1510480907625551</c:v>
                </c:pt>
                <c:pt idx="769">
                  <c:v>6.1558033348527736</c:v>
                </c:pt>
                <c:pt idx="770">
                  <c:v>6.1604187188226742</c:v>
                </c:pt>
                <c:pt idx="771">
                  <c:v>6.1651739629127693</c:v>
                </c:pt>
                <c:pt idx="772">
                  <c:v>6.1699292070029879</c:v>
                </c:pt>
                <c:pt idx="773">
                  <c:v>6.1745445909728884</c:v>
                </c:pt>
                <c:pt idx="774">
                  <c:v>6.184055079153203</c:v>
                </c:pt>
                <c:pt idx="775">
                  <c:v>6.1886704631231035</c:v>
                </c:pt>
                <c:pt idx="776">
                  <c:v>6.1934257072131986</c:v>
                </c:pt>
                <c:pt idx="777">
                  <c:v>6.1981809513034172</c:v>
                </c:pt>
                <c:pt idx="778">
                  <c:v>6.2027963352733178</c:v>
                </c:pt>
                <c:pt idx="779">
                  <c:v>6.2075515793634128</c:v>
                </c:pt>
                <c:pt idx="780">
                  <c:v>6.216922207423532</c:v>
                </c:pt>
                <c:pt idx="781">
                  <c:v>6.2216774515137523</c:v>
                </c:pt>
                <c:pt idx="782">
                  <c:v>6.2264326956038465</c:v>
                </c:pt>
                <c:pt idx="783">
                  <c:v>6.2358033236639665</c:v>
                </c:pt>
                <c:pt idx="784">
                  <c:v>6.2405585677540607</c:v>
                </c:pt>
                <c:pt idx="785">
                  <c:v>6.245313811844281</c:v>
                </c:pt>
                <c:pt idx="786">
                  <c:v>6.2546844399042758</c:v>
                </c:pt>
                <c:pt idx="787">
                  <c:v>6.2594396839944952</c:v>
                </c:pt>
                <c:pt idx="788">
                  <c:v>6.2640550679643958</c:v>
                </c:pt>
                <c:pt idx="789">
                  <c:v>6.2735655561447103</c:v>
                </c:pt>
                <c:pt idx="790">
                  <c:v>6.27818094011461</c:v>
                </c:pt>
                <c:pt idx="791">
                  <c:v>6.2829361842048295</c:v>
                </c:pt>
                <c:pt idx="792">
                  <c:v>6.2876914282949246</c:v>
                </c:pt>
                <c:pt idx="793">
                  <c:v>6.2970620563550437</c:v>
                </c:pt>
                <c:pt idx="794">
                  <c:v>6.2970620563550437</c:v>
                </c:pt>
                <c:pt idx="795">
                  <c:v>6.3018173004451388</c:v>
                </c:pt>
                <c:pt idx="796">
                  <c:v>6.3064326844150393</c:v>
                </c:pt>
                <c:pt idx="797">
                  <c:v>6.3111879285052588</c:v>
                </c:pt>
                <c:pt idx="798">
                  <c:v>6.3159431725953539</c:v>
                </c:pt>
                <c:pt idx="799">
                  <c:v>6.3205585565652544</c:v>
                </c:pt>
                <c:pt idx="800">
                  <c:v>6.325313800655473</c:v>
                </c:pt>
                <c:pt idx="801">
                  <c:v>6.3300690447456924</c:v>
                </c:pt>
                <c:pt idx="802">
                  <c:v>6.3346844287154687</c:v>
                </c:pt>
                <c:pt idx="803">
                  <c:v>6.3394396728056872</c:v>
                </c:pt>
                <c:pt idx="804">
                  <c:v>6.3441949168959075</c:v>
                </c:pt>
                <c:pt idx="805">
                  <c:v>6.3488103008658081</c:v>
                </c:pt>
                <c:pt idx="806">
                  <c:v>6.3535655449559023</c:v>
                </c:pt>
                <c:pt idx="807">
                  <c:v>6.3535655449559023</c:v>
                </c:pt>
                <c:pt idx="808">
                  <c:v>6.3583207890461217</c:v>
                </c:pt>
                <c:pt idx="809">
                  <c:v>6.3629361730160223</c:v>
                </c:pt>
                <c:pt idx="810">
                  <c:v>6.3676914171061174</c:v>
                </c:pt>
                <c:pt idx="811">
                  <c:v>6.3724466611963368</c:v>
                </c:pt>
                <c:pt idx="812">
                  <c:v>6.3770620451662374</c:v>
                </c:pt>
                <c:pt idx="813">
                  <c:v>6.3770620451662374</c:v>
                </c:pt>
                <c:pt idx="814">
                  <c:v>6.3818172892563325</c:v>
                </c:pt>
                <c:pt idx="815">
                  <c:v>6.3865725333465511</c:v>
                </c:pt>
                <c:pt idx="816">
                  <c:v>6.3911879173164516</c:v>
                </c:pt>
                <c:pt idx="817">
                  <c:v>6.3959431614065467</c:v>
                </c:pt>
                <c:pt idx="818">
                  <c:v>6.4006984054967653</c:v>
                </c:pt>
                <c:pt idx="819">
                  <c:v>6.4053137894666659</c:v>
                </c:pt>
                <c:pt idx="820">
                  <c:v>6.4100690335568853</c:v>
                </c:pt>
                <c:pt idx="821">
                  <c:v>6.4148242776469804</c:v>
                </c:pt>
                <c:pt idx="822">
                  <c:v>6.4195795217371989</c:v>
                </c:pt>
                <c:pt idx="823">
                  <c:v>6.4241949057070995</c:v>
                </c:pt>
                <c:pt idx="824">
                  <c:v>6.4289501497971946</c:v>
                </c:pt>
                <c:pt idx="825">
                  <c:v>6.4383207778573137</c:v>
                </c:pt>
                <c:pt idx="826">
                  <c:v>6.4430760219474097</c:v>
                </c:pt>
                <c:pt idx="827">
                  <c:v>6.4478312660376291</c:v>
                </c:pt>
                <c:pt idx="828">
                  <c:v>6.4524466500075297</c:v>
                </c:pt>
                <c:pt idx="829">
                  <c:v>6.4572018940977483</c:v>
                </c:pt>
                <c:pt idx="830">
                  <c:v>6.4619571381878433</c:v>
                </c:pt>
                <c:pt idx="831">
                  <c:v>6.4665725221577439</c:v>
                </c:pt>
                <c:pt idx="832">
                  <c:v>6.4713277662479634</c:v>
                </c:pt>
                <c:pt idx="833">
                  <c:v>6.4760830103380584</c:v>
                </c:pt>
                <c:pt idx="834">
                  <c:v>6.4854536383981776</c:v>
                </c:pt>
                <c:pt idx="835">
                  <c:v>6.4902088824882727</c:v>
                </c:pt>
                <c:pt idx="836">
                  <c:v>6.4948242664581732</c:v>
                </c:pt>
                <c:pt idx="837">
                  <c:v>6.5043347546386112</c:v>
                </c:pt>
                <c:pt idx="838">
                  <c:v>6.5089501386083883</c:v>
                </c:pt>
                <c:pt idx="839">
                  <c:v>6.5137053826986069</c:v>
                </c:pt>
                <c:pt idx="840">
                  <c:v>6.5184606267888263</c:v>
                </c:pt>
                <c:pt idx="841">
                  <c:v>6.5230760107586025</c:v>
                </c:pt>
                <c:pt idx="842">
                  <c:v>6.5278312548488211</c:v>
                </c:pt>
                <c:pt idx="843">
                  <c:v>6.5325864989390414</c:v>
                </c:pt>
                <c:pt idx="844">
                  <c:v>6.537201882908942</c:v>
                </c:pt>
                <c:pt idx="845">
                  <c:v>6.5467123710892556</c:v>
                </c:pt>
                <c:pt idx="846">
                  <c:v>6.5513277550591562</c:v>
                </c:pt>
                <c:pt idx="847">
                  <c:v>6.5560829991492504</c:v>
                </c:pt>
                <c:pt idx="848">
                  <c:v>6.5608382432394698</c:v>
                </c:pt>
                <c:pt idx="849">
                  <c:v>6.5654536272093704</c:v>
                </c:pt>
                <c:pt idx="850">
                  <c:v>6.5702088712994646</c:v>
                </c:pt>
                <c:pt idx="851">
                  <c:v>6.5749641153896849</c:v>
                </c:pt>
                <c:pt idx="852">
                  <c:v>6.5795794993595855</c:v>
                </c:pt>
                <c:pt idx="853">
                  <c:v>6.5843347434496797</c:v>
                </c:pt>
                <c:pt idx="854">
                  <c:v>6.5890899875398992</c:v>
                </c:pt>
                <c:pt idx="855">
                  <c:v>6.5937053715097997</c:v>
                </c:pt>
                <c:pt idx="856">
                  <c:v>6.5984606156000192</c:v>
                </c:pt>
                <c:pt idx="857">
                  <c:v>6.6032158596901143</c:v>
                </c:pt>
                <c:pt idx="858">
                  <c:v>6.6079711037803328</c:v>
                </c:pt>
                <c:pt idx="859">
                  <c:v>6.6125864877502334</c:v>
                </c:pt>
                <c:pt idx="860">
                  <c:v>6.6125864877502334</c:v>
                </c:pt>
                <c:pt idx="861">
                  <c:v>6.6173417318403285</c:v>
                </c:pt>
                <c:pt idx="862">
                  <c:v>6.622096975930547</c:v>
                </c:pt>
                <c:pt idx="863">
                  <c:v>6.6267123599004476</c:v>
                </c:pt>
                <c:pt idx="864">
                  <c:v>6.6314676039905427</c:v>
                </c:pt>
                <c:pt idx="865">
                  <c:v>6.6362228480807621</c:v>
                </c:pt>
                <c:pt idx="866">
                  <c:v>6.6408382320506627</c:v>
                </c:pt>
                <c:pt idx="867">
                  <c:v>6.6503487202309772</c:v>
                </c:pt>
                <c:pt idx="868">
                  <c:v>6.6549641042008769</c:v>
                </c:pt>
                <c:pt idx="869">
                  <c:v>6.6597193482910972</c:v>
                </c:pt>
                <c:pt idx="870">
                  <c:v>6.6644745923811923</c:v>
                </c:pt>
                <c:pt idx="871">
                  <c:v>6.669089976351092</c:v>
                </c:pt>
                <c:pt idx="872">
                  <c:v>6.6738452204413115</c:v>
                </c:pt>
                <c:pt idx="873">
                  <c:v>6.6786004645314065</c:v>
                </c:pt>
                <c:pt idx="874">
                  <c:v>6.6832158485013071</c:v>
                </c:pt>
                <c:pt idx="875">
                  <c:v>6.6879710925915257</c:v>
                </c:pt>
                <c:pt idx="876">
                  <c:v>6.6927263366817451</c:v>
                </c:pt>
                <c:pt idx="877">
                  <c:v>6.6973417206515213</c:v>
                </c:pt>
                <c:pt idx="878">
                  <c:v>6.7068522088319593</c:v>
                </c:pt>
                <c:pt idx="879">
                  <c:v>6.7114675928017364</c:v>
                </c:pt>
                <c:pt idx="880">
                  <c:v>6.716222836891955</c:v>
                </c:pt>
                <c:pt idx="881">
                  <c:v>6.7209780809821735</c:v>
                </c:pt>
                <c:pt idx="882">
                  <c:v>6.7255934649520741</c:v>
                </c:pt>
                <c:pt idx="883">
                  <c:v>6.7303487090421701</c:v>
                </c:pt>
                <c:pt idx="884">
                  <c:v>6.7351039531323895</c:v>
                </c:pt>
                <c:pt idx="885">
                  <c:v>6.7397193371022892</c:v>
                </c:pt>
                <c:pt idx="886">
                  <c:v>6.7444745811923843</c:v>
                </c:pt>
                <c:pt idx="887">
                  <c:v>6.7492298252826037</c:v>
                </c:pt>
                <c:pt idx="888">
                  <c:v>6.7538452092525034</c:v>
                </c:pt>
                <c:pt idx="889">
                  <c:v>6.7586004533425985</c:v>
                </c:pt>
                <c:pt idx="890">
                  <c:v>6.7633556974328188</c:v>
                </c:pt>
                <c:pt idx="891">
                  <c:v>6.7679710814027194</c:v>
                </c:pt>
                <c:pt idx="892">
                  <c:v>6.772726325492938</c:v>
                </c:pt>
                <c:pt idx="893">
                  <c:v>6.777481569583033</c:v>
                </c:pt>
                <c:pt idx="894">
                  <c:v>6.7822368136732516</c:v>
                </c:pt>
                <c:pt idx="895">
                  <c:v>6.7868521976431522</c:v>
                </c:pt>
                <c:pt idx="896">
                  <c:v>6.7916074417332473</c:v>
                </c:pt>
                <c:pt idx="897">
                  <c:v>6.7963626858234667</c:v>
                </c:pt>
                <c:pt idx="898">
                  <c:v>6.8009780697933673</c:v>
                </c:pt>
                <c:pt idx="899">
                  <c:v>6.8104885579736809</c:v>
                </c:pt>
                <c:pt idx="900">
                  <c:v>6.8151039419435815</c:v>
                </c:pt>
                <c:pt idx="901">
                  <c:v>6.8198591860336766</c:v>
                </c:pt>
                <c:pt idx="902">
                  <c:v>6.824614430123896</c:v>
                </c:pt>
                <c:pt idx="903">
                  <c:v>6.8292298140937966</c:v>
                </c:pt>
                <c:pt idx="904">
                  <c:v>6.833985058184016</c:v>
                </c:pt>
                <c:pt idx="905">
                  <c:v>6.8387403022741102</c:v>
                </c:pt>
                <c:pt idx="906">
                  <c:v>6.8433556862440108</c:v>
                </c:pt>
                <c:pt idx="907">
                  <c:v>6.8481109303342302</c:v>
                </c:pt>
                <c:pt idx="908">
                  <c:v>6.8528661744243244</c:v>
                </c:pt>
                <c:pt idx="909">
                  <c:v>6.857481558394225</c:v>
                </c:pt>
                <c:pt idx="910">
                  <c:v>6.8622368024844453</c:v>
                </c:pt>
                <c:pt idx="911">
                  <c:v>6.8716074305444401</c:v>
                </c:pt>
                <c:pt idx="912">
                  <c:v>6.8763626746346596</c:v>
                </c:pt>
                <c:pt idx="913">
                  <c:v>6.8857333026946543</c:v>
                </c:pt>
                <c:pt idx="914">
                  <c:v>6.8904885467848747</c:v>
                </c:pt>
                <c:pt idx="915">
                  <c:v>6.8952437908750932</c:v>
                </c:pt>
                <c:pt idx="916">
                  <c:v>6.8998591748448694</c:v>
                </c:pt>
                <c:pt idx="917">
                  <c:v>6.9046144189350889</c:v>
                </c:pt>
                <c:pt idx="918">
                  <c:v>6.9093696630253074</c:v>
                </c:pt>
                <c:pt idx="919">
                  <c:v>6.913985046995208</c:v>
                </c:pt>
                <c:pt idx="920">
                  <c:v>6.9187402910853031</c:v>
                </c:pt>
                <c:pt idx="921">
                  <c:v>6.9234955351755225</c:v>
                </c:pt>
                <c:pt idx="922">
                  <c:v>6.9281109191454231</c:v>
                </c:pt>
                <c:pt idx="923">
                  <c:v>6.9328661632355182</c:v>
                </c:pt>
                <c:pt idx="924">
                  <c:v>6.9376214073257367</c:v>
                </c:pt>
                <c:pt idx="925">
                  <c:v>6.9422367912956373</c:v>
                </c:pt>
                <c:pt idx="926">
                  <c:v>6.9422367912956373</c:v>
                </c:pt>
                <c:pt idx="927">
                  <c:v>6.9469920353857324</c:v>
                </c:pt>
                <c:pt idx="928">
                  <c:v>6.9517472794759518</c:v>
                </c:pt>
                <c:pt idx="929">
                  <c:v>6.9563626634458515</c:v>
                </c:pt>
                <c:pt idx="930">
                  <c:v>6.9611179075360718</c:v>
                </c:pt>
                <c:pt idx="931">
                  <c:v>6.9658731516261669</c:v>
                </c:pt>
                <c:pt idx="932">
                  <c:v>6.9752437796862861</c:v>
                </c:pt>
                <c:pt idx="933">
                  <c:v>6.9799990237763812</c:v>
                </c:pt>
                <c:pt idx="934">
                  <c:v>6.9799990237763812</c:v>
                </c:pt>
                <c:pt idx="935">
                  <c:v>6.9847542678666006</c:v>
                </c:pt>
                <c:pt idx="936">
                  <c:v>6.9893696518365012</c:v>
                </c:pt>
                <c:pt idx="937">
                  <c:v>6.9893696518365012</c:v>
                </c:pt>
                <c:pt idx="938">
                  <c:v>6.9941248959265963</c:v>
                </c:pt>
                <c:pt idx="939">
                  <c:v>6.9988801400168148</c:v>
                </c:pt>
                <c:pt idx="940">
                  <c:v>7.0034955239867154</c:v>
                </c:pt>
                <c:pt idx="941">
                  <c:v>7.0082507680768105</c:v>
                </c:pt>
                <c:pt idx="942">
                  <c:v>7.013006012167029</c:v>
                </c:pt>
                <c:pt idx="943">
                  <c:v>7.0176213961369296</c:v>
                </c:pt>
                <c:pt idx="944">
                  <c:v>7.022376640227149</c:v>
                </c:pt>
                <c:pt idx="945">
                  <c:v>7.0271318843172441</c:v>
                </c:pt>
                <c:pt idx="946">
                  <c:v>7.0317472682871447</c:v>
                </c:pt>
                <c:pt idx="947">
                  <c:v>7.0412577564674583</c:v>
                </c:pt>
                <c:pt idx="948">
                  <c:v>7.0458731404373589</c:v>
                </c:pt>
                <c:pt idx="949">
                  <c:v>7.0506283845275792</c:v>
                </c:pt>
                <c:pt idx="950">
                  <c:v>7.0553836286176734</c:v>
                </c:pt>
                <c:pt idx="951">
                  <c:v>7.0647542566777934</c:v>
                </c:pt>
                <c:pt idx="952">
                  <c:v>7.069509500768012</c:v>
                </c:pt>
                <c:pt idx="953">
                  <c:v>7.069509500768012</c:v>
                </c:pt>
                <c:pt idx="954">
                  <c:v>7.0741248847377882</c:v>
                </c:pt>
                <c:pt idx="955">
                  <c:v>7.0788801288280077</c:v>
                </c:pt>
                <c:pt idx="956">
                  <c:v>7.0836353729182271</c:v>
                </c:pt>
                <c:pt idx="957">
                  <c:v>7.0930060009782228</c:v>
                </c:pt>
                <c:pt idx="958">
                  <c:v>7.0977612450684413</c:v>
                </c:pt>
                <c:pt idx="959">
                  <c:v>7.1023766290383419</c:v>
                </c:pt>
                <c:pt idx="960">
                  <c:v>7.107131873128437</c:v>
                </c:pt>
                <c:pt idx="961">
                  <c:v>7.1118871172186564</c:v>
                </c:pt>
                <c:pt idx="962">
                  <c:v>7.1212577452786521</c:v>
                </c:pt>
                <c:pt idx="963">
                  <c:v>7.1260129893688706</c:v>
                </c:pt>
                <c:pt idx="964">
                  <c:v>7.1306283733387712</c:v>
                </c:pt>
                <c:pt idx="965">
                  <c:v>7.1353836174288663</c:v>
                </c:pt>
                <c:pt idx="966">
                  <c:v>7.1401388615190848</c:v>
                </c:pt>
                <c:pt idx="967">
                  <c:v>7.1447542454889854</c:v>
                </c:pt>
                <c:pt idx="968">
                  <c:v>7.1495094895792057</c:v>
                </c:pt>
                <c:pt idx="969">
                  <c:v>7.1542647336692999</c:v>
                </c:pt>
                <c:pt idx="970">
                  <c:v>7.1590199777595194</c:v>
                </c:pt>
                <c:pt idx="971">
                  <c:v>7.1636353617294199</c:v>
                </c:pt>
                <c:pt idx="972">
                  <c:v>7.1683906058195141</c:v>
                </c:pt>
                <c:pt idx="973">
                  <c:v>7.1731458499097345</c:v>
                </c:pt>
                <c:pt idx="974">
                  <c:v>7.1777612338796342</c:v>
                </c:pt>
                <c:pt idx="975">
                  <c:v>7.1825164779697293</c:v>
                </c:pt>
                <c:pt idx="976">
                  <c:v>7.1872717220599487</c:v>
                </c:pt>
                <c:pt idx="977">
                  <c:v>7.1918871060298493</c:v>
                </c:pt>
                <c:pt idx="978">
                  <c:v>7.1966423501200678</c:v>
                </c:pt>
                <c:pt idx="979">
                  <c:v>7.2013975942101629</c:v>
                </c:pt>
                <c:pt idx="980">
                  <c:v>7.2060129781800635</c:v>
                </c:pt>
                <c:pt idx="981">
                  <c:v>7.2107682222702829</c:v>
                </c:pt>
                <c:pt idx="982">
                  <c:v>7.215523466360378</c:v>
                </c:pt>
                <c:pt idx="983">
                  <c:v>7.2201388503302786</c:v>
                </c:pt>
                <c:pt idx="984">
                  <c:v>7.2248940944204971</c:v>
                </c:pt>
                <c:pt idx="985">
                  <c:v>7.2296493385105922</c:v>
                </c:pt>
                <c:pt idx="986">
                  <c:v>7.2342647224804928</c:v>
                </c:pt>
                <c:pt idx="987">
                  <c:v>7.2390199665707113</c:v>
                </c:pt>
                <c:pt idx="988">
                  <c:v>7.2437752106608073</c:v>
                </c:pt>
                <c:pt idx="989">
                  <c:v>7.248390594630707</c:v>
                </c:pt>
                <c:pt idx="990">
                  <c:v>7.2531458387209264</c:v>
                </c:pt>
                <c:pt idx="991">
                  <c:v>7.2579010828111459</c:v>
                </c:pt>
                <c:pt idx="992">
                  <c:v>7.2625164667809221</c:v>
                </c:pt>
                <c:pt idx="993">
                  <c:v>7.2672717108711407</c:v>
                </c:pt>
                <c:pt idx="994">
                  <c:v>7.272026954961361</c:v>
                </c:pt>
                <c:pt idx="995">
                  <c:v>7.2766423389311363</c:v>
                </c:pt>
                <c:pt idx="996">
                  <c:v>7.2813975830213566</c:v>
                </c:pt>
                <c:pt idx="997">
                  <c:v>7.2861528271115752</c:v>
                </c:pt>
                <c:pt idx="998">
                  <c:v>7.2907682110814758</c:v>
                </c:pt>
                <c:pt idx="999">
                  <c:v>7.2955234551715709</c:v>
                </c:pt>
                <c:pt idx="1000">
                  <c:v>7.2955234551715709</c:v>
                </c:pt>
                <c:pt idx="1001">
                  <c:v>7.3002786992617894</c:v>
                </c:pt>
                <c:pt idx="1002">
                  <c:v>7.30489408323169</c:v>
                </c:pt>
                <c:pt idx="1003">
                  <c:v>7.3096493273217851</c:v>
                </c:pt>
                <c:pt idx="1004">
                  <c:v>7.3144045714120045</c:v>
                </c:pt>
                <c:pt idx="1005">
                  <c:v>7.3190199553819051</c:v>
                </c:pt>
                <c:pt idx="1006">
                  <c:v>7.3237751994720002</c:v>
                </c:pt>
                <c:pt idx="1007">
                  <c:v>7.3285304435622187</c:v>
                </c:pt>
                <c:pt idx="1008">
                  <c:v>7.3285304435622187</c:v>
                </c:pt>
                <c:pt idx="1009">
                  <c:v>7.333285687652439</c:v>
                </c:pt>
                <c:pt idx="1010">
                  <c:v>7.3379010716223378</c:v>
                </c:pt>
                <c:pt idx="1011">
                  <c:v>7.3426563157124338</c:v>
                </c:pt>
                <c:pt idx="1012">
                  <c:v>7.3474115598026533</c:v>
                </c:pt>
                <c:pt idx="1013">
                  <c:v>7.3520269437725529</c:v>
                </c:pt>
                <c:pt idx="1014">
                  <c:v>7.356782187862648</c:v>
                </c:pt>
                <c:pt idx="1015">
                  <c:v>7.3615374319528675</c:v>
                </c:pt>
                <c:pt idx="1016">
                  <c:v>7.366152815922768</c:v>
                </c:pt>
                <c:pt idx="1017">
                  <c:v>7.3709080600128623</c:v>
                </c:pt>
                <c:pt idx="1018">
                  <c:v>7.3756633041030826</c:v>
                </c:pt>
                <c:pt idx="1019">
                  <c:v>7.3802786880729832</c:v>
                </c:pt>
                <c:pt idx="1020">
                  <c:v>7.3850339321632017</c:v>
                </c:pt>
                <c:pt idx="1021">
                  <c:v>7.3897891762532968</c:v>
                </c:pt>
                <c:pt idx="1022">
                  <c:v>7.3944045602231974</c:v>
                </c:pt>
                <c:pt idx="1023">
                  <c:v>7.3991598043134159</c:v>
                </c:pt>
                <c:pt idx="1024">
                  <c:v>7.4039150484035119</c:v>
                </c:pt>
                <c:pt idx="1025">
                  <c:v>7.4085304323734116</c:v>
                </c:pt>
                <c:pt idx="1026">
                  <c:v>7.413285676463631</c:v>
                </c:pt>
                <c:pt idx="1027">
                  <c:v>7.4180409205537261</c:v>
                </c:pt>
                <c:pt idx="1028">
                  <c:v>7.4226563045236267</c:v>
                </c:pt>
                <c:pt idx="1029">
                  <c:v>7.4274115486138452</c:v>
                </c:pt>
                <c:pt idx="1030">
                  <c:v>7.4321667927039403</c:v>
                </c:pt>
                <c:pt idx="1031">
                  <c:v>7.4367821766738409</c:v>
                </c:pt>
                <c:pt idx="1032">
                  <c:v>7.4462926648542798</c:v>
                </c:pt>
                <c:pt idx="1033">
                  <c:v>7.450908048824056</c:v>
                </c:pt>
                <c:pt idx="1034">
                  <c:v>7.4556632929142745</c:v>
                </c:pt>
                <c:pt idx="1035">
                  <c:v>7.4556632929142745</c:v>
                </c:pt>
                <c:pt idx="1036">
                  <c:v>7.460418537004494</c:v>
                </c:pt>
                <c:pt idx="1037">
                  <c:v>7.4650339209742702</c:v>
                </c:pt>
                <c:pt idx="1038">
                  <c:v>7.4697891650644888</c:v>
                </c:pt>
                <c:pt idx="1039">
                  <c:v>7.4745444091547091</c:v>
                </c:pt>
                <c:pt idx="1040">
                  <c:v>7.4791597931246097</c:v>
                </c:pt>
                <c:pt idx="1041">
                  <c:v>7.4839150372147039</c:v>
                </c:pt>
                <c:pt idx="1042">
                  <c:v>7.4886702813049233</c:v>
                </c:pt>
                <c:pt idx="1043">
                  <c:v>7.4886702813049233</c:v>
                </c:pt>
                <c:pt idx="1044">
                  <c:v>7.4932856652748239</c:v>
                </c:pt>
                <c:pt idx="1045">
                  <c:v>7.498040909364919</c:v>
                </c:pt>
                <c:pt idx="1046">
                  <c:v>7.5027961534551384</c:v>
                </c:pt>
                <c:pt idx="1047">
                  <c:v>7.5074115374250381</c:v>
                </c:pt>
                <c:pt idx="1048">
                  <c:v>7.5121667815151341</c:v>
                </c:pt>
                <c:pt idx="1049">
                  <c:v>7.5169220256053526</c:v>
                </c:pt>
                <c:pt idx="1050">
                  <c:v>7.5169220256053526</c:v>
                </c:pt>
                <c:pt idx="1051">
                  <c:v>7.5216772696955712</c:v>
                </c:pt>
                <c:pt idx="1052">
                  <c:v>7.5262926536654717</c:v>
                </c:pt>
                <c:pt idx="1053">
                  <c:v>7.5310478977555668</c:v>
                </c:pt>
                <c:pt idx="1054">
                  <c:v>7.5358031418457863</c:v>
                </c:pt>
                <c:pt idx="1055">
                  <c:v>7.5404185258156868</c:v>
                </c:pt>
                <c:pt idx="1056">
                  <c:v>7.5451737699057819</c:v>
                </c:pt>
                <c:pt idx="1057">
                  <c:v>7.5499290139960005</c:v>
                </c:pt>
                <c:pt idx="1058">
                  <c:v>7.554544397965901</c:v>
                </c:pt>
                <c:pt idx="1059">
                  <c:v>7.5592996420559961</c:v>
                </c:pt>
                <c:pt idx="1060">
                  <c:v>7.5640548861462165</c:v>
                </c:pt>
                <c:pt idx="1061">
                  <c:v>7.5686702701161153</c:v>
                </c:pt>
                <c:pt idx="1062">
                  <c:v>7.5734255142063356</c:v>
                </c:pt>
                <c:pt idx="1063">
                  <c:v>7.5781807582964307</c:v>
                </c:pt>
                <c:pt idx="1064">
                  <c:v>7.5827961422663313</c:v>
                </c:pt>
                <c:pt idx="1065">
                  <c:v>7.5875513863565498</c:v>
                </c:pt>
                <c:pt idx="1066">
                  <c:v>7.5923066304466449</c:v>
                </c:pt>
                <c:pt idx="1067">
                  <c:v>7.5969220144165455</c:v>
                </c:pt>
                <c:pt idx="1068">
                  <c:v>7.6016772585067649</c:v>
                </c:pt>
                <c:pt idx="1069">
                  <c:v>7.60643250259686</c:v>
                </c:pt>
                <c:pt idx="1070">
                  <c:v>7.6110478865667606</c:v>
                </c:pt>
                <c:pt idx="1071">
                  <c:v>7.6158031306569791</c:v>
                </c:pt>
                <c:pt idx="1072">
                  <c:v>7.6205583747470742</c:v>
                </c:pt>
                <c:pt idx="1073">
                  <c:v>7.6251737587169748</c:v>
                </c:pt>
                <c:pt idx="1074">
                  <c:v>7.6299290028071933</c:v>
                </c:pt>
                <c:pt idx="1075">
                  <c:v>7.6299290028071933</c:v>
                </c:pt>
                <c:pt idx="1076">
                  <c:v>7.6346842468974128</c:v>
                </c:pt>
                <c:pt idx="1077">
                  <c:v>7.639299630867189</c:v>
                </c:pt>
                <c:pt idx="1078">
                  <c:v>7.6440548749574084</c:v>
                </c:pt>
                <c:pt idx="1079">
                  <c:v>7.6488101190476279</c:v>
                </c:pt>
                <c:pt idx="1080">
                  <c:v>7.6534255030175276</c:v>
                </c:pt>
                <c:pt idx="1081">
                  <c:v>7.6581807471076226</c:v>
                </c:pt>
                <c:pt idx="1082">
                  <c:v>7.6581807471076226</c:v>
                </c:pt>
                <c:pt idx="1083">
                  <c:v>7.662935991197843</c:v>
                </c:pt>
                <c:pt idx="1084">
                  <c:v>7.6675513751677427</c:v>
                </c:pt>
                <c:pt idx="1085">
                  <c:v>7.6723066192578377</c:v>
                </c:pt>
                <c:pt idx="1086">
                  <c:v>7.6770618633480572</c:v>
                </c:pt>
                <c:pt idx="1087">
                  <c:v>7.6816772473179578</c:v>
                </c:pt>
                <c:pt idx="1088">
                  <c:v>7.6816772473179578</c:v>
                </c:pt>
                <c:pt idx="1089">
                  <c:v>7.686432491408052</c:v>
                </c:pt>
                <c:pt idx="1090">
                  <c:v>7.6911877354982714</c:v>
                </c:pt>
                <c:pt idx="1091">
                  <c:v>7.6959429795884908</c:v>
                </c:pt>
                <c:pt idx="1092">
                  <c:v>7.7005583635582662</c:v>
                </c:pt>
                <c:pt idx="1093">
                  <c:v>7.7005583635582662</c:v>
                </c:pt>
                <c:pt idx="1094">
                  <c:v>7.7053136076484865</c:v>
                </c:pt>
                <c:pt idx="1095">
                  <c:v>7.710068851738705</c:v>
                </c:pt>
                <c:pt idx="1096">
                  <c:v>7.7146842357086056</c:v>
                </c:pt>
                <c:pt idx="1097">
                  <c:v>7.7194394797987007</c:v>
                </c:pt>
                <c:pt idx="1098">
                  <c:v>7.7241947238889201</c:v>
                </c:pt>
                <c:pt idx="1099">
                  <c:v>7.7288101078588198</c:v>
                </c:pt>
                <c:pt idx="1100">
                  <c:v>7.7335653519489158</c:v>
                </c:pt>
                <c:pt idx="1101">
                  <c:v>7.7335653519489158</c:v>
                </c:pt>
                <c:pt idx="1102">
                  <c:v>7.7383205960391344</c:v>
                </c:pt>
                <c:pt idx="1103">
                  <c:v>7.7429359800090349</c:v>
                </c:pt>
                <c:pt idx="1104">
                  <c:v>7.74769122409913</c:v>
                </c:pt>
                <c:pt idx="1105">
                  <c:v>7.7524464681893486</c:v>
                </c:pt>
                <c:pt idx="1106">
                  <c:v>7.7570618521592491</c:v>
                </c:pt>
                <c:pt idx="1107">
                  <c:v>7.7618170962494695</c:v>
                </c:pt>
                <c:pt idx="1108">
                  <c:v>7.7665723403395637</c:v>
                </c:pt>
                <c:pt idx="1109">
                  <c:v>7.7711877243094643</c:v>
                </c:pt>
                <c:pt idx="1110">
                  <c:v>7.7759429683996837</c:v>
                </c:pt>
                <c:pt idx="1111">
                  <c:v>7.7806982124897779</c:v>
                </c:pt>
                <c:pt idx="1112">
                  <c:v>7.7853135964596785</c:v>
                </c:pt>
                <c:pt idx="1113">
                  <c:v>7.7853135964596785</c:v>
                </c:pt>
                <c:pt idx="1114">
                  <c:v>7.7900688405498979</c:v>
                </c:pt>
                <c:pt idx="1115">
                  <c:v>7.7948240846399939</c:v>
                </c:pt>
                <c:pt idx="1116">
                  <c:v>7.7994394686098927</c:v>
                </c:pt>
                <c:pt idx="1117">
                  <c:v>7.804194712700113</c:v>
                </c:pt>
                <c:pt idx="1118">
                  <c:v>7.8089499567903315</c:v>
                </c:pt>
                <c:pt idx="1119">
                  <c:v>7.8183205848503281</c:v>
                </c:pt>
                <c:pt idx="1120">
                  <c:v>7.8183205848503281</c:v>
                </c:pt>
                <c:pt idx="1121">
                  <c:v>7.8230758289405466</c:v>
                </c:pt>
                <c:pt idx="1122">
                  <c:v>7.8276912129103229</c:v>
                </c:pt>
                <c:pt idx="1123">
                  <c:v>7.8372017010907618</c:v>
                </c:pt>
                <c:pt idx="1124">
                  <c:v>7.8418170850606606</c:v>
                </c:pt>
                <c:pt idx="1125">
                  <c:v>7.8465723291507565</c:v>
                </c:pt>
                <c:pt idx="1126">
                  <c:v>7.8513275732409751</c:v>
                </c:pt>
                <c:pt idx="1127">
                  <c:v>7.8559429572108757</c:v>
                </c:pt>
                <c:pt idx="1128">
                  <c:v>7.8606982013009716</c:v>
                </c:pt>
                <c:pt idx="1129">
                  <c:v>7.8654534453911911</c:v>
                </c:pt>
                <c:pt idx="1130">
                  <c:v>7.8700688293610908</c:v>
                </c:pt>
                <c:pt idx="1131">
                  <c:v>7.874824073451185</c:v>
                </c:pt>
                <c:pt idx="1132">
                  <c:v>7.8795793175414062</c:v>
                </c:pt>
                <c:pt idx="1133">
                  <c:v>7.8843345616316247</c:v>
                </c:pt>
                <c:pt idx="1134">
                  <c:v>7.8889499456014001</c:v>
                </c:pt>
                <c:pt idx="1135">
                  <c:v>7.8937051896916195</c:v>
                </c:pt>
                <c:pt idx="1136">
                  <c:v>7.8984604337818398</c:v>
                </c:pt>
                <c:pt idx="1137">
                  <c:v>7.9030758177517386</c:v>
                </c:pt>
                <c:pt idx="1138">
                  <c:v>7.9078310618418346</c:v>
                </c:pt>
                <c:pt idx="1139">
                  <c:v>7.9125863059320531</c:v>
                </c:pt>
                <c:pt idx="1140">
                  <c:v>7.9172016899019537</c:v>
                </c:pt>
                <c:pt idx="1141">
                  <c:v>7.9219569339920497</c:v>
                </c:pt>
                <c:pt idx="1142">
                  <c:v>7.9267121780822682</c:v>
                </c:pt>
                <c:pt idx="1143">
                  <c:v>7.9313275620521688</c:v>
                </c:pt>
                <c:pt idx="1144">
                  <c:v>7.936082806142263</c:v>
                </c:pt>
                <c:pt idx="1145">
                  <c:v>7.9408380502324833</c:v>
                </c:pt>
                <c:pt idx="1146">
                  <c:v>7.9454534342023839</c:v>
                </c:pt>
                <c:pt idx="1147">
                  <c:v>7.9502086782926025</c:v>
                </c:pt>
                <c:pt idx="1148">
                  <c:v>7.9549639223826967</c:v>
                </c:pt>
                <c:pt idx="1149">
                  <c:v>7.9595793063525972</c:v>
                </c:pt>
                <c:pt idx="1150">
                  <c:v>7.9643345504428167</c:v>
                </c:pt>
                <c:pt idx="1151">
                  <c:v>7.9690897945329118</c:v>
                </c:pt>
                <c:pt idx="1152">
                  <c:v>7.9737051785028124</c:v>
                </c:pt>
                <c:pt idx="1153">
                  <c:v>7.9784604225930318</c:v>
                </c:pt>
                <c:pt idx="1154">
                  <c:v>7.9832156666831269</c:v>
                </c:pt>
                <c:pt idx="1155">
                  <c:v>7.9878310506530275</c:v>
                </c:pt>
                <c:pt idx="1156">
                  <c:v>7.9925862947432469</c:v>
                </c:pt>
                <c:pt idx="1157">
                  <c:v>7.9973415388334654</c:v>
                </c:pt>
                <c:pt idx="1158">
                  <c:v>7.9973415388334654</c:v>
                </c:pt>
                <c:pt idx="1159">
                  <c:v>8.0019569228032417</c:v>
                </c:pt>
                <c:pt idx="1160">
                  <c:v>8.0067121668934611</c:v>
                </c:pt>
                <c:pt idx="1161">
                  <c:v>8.0114674109836805</c:v>
                </c:pt>
                <c:pt idx="1162">
                  <c:v>8.0208380390436744</c:v>
                </c:pt>
                <c:pt idx="1163">
                  <c:v>8.0255932831338939</c:v>
                </c:pt>
                <c:pt idx="1164">
                  <c:v>8.0302086671037944</c:v>
                </c:pt>
                <c:pt idx="1165">
                  <c:v>8.0349639111938895</c:v>
                </c:pt>
                <c:pt idx="1166">
                  <c:v>8.0349639111938895</c:v>
                </c:pt>
                <c:pt idx="1167">
                  <c:v>8.039719155284109</c:v>
                </c:pt>
                <c:pt idx="1168">
                  <c:v>8.0443345392540095</c:v>
                </c:pt>
                <c:pt idx="1169">
                  <c:v>8.0443345392540095</c:v>
                </c:pt>
                <c:pt idx="1170">
                  <c:v>8.0490897833441046</c:v>
                </c:pt>
                <c:pt idx="1171">
                  <c:v>8.0490897833441046</c:v>
                </c:pt>
                <c:pt idx="1172">
                  <c:v>8.0538450274343241</c:v>
                </c:pt>
                <c:pt idx="1173">
                  <c:v>8.0586002715245435</c:v>
                </c:pt>
                <c:pt idx="1174">
                  <c:v>8.0632156554943197</c:v>
                </c:pt>
                <c:pt idx="1175">
                  <c:v>8.0727261436747586</c:v>
                </c:pt>
                <c:pt idx="1176">
                  <c:v>8.0773415276446592</c:v>
                </c:pt>
                <c:pt idx="1177">
                  <c:v>8.0820967717347525</c:v>
                </c:pt>
                <c:pt idx="1178">
                  <c:v>8.0868520158249719</c:v>
                </c:pt>
                <c:pt idx="1179">
                  <c:v>8.0914673997948725</c:v>
                </c:pt>
                <c:pt idx="1180">
                  <c:v>8.0962226438849676</c:v>
                </c:pt>
                <c:pt idx="1181">
                  <c:v>8.100977887975187</c:v>
                </c:pt>
                <c:pt idx="1182">
                  <c:v>8.1055932719450876</c:v>
                </c:pt>
                <c:pt idx="1183">
                  <c:v>8.1151037601254021</c:v>
                </c:pt>
                <c:pt idx="1184">
                  <c:v>8.1197191440953027</c:v>
                </c:pt>
                <c:pt idx="1185">
                  <c:v>8.124474388185396</c:v>
                </c:pt>
                <c:pt idx="1186">
                  <c:v>8.1292296322756172</c:v>
                </c:pt>
                <c:pt idx="1187">
                  <c:v>8.133845016245516</c:v>
                </c:pt>
                <c:pt idx="1188">
                  <c:v>8.1386002603357372</c:v>
                </c:pt>
                <c:pt idx="1189">
                  <c:v>8.1433555044258306</c:v>
                </c:pt>
                <c:pt idx="1190">
                  <c:v>8.1479708883957311</c:v>
                </c:pt>
                <c:pt idx="1191">
                  <c:v>8.1527261324859506</c:v>
                </c:pt>
                <c:pt idx="1192">
                  <c:v>8.1574813765760457</c:v>
                </c:pt>
                <c:pt idx="1193">
                  <c:v>8.1620967605459462</c:v>
                </c:pt>
                <c:pt idx="1194">
                  <c:v>8.1716072487262608</c:v>
                </c:pt>
                <c:pt idx="1195">
                  <c:v>8.1762226326961613</c:v>
                </c:pt>
                <c:pt idx="1196">
                  <c:v>8.1809778767863808</c:v>
                </c:pt>
                <c:pt idx="1197">
                  <c:v>8.1857331208765984</c:v>
                </c:pt>
                <c:pt idx="1198">
                  <c:v>8.1903485048463747</c:v>
                </c:pt>
                <c:pt idx="1199">
                  <c:v>8.1903485048463747</c:v>
                </c:pt>
                <c:pt idx="1200">
                  <c:v>8.1951037489365941</c:v>
                </c:pt>
                <c:pt idx="1201">
                  <c:v>8.1951037489365941</c:v>
                </c:pt>
                <c:pt idx="1202">
                  <c:v>8.1998589930268135</c:v>
                </c:pt>
                <c:pt idx="1203">
                  <c:v>8.2044743769965898</c:v>
                </c:pt>
                <c:pt idx="1204">
                  <c:v>8.2044743769965898</c:v>
                </c:pt>
                <c:pt idx="1205">
                  <c:v>8.2092296210868092</c:v>
                </c:pt>
                <c:pt idx="1206">
                  <c:v>8.2139848651770286</c:v>
                </c:pt>
                <c:pt idx="1207">
                  <c:v>8.2186002491469274</c:v>
                </c:pt>
                <c:pt idx="1208">
                  <c:v>8.2233554932370243</c:v>
                </c:pt>
                <c:pt idx="1209">
                  <c:v>8.2281107373272437</c:v>
                </c:pt>
                <c:pt idx="1210">
                  <c:v>8.2281107373272437</c:v>
                </c:pt>
                <c:pt idx="1211">
                  <c:v>8.2327261212971443</c:v>
                </c:pt>
                <c:pt idx="1212">
                  <c:v>8.2374813653872394</c:v>
                </c:pt>
                <c:pt idx="1213">
                  <c:v>8.2374813653872394</c:v>
                </c:pt>
                <c:pt idx="1214">
                  <c:v>8.2422366094774588</c:v>
                </c:pt>
                <c:pt idx="1215">
                  <c:v>8.2469918535676765</c:v>
                </c:pt>
                <c:pt idx="1216">
                  <c:v>8.2516072375374527</c:v>
                </c:pt>
                <c:pt idx="1217">
                  <c:v>8.2563624816276722</c:v>
                </c:pt>
                <c:pt idx="1218">
                  <c:v>8.2611177257178916</c:v>
                </c:pt>
                <c:pt idx="1219">
                  <c:v>8.2657331096877922</c:v>
                </c:pt>
                <c:pt idx="1220">
                  <c:v>8.2704883537778873</c:v>
                </c:pt>
                <c:pt idx="1221">
                  <c:v>8.2752435978681049</c:v>
                </c:pt>
                <c:pt idx="1222">
                  <c:v>8.2798589818380055</c:v>
                </c:pt>
                <c:pt idx="1223">
                  <c:v>8.2846142259281024</c:v>
                </c:pt>
                <c:pt idx="1224">
                  <c:v>8.28936947001832</c:v>
                </c:pt>
                <c:pt idx="1225">
                  <c:v>8.2939848539882206</c:v>
                </c:pt>
                <c:pt idx="1226">
                  <c:v>8.3034953421685351</c:v>
                </c:pt>
                <c:pt idx="1227">
                  <c:v>8.3081107261384357</c:v>
                </c:pt>
                <c:pt idx="1228">
                  <c:v>8.3128659702285308</c:v>
                </c:pt>
                <c:pt idx="1229">
                  <c:v>8.3176212143187485</c:v>
                </c:pt>
                <c:pt idx="1230">
                  <c:v>8.322236598288649</c:v>
                </c:pt>
                <c:pt idx="1231">
                  <c:v>8.3269918423788702</c:v>
                </c:pt>
                <c:pt idx="1232">
                  <c:v>8.3317470864689636</c:v>
                </c:pt>
                <c:pt idx="1233">
                  <c:v>8.3363624704388641</c:v>
                </c:pt>
                <c:pt idx="1234">
                  <c:v>8.3411177145290836</c:v>
                </c:pt>
                <c:pt idx="1235">
                  <c:v>8.3458729586191787</c:v>
                </c:pt>
                <c:pt idx="1236">
                  <c:v>8.3504883425890792</c:v>
                </c:pt>
                <c:pt idx="1237">
                  <c:v>8.3552435866792987</c:v>
                </c:pt>
                <c:pt idx="1238">
                  <c:v>8.3599988307693955</c:v>
                </c:pt>
                <c:pt idx="1239">
                  <c:v>8.3646142147392926</c:v>
                </c:pt>
                <c:pt idx="1240">
                  <c:v>8.3693694588295138</c:v>
                </c:pt>
                <c:pt idx="1241">
                  <c:v>8.3741247029197332</c:v>
                </c:pt>
                <c:pt idx="1242">
                  <c:v>8.3787400868895094</c:v>
                </c:pt>
                <c:pt idx="1243">
                  <c:v>8.3834953309797271</c:v>
                </c:pt>
                <c:pt idx="1244">
                  <c:v>8.3882505750699483</c:v>
                </c:pt>
                <c:pt idx="1245">
                  <c:v>8.3928659590397245</c:v>
                </c:pt>
                <c:pt idx="1246">
                  <c:v>8.3928659590397245</c:v>
                </c:pt>
                <c:pt idx="1247">
                  <c:v>8.3976212031299422</c:v>
                </c:pt>
                <c:pt idx="1248">
                  <c:v>8.4023764472201616</c:v>
                </c:pt>
                <c:pt idx="1249">
                  <c:v>8.4069918311900622</c:v>
                </c:pt>
                <c:pt idx="1250">
                  <c:v>8.4117470752801573</c:v>
                </c:pt>
                <c:pt idx="1251">
                  <c:v>8.4165023193703767</c:v>
                </c:pt>
                <c:pt idx="1252">
                  <c:v>8.4211177033402773</c:v>
                </c:pt>
                <c:pt idx="1253">
                  <c:v>8.4258729474303706</c:v>
                </c:pt>
                <c:pt idx="1254">
                  <c:v>8.4306281915205918</c:v>
                </c:pt>
                <c:pt idx="1255">
                  <c:v>8.4306281915205918</c:v>
                </c:pt>
                <c:pt idx="1256">
                  <c:v>8.4353834356108113</c:v>
                </c:pt>
                <c:pt idx="1257">
                  <c:v>8.4399988195805857</c:v>
                </c:pt>
                <c:pt idx="1258">
                  <c:v>8.4495093077610264</c:v>
                </c:pt>
                <c:pt idx="1259">
                  <c:v>8.4541246917309252</c:v>
                </c:pt>
                <c:pt idx="1260">
                  <c:v>8.4588799358210203</c:v>
                </c:pt>
                <c:pt idx="1261">
                  <c:v>8.4682505638811403</c:v>
                </c:pt>
                <c:pt idx="1262">
                  <c:v>8.4730058079712354</c:v>
                </c:pt>
                <c:pt idx="1263">
                  <c:v>8.4777610520614548</c:v>
                </c:pt>
                <c:pt idx="1264">
                  <c:v>8.4823764360313554</c:v>
                </c:pt>
                <c:pt idx="1265">
                  <c:v>8.4823764360313554</c:v>
                </c:pt>
                <c:pt idx="1266">
                  <c:v>8.4871316801214487</c:v>
                </c:pt>
                <c:pt idx="1267">
                  <c:v>8.4918869242116699</c:v>
                </c:pt>
                <c:pt idx="1268">
                  <c:v>8.4965023081815705</c:v>
                </c:pt>
                <c:pt idx="1269">
                  <c:v>8.5012575522716638</c:v>
                </c:pt>
                <c:pt idx="1270">
                  <c:v>8.5106281803317838</c:v>
                </c:pt>
                <c:pt idx="1271">
                  <c:v>8.5153834244220032</c:v>
                </c:pt>
                <c:pt idx="1272">
                  <c:v>8.5201386685120983</c:v>
                </c:pt>
                <c:pt idx="1273">
                  <c:v>8.5247540524819989</c:v>
                </c:pt>
                <c:pt idx="1274">
                  <c:v>8.5295092965722183</c:v>
                </c:pt>
                <c:pt idx="1275">
                  <c:v>8.5342645406623134</c:v>
                </c:pt>
                <c:pt idx="1276">
                  <c:v>8.538879924632214</c:v>
                </c:pt>
                <c:pt idx="1277">
                  <c:v>8.538879924632214</c:v>
                </c:pt>
                <c:pt idx="1278">
                  <c:v>8.5436351687224334</c:v>
                </c:pt>
                <c:pt idx="1279">
                  <c:v>8.5483904128125268</c:v>
                </c:pt>
                <c:pt idx="1280">
                  <c:v>8.5530057967824273</c:v>
                </c:pt>
                <c:pt idx="1281">
                  <c:v>8.5577610408726486</c:v>
                </c:pt>
                <c:pt idx="1282">
                  <c:v>8.5625162849628662</c:v>
                </c:pt>
                <c:pt idx="1283">
                  <c:v>8.5671316689326424</c:v>
                </c:pt>
                <c:pt idx="1284">
                  <c:v>8.5718869130228619</c:v>
                </c:pt>
                <c:pt idx="1285">
                  <c:v>8.5718869130228619</c:v>
                </c:pt>
                <c:pt idx="1286">
                  <c:v>8.5766421571130795</c:v>
                </c:pt>
                <c:pt idx="1287">
                  <c:v>8.5812575410828575</c:v>
                </c:pt>
                <c:pt idx="1288">
                  <c:v>8.586012785173077</c:v>
                </c:pt>
                <c:pt idx="1289">
                  <c:v>8.5907680292632946</c:v>
                </c:pt>
                <c:pt idx="1290">
                  <c:v>8.5907680292632946</c:v>
                </c:pt>
                <c:pt idx="1291">
                  <c:v>8.5953834132331952</c:v>
                </c:pt>
                <c:pt idx="1292">
                  <c:v>8.6001386573232921</c:v>
                </c:pt>
                <c:pt idx="1293">
                  <c:v>8.6048939014135097</c:v>
                </c:pt>
                <c:pt idx="1294">
                  <c:v>8.6096491455037292</c:v>
                </c:pt>
                <c:pt idx="1295">
                  <c:v>8.6096491455037292</c:v>
                </c:pt>
                <c:pt idx="1296">
                  <c:v>8.6142645294735054</c:v>
                </c:pt>
                <c:pt idx="1297">
                  <c:v>8.6190197735637248</c:v>
                </c:pt>
                <c:pt idx="1298">
                  <c:v>8.6237750176539443</c:v>
                </c:pt>
                <c:pt idx="1299">
                  <c:v>8.6283904016237205</c:v>
                </c:pt>
                <c:pt idx="1300">
                  <c:v>8.6379008898041576</c:v>
                </c:pt>
                <c:pt idx="1301">
                  <c:v>8.6425162737740582</c:v>
                </c:pt>
                <c:pt idx="1302">
                  <c:v>8.6472715178641533</c:v>
                </c:pt>
                <c:pt idx="1303">
                  <c:v>8.6520267619543727</c:v>
                </c:pt>
                <c:pt idx="1304">
                  <c:v>8.6566421459242733</c:v>
                </c:pt>
                <c:pt idx="1305">
                  <c:v>8.6613973900143684</c:v>
                </c:pt>
                <c:pt idx="1306">
                  <c:v>8.6661526341045878</c:v>
                </c:pt>
                <c:pt idx="1307">
                  <c:v>8.6707680180744884</c:v>
                </c:pt>
                <c:pt idx="1308">
                  <c:v>8.6755232621645835</c:v>
                </c:pt>
                <c:pt idx="1309">
                  <c:v>8.6802785062548029</c:v>
                </c:pt>
                <c:pt idx="1310">
                  <c:v>8.6848938902247035</c:v>
                </c:pt>
                <c:pt idx="1311">
                  <c:v>8.6896491343149229</c:v>
                </c:pt>
                <c:pt idx="1312">
                  <c:v>8.6944043784050162</c:v>
                </c:pt>
                <c:pt idx="1313">
                  <c:v>8.6990197623749168</c:v>
                </c:pt>
                <c:pt idx="1314">
                  <c:v>8.7037750064651362</c:v>
                </c:pt>
                <c:pt idx="1315">
                  <c:v>8.7085302505552313</c:v>
                </c:pt>
                <c:pt idx="1316">
                  <c:v>8.7131456345251319</c:v>
                </c:pt>
                <c:pt idx="1317">
                  <c:v>8.7179008786153513</c:v>
                </c:pt>
                <c:pt idx="1318">
                  <c:v>8.7226561227054464</c:v>
                </c:pt>
                <c:pt idx="1319">
                  <c:v>8.727271506675347</c:v>
                </c:pt>
                <c:pt idx="1320">
                  <c:v>8.7320267507655664</c:v>
                </c:pt>
                <c:pt idx="1321">
                  <c:v>8.7320267507655664</c:v>
                </c:pt>
                <c:pt idx="1322">
                  <c:v>8.7367819948556598</c:v>
                </c:pt>
                <c:pt idx="1323">
                  <c:v>8.7413973788255603</c:v>
                </c:pt>
                <c:pt idx="1324">
                  <c:v>8.7461526229157798</c:v>
                </c:pt>
                <c:pt idx="1325">
                  <c:v>8.7461526229157798</c:v>
                </c:pt>
                <c:pt idx="1326">
                  <c:v>8.750907867006001</c:v>
                </c:pt>
                <c:pt idx="1327">
                  <c:v>8.7555232509757754</c:v>
                </c:pt>
                <c:pt idx="1328">
                  <c:v>8.7602784950659949</c:v>
                </c:pt>
                <c:pt idx="1329">
                  <c:v>8.7650337391562143</c:v>
                </c:pt>
                <c:pt idx="1330">
                  <c:v>8.7696491231259905</c:v>
                </c:pt>
                <c:pt idx="1331">
                  <c:v>8.77440436721621</c:v>
                </c:pt>
                <c:pt idx="1332">
                  <c:v>8.7791596113064294</c:v>
                </c:pt>
                <c:pt idx="1333">
                  <c:v>8.78377499527633</c:v>
                </c:pt>
                <c:pt idx="1334">
                  <c:v>8.7885302393664251</c:v>
                </c:pt>
                <c:pt idx="1335">
                  <c:v>8.7885302393664251</c:v>
                </c:pt>
                <c:pt idx="1336">
                  <c:v>8.7932854834566445</c:v>
                </c:pt>
                <c:pt idx="1337">
                  <c:v>8.7980407275468622</c:v>
                </c:pt>
                <c:pt idx="1338">
                  <c:v>8.8026561115166384</c:v>
                </c:pt>
                <c:pt idx="1339">
                  <c:v>8.8074113556068578</c:v>
                </c:pt>
                <c:pt idx="1340">
                  <c:v>8.8121665996970791</c:v>
                </c:pt>
                <c:pt idx="1341">
                  <c:v>8.8167819836668535</c:v>
                </c:pt>
                <c:pt idx="1342">
                  <c:v>8.8215372277570729</c:v>
                </c:pt>
                <c:pt idx="1343">
                  <c:v>8.8262924718472924</c:v>
                </c:pt>
                <c:pt idx="1344">
                  <c:v>8.830907855817193</c:v>
                </c:pt>
                <c:pt idx="1345">
                  <c:v>8.835663099907288</c:v>
                </c:pt>
                <c:pt idx="1346">
                  <c:v>8.8404183439975075</c:v>
                </c:pt>
                <c:pt idx="1347">
                  <c:v>8.8450337279674081</c:v>
                </c:pt>
                <c:pt idx="1348">
                  <c:v>8.8497889720575031</c:v>
                </c:pt>
                <c:pt idx="1349">
                  <c:v>8.8545442161477226</c:v>
                </c:pt>
                <c:pt idx="1350">
                  <c:v>8.8591596001176232</c:v>
                </c:pt>
                <c:pt idx="1351">
                  <c:v>8.8639148442077165</c:v>
                </c:pt>
                <c:pt idx="1352">
                  <c:v>8.8686700882979359</c:v>
                </c:pt>
                <c:pt idx="1353">
                  <c:v>8.8686700882979359</c:v>
                </c:pt>
                <c:pt idx="1354">
                  <c:v>8.8732854722678365</c:v>
                </c:pt>
                <c:pt idx="1355">
                  <c:v>8.8780407163580559</c:v>
                </c:pt>
                <c:pt idx="1356">
                  <c:v>8.882795960448151</c:v>
                </c:pt>
                <c:pt idx="1357">
                  <c:v>8.882795960448151</c:v>
                </c:pt>
                <c:pt idx="1358">
                  <c:v>8.8874113444180516</c:v>
                </c:pt>
                <c:pt idx="1359">
                  <c:v>8.8921665885082692</c:v>
                </c:pt>
                <c:pt idx="1360">
                  <c:v>8.8969218325983661</c:v>
                </c:pt>
                <c:pt idx="1361">
                  <c:v>8.9015372165682667</c:v>
                </c:pt>
                <c:pt idx="1362">
                  <c:v>8.9062924606584843</c:v>
                </c:pt>
                <c:pt idx="1363">
                  <c:v>8.9110477047485812</c:v>
                </c:pt>
                <c:pt idx="1364">
                  <c:v>8.9156630887184818</c:v>
                </c:pt>
                <c:pt idx="1365">
                  <c:v>8.9204183328086994</c:v>
                </c:pt>
                <c:pt idx="1366">
                  <c:v>8.9251735768987945</c:v>
                </c:pt>
                <c:pt idx="1367">
                  <c:v>8.9297889608686951</c:v>
                </c:pt>
                <c:pt idx="1368">
                  <c:v>8.9345442049589128</c:v>
                </c:pt>
                <c:pt idx="1369">
                  <c:v>8.939299449049134</c:v>
                </c:pt>
                <c:pt idx="1370">
                  <c:v>8.9439148330189102</c:v>
                </c:pt>
                <c:pt idx="1371">
                  <c:v>8.9486700771091279</c:v>
                </c:pt>
                <c:pt idx="1372">
                  <c:v>8.9534253211993473</c:v>
                </c:pt>
                <c:pt idx="1373">
                  <c:v>8.9580407051692479</c:v>
                </c:pt>
                <c:pt idx="1374">
                  <c:v>8.962795949259343</c:v>
                </c:pt>
                <c:pt idx="1375">
                  <c:v>8.9675511933495624</c:v>
                </c:pt>
                <c:pt idx="1376">
                  <c:v>8.9723064374396593</c:v>
                </c:pt>
                <c:pt idx="1377">
                  <c:v>8.9769218214095599</c:v>
                </c:pt>
                <c:pt idx="1378">
                  <c:v>8.9816770654997775</c:v>
                </c:pt>
                <c:pt idx="1379">
                  <c:v>8.9864323095899969</c:v>
                </c:pt>
                <c:pt idx="1380">
                  <c:v>8.9910476935597732</c:v>
                </c:pt>
                <c:pt idx="1381">
                  <c:v>8.9958029376499908</c:v>
                </c:pt>
                <c:pt idx="1382">
                  <c:v>9.000558181740212</c:v>
                </c:pt>
                <c:pt idx="1383">
                  <c:v>9.0051735657099883</c:v>
                </c:pt>
                <c:pt idx="1384">
                  <c:v>9.0099288098002059</c:v>
                </c:pt>
                <c:pt idx="1385">
                  <c:v>9.0146840538904254</c:v>
                </c:pt>
                <c:pt idx="1386">
                  <c:v>9.0146840538904254</c:v>
                </c:pt>
                <c:pt idx="1387">
                  <c:v>9.019299437860326</c:v>
                </c:pt>
                <c:pt idx="1388">
                  <c:v>9.024054681950421</c:v>
                </c:pt>
                <c:pt idx="1389">
                  <c:v>9.0288099260406405</c:v>
                </c:pt>
                <c:pt idx="1390">
                  <c:v>9.0334253100105411</c:v>
                </c:pt>
                <c:pt idx="1391">
                  <c:v>9.0381805541006361</c:v>
                </c:pt>
                <c:pt idx="1392">
                  <c:v>9.0429357981908556</c:v>
                </c:pt>
                <c:pt idx="1393">
                  <c:v>9.0475511821607562</c:v>
                </c:pt>
                <c:pt idx="1394">
                  <c:v>9.0523064262508495</c:v>
                </c:pt>
                <c:pt idx="1395">
                  <c:v>9.0570616703410689</c:v>
                </c:pt>
                <c:pt idx="1396">
                  <c:v>9.0616770543109695</c:v>
                </c:pt>
                <c:pt idx="1397">
                  <c:v>9.0616770543109695</c:v>
                </c:pt>
                <c:pt idx="1398">
                  <c:v>9.0664322984011907</c:v>
                </c:pt>
                <c:pt idx="1399">
                  <c:v>9.071187542491284</c:v>
                </c:pt>
                <c:pt idx="1400">
                  <c:v>9.0758029264611846</c:v>
                </c:pt>
                <c:pt idx="1401">
                  <c:v>9.080558170551404</c:v>
                </c:pt>
                <c:pt idx="1402">
                  <c:v>9.0899287986113997</c:v>
                </c:pt>
                <c:pt idx="1403">
                  <c:v>9.0946840427016191</c:v>
                </c:pt>
                <c:pt idx="1404">
                  <c:v>9.0994392867917124</c:v>
                </c:pt>
                <c:pt idx="1405">
                  <c:v>9.104054670761613</c:v>
                </c:pt>
                <c:pt idx="1406">
                  <c:v>9.1088099148518342</c:v>
                </c:pt>
                <c:pt idx="1407">
                  <c:v>9.1135651589420537</c:v>
                </c:pt>
                <c:pt idx="1408">
                  <c:v>9.1181805429118281</c:v>
                </c:pt>
                <c:pt idx="1409">
                  <c:v>9.1229357870020475</c:v>
                </c:pt>
                <c:pt idx="1410">
                  <c:v>9.1276910310922688</c:v>
                </c:pt>
                <c:pt idx="1411">
                  <c:v>9.1323064150620432</c:v>
                </c:pt>
                <c:pt idx="1412">
                  <c:v>9.1323064150620432</c:v>
                </c:pt>
                <c:pt idx="1413">
                  <c:v>9.1370616591522626</c:v>
                </c:pt>
                <c:pt idx="1414">
                  <c:v>9.1464322872123827</c:v>
                </c:pt>
                <c:pt idx="1415">
                  <c:v>9.1511875313024778</c:v>
                </c:pt>
                <c:pt idx="1416">
                  <c:v>9.1559427753926972</c:v>
                </c:pt>
                <c:pt idx="1417">
                  <c:v>9.1606980194827905</c:v>
                </c:pt>
                <c:pt idx="1418">
                  <c:v>9.1653134034526911</c:v>
                </c:pt>
                <c:pt idx="1419">
                  <c:v>9.1700686475429123</c:v>
                </c:pt>
                <c:pt idx="1420">
                  <c:v>9.1748238916331299</c:v>
                </c:pt>
                <c:pt idx="1421">
                  <c:v>9.1794392756029062</c:v>
                </c:pt>
                <c:pt idx="1422">
                  <c:v>9.1841945196931256</c:v>
                </c:pt>
                <c:pt idx="1423">
                  <c:v>9.1889497637833433</c:v>
                </c:pt>
                <c:pt idx="1424">
                  <c:v>9.1935651477531213</c:v>
                </c:pt>
                <c:pt idx="1425">
                  <c:v>9.1983203918433407</c:v>
                </c:pt>
                <c:pt idx="1426">
                  <c:v>9.2030756359335584</c:v>
                </c:pt>
                <c:pt idx="1427">
                  <c:v>9.207691019903459</c:v>
                </c:pt>
                <c:pt idx="1428">
                  <c:v>9.2124462639935558</c:v>
                </c:pt>
                <c:pt idx="1429">
                  <c:v>9.2172015080837735</c:v>
                </c:pt>
                <c:pt idx="1430">
                  <c:v>9.2265721361437691</c:v>
                </c:pt>
                <c:pt idx="1431">
                  <c:v>9.2313273802339886</c:v>
                </c:pt>
                <c:pt idx="1432">
                  <c:v>9.2359427642038892</c:v>
                </c:pt>
                <c:pt idx="1433">
                  <c:v>9.2406980082939842</c:v>
                </c:pt>
                <c:pt idx="1434">
                  <c:v>9.2454532523842019</c:v>
                </c:pt>
                <c:pt idx="1435">
                  <c:v>9.2500686363541025</c:v>
                </c:pt>
                <c:pt idx="1436">
                  <c:v>9.2548238804443219</c:v>
                </c:pt>
                <c:pt idx="1437">
                  <c:v>9.2641945085043176</c:v>
                </c:pt>
                <c:pt idx="1438">
                  <c:v>9.268949752594537</c:v>
                </c:pt>
                <c:pt idx="1439">
                  <c:v>9.2737049966846339</c:v>
                </c:pt>
                <c:pt idx="1440">
                  <c:v>9.2783203806545327</c:v>
                </c:pt>
                <c:pt idx="1441">
                  <c:v>9.2830756247447521</c:v>
                </c:pt>
                <c:pt idx="1442">
                  <c:v>9.2878308688348472</c:v>
                </c:pt>
                <c:pt idx="1443">
                  <c:v>9.2924462528047478</c:v>
                </c:pt>
                <c:pt idx="1444">
                  <c:v>9.2972014968949672</c:v>
                </c:pt>
                <c:pt idx="1445">
                  <c:v>9.3019567409851867</c:v>
                </c:pt>
                <c:pt idx="1446">
                  <c:v>9.3065721249549629</c:v>
                </c:pt>
                <c:pt idx="1447">
                  <c:v>9.3113273690451805</c:v>
                </c:pt>
                <c:pt idx="1448">
                  <c:v>9.3160826131354</c:v>
                </c:pt>
                <c:pt idx="1449">
                  <c:v>9.320697997105178</c:v>
                </c:pt>
                <c:pt idx="1450">
                  <c:v>9.3254532411953956</c:v>
                </c:pt>
                <c:pt idx="1451">
                  <c:v>9.3302084852856151</c:v>
                </c:pt>
                <c:pt idx="1452">
                  <c:v>9.3349637293757102</c:v>
                </c:pt>
                <c:pt idx="1453">
                  <c:v>9.3349637293757102</c:v>
                </c:pt>
                <c:pt idx="1454">
                  <c:v>9.3395791133456108</c:v>
                </c:pt>
                <c:pt idx="1455">
                  <c:v>9.3443343574358302</c:v>
                </c:pt>
                <c:pt idx="1456">
                  <c:v>9.3490896015259235</c:v>
                </c:pt>
                <c:pt idx="1457">
                  <c:v>9.3537049854958241</c:v>
                </c:pt>
                <c:pt idx="1458">
                  <c:v>9.3584602295860453</c:v>
                </c:pt>
                <c:pt idx="1459">
                  <c:v>9.3632154736762647</c:v>
                </c:pt>
                <c:pt idx="1460">
                  <c:v>9.3678308576460392</c:v>
                </c:pt>
                <c:pt idx="1461">
                  <c:v>9.3725861017362586</c:v>
                </c:pt>
                <c:pt idx="1462">
                  <c:v>9.3725861017362586</c:v>
                </c:pt>
                <c:pt idx="1463">
                  <c:v>9.377341345826478</c:v>
                </c:pt>
                <c:pt idx="1464">
                  <c:v>9.3819567297963786</c:v>
                </c:pt>
                <c:pt idx="1465">
                  <c:v>9.3867119738864737</c:v>
                </c:pt>
                <c:pt idx="1466">
                  <c:v>9.3914672179766931</c:v>
                </c:pt>
                <c:pt idx="1467">
                  <c:v>9.3914672179766931</c:v>
                </c:pt>
                <c:pt idx="1468">
                  <c:v>9.3960826019465937</c:v>
                </c:pt>
                <c:pt idx="1469">
                  <c:v>9.4008378460366888</c:v>
                </c:pt>
                <c:pt idx="1470">
                  <c:v>9.4055930901269083</c:v>
                </c:pt>
                <c:pt idx="1471">
                  <c:v>9.4102084740968088</c:v>
                </c:pt>
                <c:pt idx="1472">
                  <c:v>9.4102084740968088</c:v>
                </c:pt>
                <c:pt idx="1473">
                  <c:v>9.4149637181869021</c:v>
                </c:pt>
                <c:pt idx="1474">
                  <c:v>9.4197189622771234</c:v>
                </c:pt>
                <c:pt idx="1475">
                  <c:v>9.4243343462470222</c:v>
                </c:pt>
                <c:pt idx="1476">
                  <c:v>9.4290895903371172</c:v>
                </c:pt>
                <c:pt idx="1477">
                  <c:v>9.4338448344273367</c:v>
                </c:pt>
                <c:pt idx="1478">
                  <c:v>9.4384602183972373</c:v>
                </c:pt>
                <c:pt idx="1479">
                  <c:v>9.4432154624874567</c:v>
                </c:pt>
                <c:pt idx="1480">
                  <c:v>9.4479707065775518</c:v>
                </c:pt>
                <c:pt idx="1481">
                  <c:v>9.4525860905474524</c:v>
                </c:pt>
                <c:pt idx="1482">
                  <c:v>9.4573413346376718</c:v>
                </c:pt>
                <c:pt idx="1483">
                  <c:v>9.4620965787277669</c:v>
                </c:pt>
                <c:pt idx="1484">
                  <c:v>9.4667119626976675</c:v>
                </c:pt>
                <c:pt idx="1485">
                  <c:v>9.4714672067878869</c:v>
                </c:pt>
                <c:pt idx="1486">
                  <c:v>9.4714672067878869</c:v>
                </c:pt>
                <c:pt idx="1487">
                  <c:v>9.4762224508779802</c:v>
                </c:pt>
                <c:pt idx="1488">
                  <c:v>9.4808378348478808</c:v>
                </c:pt>
                <c:pt idx="1489">
                  <c:v>9.4855930789381002</c:v>
                </c:pt>
                <c:pt idx="1490">
                  <c:v>9.4903483230283197</c:v>
                </c:pt>
                <c:pt idx="1491">
                  <c:v>9.4949637069980959</c:v>
                </c:pt>
                <c:pt idx="1492">
                  <c:v>9.4997189510883153</c:v>
                </c:pt>
                <c:pt idx="1493">
                  <c:v>9.504474195178533</c:v>
                </c:pt>
                <c:pt idx="1494">
                  <c:v>9.509089579148311</c:v>
                </c:pt>
                <c:pt idx="1495">
                  <c:v>9.5138448232385304</c:v>
                </c:pt>
                <c:pt idx="1496">
                  <c:v>9.5186000673287481</c:v>
                </c:pt>
                <c:pt idx="1497">
                  <c:v>9.5233553114188449</c:v>
                </c:pt>
                <c:pt idx="1498">
                  <c:v>9.5279706953887455</c:v>
                </c:pt>
                <c:pt idx="1499">
                  <c:v>9.5327259394789632</c:v>
                </c:pt>
                <c:pt idx="1500">
                  <c:v>9.5374811835691826</c:v>
                </c:pt>
                <c:pt idx="1501">
                  <c:v>9.5420965675389589</c:v>
                </c:pt>
                <c:pt idx="1502">
                  <c:v>9.5468518116291765</c:v>
                </c:pt>
                <c:pt idx="1503">
                  <c:v>9.5516070557193977</c:v>
                </c:pt>
                <c:pt idx="1504">
                  <c:v>9.556222439689174</c:v>
                </c:pt>
                <c:pt idx="1505">
                  <c:v>9.556222439689174</c:v>
                </c:pt>
                <c:pt idx="1506">
                  <c:v>9.5609776837793916</c:v>
                </c:pt>
                <c:pt idx="1507">
                  <c:v>9.565732927869611</c:v>
                </c:pt>
                <c:pt idx="1508">
                  <c:v>9.5703483118395116</c:v>
                </c:pt>
                <c:pt idx="1509">
                  <c:v>9.5751035559296085</c:v>
                </c:pt>
                <c:pt idx="1510">
                  <c:v>9.5751035559296085</c:v>
                </c:pt>
                <c:pt idx="1511">
                  <c:v>9.5798588000198261</c:v>
                </c:pt>
                <c:pt idx="1512">
                  <c:v>9.5844741839897267</c:v>
                </c:pt>
                <c:pt idx="1513">
                  <c:v>9.5892294280798236</c:v>
                </c:pt>
                <c:pt idx="1514">
                  <c:v>9.5892294280798236</c:v>
                </c:pt>
                <c:pt idx="1515">
                  <c:v>9.5939846721700413</c:v>
                </c:pt>
                <c:pt idx="1516">
                  <c:v>9.5986000561399418</c:v>
                </c:pt>
                <c:pt idx="1517">
                  <c:v>9.6033553002300369</c:v>
                </c:pt>
                <c:pt idx="1518">
                  <c:v>9.6033553002300369</c:v>
                </c:pt>
                <c:pt idx="1519">
                  <c:v>9.6081105443202546</c:v>
                </c:pt>
                <c:pt idx="1520">
                  <c:v>9.6127259282901552</c:v>
                </c:pt>
                <c:pt idx="1521">
                  <c:v>9.617481172380252</c:v>
                </c:pt>
                <c:pt idx="1522">
                  <c:v>9.617481172380252</c:v>
                </c:pt>
                <c:pt idx="1523">
                  <c:v>9.6222364164704697</c:v>
                </c:pt>
                <c:pt idx="1524">
                  <c:v>9.6268518004403703</c:v>
                </c:pt>
                <c:pt idx="1525">
                  <c:v>9.6268518004403703</c:v>
                </c:pt>
                <c:pt idx="1526">
                  <c:v>9.6316070445305897</c:v>
                </c:pt>
                <c:pt idx="1527">
                  <c:v>9.6363622886206848</c:v>
                </c:pt>
                <c:pt idx="1528">
                  <c:v>9.6363622886206848</c:v>
                </c:pt>
                <c:pt idx="1529">
                  <c:v>9.6409776725905854</c:v>
                </c:pt>
                <c:pt idx="1530">
                  <c:v>9.6457329166808048</c:v>
                </c:pt>
                <c:pt idx="1531">
                  <c:v>9.6504881607708999</c:v>
                </c:pt>
                <c:pt idx="1532">
                  <c:v>9.6551035447407987</c:v>
                </c:pt>
                <c:pt idx="1533">
                  <c:v>9.6598587888310199</c:v>
                </c:pt>
                <c:pt idx="1534">
                  <c:v>9.6646140329211132</c:v>
                </c:pt>
                <c:pt idx="1535">
                  <c:v>9.6692294168910138</c:v>
                </c:pt>
                <c:pt idx="1536">
                  <c:v>9.6692294168910138</c:v>
                </c:pt>
                <c:pt idx="1537">
                  <c:v>9.6739846609812332</c:v>
                </c:pt>
                <c:pt idx="1538">
                  <c:v>9.6787399050714544</c:v>
                </c:pt>
                <c:pt idx="1539">
                  <c:v>9.6833552890412289</c:v>
                </c:pt>
                <c:pt idx="1540">
                  <c:v>9.6881105331314483</c:v>
                </c:pt>
                <c:pt idx="1541">
                  <c:v>9.6881105331314483</c:v>
                </c:pt>
                <c:pt idx="1542">
                  <c:v>9.6928657772216678</c:v>
                </c:pt>
                <c:pt idx="1543">
                  <c:v>9.697481161191444</c:v>
                </c:pt>
                <c:pt idx="1544">
                  <c:v>9.7022364052816634</c:v>
                </c:pt>
                <c:pt idx="1545">
                  <c:v>9.7069916493718829</c:v>
                </c:pt>
                <c:pt idx="1546">
                  <c:v>9.7117468934619779</c:v>
                </c:pt>
                <c:pt idx="1547">
                  <c:v>9.7163622774318767</c:v>
                </c:pt>
                <c:pt idx="1548">
                  <c:v>9.721117521522098</c:v>
                </c:pt>
                <c:pt idx="1549">
                  <c:v>9.7258727656123174</c:v>
                </c:pt>
                <c:pt idx="1550">
                  <c:v>9.7258727656123174</c:v>
                </c:pt>
                <c:pt idx="1551">
                  <c:v>9.7304881495820919</c:v>
                </c:pt>
                <c:pt idx="1552">
                  <c:v>9.7352433936723113</c:v>
                </c:pt>
                <c:pt idx="1553">
                  <c:v>9.7399986377625325</c:v>
                </c:pt>
                <c:pt idx="1554">
                  <c:v>9.744614021732307</c:v>
                </c:pt>
                <c:pt idx="1555">
                  <c:v>9.744614021732307</c:v>
                </c:pt>
                <c:pt idx="1556">
                  <c:v>9.7493692658225264</c:v>
                </c:pt>
                <c:pt idx="1557">
                  <c:v>9.7541245099127458</c:v>
                </c:pt>
                <c:pt idx="1558">
                  <c:v>9.7541245099127458</c:v>
                </c:pt>
                <c:pt idx="1559">
                  <c:v>9.7587398938826464</c:v>
                </c:pt>
                <c:pt idx="1560">
                  <c:v>9.7634951379727415</c:v>
                </c:pt>
                <c:pt idx="1561">
                  <c:v>9.7682503820629609</c:v>
                </c:pt>
                <c:pt idx="1562">
                  <c:v>9.7776210101229548</c:v>
                </c:pt>
                <c:pt idx="1563">
                  <c:v>9.782376254213176</c:v>
                </c:pt>
                <c:pt idx="1564">
                  <c:v>9.7869916381830766</c:v>
                </c:pt>
                <c:pt idx="1565">
                  <c:v>9.7917468822731699</c:v>
                </c:pt>
                <c:pt idx="1566">
                  <c:v>9.7965021263633894</c:v>
                </c:pt>
                <c:pt idx="1567">
                  <c:v>9.8011175103332899</c:v>
                </c:pt>
                <c:pt idx="1568">
                  <c:v>9.805872754423385</c:v>
                </c:pt>
                <c:pt idx="1569">
                  <c:v>9.8106279985136045</c:v>
                </c:pt>
                <c:pt idx="1570">
                  <c:v>9.815243382483505</c:v>
                </c:pt>
                <c:pt idx="1571">
                  <c:v>9.8199986265737227</c:v>
                </c:pt>
                <c:pt idx="1572">
                  <c:v>9.8247538706638196</c:v>
                </c:pt>
                <c:pt idx="1573">
                  <c:v>9.8293692546337201</c:v>
                </c:pt>
                <c:pt idx="1574">
                  <c:v>9.8388797428140329</c:v>
                </c:pt>
                <c:pt idx="1575">
                  <c:v>9.8434951267839335</c:v>
                </c:pt>
                <c:pt idx="1576">
                  <c:v>9.8482503708741529</c:v>
                </c:pt>
                <c:pt idx="1577">
                  <c:v>9.8482503708741529</c:v>
                </c:pt>
                <c:pt idx="1578">
                  <c:v>9.853005614964248</c:v>
                </c:pt>
                <c:pt idx="1579">
                  <c:v>9.8576209989341486</c:v>
                </c:pt>
                <c:pt idx="1580">
                  <c:v>9.8623762430243662</c:v>
                </c:pt>
                <c:pt idx="1581">
                  <c:v>9.8671314871145857</c:v>
                </c:pt>
                <c:pt idx="1582">
                  <c:v>9.8671314871145857</c:v>
                </c:pt>
                <c:pt idx="1583">
                  <c:v>9.8717468710843637</c:v>
                </c:pt>
                <c:pt idx="1584">
                  <c:v>9.8765021151745831</c:v>
                </c:pt>
                <c:pt idx="1585">
                  <c:v>9.8765021151745831</c:v>
                </c:pt>
                <c:pt idx="1586">
                  <c:v>9.8812573592648008</c:v>
                </c:pt>
                <c:pt idx="1587">
                  <c:v>9.8812573592648008</c:v>
                </c:pt>
                <c:pt idx="1588">
                  <c:v>9.8860126033548976</c:v>
                </c:pt>
                <c:pt idx="1589">
                  <c:v>9.8906279873247982</c:v>
                </c:pt>
                <c:pt idx="1590">
                  <c:v>9.8906279873247982</c:v>
                </c:pt>
                <c:pt idx="1591">
                  <c:v>9.8953832314150159</c:v>
                </c:pt>
                <c:pt idx="1592">
                  <c:v>9.8953832314150159</c:v>
                </c:pt>
                <c:pt idx="1593">
                  <c:v>9.9001384755051109</c:v>
                </c:pt>
                <c:pt idx="1594">
                  <c:v>9.9047538594750115</c:v>
                </c:pt>
                <c:pt idx="1595">
                  <c:v>9.9142643476554504</c:v>
                </c:pt>
                <c:pt idx="1596">
                  <c:v>9.9142643476554504</c:v>
                </c:pt>
                <c:pt idx="1597">
                  <c:v>9.9188797316252266</c:v>
                </c:pt>
                <c:pt idx="1598">
                  <c:v>9.9236349757154443</c:v>
                </c:pt>
                <c:pt idx="1599">
                  <c:v>9.9283902198056637</c:v>
                </c:pt>
                <c:pt idx="1600">
                  <c:v>9.9330056037754417</c:v>
                </c:pt>
                <c:pt idx="1601">
                  <c:v>9.9377608478656594</c:v>
                </c:pt>
                <c:pt idx="1602">
                  <c:v>9.9425160919558788</c:v>
                </c:pt>
                <c:pt idx="1603">
                  <c:v>9.9471314759257794</c:v>
                </c:pt>
                <c:pt idx="1604">
                  <c:v>9.9518867200158745</c:v>
                </c:pt>
                <c:pt idx="1605">
                  <c:v>9.9566419641060939</c:v>
                </c:pt>
                <c:pt idx="1606">
                  <c:v>9.9612573480759945</c:v>
                </c:pt>
                <c:pt idx="1607">
                  <c:v>9.9660125921660878</c:v>
                </c:pt>
                <c:pt idx="1608">
                  <c:v>9.970767836256309</c:v>
                </c:pt>
                <c:pt idx="1609">
                  <c:v>9.9753832202262078</c:v>
                </c:pt>
                <c:pt idx="1610">
                  <c:v>9.9801384643163029</c:v>
                </c:pt>
                <c:pt idx="1611">
                  <c:v>9.9848937084065224</c:v>
                </c:pt>
                <c:pt idx="1612">
                  <c:v>9.9895090923764229</c:v>
                </c:pt>
                <c:pt idx="1613">
                  <c:v>9.9942643364666424</c:v>
                </c:pt>
                <c:pt idx="1614">
                  <c:v>9.9990195805567375</c:v>
                </c:pt>
                <c:pt idx="1615">
                  <c:v>10.003634964526638</c:v>
                </c:pt>
                <c:pt idx="1616">
                  <c:v>10.008390208616857</c:v>
                </c:pt>
                <c:pt idx="1617">
                  <c:v>10.013145452706953</c:v>
                </c:pt>
                <c:pt idx="1618">
                  <c:v>10.017760836676853</c:v>
                </c:pt>
                <c:pt idx="1619">
                  <c:v>10.017760836676853</c:v>
                </c:pt>
                <c:pt idx="1620">
                  <c:v>10.022516080767073</c:v>
                </c:pt>
                <c:pt idx="1621">
                  <c:v>10.027271324857166</c:v>
                </c:pt>
                <c:pt idx="1622">
                  <c:v>10.027271324857166</c:v>
                </c:pt>
                <c:pt idx="1623">
                  <c:v>10.031886708827066</c:v>
                </c:pt>
                <c:pt idx="1624">
                  <c:v>10.036641952917286</c:v>
                </c:pt>
                <c:pt idx="1625">
                  <c:v>10.041397197007381</c:v>
                </c:pt>
                <c:pt idx="1626">
                  <c:v>10.046012580977282</c:v>
                </c:pt>
                <c:pt idx="1627">
                  <c:v>10.050767825067501</c:v>
                </c:pt>
                <c:pt idx="1628">
                  <c:v>10.05552306915772</c:v>
                </c:pt>
                <c:pt idx="1629">
                  <c:v>10.060138453127497</c:v>
                </c:pt>
                <c:pt idx="1630">
                  <c:v>10.060138453127497</c:v>
                </c:pt>
                <c:pt idx="1631">
                  <c:v>10.064893697217716</c:v>
                </c:pt>
                <c:pt idx="1632">
                  <c:v>10.069648941307936</c:v>
                </c:pt>
                <c:pt idx="1633">
                  <c:v>10.069648941307936</c:v>
                </c:pt>
                <c:pt idx="1634">
                  <c:v>10.074404185398031</c:v>
                </c:pt>
                <c:pt idx="1635">
                  <c:v>10.079019569367931</c:v>
                </c:pt>
                <c:pt idx="1636">
                  <c:v>10.083774813458151</c:v>
                </c:pt>
                <c:pt idx="1637">
                  <c:v>10.088530057548244</c:v>
                </c:pt>
                <c:pt idx="1638">
                  <c:v>10.093145441518145</c:v>
                </c:pt>
                <c:pt idx="1639">
                  <c:v>10.097900685608364</c:v>
                </c:pt>
                <c:pt idx="1640">
                  <c:v>10.102655929698583</c:v>
                </c:pt>
                <c:pt idx="1641">
                  <c:v>10.102655929698583</c:v>
                </c:pt>
                <c:pt idx="1642">
                  <c:v>10.10727131366836</c:v>
                </c:pt>
                <c:pt idx="1643">
                  <c:v>10.112026557758579</c:v>
                </c:pt>
                <c:pt idx="1644">
                  <c:v>10.116781801848797</c:v>
                </c:pt>
                <c:pt idx="1645">
                  <c:v>10.116781801848797</c:v>
                </c:pt>
                <c:pt idx="1646">
                  <c:v>10.121397185818575</c:v>
                </c:pt>
                <c:pt idx="1647">
                  <c:v>10.126152429908794</c:v>
                </c:pt>
                <c:pt idx="1648">
                  <c:v>10.130907673999012</c:v>
                </c:pt>
                <c:pt idx="1649">
                  <c:v>10.130907673999012</c:v>
                </c:pt>
                <c:pt idx="1650">
                  <c:v>10.135523057968912</c:v>
                </c:pt>
                <c:pt idx="1651">
                  <c:v>10.140278302059009</c:v>
                </c:pt>
                <c:pt idx="1652">
                  <c:v>10.140278302059009</c:v>
                </c:pt>
                <c:pt idx="1653">
                  <c:v>10.145033546149227</c:v>
                </c:pt>
                <c:pt idx="1654">
                  <c:v>10.149648930119127</c:v>
                </c:pt>
                <c:pt idx="1655">
                  <c:v>10.154404174209223</c:v>
                </c:pt>
                <c:pt idx="1656">
                  <c:v>10.159159418299442</c:v>
                </c:pt>
                <c:pt idx="1657">
                  <c:v>10.163774802269341</c:v>
                </c:pt>
                <c:pt idx="1658">
                  <c:v>10.168530046359438</c:v>
                </c:pt>
                <c:pt idx="1659">
                  <c:v>10.173285290449657</c:v>
                </c:pt>
                <c:pt idx="1660">
                  <c:v>10.177900674419556</c:v>
                </c:pt>
                <c:pt idx="1661">
                  <c:v>10.177900674419556</c:v>
                </c:pt>
                <c:pt idx="1662">
                  <c:v>10.182655918509775</c:v>
                </c:pt>
                <c:pt idx="1663">
                  <c:v>10.187411162599872</c:v>
                </c:pt>
                <c:pt idx="1664">
                  <c:v>10.192026546569773</c:v>
                </c:pt>
                <c:pt idx="1665">
                  <c:v>10.192026546569773</c:v>
                </c:pt>
                <c:pt idx="1666">
                  <c:v>10.19678179065999</c:v>
                </c:pt>
                <c:pt idx="1667">
                  <c:v>10.201537034750087</c:v>
                </c:pt>
                <c:pt idx="1668">
                  <c:v>10.206152418719988</c:v>
                </c:pt>
                <c:pt idx="1669">
                  <c:v>10.210907662810206</c:v>
                </c:pt>
                <c:pt idx="1670">
                  <c:v>10.210907662810206</c:v>
                </c:pt>
                <c:pt idx="1671">
                  <c:v>10.215662906900301</c:v>
                </c:pt>
                <c:pt idx="1672">
                  <c:v>10.220278290870201</c:v>
                </c:pt>
                <c:pt idx="1673">
                  <c:v>10.225033534960419</c:v>
                </c:pt>
                <c:pt idx="1674">
                  <c:v>10.229788779050516</c:v>
                </c:pt>
                <c:pt idx="1675">
                  <c:v>10.234404163020416</c:v>
                </c:pt>
                <c:pt idx="1676">
                  <c:v>10.239159407110634</c:v>
                </c:pt>
                <c:pt idx="1677">
                  <c:v>10.243914651200853</c:v>
                </c:pt>
                <c:pt idx="1678">
                  <c:v>10.248669895290949</c:v>
                </c:pt>
                <c:pt idx="1679">
                  <c:v>10.248669895290949</c:v>
                </c:pt>
                <c:pt idx="1680">
                  <c:v>10.253285279260849</c:v>
                </c:pt>
                <c:pt idx="1681">
                  <c:v>10.258040523351069</c:v>
                </c:pt>
                <c:pt idx="1682">
                  <c:v>10.262795767441164</c:v>
                </c:pt>
                <c:pt idx="1683">
                  <c:v>10.267411151411064</c:v>
                </c:pt>
                <c:pt idx="1684">
                  <c:v>10.267411151411064</c:v>
                </c:pt>
                <c:pt idx="1685">
                  <c:v>10.272166395501284</c:v>
                </c:pt>
                <c:pt idx="1686">
                  <c:v>10.276921639591377</c:v>
                </c:pt>
                <c:pt idx="1687">
                  <c:v>10.281537023561278</c:v>
                </c:pt>
                <c:pt idx="1688">
                  <c:v>10.286292267651497</c:v>
                </c:pt>
                <c:pt idx="1689">
                  <c:v>10.291047511741718</c:v>
                </c:pt>
                <c:pt idx="1690">
                  <c:v>10.295662895711493</c:v>
                </c:pt>
                <c:pt idx="1691">
                  <c:v>10.295662895711493</c:v>
                </c:pt>
                <c:pt idx="1692">
                  <c:v>10.300418139801712</c:v>
                </c:pt>
                <c:pt idx="1693">
                  <c:v>10.305173383891931</c:v>
                </c:pt>
                <c:pt idx="1694">
                  <c:v>10.309788767861708</c:v>
                </c:pt>
                <c:pt idx="1695">
                  <c:v>10.314544011951927</c:v>
                </c:pt>
                <c:pt idx="1696">
                  <c:v>10.319299256042147</c:v>
                </c:pt>
                <c:pt idx="1697">
                  <c:v>10.323914640012047</c:v>
                </c:pt>
                <c:pt idx="1698">
                  <c:v>10.32866988410214</c:v>
                </c:pt>
                <c:pt idx="1699">
                  <c:v>10.333425128192362</c:v>
                </c:pt>
                <c:pt idx="1700">
                  <c:v>10.333425128192362</c:v>
                </c:pt>
                <c:pt idx="1701">
                  <c:v>10.338040512162262</c:v>
                </c:pt>
                <c:pt idx="1702">
                  <c:v>10.342795756252356</c:v>
                </c:pt>
                <c:pt idx="1703">
                  <c:v>10.347551000342575</c:v>
                </c:pt>
                <c:pt idx="1704">
                  <c:v>10.352166384312476</c:v>
                </c:pt>
                <c:pt idx="1705">
                  <c:v>10.356921628402571</c:v>
                </c:pt>
                <c:pt idx="1706">
                  <c:v>10.36167687249279</c:v>
                </c:pt>
                <c:pt idx="1707">
                  <c:v>10.366292256462691</c:v>
                </c:pt>
                <c:pt idx="1708">
                  <c:v>10.37104750055291</c:v>
                </c:pt>
                <c:pt idx="1709">
                  <c:v>10.37104750055291</c:v>
                </c:pt>
                <c:pt idx="1710">
                  <c:v>10.375802744643005</c:v>
                </c:pt>
                <c:pt idx="1711">
                  <c:v>10.380418128612906</c:v>
                </c:pt>
                <c:pt idx="1712">
                  <c:v>10.385173372703125</c:v>
                </c:pt>
                <c:pt idx="1713">
                  <c:v>10.389928616793219</c:v>
                </c:pt>
                <c:pt idx="1714">
                  <c:v>10.394544000763119</c:v>
                </c:pt>
                <c:pt idx="1715">
                  <c:v>10.39929924485334</c:v>
                </c:pt>
                <c:pt idx="1716">
                  <c:v>10.404054488943434</c:v>
                </c:pt>
                <c:pt idx="1717">
                  <c:v>10.408669872913334</c:v>
                </c:pt>
                <c:pt idx="1718">
                  <c:v>10.413425117003554</c:v>
                </c:pt>
                <c:pt idx="1719">
                  <c:v>10.418180361093771</c:v>
                </c:pt>
                <c:pt idx="1720">
                  <c:v>10.418180361093771</c:v>
                </c:pt>
                <c:pt idx="1721">
                  <c:v>10.422795745063549</c:v>
                </c:pt>
                <c:pt idx="1722">
                  <c:v>10.427550989153769</c:v>
                </c:pt>
                <c:pt idx="1723">
                  <c:v>10.432306233243986</c:v>
                </c:pt>
                <c:pt idx="1724">
                  <c:v>10.437061477334083</c:v>
                </c:pt>
                <c:pt idx="1725">
                  <c:v>10.441676861303984</c:v>
                </c:pt>
                <c:pt idx="1726">
                  <c:v>10.446432105394202</c:v>
                </c:pt>
                <c:pt idx="1727">
                  <c:v>10.451187349484297</c:v>
                </c:pt>
                <c:pt idx="1728">
                  <c:v>10.455802733454197</c:v>
                </c:pt>
                <c:pt idx="1729">
                  <c:v>10.460557977544417</c:v>
                </c:pt>
                <c:pt idx="1730">
                  <c:v>10.465313221634512</c:v>
                </c:pt>
                <c:pt idx="1731">
                  <c:v>10.469928605604412</c:v>
                </c:pt>
                <c:pt idx="1732">
                  <c:v>10.474683849694632</c:v>
                </c:pt>
                <c:pt idx="1733">
                  <c:v>10.479439093784849</c:v>
                </c:pt>
                <c:pt idx="1734">
                  <c:v>10.484054477754627</c:v>
                </c:pt>
                <c:pt idx="1735">
                  <c:v>10.488809721844847</c:v>
                </c:pt>
                <c:pt idx="1736">
                  <c:v>10.488809721844847</c:v>
                </c:pt>
                <c:pt idx="1737">
                  <c:v>10.493564965935064</c:v>
                </c:pt>
                <c:pt idx="1738">
                  <c:v>10.498180349904843</c:v>
                </c:pt>
                <c:pt idx="1739">
                  <c:v>10.502935593995062</c:v>
                </c:pt>
                <c:pt idx="1740">
                  <c:v>10.50769083808528</c:v>
                </c:pt>
                <c:pt idx="1741">
                  <c:v>10.51230622205518</c:v>
                </c:pt>
                <c:pt idx="1742">
                  <c:v>10.517061466145275</c:v>
                </c:pt>
                <c:pt idx="1743">
                  <c:v>10.517061466145275</c:v>
                </c:pt>
                <c:pt idx="1744">
                  <c:v>10.521816710235495</c:v>
                </c:pt>
                <c:pt idx="1745">
                  <c:v>10.526432094205395</c:v>
                </c:pt>
                <c:pt idx="1746">
                  <c:v>10.53118733829549</c:v>
                </c:pt>
                <c:pt idx="1747">
                  <c:v>10.535942582385708</c:v>
                </c:pt>
                <c:pt idx="1748">
                  <c:v>10.540557966355609</c:v>
                </c:pt>
                <c:pt idx="1749">
                  <c:v>10.545313210445705</c:v>
                </c:pt>
                <c:pt idx="1750">
                  <c:v>10.550068454535923</c:v>
                </c:pt>
                <c:pt idx="1751">
                  <c:v>10.550068454535923</c:v>
                </c:pt>
                <c:pt idx="1752">
                  <c:v>10.554683838505824</c:v>
                </c:pt>
                <c:pt idx="1753">
                  <c:v>10.559439082596043</c:v>
                </c:pt>
                <c:pt idx="1754">
                  <c:v>10.564194326686138</c:v>
                </c:pt>
                <c:pt idx="1755">
                  <c:v>10.568809710656039</c:v>
                </c:pt>
                <c:pt idx="1756">
                  <c:v>10.568809710656039</c:v>
                </c:pt>
                <c:pt idx="1757">
                  <c:v>10.573564954746258</c:v>
                </c:pt>
                <c:pt idx="1758">
                  <c:v>10.578320198836352</c:v>
                </c:pt>
                <c:pt idx="1759">
                  <c:v>10.582935582806252</c:v>
                </c:pt>
                <c:pt idx="1760">
                  <c:v>10.587690826896473</c:v>
                </c:pt>
                <c:pt idx="1761">
                  <c:v>10.592446070986567</c:v>
                </c:pt>
                <c:pt idx="1762">
                  <c:v>10.597061454956467</c:v>
                </c:pt>
                <c:pt idx="1763">
                  <c:v>10.601816699046687</c:v>
                </c:pt>
                <c:pt idx="1764">
                  <c:v>10.601816699046687</c:v>
                </c:pt>
                <c:pt idx="1765">
                  <c:v>10.606571943136906</c:v>
                </c:pt>
                <c:pt idx="1766">
                  <c:v>10.611187327106682</c:v>
                </c:pt>
                <c:pt idx="1767">
                  <c:v>10.611187327106682</c:v>
                </c:pt>
                <c:pt idx="1768">
                  <c:v>10.615942571196902</c:v>
                </c:pt>
                <c:pt idx="1769">
                  <c:v>10.620697815287121</c:v>
                </c:pt>
                <c:pt idx="1770">
                  <c:v>10.625453059377216</c:v>
                </c:pt>
                <c:pt idx="1771">
                  <c:v>10.625453059377216</c:v>
                </c:pt>
                <c:pt idx="1772">
                  <c:v>10.630068443347117</c:v>
                </c:pt>
                <c:pt idx="1773">
                  <c:v>10.634823687437336</c:v>
                </c:pt>
                <c:pt idx="1774">
                  <c:v>10.634823687437336</c:v>
                </c:pt>
                <c:pt idx="1775">
                  <c:v>10.63957893152743</c:v>
                </c:pt>
                <c:pt idx="1776">
                  <c:v>10.64419431549733</c:v>
                </c:pt>
                <c:pt idx="1777">
                  <c:v>10.648949559587551</c:v>
                </c:pt>
                <c:pt idx="1778">
                  <c:v>10.653704803677645</c:v>
                </c:pt>
                <c:pt idx="1779">
                  <c:v>10.658320187647545</c:v>
                </c:pt>
                <c:pt idx="1780">
                  <c:v>10.663075431737765</c:v>
                </c:pt>
                <c:pt idx="1781">
                  <c:v>10.667830675827984</c:v>
                </c:pt>
                <c:pt idx="1782">
                  <c:v>10.667830675827984</c:v>
                </c:pt>
                <c:pt idx="1783">
                  <c:v>10.67244605979776</c:v>
                </c:pt>
                <c:pt idx="1784">
                  <c:v>10.67720130388798</c:v>
                </c:pt>
                <c:pt idx="1785">
                  <c:v>10.67720130388798</c:v>
                </c:pt>
                <c:pt idx="1786">
                  <c:v>10.681956547978199</c:v>
                </c:pt>
                <c:pt idx="1787">
                  <c:v>10.686571931947974</c:v>
                </c:pt>
                <c:pt idx="1788">
                  <c:v>10.691327176038195</c:v>
                </c:pt>
                <c:pt idx="1789">
                  <c:v>10.696082420128414</c:v>
                </c:pt>
                <c:pt idx="1790">
                  <c:v>10.700697804098315</c:v>
                </c:pt>
                <c:pt idx="1791">
                  <c:v>10.705453048188408</c:v>
                </c:pt>
                <c:pt idx="1792">
                  <c:v>10.705453048188408</c:v>
                </c:pt>
                <c:pt idx="1793">
                  <c:v>10.710208292278629</c:v>
                </c:pt>
                <c:pt idx="1794">
                  <c:v>10.714823676248528</c:v>
                </c:pt>
                <c:pt idx="1795">
                  <c:v>10.719578920338623</c:v>
                </c:pt>
                <c:pt idx="1796">
                  <c:v>10.724334164428843</c:v>
                </c:pt>
                <c:pt idx="1797">
                  <c:v>10.728949548398743</c:v>
                </c:pt>
                <c:pt idx="1798">
                  <c:v>10.733704792488838</c:v>
                </c:pt>
                <c:pt idx="1799">
                  <c:v>10.738460036579058</c:v>
                </c:pt>
                <c:pt idx="1800">
                  <c:v>10.743075420548958</c:v>
                </c:pt>
                <c:pt idx="1801">
                  <c:v>10.747830664639176</c:v>
                </c:pt>
                <c:pt idx="1802">
                  <c:v>10.752585908729273</c:v>
                </c:pt>
                <c:pt idx="1803">
                  <c:v>10.757201292699174</c:v>
                </c:pt>
                <c:pt idx="1804">
                  <c:v>10.761956536789391</c:v>
                </c:pt>
                <c:pt idx="1805">
                  <c:v>10.766711780879486</c:v>
                </c:pt>
                <c:pt idx="1806">
                  <c:v>10.766711780879486</c:v>
                </c:pt>
                <c:pt idx="1807">
                  <c:v>10.771327164849387</c:v>
                </c:pt>
                <c:pt idx="1808">
                  <c:v>10.776082408939606</c:v>
                </c:pt>
                <c:pt idx="1809">
                  <c:v>10.785453036999602</c:v>
                </c:pt>
                <c:pt idx="1810">
                  <c:v>10.785453036999602</c:v>
                </c:pt>
                <c:pt idx="1811">
                  <c:v>10.790208281089821</c:v>
                </c:pt>
                <c:pt idx="1812">
                  <c:v>10.794963525180039</c:v>
                </c:pt>
                <c:pt idx="1813">
                  <c:v>10.799718769270136</c:v>
                </c:pt>
                <c:pt idx="1814">
                  <c:v>10.804334153240037</c:v>
                </c:pt>
                <c:pt idx="1815">
                  <c:v>10.809089397330254</c:v>
                </c:pt>
                <c:pt idx="1816">
                  <c:v>10.813844641420351</c:v>
                </c:pt>
                <c:pt idx="1817">
                  <c:v>10.818460025390252</c:v>
                </c:pt>
                <c:pt idx="1818">
                  <c:v>10.818460025390252</c:v>
                </c:pt>
                <c:pt idx="1819">
                  <c:v>10.823215269480469</c:v>
                </c:pt>
                <c:pt idx="1820">
                  <c:v>10.827970513570564</c:v>
                </c:pt>
                <c:pt idx="1821">
                  <c:v>10.832585897540465</c:v>
                </c:pt>
                <c:pt idx="1822">
                  <c:v>10.832585897540465</c:v>
                </c:pt>
                <c:pt idx="1823">
                  <c:v>10.837341141630683</c:v>
                </c:pt>
                <c:pt idx="1824">
                  <c:v>10.842096385720779</c:v>
                </c:pt>
                <c:pt idx="1825">
                  <c:v>10.842096385720779</c:v>
                </c:pt>
                <c:pt idx="1826">
                  <c:v>10.84671176969068</c:v>
                </c:pt>
                <c:pt idx="1827">
                  <c:v>10.851467013780898</c:v>
                </c:pt>
                <c:pt idx="1828">
                  <c:v>10.851467013780898</c:v>
                </c:pt>
                <c:pt idx="1829">
                  <c:v>10.856222257871117</c:v>
                </c:pt>
                <c:pt idx="1830">
                  <c:v>10.860837641840895</c:v>
                </c:pt>
                <c:pt idx="1831">
                  <c:v>10.865592885931113</c:v>
                </c:pt>
                <c:pt idx="1832">
                  <c:v>10.870348130021332</c:v>
                </c:pt>
                <c:pt idx="1833">
                  <c:v>10.874963513991233</c:v>
                </c:pt>
                <c:pt idx="1834">
                  <c:v>10.874963513991233</c:v>
                </c:pt>
                <c:pt idx="1835">
                  <c:v>10.879718758081328</c:v>
                </c:pt>
                <c:pt idx="1836">
                  <c:v>10.884474002171547</c:v>
                </c:pt>
                <c:pt idx="1837">
                  <c:v>10.889089386141448</c:v>
                </c:pt>
                <c:pt idx="1838">
                  <c:v>10.889089386141448</c:v>
                </c:pt>
                <c:pt idx="1839">
                  <c:v>10.893844630231541</c:v>
                </c:pt>
                <c:pt idx="1840">
                  <c:v>10.898599874321761</c:v>
                </c:pt>
                <c:pt idx="1841">
                  <c:v>10.903215258291661</c:v>
                </c:pt>
                <c:pt idx="1842">
                  <c:v>10.907970502381756</c:v>
                </c:pt>
                <c:pt idx="1843">
                  <c:v>10.912725746471976</c:v>
                </c:pt>
                <c:pt idx="1844">
                  <c:v>10.917341130441876</c:v>
                </c:pt>
                <c:pt idx="1845">
                  <c:v>10.922096374531971</c:v>
                </c:pt>
                <c:pt idx="1846">
                  <c:v>10.926851618622191</c:v>
                </c:pt>
                <c:pt idx="1847">
                  <c:v>10.931467002592091</c:v>
                </c:pt>
                <c:pt idx="1848">
                  <c:v>10.936222246682311</c:v>
                </c:pt>
                <c:pt idx="1849">
                  <c:v>10.940977490772406</c:v>
                </c:pt>
                <c:pt idx="1850">
                  <c:v>10.945592874742305</c:v>
                </c:pt>
                <c:pt idx="1851">
                  <c:v>10.945592874742305</c:v>
                </c:pt>
                <c:pt idx="1852">
                  <c:v>10.950348118832526</c:v>
                </c:pt>
                <c:pt idx="1853">
                  <c:v>10.955103362922619</c:v>
                </c:pt>
                <c:pt idx="1854">
                  <c:v>10.95971874689252</c:v>
                </c:pt>
                <c:pt idx="1855">
                  <c:v>10.964473990982739</c:v>
                </c:pt>
                <c:pt idx="1856">
                  <c:v>10.969229235072834</c:v>
                </c:pt>
                <c:pt idx="1857">
                  <c:v>10.969229235072834</c:v>
                </c:pt>
                <c:pt idx="1858">
                  <c:v>10.973844619042735</c:v>
                </c:pt>
                <c:pt idx="1859">
                  <c:v>10.978599863132954</c:v>
                </c:pt>
                <c:pt idx="1860">
                  <c:v>10.983355107223174</c:v>
                </c:pt>
                <c:pt idx="1861">
                  <c:v>10.988110351313269</c:v>
                </c:pt>
                <c:pt idx="1862">
                  <c:v>10.99272573528317</c:v>
                </c:pt>
                <c:pt idx="1863">
                  <c:v>10.997480979373389</c:v>
                </c:pt>
                <c:pt idx="1864">
                  <c:v>10.997480979373389</c:v>
                </c:pt>
                <c:pt idx="1865">
                  <c:v>11.002236223463484</c:v>
                </c:pt>
                <c:pt idx="1866">
                  <c:v>11.006851607433383</c:v>
                </c:pt>
                <c:pt idx="1867">
                  <c:v>11.006851607433383</c:v>
                </c:pt>
                <c:pt idx="1868">
                  <c:v>11.011606851523604</c:v>
                </c:pt>
                <c:pt idx="1869">
                  <c:v>11.016362095613697</c:v>
                </c:pt>
                <c:pt idx="1870">
                  <c:v>11.016362095613697</c:v>
                </c:pt>
                <c:pt idx="1871">
                  <c:v>11.020977479583598</c:v>
                </c:pt>
                <c:pt idx="1872">
                  <c:v>11.025732723673817</c:v>
                </c:pt>
                <c:pt idx="1873">
                  <c:v>11.030487967764037</c:v>
                </c:pt>
                <c:pt idx="1874">
                  <c:v>11.030487967764037</c:v>
                </c:pt>
                <c:pt idx="1875">
                  <c:v>11.035103351733813</c:v>
                </c:pt>
                <c:pt idx="1876">
                  <c:v>11.039858595824033</c:v>
                </c:pt>
                <c:pt idx="1877">
                  <c:v>11.039858595824033</c:v>
                </c:pt>
                <c:pt idx="1878">
                  <c:v>11.04461383991425</c:v>
                </c:pt>
                <c:pt idx="1879">
                  <c:v>11.049229223884028</c:v>
                </c:pt>
                <c:pt idx="1880">
                  <c:v>11.053984467974248</c:v>
                </c:pt>
                <c:pt idx="1881">
                  <c:v>11.058739712064465</c:v>
                </c:pt>
                <c:pt idx="1882">
                  <c:v>11.063355096034366</c:v>
                </c:pt>
                <c:pt idx="1883">
                  <c:v>11.063355096034366</c:v>
                </c:pt>
                <c:pt idx="1884">
                  <c:v>11.068110340124461</c:v>
                </c:pt>
                <c:pt idx="1885">
                  <c:v>11.072865584214682</c:v>
                </c:pt>
                <c:pt idx="1886">
                  <c:v>11.077480968184581</c:v>
                </c:pt>
                <c:pt idx="1887">
                  <c:v>11.077480968184581</c:v>
                </c:pt>
                <c:pt idx="1888">
                  <c:v>11.082236212274676</c:v>
                </c:pt>
                <c:pt idx="1889">
                  <c:v>11.086991456364895</c:v>
                </c:pt>
                <c:pt idx="1890">
                  <c:v>11.091606840334796</c:v>
                </c:pt>
                <c:pt idx="1891">
                  <c:v>11.096362084424891</c:v>
                </c:pt>
                <c:pt idx="1892">
                  <c:v>11.101117328515111</c:v>
                </c:pt>
                <c:pt idx="1893">
                  <c:v>11.105732712485011</c:v>
                </c:pt>
                <c:pt idx="1894">
                  <c:v>11.110487956575106</c:v>
                </c:pt>
                <c:pt idx="1895">
                  <c:v>11.115243200665326</c:v>
                </c:pt>
                <c:pt idx="1896">
                  <c:v>11.119858584635226</c:v>
                </c:pt>
                <c:pt idx="1897">
                  <c:v>11.124613828725444</c:v>
                </c:pt>
                <c:pt idx="1898">
                  <c:v>11.129369072815539</c:v>
                </c:pt>
                <c:pt idx="1899">
                  <c:v>11.13398445678544</c:v>
                </c:pt>
                <c:pt idx="1900">
                  <c:v>11.13398445678544</c:v>
                </c:pt>
                <c:pt idx="1901">
                  <c:v>11.138739700875659</c:v>
                </c:pt>
                <c:pt idx="1902">
                  <c:v>11.143494944965754</c:v>
                </c:pt>
                <c:pt idx="1903">
                  <c:v>11.148110328935655</c:v>
                </c:pt>
                <c:pt idx="1904">
                  <c:v>11.152865573025872</c:v>
                </c:pt>
                <c:pt idx="1905">
                  <c:v>11.157620817115969</c:v>
                </c:pt>
                <c:pt idx="1906">
                  <c:v>11.162376061206187</c:v>
                </c:pt>
                <c:pt idx="1907">
                  <c:v>11.162376061206187</c:v>
                </c:pt>
                <c:pt idx="1908">
                  <c:v>11.166991445176087</c:v>
                </c:pt>
                <c:pt idx="1909">
                  <c:v>11.171746689266307</c:v>
                </c:pt>
                <c:pt idx="1910">
                  <c:v>11.176501933356402</c:v>
                </c:pt>
                <c:pt idx="1911">
                  <c:v>11.181117317326303</c:v>
                </c:pt>
                <c:pt idx="1912">
                  <c:v>11.185872561416522</c:v>
                </c:pt>
                <c:pt idx="1913">
                  <c:v>11.190627805506615</c:v>
                </c:pt>
                <c:pt idx="1914">
                  <c:v>11.195243189476516</c:v>
                </c:pt>
                <c:pt idx="1915">
                  <c:v>11.199998433566737</c:v>
                </c:pt>
                <c:pt idx="1916">
                  <c:v>11.199998433566737</c:v>
                </c:pt>
                <c:pt idx="1917">
                  <c:v>11.204753677656832</c:v>
                </c:pt>
                <c:pt idx="1918">
                  <c:v>11.209369061626731</c:v>
                </c:pt>
                <c:pt idx="1919">
                  <c:v>11.21412430571695</c:v>
                </c:pt>
                <c:pt idx="1920">
                  <c:v>11.21887954980717</c:v>
                </c:pt>
                <c:pt idx="1921">
                  <c:v>11.223494933776946</c:v>
                </c:pt>
                <c:pt idx="1922">
                  <c:v>11.228250177867166</c:v>
                </c:pt>
                <c:pt idx="1923">
                  <c:v>11.233005421957385</c:v>
                </c:pt>
                <c:pt idx="1924">
                  <c:v>11.233005421957385</c:v>
                </c:pt>
                <c:pt idx="1925">
                  <c:v>11.237620805927161</c:v>
                </c:pt>
                <c:pt idx="1926">
                  <c:v>11.242376050017381</c:v>
                </c:pt>
                <c:pt idx="1927">
                  <c:v>11.2471312941076</c:v>
                </c:pt>
                <c:pt idx="1928">
                  <c:v>11.251746678077501</c:v>
                </c:pt>
                <c:pt idx="1929">
                  <c:v>11.256501922167594</c:v>
                </c:pt>
                <c:pt idx="1930">
                  <c:v>11.261257166257815</c:v>
                </c:pt>
                <c:pt idx="1931">
                  <c:v>11.265872550227714</c:v>
                </c:pt>
                <c:pt idx="1932">
                  <c:v>11.270627794317809</c:v>
                </c:pt>
                <c:pt idx="1933">
                  <c:v>11.275383038408028</c:v>
                </c:pt>
                <c:pt idx="1934">
                  <c:v>11.279998422377929</c:v>
                </c:pt>
                <c:pt idx="1935">
                  <c:v>11.284753666468024</c:v>
                </c:pt>
                <c:pt idx="1936">
                  <c:v>11.284753666468024</c:v>
                </c:pt>
                <c:pt idx="1937">
                  <c:v>11.289508910558244</c:v>
                </c:pt>
                <c:pt idx="1938">
                  <c:v>11.294124294528144</c:v>
                </c:pt>
                <c:pt idx="1939">
                  <c:v>11.298879538618364</c:v>
                </c:pt>
                <c:pt idx="1940">
                  <c:v>11.298879538618364</c:v>
                </c:pt>
                <c:pt idx="1941">
                  <c:v>11.303634782708459</c:v>
                </c:pt>
                <c:pt idx="1942">
                  <c:v>11.308250166678359</c:v>
                </c:pt>
                <c:pt idx="1943">
                  <c:v>11.313005410768579</c:v>
                </c:pt>
                <c:pt idx="1944">
                  <c:v>11.317760654858672</c:v>
                </c:pt>
                <c:pt idx="1945">
                  <c:v>11.322376038828573</c:v>
                </c:pt>
                <c:pt idx="1946">
                  <c:v>11.327131282918792</c:v>
                </c:pt>
                <c:pt idx="1947">
                  <c:v>11.327131282918792</c:v>
                </c:pt>
                <c:pt idx="1948">
                  <c:v>11.331886527008887</c:v>
                </c:pt>
                <c:pt idx="1949">
                  <c:v>11.336501910978788</c:v>
                </c:pt>
                <c:pt idx="1950">
                  <c:v>11.341257155069007</c:v>
                </c:pt>
                <c:pt idx="1951">
                  <c:v>11.341257155069007</c:v>
                </c:pt>
                <c:pt idx="1952">
                  <c:v>11.346012399159102</c:v>
                </c:pt>
                <c:pt idx="1953">
                  <c:v>11.350767643249322</c:v>
                </c:pt>
                <c:pt idx="1954">
                  <c:v>11.355383027219222</c:v>
                </c:pt>
                <c:pt idx="1955">
                  <c:v>11.355383027219222</c:v>
                </c:pt>
                <c:pt idx="1956">
                  <c:v>11.36013827130944</c:v>
                </c:pt>
                <c:pt idx="1957">
                  <c:v>11.36013827130944</c:v>
                </c:pt>
                <c:pt idx="1958">
                  <c:v>11.364893515399537</c:v>
                </c:pt>
                <c:pt idx="1959">
                  <c:v>11.369508899369437</c:v>
                </c:pt>
                <c:pt idx="1960">
                  <c:v>11.369508899369437</c:v>
                </c:pt>
                <c:pt idx="1961">
                  <c:v>11.374264143459655</c:v>
                </c:pt>
                <c:pt idx="1962">
                  <c:v>11.37901938754975</c:v>
                </c:pt>
                <c:pt idx="1963">
                  <c:v>11.37901938754975</c:v>
                </c:pt>
                <c:pt idx="1964">
                  <c:v>11.383634771519651</c:v>
                </c:pt>
                <c:pt idx="1965">
                  <c:v>11.383634771519651</c:v>
                </c:pt>
                <c:pt idx="1966">
                  <c:v>11.38839001560987</c:v>
                </c:pt>
                <c:pt idx="1967">
                  <c:v>11.393145259699965</c:v>
                </c:pt>
                <c:pt idx="1968">
                  <c:v>11.393145259699965</c:v>
                </c:pt>
                <c:pt idx="1969">
                  <c:v>11.397760643669866</c:v>
                </c:pt>
                <c:pt idx="1970">
                  <c:v>11.402515887760085</c:v>
                </c:pt>
                <c:pt idx="1971">
                  <c:v>11.402515887760085</c:v>
                </c:pt>
                <c:pt idx="1972">
                  <c:v>11.407271131850303</c:v>
                </c:pt>
                <c:pt idx="1973">
                  <c:v>11.411886515820081</c:v>
                </c:pt>
                <c:pt idx="1974">
                  <c:v>11.4166417599103</c:v>
                </c:pt>
                <c:pt idx="1975">
                  <c:v>11.421397004000518</c:v>
                </c:pt>
                <c:pt idx="1976">
                  <c:v>11.421397004000518</c:v>
                </c:pt>
                <c:pt idx="1977">
                  <c:v>11.426012387970294</c:v>
                </c:pt>
                <c:pt idx="1978">
                  <c:v>11.430767632060515</c:v>
                </c:pt>
                <c:pt idx="1979">
                  <c:v>11.430767632060515</c:v>
                </c:pt>
                <c:pt idx="1980">
                  <c:v>11.435522876150733</c:v>
                </c:pt>
                <c:pt idx="1981">
                  <c:v>11.440138260120634</c:v>
                </c:pt>
                <c:pt idx="1982">
                  <c:v>11.444893504210729</c:v>
                </c:pt>
                <c:pt idx="1983">
                  <c:v>11.449648748300946</c:v>
                </c:pt>
                <c:pt idx="1984">
                  <c:v>11.454264132270847</c:v>
                </c:pt>
                <c:pt idx="1985">
                  <c:v>11.459019376360944</c:v>
                </c:pt>
                <c:pt idx="1986">
                  <c:v>11.459019376360944</c:v>
                </c:pt>
                <c:pt idx="1987">
                  <c:v>11.463774620451161</c:v>
                </c:pt>
                <c:pt idx="1988">
                  <c:v>11.468390004421062</c:v>
                </c:pt>
                <c:pt idx="1989">
                  <c:v>11.473145248511159</c:v>
                </c:pt>
                <c:pt idx="1990">
                  <c:v>11.477900492601377</c:v>
                </c:pt>
                <c:pt idx="1991">
                  <c:v>11.482515876571277</c:v>
                </c:pt>
                <c:pt idx="1992">
                  <c:v>11.487271120661497</c:v>
                </c:pt>
                <c:pt idx="1993">
                  <c:v>11.492026364751592</c:v>
                </c:pt>
                <c:pt idx="1994">
                  <c:v>11.492026364751592</c:v>
                </c:pt>
                <c:pt idx="1995">
                  <c:v>11.496641748721492</c:v>
                </c:pt>
                <c:pt idx="1996">
                  <c:v>11.501396992811712</c:v>
                </c:pt>
                <c:pt idx="1997">
                  <c:v>11.506152236901805</c:v>
                </c:pt>
                <c:pt idx="1998">
                  <c:v>11.510767620871706</c:v>
                </c:pt>
                <c:pt idx="1999">
                  <c:v>11.510767620871706</c:v>
                </c:pt>
                <c:pt idx="2000">
                  <c:v>11.515522864961925</c:v>
                </c:pt>
                <c:pt idx="2001">
                  <c:v>11.520278109052022</c:v>
                </c:pt>
                <c:pt idx="2002">
                  <c:v>11.52503335314224</c:v>
                </c:pt>
                <c:pt idx="2003">
                  <c:v>11.52964873711214</c:v>
                </c:pt>
                <c:pt idx="2004">
                  <c:v>11.534403981202237</c:v>
                </c:pt>
                <c:pt idx="2005">
                  <c:v>11.539159225292455</c:v>
                </c:pt>
                <c:pt idx="2006">
                  <c:v>11.543774609262355</c:v>
                </c:pt>
                <c:pt idx="2007">
                  <c:v>11.548529853352575</c:v>
                </c:pt>
                <c:pt idx="2008">
                  <c:v>11.548529853352575</c:v>
                </c:pt>
                <c:pt idx="2009">
                  <c:v>11.55328509744267</c:v>
                </c:pt>
                <c:pt idx="2010">
                  <c:v>11.557900481412569</c:v>
                </c:pt>
                <c:pt idx="2011">
                  <c:v>11.557900481412569</c:v>
                </c:pt>
                <c:pt idx="2012">
                  <c:v>11.56265572550279</c:v>
                </c:pt>
                <c:pt idx="2013">
                  <c:v>11.56265572550279</c:v>
                </c:pt>
                <c:pt idx="2014">
                  <c:v>11.567410969592883</c:v>
                </c:pt>
                <c:pt idx="2015">
                  <c:v>11.572026353562784</c:v>
                </c:pt>
                <c:pt idx="2016">
                  <c:v>11.576781597653003</c:v>
                </c:pt>
                <c:pt idx="2017">
                  <c:v>11.581536841743098</c:v>
                </c:pt>
                <c:pt idx="2018">
                  <c:v>11.586152225712999</c:v>
                </c:pt>
                <c:pt idx="2019">
                  <c:v>11.586152225712999</c:v>
                </c:pt>
                <c:pt idx="2020">
                  <c:v>11.590907469803218</c:v>
                </c:pt>
                <c:pt idx="2021">
                  <c:v>11.595662713893438</c:v>
                </c:pt>
                <c:pt idx="2022">
                  <c:v>11.600278097863214</c:v>
                </c:pt>
                <c:pt idx="2023">
                  <c:v>11.600278097863214</c:v>
                </c:pt>
                <c:pt idx="2024">
                  <c:v>11.605033341953433</c:v>
                </c:pt>
                <c:pt idx="2025">
                  <c:v>11.609788586043653</c:v>
                </c:pt>
                <c:pt idx="2026">
                  <c:v>11.609788586043653</c:v>
                </c:pt>
                <c:pt idx="2027">
                  <c:v>11.614403970013427</c:v>
                </c:pt>
                <c:pt idx="2028">
                  <c:v>11.619159214103647</c:v>
                </c:pt>
                <c:pt idx="2029">
                  <c:v>11.623914458193868</c:v>
                </c:pt>
                <c:pt idx="2030">
                  <c:v>11.623914458193868</c:v>
                </c:pt>
                <c:pt idx="2031">
                  <c:v>11.628529842163768</c:v>
                </c:pt>
                <c:pt idx="2032">
                  <c:v>11.633285086253862</c:v>
                </c:pt>
                <c:pt idx="2033">
                  <c:v>11.638040330344081</c:v>
                </c:pt>
                <c:pt idx="2034">
                  <c:v>11.642655714313982</c:v>
                </c:pt>
                <c:pt idx="2035">
                  <c:v>11.647410958404077</c:v>
                </c:pt>
                <c:pt idx="2036">
                  <c:v>11.647410958404077</c:v>
                </c:pt>
                <c:pt idx="2037">
                  <c:v>11.652166202494296</c:v>
                </c:pt>
                <c:pt idx="2038">
                  <c:v>11.656781586464197</c:v>
                </c:pt>
                <c:pt idx="2039">
                  <c:v>11.661536830554292</c:v>
                </c:pt>
                <c:pt idx="2040">
                  <c:v>11.666292074644511</c:v>
                </c:pt>
                <c:pt idx="2041">
                  <c:v>11.670907458614412</c:v>
                </c:pt>
                <c:pt idx="2042">
                  <c:v>11.67566270270463</c:v>
                </c:pt>
                <c:pt idx="2043">
                  <c:v>11.680417946794725</c:v>
                </c:pt>
                <c:pt idx="2044">
                  <c:v>11.680417946794725</c:v>
                </c:pt>
                <c:pt idx="2045">
                  <c:v>11.685033330764625</c:v>
                </c:pt>
                <c:pt idx="2046">
                  <c:v>11.689788574854846</c:v>
                </c:pt>
                <c:pt idx="2047">
                  <c:v>11.69454381894494</c:v>
                </c:pt>
                <c:pt idx="2048">
                  <c:v>11.69454381894494</c:v>
                </c:pt>
                <c:pt idx="2049">
                  <c:v>11.69915920291484</c:v>
                </c:pt>
                <c:pt idx="2050">
                  <c:v>11.70391444700506</c:v>
                </c:pt>
                <c:pt idx="2051">
                  <c:v>11.708669691095155</c:v>
                </c:pt>
                <c:pt idx="2052">
                  <c:v>11.708669691095155</c:v>
                </c:pt>
                <c:pt idx="2053">
                  <c:v>11.713424935185374</c:v>
                </c:pt>
                <c:pt idx="2054">
                  <c:v>11.718040319155275</c:v>
                </c:pt>
                <c:pt idx="2055">
                  <c:v>11.722795563245493</c:v>
                </c:pt>
                <c:pt idx="2056">
                  <c:v>11.722795563245493</c:v>
                </c:pt>
                <c:pt idx="2057">
                  <c:v>11.727550807335589</c:v>
                </c:pt>
                <c:pt idx="2058">
                  <c:v>11.73216619130549</c:v>
                </c:pt>
                <c:pt idx="2059">
                  <c:v>11.736921435395708</c:v>
                </c:pt>
                <c:pt idx="2060">
                  <c:v>11.736921435395708</c:v>
                </c:pt>
                <c:pt idx="2061">
                  <c:v>11.741676679485803</c:v>
                </c:pt>
                <c:pt idx="2062">
                  <c:v>11.746292063455703</c:v>
                </c:pt>
                <c:pt idx="2063">
                  <c:v>11.751047307545923</c:v>
                </c:pt>
                <c:pt idx="2064">
                  <c:v>11.751047307545923</c:v>
                </c:pt>
                <c:pt idx="2065">
                  <c:v>11.755802551636018</c:v>
                </c:pt>
                <c:pt idx="2066">
                  <c:v>11.760417935605918</c:v>
                </c:pt>
                <c:pt idx="2067">
                  <c:v>11.765173179696136</c:v>
                </c:pt>
                <c:pt idx="2068">
                  <c:v>11.765173179696136</c:v>
                </c:pt>
                <c:pt idx="2069">
                  <c:v>11.769928423786233</c:v>
                </c:pt>
                <c:pt idx="2070">
                  <c:v>11.774543807756134</c:v>
                </c:pt>
                <c:pt idx="2071">
                  <c:v>11.779299051846351</c:v>
                </c:pt>
                <c:pt idx="2072">
                  <c:v>11.784054295936571</c:v>
                </c:pt>
                <c:pt idx="2073">
                  <c:v>11.788669679906349</c:v>
                </c:pt>
                <c:pt idx="2074">
                  <c:v>11.793424923996566</c:v>
                </c:pt>
                <c:pt idx="2075">
                  <c:v>11.798180168086786</c:v>
                </c:pt>
                <c:pt idx="2076">
                  <c:v>11.802795552056562</c:v>
                </c:pt>
                <c:pt idx="2077">
                  <c:v>11.80755079614678</c:v>
                </c:pt>
                <c:pt idx="2078">
                  <c:v>11.80755079614678</c:v>
                </c:pt>
                <c:pt idx="2079">
                  <c:v>11.812306040237001</c:v>
                </c:pt>
                <c:pt idx="2080">
                  <c:v>11.816921424206901</c:v>
                </c:pt>
                <c:pt idx="2081">
                  <c:v>11.816921424206901</c:v>
                </c:pt>
                <c:pt idx="2082">
                  <c:v>11.821676668296995</c:v>
                </c:pt>
                <c:pt idx="2083">
                  <c:v>11.826431912387214</c:v>
                </c:pt>
                <c:pt idx="2084">
                  <c:v>11.826431912387214</c:v>
                </c:pt>
                <c:pt idx="2085">
                  <c:v>11.831047296357115</c:v>
                </c:pt>
                <c:pt idx="2086">
                  <c:v>11.835802540447212</c:v>
                </c:pt>
                <c:pt idx="2087">
                  <c:v>11.840557784537429</c:v>
                </c:pt>
                <c:pt idx="2088">
                  <c:v>11.84517316850733</c:v>
                </c:pt>
                <c:pt idx="2089">
                  <c:v>11.84517316850733</c:v>
                </c:pt>
                <c:pt idx="2090">
                  <c:v>11.849928412597427</c:v>
                </c:pt>
                <c:pt idx="2091">
                  <c:v>11.854683656687644</c:v>
                </c:pt>
                <c:pt idx="2092">
                  <c:v>11.859299040657545</c:v>
                </c:pt>
                <c:pt idx="2093">
                  <c:v>11.859299040657545</c:v>
                </c:pt>
                <c:pt idx="2094">
                  <c:v>11.864054284747764</c:v>
                </c:pt>
                <c:pt idx="2095">
                  <c:v>11.868809528837858</c:v>
                </c:pt>
                <c:pt idx="2096">
                  <c:v>11.868809528837858</c:v>
                </c:pt>
                <c:pt idx="2097">
                  <c:v>11.868809528837858</c:v>
                </c:pt>
                <c:pt idx="2098">
                  <c:v>11.873424912807758</c:v>
                </c:pt>
                <c:pt idx="2099">
                  <c:v>11.873424912807758</c:v>
                </c:pt>
                <c:pt idx="2100">
                  <c:v>11.878180156897979</c:v>
                </c:pt>
                <c:pt idx="2101">
                  <c:v>11.882935400988073</c:v>
                </c:pt>
                <c:pt idx="2102">
                  <c:v>11.882935400988073</c:v>
                </c:pt>
                <c:pt idx="2103">
                  <c:v>11.887550784957973</c:v>
                </c:pt>
                <c:pt idx="2104">
                  <c:v>11.892306029048193</c:v>
                </c:pt>
                <c:pt idx="2105">
                  <c:v>11.897061273138288</c:v>
                </c:pt>
                <c:pt idx="2106">
                  <c:v>11.901816517228507</c:v>
                </c:pt>
                <c:pt idx="2107">
                  <c:v>11.901816517228507</c:v>
                </c:pt>
                <c:pt idx="2108">
                  <c:v>11.906431901198408</c:v>
                </c:pt>
                <c:pt idx="2109">
                  <c:v>11.911187145288627</c:v>
                </c:pt>
                <c:pt idx="2110">
                  <c:v>11.915942389378722</c:v>
                </c:pt>
                <c:pt idx="2111">
                  <c:v>11.915942389378722</c:v>
                </c:pt>
                <c:pt idx="2112">
                  <c:v>11.920557773348623</c:v>
                </c:pt>
                <c:pt idx="2113">
                  <c:v>11.925313017438842</c:v>
                </c:pt>
                <c:pt idx="2114">
                  <c:v>11.930068261528936</c:v>
                </c:pt>
                <c:pt idx="2115">
                  <c:v>11.934683645498836</c:v>
                </c:pt>
                <c:pt idx="2116">
                  <c:v>11.934683645498836</c:v>
                </c:pt>
                <c:pt idx="2117">
                  <c:v>11.939438889589058</c:v>
                </c:pt>
                <c:pt idx="2118">
                  <c:v>11.944194133679151</c:v>
                </c:pt>
                <c:pt idx="2119">
                  <c:v>11.948809517649051</c:v>
                </c:pt>
                <c:pt idx="2120">
                  <c:v>11.953564761739271</c:v>
                </c:pt>
                <c:pt idx="2121">
                  <c:v>11.958320005829366</c:v>
                </c:pt>
                <c:pt idx="2122">
                  <c:v>11.962935389799267</c:v>
                </c:pt>
                <c:pt idx="2123">
                  <c:v>11.967690633889486</c:v>
                </c:pt>
                <c:pt idx="2124">
                  <c:v>11.972445877979705</c:v>
                </c:pt>
                <c:pt idx="2125">
                  <c:v>11.97706126194948</c:v>
                </c:pt>
                <c:pt idx="2126">
                  <c:v>11.981816506039701</c:v>
                </c:pt>
                <c:pt idx="2127">
                  <c:v>11.98657175012992</c:v>
                </c:pt>
                <c:pt idx="2128">
                  <c:v>11.991187134099695</c:v>
                </c:pt>
                <c:pt idx="2129">
                  <c:v>11.995942378189914</c:v>
                </c:pt>
                <c:pt idx="2130">
                  <c:v>12.000697622280134</c:v>
                </c:pt>
                <c:pt idx="2131">
                  <c:v>12.005313006250034</c:v>
                </c:pt>
                <c:pt idx="2132">
                  <c:v>12.010068250340129</c:v>
                </c:pt>
                <c:pt idx="2133">
                  <c:v>12.014823494430349</c:v>
                </c:pt>
                <c:pt idx="2134">
                  <c:v>12.019438878400249</c:v>
                </c:pt>
                <c:pt idx="2135">
                  <c:v>12.024194122490345</c:v>
                </c:pt>
                <c:pt idx="2136">
                  <c:v>12.028949366580564</c:v>
                </c:pt>
                <c:pt idx="2137">
                  <c:v>12.028949366580564</c:v>
                </c:pt>
                <c:pt idx="2138">
                  <c:v>12.033564750550465</c:v>
                </c:pt>
                <c:pt idx="2139">
                  <c:v>12.038319994640558</c:v>
                </c:pt>
                <c:pt idx="2140">
                  <c:v>12.043075238730779</c:v>
                </c:pt>
                <c:pt idx="2141">
                  <c:v>12.04769062270068</c:v>
                </c:pt>
                <c:pt idx="2142">
                  <c:v>12.052445866790897</c:v>
                </c:pt>
                <c:pt idx="2143">
                  <c:v>12.052445866790897</c:v>
                </c:pt>
                <c:pt idx="2144">
                  <c:v>12.057201110880992</c:v>
                </c:pt>
                <c:pt idx="2145">
                  <c:v>12.061816494850893</c:v>
                </c:pt>
                <c:pt idx="2146">
                  <c:v>12.066571738941111</c:v>
                </c:pt>
                <c:pt idx="2147">
                  <c:v>12.066571738941111</c:v>
                </c:pt>
                <c:pt idx="2148">
                  <c:v>12.071326983031208</c:v>
                </c:pt>
                <c:pt idx="2149">
                  <c:v>12.076082227121425</c:v>
                </c:pt>
                <c:pt idx="2150">
                  <c:v>12.076082227121425</c:v>
                </c:pt>
                <c:pt idx="2151">
                  <c:v>12.080697611091326</c:v>
                </c:pt>
                <c:pt idx="2152">
                  <c:v>12.080697611091326</c:v>
                </c:pt>
                <c:pt idx="2153">
                  <c:v>12.085452855181423</c:v>
                </c:pt>
                <c:pt idx="2154">
                  <c:v>12.09020809927164</c:v>
                </c:pt>
                <c:pt idx="2155">
                  <c:v>12.09020809927164</c:v>
                </c:pt>
                <c:pt idx="2156">
                  <c:v>12.094823483241541</c:v>
                </c:pt>
                <c:pt idx="2157">
                  <c:v>12.09957872733176</c:v>
                </c:pt>
                <c:pt idx="2158">
                  <c:v>12.09957872733176</c:v>
                </c:pt>
                <c:pt idx="2159">
                  <c:v>12.104333971421855</c:v>
                </c:pt>
                <c:pt idx="2160">
                  <c:v>12.104333971421855</c:v>
                </c:pt>
                <c:pt idx="2161">
                  <c:v>12.108949355391756</c:v>
                </c:pt>
                <c:pt idx="2162">
                  <c:v>12.113704599481975</c:v>
                </c:pt>
                <c:pt idx="2163">
                  <c:v>12.113704599481975</c:v>
                </c:pt>
                <c:pt idx="2164">
                  <c:v>12.118459843572071</c:v>
                </c:pt>
                <c:pt idx="2165">
                  <c:v>12.123075227541969</c:v>
                </c:pt>
                <c:pt idx="2166">
                  <c:v>12.123075227541969</c:v>
                </c:pt>
                <c:pt idx="2167">
                  <c:v>12.127830471632189</c:v>
                </c:pt>
                <c:pt idx="2168">
                  <c:v>12.132585715722286</c:v>
                </c:pt>
                <c:pt idx="2169">
                  <c:v>12.132585715722286</c:v>
                </c:pt>
                <c:pt idx="2170">
                  <c:v>12.137201099692184</c:v>
                </c:pt>
                <c:pt idx="2171">
                  <c:v>12.141956343782404</c:v>
                </c:pt>
                <c:pt idx="2172">
                  <c:v>12.141956343782404</c:v>
                </c:pt>
                <c:pt idx="2173">
                  <c:v>12.146711587872501</c:v>
                </c:pt>
                <c:pt idx="2174">
                  <c:v>12.151326971842401</c:v>
                </c:pt>
                <c:pt idx="2175">
                  <c:v>12.156082215932619</c:v>
                </c:pt>
                <c:pt idx="2176">
                  <c:v>12.156082215932619</c:v>
                </c:pt>
                <c:pt idx="2177">
                  <c:v>12.160837460022838</c:v>
                </c:pt>
                <c:pt idx="2178">
                  <c:v>12.165452843992615</c:v>
                </c:pt>
                <c:pt idx="2179">
                  <c:v>12.170208088082834</c:v>
                </c:pt>
                <c:pt idx="2180">
                  <c:v>12.170208088082834</c:v>
                </c:pt>
                <c:pt idx="2181">
                  <c:v>12.174963332173053</c:v>
                </c:pt>
                <c:pt idx="2182">
                  <c:v>12.179578716142954</c:v>
                </c:pt>
                <c:pt idx="2183">
                  <c:v>12.184333960233047</c:v>
                </c:pt>
                <c:pt idx="2184">
                  <c:v>12.189089204323267</c:v>
                </c:pt>
                <c:pt idx="2185">
                  <c:v>12.189089204323267</c:v>
                </c:pt>
                <c:pt idx="2186">
                  <c:v>12.193704588293167</c:v>
                </c:pt>
                <c:pt idx="2187">
                  <c:v>12.198459832383262</c:v>
                </c:pt>
                <c:pt idx="2188">
                  <c:v>12.203215076473482</c:v>
                </c:pt>
                <c:pt idx="2189">
                  <c:v>12.207830460443382</c:v>
                </c:pt>
                <c:pt idx="2190">
                  <c:v>12.207830460443382</c:v>
                </c:pt>
                <c:pt idx="2191">
                  <c:v>12.212585704533478</c:v>
                </c:pt>
                <c:pt idx="2192">
                  <c:v>12.217340948623697</c:v>
                </c:pt>
                <c:pt idx="2193">
                  <c:v>12.221956332593598</c:v>
                </c:pt>
                <c:pt idx="2194">
                  <c:v>12.226711576683691</c:v>
                </c:pt>
                <c:pt idx="2195">
                  <c:v>12.226711576683691</c:v>
                </c:pt>
                <c:pt idx="2196">
                  <c:v>12.231466820773912</c:v>
                </c:pt>
                <c:pt idx="2197">
                  <c:v>12.236082204743811</c:v>
                </c:pt>
                <c:pt idx="2198">
                  <c:v>12.240837448834032</c:v>
                </c:pt>
                <c:pt idx="2199">
                  <c:v>12.240837448834032</c:v>
                </c:pt>
                <c:pt idx="2200">
                  <c:v>12.245592692924125</c:v>
                </c:pt>
                <c:pt idx="2201">
                  <c:v>12.250208076894026</c:v>
                </c:pt>
                <c:pt idx="2202">
                  <c:v>12.254963320984245</c:v>
                </c:pt>
                <c:pt idx="2203">
                  <c:v>12.254963320984245</c:v>
                </c:pt>
                <c:pt idx="2204">
                  <c:v>12.259718565074341</c:v>
                </c:pt>
                <c:pt idx="2205">
                  <c:v>12.26447380916456</c:v>
                </c:pt>
                <c:pt idx="2206">
                  <c:v>12.269089193134461</c:v>
                </c:pt>
                <c:pt idx="2207">
                  <c:v>12.269089193134461</c:v>
                </c:pt>
                <c:pt idx="2208">
                  <c:v>12.273844437224556</c:v>
                </c:pt>
                <c:pt idx="2209">
                  <c:v>12.278599681314775</c:v>
                </c:pt>
                <c:pt idx="2210">
                  <c:v>12.283215065284676</c:v>
                </c:pt>
                <c:pt idx="2211">
                  <c:v>12.287970309374895</c:v>
                </c:pt>
                <c:pt idx="2212">
                  <c:v>12.287970309374895</c:v>
                </c:pt>
                <c:pt idx="2213">
                  <c:v>12.29272555346499</c:v>
                </c:pt>
                <c:pt idx="2214">
                  <c:v>12.297340937434889</c:v>
                </c:pt>
                <c:pt idx="2215">
                  <c:v>12.30209618152511</c:v>
                </c:pt>
                <c:pt idx="2216">
                  <c:v>12.306851425615204</c:v>
                </c:pt>
                <c:pt idx="2217">
                  <c:v>12.311466809585104</c:v>
                </c:pt>
                <c:pt idx="2218">
                  <c:v>12.316222053675324</c:v>
                </c:pt>
                <c:pt idx="2219">
                  <c:v>12.316222053675324</c:v>
                </c:pt>
                <c:pt idx="2220">
                  <c:v>12.320977297765419</c:v>
                </c:pt>
                <c:pt idx="2221">
                  <c:v>12.325592681735319</c:v>
                </c:pt>
                <c:pt idx="2222">
                  <c:v>12.330347925825539</c:v>
                </c:pt>
                <c:pt idx="2223">
                  <c:v>12.335103169915756</c:v>
                </c:pt>
                <c:pt idx="2224">
                  <c:v>12.339718553885534</c:v>
                </c:pt>
                <c:pt idx="2225">
                  <c:v>12.344473797975754</c:v>
                </c:pt>
                <c:pt idx="2226">
                  <c:v>12.349229042065971</c:v>
                </c:pt>
                <c:pt idx="2227">
                  <c:v>12.349229042065971</c:v>
                </c:pt>
                <c:pt idx="2228">
                  <c:v>12.353844426035748</c:v>
                </c:pt>
                <c:pt idx="2229">
                  <c:v>12.358599670125967</c:v>
                </c:pt>
                <c:pt idx="2230">
                  <c:v>12.363354914216186</c:v>
                </c:pt>
                <c:pt idx="2231">
                  <c:v>12.367970298186087</c:v>
                </c:pt>
                <c:pt idx="2232">
                  <c:v>12.372725542276182</c:v>
                </c:pt>
                <c:pt idx="2233">
                  <c:v>12.3774807863664</c:v>
                </c:pt>
                <c:pt idx="2234">
                  <c:v>12.3820961703363</c:v>
                </c:pt>
                <c:pt idx="2235">
                  <c:v>12.3820961703363</c:v>
                </c:pt>
                <c:pt idx="2236">
                  <c:v>12.386851414426397</c:v>
                </c:pt>
                <c:pt idx="2237">
                  <c:v>12.391606658516615</c:v>
                </c:pt>
                <c:pt idx="2238">
                  <c:v>12.396222042486515</c:v>
                </c:pt>
                <c:pt idx="2239">
                  <c:v>12.400977286576612</c:v>
                </c:pt>
                <c:pt idx="2240">
                  <c:v>12.40573253066683</c:v>
                </c:pt>
                <c:pt idx="2241">
                  <c:v>12.410347914636731</c:v>
                </c:pt>
                <c:pt idx="2242">
                  <c:v>12.410347914636731</c:v>
                </c:pt>
                <c:pt idx="2243">
                  <c:v>12.415103158726826</c:v>
                </c:pt>
                <c:pt idx="2244">
                  <c:v>12.419858402817045</c:v>
                </c:pt>
                <c:pt idx="2245">
                  <c:v>12.424473786786944</c:v>
                </c:pt>
                <c:pt idx="2246">
                  <c:v>12.424473786786944</c:v>
                </c:pt>
                <c:pt idx="2247">
                  <c:v>12.429229030877165</c:v>
                </c:pt>
                <c:pt idx="2248">
                  <c:v>12.43398427496726</c:v>
                </c:pt>
                <c:pt idx="2249">
                  <c:v>12.438739519057478</c:v>
                </c:pt>
                <c:pt idx="2250">
                  <c:v>12.443354903027378</c:v>
                </c:pt>
                <c:pt idx="2251">
                  <c:v>12.448110147117475</c:v>
                </c:pt>
                <c:pt idx="2252">
                  <c:v>12.452865391207693</c:v>
                </c:pt>
                <c:pt idx="2253">
                  <c:v>12.457480775177594</c:v>
                </c:pt>
                <c:pt idx="2254">
                  <c:v>12.46223601926769</c:v>
                </c:pt>
                <c:pt idx="2255">
                  <c:v>12.466991263357908</c:v>
                </c:pt>
                <c:pt idx="2256">
                  <c:v>12.471606647327809</c:v>
                </c:pt>
                <c:pt idx="2257">
                  <c:v>12.476361891418028</c:v>
                </c:pt>
                <c:pt idx="2258">
                  <c:v>12.476361891418028</c:v>
                </c:pt>
                <c:pt idx="2259">
                  <c:v>12.481117135508121</c:v>
                </c:pt>
                <c:pt idx="2260">
                  <c:v>12.485732519478022</c:v>
                </c:pt>
                <c:pt idx="2261">
                  <c:v>12.485732519478022</c:v>
                </c:pt>
                <c:pt idx="2262">
                  <c:v>12.490487763568243</c:v>
                </c:pt>
                <c:pt idx="2263">
                  <c:v>12.495243007658337</c:v>
                </c:pt>
                <c:pt idx="2264">
                  <c:v>12.495243007658337</c:v>
                </c:pt>
                <c:pt idx="2265">
                  <c:v>12.499858391628237</c:v>
                </c:pt>
                <c:pt idx="2266">
                  <c:v>12.504613635718457</c:v>
                </c:pt>
                <c:pt idx="2267">
                  <c:v>12.509368879808552</c:v>
                </c:pt>
                <c:pt idx="2268">
                  <c:v>12.509368879808552</c:v>
                </c:pt>
                <c:pt idx="2269">
                  <c:v>12.513984263778452</c:v>
                </c:pt>
                <c:pt idx="2270">
                  <c:v>12.518739507868672</c:v>
                </c:pt>
                <c:pt idx="2271">
                  <c:v>12.523494751958891</c:v>
                </c:pt>
                <c:pt idx="2272">
                  <c:v>12.528110135928666</c:v>
                </c:pt>
                <c:pt idx="2273">
                  <c:v>12.532865380018887</c:v>
                </c:pt>
                <c:pt idx="2274">
                  <c:v>12.537620624109106</c:v>
                </c:pt>
                <c:pt idx="2275">
                  <c:v>12.537620624109106</c:v>
                </c:pt>
                <c:pt idx="2276">
                  <c:v>12.542236008078881</c:v>
                </c:pt>
                <c:pt idx="2277">
                  <c:v>12.5469912521691</c:v>
                </c:pt>
                <c:pt idx="2278">
                  <c:v>12.551746496259321</c:v>
                </c:pt>
                <c:pt idx="2279">
                  <c:v>12.551746496259321</c:v>
                </c:pt>
                <c:pt idx="2280">
                  <c:v>12.55636188022922</c:v>
                </c:pt>
                <c:pt idx="2281">
                  <c:v>12.561117124319315</c:v>
                </c:pt>
                <c:pt idx="2282">
                  <c:v>12.565872368409535</c:v>
                </c:pt>
                <c:pt idx="2283">
                  <c:v>12.570487752379435</c:v>
                </c:pt>
                <c:pt idx="2284">
                  <c:v>12.57524299646953</c:v>
                </c:pt>
                <c:pt idx="2285">
                  <c:v>12.57999824055975</c:v>
                </c:pt>
                <c:pt idx="2286">
                  <c:v>12.58461362452965</c:v>
                </c:pt>
                <c:pt idx="2287">
                  <c:v>12.589368868619744</c:v>
                </c:pt>
                <c:pt idx="2288">
                  <c:v>12.589368868619744</c:v>
                </c:pt>
                <c:pt idx="2289">
                  <c:v>12.594124112709965</c:v>
                </c:pt>
                <c:pt idx="2290">
                  <c:v>12.598739496679865</c:v>
                </c:pt>
                <c:pt idx="2291">
                  <c:v>12.603494740770085</c:v>
                </c:pt>
                <c:pt idx="2292">
                  <c:v>12.608249984860178</c:v>
                </c:pt>
                <c:pt idx="2293">
                  <c:v>12.608249984860178</c:v>
                </c:pt>
                <c:pt idx="2294">
                  <c:v>12.612865368830079</c:v>
                </c:pt>
                <c:pt idx="2295">
                  <c:v>12.617620612920298</c:v>
                </c:pt>
                <c:pt idx="2296">
                  <c:v>12.622375857010393</c:v>
                </c:pt>
                <c:pt idx="2297">
                  <c:v>12.627131101100613</c:v>
                </c:pt>
                <c:pt idx="2298">
                  <c:v>12.631746485070513</c:v>
                </c:pt>
                <c:pt idx="2299">
                  <c:v>12.631746485070513</c:v>
                </c:pt>
                <c:pt idx="2300">
                  <c:v>12.636501729160608</c:v>
                </c:pt>
                <c:pt idx="2301">
                  <c:v>12.641256973250828</c:v>
                </c:pt>
                <c:pt idx="2302">
                  <c:v>12.645872357220728</c:v>
                </c:pt>
                <c:pt idx="2303">
                  <c:v>12.650627601310822</c:v>
                </c:pt>
                <c:pt idx="2304">
                  <c:v>12.655382845401043</c:v>
                </c:pt>
                <c:pt idx="2305">
                  <c:v>12.659998229370943</c:v>
                </c:pt>
                <c:pt idx="2306">
                  <c:v>12.664753473461161</c:v>
                </c:pt>
                <c:pt idx="2307">
                  <c:v>12.664753473461161</c:v>
                </c:pt>
                <c:pt idx="2308">
                  <c:v>12.669508717551256</c:v>
                </c:pt>
                <c:pt idx="2309">
                  <c:v>12.674124101521157</c:v>
                </c:pt>
                <c:pt idx="2310">
                  <c:v>12.674124101521157</c:v>
                </c:pt>
                <c:pt idx="2311">
                  <c:v>12.678879345611374</c:v>
                </c:pt>
                <c:pt idx="2312">
                  <c:v>12.683634589701471</c:v>
                </c:pt>
                <c:pt idx="2313">
                  <c:v>12.688249973671372</c:v>
                </c:pt>
                <c:pt idx="2314">
                  <c:v>12.69300521776159</c:v>
                </c:pt>
                <c:pt idx="2315">
                  <c:v>12.697760461851686</c:v>
                </c:pt>
                <c:pt idx="2316">
                  <c:v>12.702375845821587</c:v>
                </c:pt>
                <c:pt idx="2317">
                  <c:v>12.707131089911805</c:v>
                </c:pt>
                <c:pt idx="2318">
                  <c:v>12.711886334002024</c:v>
                </c:pt>
                <c:pt idx="2319">
                  <c:v>12.711886334002024</c:v>
                </c:pt>
                <c:pt idx="2320">
                  <c:v>12.7165017179718</c:v>
                </c:pt>
                <c:pt idx="2321">
                  <c:v>12.72125696206202</c:v>
                </c:pt>
                <c:pt idx="2322">
                  <c:v>12.72125696206202</c:v>
                </c:pt>
                <c:pt idx="2323">
                  <c:v>12.726012206152239</c:v>
                </c:pt>
                <c:pt idx="2324">
                  <c:v>12.726012206152239</c:v>
                </c:pt>
                <c:pt idx="2325">
                  <c:v>12.730627590122015</c:v>
                </c:pt>
                <c:pt idx="2326">
                  <c:v>12.735382834212235</c:v>
                </c:pt>
                <c:pt idx="2327">
                  <c:v>12.735382834212235</c:v>
                </c:pt>
                <c:pt idx="2328">
                  <c:v>12.740138078302452</c:v>
                </c:pt>
                <c:pt idx="2329">
                  <c:v>12.744753462272353</c:v>
                </c:pt>
                <c:pt idx="2330">
                  <c:v>12.744753462272353</c:v>
                </c:pt>
                <c:pt idx="2331">
                  <c:v>12.74950870636245</c:v>
                </c:pt>
                <c:pt idx="2332">
                  <c:v>12.754263950452668</c:v>
                </c:pt>
                <c:pt idx="2333">
                  <c:v>12.758879334422568</c:v>
                </c:pt>
                <c:pt idx="2334">
                  <c:v>12.758879334422568</c:v>
                </c:pt>
                <c:pt idx="2335">
                  <c:v>12.763634578512665</c:v>
                </c:pt>
                <c:pt idx="2336">
                  <c:v>12.768389822602883</c:v>
                </c:pt>
                <c:pt idx="2337">
                  <c:v>12.773005206572783</c:v>
                </c:pt>
                <c:pt idx="2338">
                  <c:v>12.773005206572783</c:v>
                </c:pt>
                <c:pt idx="2339">
                  <c:v>12.777760450662878</c:v>
                </c:pt>
                <c:pt idx="2340">
                  <c:v>12.782515694753098</c:v>
                </c:pt>
                <c:pt idx="2341">
                  <c:v>12.787131078722997</c:v>
                </c:pt>
                <c:pt idx="2342">
                  <c:v>12.791886322813218</c:v>
                </c:pt>
                <c:pt idx="2343">
                  <c:v>12.791886322813218</c:v>
                </c:pt>
                <c:pt idx="2344">
                  <c:v>12.796641566903311</c:v>
                </c:pt>
                <c:pt idx="2345">
                  <c:v>12.801396810993531</c:v>
                </c:pt>
                <c:pt idx="2346">
                  <c:v>12.806012194963431</c:v>
                </c:pt>
                <c:pt idx="2347">
                  <c:v>12.810767439053526</c:v>
                </c:pt>
                <c:pt idx="2348">
                  <c:v>12.815522683143746</c:v>
                </c:pt>
                <c:pt idx="2349">
                  <c:v>12.820138067113646</c:v>
                </c:pt>
                <c:pt idx="2350">
                  <c:v>12.824893311203741</c:v>
                </c:pt>
                <c:pt idx="2351">
                  <c:v>12.824893311203741</c:v>
                </c:pt>
                <c:pt idx="2352">
                  <c:v>12.829648555293961</c:v>
                </c:pt>
                <c:pt idx="2353">
                  <c:v>12.834263939263861</c:v>
                </c:pt>
                <c:pt idx="2354">
                  <c:v>12.834263939263861</c:v>
                </c:pt>
                <c:pt idx="2355">
                  <c:v>12.839019183353955</c:v>
                </c:pt>
                <c:pt idx="2356">
                  <c:v>12.839019183353955</c:v>
                </c:pt>
                <c:pt idx="2357">
                  <c:v>12.843774427444176</c:v>
                </c:pt>
                <c:pt idx="2358">
                  <c:v>12.848389811414075</c:v>
                </c:pt>
                <c:pt idx="2359">
                  <c:v>12.853145055504296</c:v>
                </c:pt>
                <c:pt idx="2360">
                  <c:v>12.853145055504296</c:v>
                </c:pt>
                <c:pt idx="2361">
                  <c:v>12.853145055504296</c:v>
                </c:pt>
                <c:pt idx="2362">
                  <c:v>12.857900299594389</c:v>
                </c:pt>
                <c:pt idx="2363">
                  <c:v>12.86251568356429</c:v>
                </c:pt>
                <c:pt idx="2364">
                  <c:v>12.867270927654509</c:v>
                </c:pt>
                <c:pt idx="2365">
                  <c:v>12.867270927654509</c:v>
                </c:pt>
                <c:pt idx="2366">
                  <c:v>12.872026171744604</c:v>
                </c:pt>
                <c:pt idx="2367">
                  <c:v>12.876641555714505</c:v>
                </c:pt>
                <c:pt idx="2368">
                  <c:v>12.881396799804724</c:v>
                </c:pt>
                <c:pt idx="2369">
                  <c:v>12.886152043894819</c:v>
                </c:pt>
                <c:pt idx="2370">
                  <c:v>12.886152043894819</c:v>
                </c:pt>
                <c:pt idx="2371">
                  <c:v>12.89076742786472</c:v>
                </c:pt>
                <c:pt idx="2372">
                  <c:v>12.895522671954939</c:v>
                </c:pt>
                <c:pt idx="2373">
                  <c:v>12.900277916045159</c:v>
                </c:pt>
                <c:pt idx="2374">
                  <c:v>12.904893300014933</c:v>
                </c:pt>
                <c:pt idx="2375">
                  <c:v>12.909648544105153</c:v>
                </c:pt>
                <c:pt idx="2376">
                  <c:v>12.914403788195374</c:v>
                </c:pt>
                <c:pt idx="2377">
                  <c:v>12.914403788195374</c:v>
                </c:pt>
                <c:pt idx="2378">
                  <c:v>12.919019172165148</c:v>
                </c:pt>
                <c:pt idx="2379">
                  <c:v>12.923774416255368</c:v>
                </c:pt>
                <c:pt idx="2380">
                  <c:v>12.928529660345587</c:v>
                </c:pt>
                <c:pt idx="2381">
                  <c:v>12.933145044315488</c:v>
                </c:pt>
                <c:pt idx="2382">
                  <c:v>12.937900288405583</c:v>
                </c:pt>
                <c:pt idx="2383">
                  <c:v>12.937900288405583</c:v>
                </c:pt>
                <c:pt idx="2384">
                  <c:v>12.942655532495802</c:v>
                </c:pt>
                <c:pt idx="2385">
                  <c:v>12.947270916465703</c:v>
                </c:pt>
                <c:pt idx="2386">
                  <c:v>12.952026160555798</c:v>
                </c:pt>
                <c:pt idx="2387">
                  <c:v>12.956781404646017</c:v>
                </c:pt>
                <c:pt idx="2388">
                  <c:v>12.961396788615918</c:v>
                </c:pt>
                <c:pt idx="2389">
                  <c:v>12.966152032706011</c:v>
                </c:pt>
                <c:pt idx="2390">
                  <c:v>12.966152032706011</c:v>
                </c:pt>
                <c:pt idx="2391">
                  <c:v>12.970907276796231</c:v>
                </c:pt>
                <c:pt idx="2392">
                  <c:v>12.975522660766131</c:v>
                </c:pt>
                <c:pt idx="2393">
                  <c:v>12.980277904856351</c:v>
                </c:pt>
                <c:pt idx="2394">
                  <c:v>12.980277904856351</c:v>
                </c:pt>
                <c:pt idx="2395">
                  <c:v>12.985033148946446</c:v>
                </c:pt>
                <c:pt idx="2396">
                  <c:v>12.985033148946446</c:v>
                </c:pt>
                <c:pt idx="2397">
                  <c:v>12.989788393036664</c:v>
                </c:pt>
                <c:pt idx="2398">
                  <c:v>12.994403777006564</c:v>
                </c:pt>
                <c:pt idx="2399">
                  <c:v>12.994403777006564</c:v>
                </c:pt>
                <c:pt idx="2400">
                  <c:v>12.999159021096661</c:v>
                </c:pt>
                <c:pt idx="2401">
                  <c:v>13.003914265186879</c:v>
                </c:pt>
                <c:pt idx="2402">
                  <c:v>13.008529649156779</c:v>
                </c:pt>
                <c:pt idx="2403">
                  <c:v>13.013284893246876</c:v>
                </c:pt>
                <c:pt idx="2404">
                  <c:v>13.013284893246876</c:v>
                </c:pt>
                <c:pt idx="2405">
                  <c:v>13.018040137337096</c:v>
                </c:pt>
                <c:pt idx="2406">
                  <c:v>13.022655521306994</c:v>
                </c:pt>
                <c:pt idx="2407">
                  <c:v>13.027410765397089</c:v>
                </c:pt>
                <c:pt idx="2408">
                  <c:v>13.032166009487309</c:v>
                </c:pt>
                <c:pt idx="2409">
                  <c:v>13.032166009487309</c:v>
                </c:pt>
                <c:pt idx="2410">
                  <c:v>13.036781393457208</c:v>
                </c:pt>
                <c:pt idx="2411">
                  <c:v>13.041536637547429</c:v>
                </c:pt>
                <c:pt idx="2412">
                  <c:v>13.046291881637524</c:v>
                </c:pt>
                <c:pt idx="2413">
                  <c:v>13.050907265607425</c:v>
                </c:pt>
                <c:pt idx="2414">
                  <c:v>13.055662509697642</c:v>
                </c:pt>
                <c:pt idx="2415">
                  <c:v>13.055662509697642</c:v>
                </c:pt>
                <c:pt idx="2416">
                  <c:v>13.060417753787739</c:v>
                </c:pt>
                <c:pt idx="2417">
                  <c:v>13.06503313775764</c:v>
                </c:pt>
                <c:pt idx="2418">
                  <c:v>13.069788381847857</c:v>
                </c:pt>
                <c:pt idx="2419">
                  <c:v>13.074543625937954</c:v>
                </c:pt>
                <c:pt idx="2420">
                  <c:v>13.079159009907855</c:v>
                </c:pt>
                <c:pt idx="2421">
                  <c:v>13.083914253998072</c:v>
                </c:pt>
                <c:pt idx="2422">
                  <c:v>13.088669498088292</c:v>
                </c:pt>
                <c:pt idx="2423">
                  <c:v>13.093284882058068</c:v>
                </c:pt>
                <c:pt idx="2424">
                  <c:v>13.098040126148286</c:v>
                </c:pt>
                <c:pt idx="2425">
                  <c:v>13.102795370238507</c:v>
                </c:pt>
                <c:pt idx="2426">
                  <c:v>13.107410754208283</c:v>
                </c:pt>
                <c:pt idx="2427">
                  <c:v>13.107410754208283</c:v>
                </c:pt>
                <c:pt idx="2428">
                  <c:v>13.112165998298501</c:v>
                </c:pt>
                <c:pt idx="2429">
                  <c:v>13.11692124238872</c:v>
                </c:pt>
                <c:pt idx="2430">
                  <c:v>13.121536626358621</c:v>
                </c:pt>
                <c:pt idx="2431">
                  <c:v>13.121536626358621</c:v>
                </c:pt>
                <c:pt idx="2432">
                  <c:v>13.126291870448716</c:v>
                </c:pt>
                <c:pt idx="2433">
                  <c:v>13.131047114538935</c:v>
                </c:pt>
                <c:pt idx="2434">
                  <c:v>13.135662498508836</c:v>
                </c:pt>
                <c:pt idx="2435">
                  <c:v>13.140417742598929</c:v>
                </c:pt>
                <c:pt idx="2436">
                  <c:v>13.14517298668915</c:v>
                </c:pt>
                <c:pt idx="2437">
                  <c:v>13.14517298668915</c:v>
                </c:pt>
                <c:pt idx="2438">
                  <c:v>13.149788370659051</c:v>
                </c:pt>
                <c:pt idx="2439">
                  <c:v>13.154543614749144</c:v>
                </c:pt>
                <c:pt idx="2440">
                  <c:v>13.154543614749144</c:v>
                </c:pt>
                <c:pt idx="2441">
                  <c:v>13.159298858839364</c:v>
                </c:pt>
                <c:pt idx="2442">
                  <c:v>13.159298858839364</c:v>
                </c:pt>
                <c:pt idx="2443">
                  <c:v>13.163914242809264</c:v>
                </c:pt>
                <c:pt idx="2444">
                  <c:v>13.168669486899486</c:v>
                </c:pt>
                <c:pt idx="2445">
                  <c:v>13.168669486899486</c:v>
                </c:pt>
                <c:pt idx="2446">
                  <c:v>13.173424730989579</c:v>
                </c:pt>
                <c:pt idx="2447">
                  <c:v>13.178179975079798</c:v>
                </c:pt>
                <c:pt idx="2448">
                  <c:v>13.182795359049699</c:v>
                </c:pt>
                <c:pt idx="2449">
                  <c:v>13.187550603139794</c:v>
                </c:pt>
                <c:pt idx="2450">
                  <c:v>13.187550603139794</c:v>
                </c:pt>
                <c:pt idx="2451">
                  <c:v>13.192305847230013</c:v>
                </c:pt>
                <c:pt idx="2452">
                  <c:v>13.196921231199914</c:v>
                </c:pt>
                <c:pt idx="2453">
                  <c:v>13.201676475290007</c:v>
                </c:pt>
                <c:pt idx="2454">
                  <c:v>13.206431719380229</c:v>
                </c:pt>
                <c:pt idx="2455">
                  <c:v>13.211047103350129</c:v>
                </c:pt>
                <c:pt idx="2456">
                  <c:v>13.215802347440349</c:v>
                </c:pt>
                <c:pt idx="2457">
                  <c:v>13.215802347440349</c:v>
                </c:pt>
                <c:pt idx="2458">
                  <c:v>13.220557591530442</c:v>
                </c:pt>
                <c:pt idx="2459">
                  <c:v>13.225172975500342</c:v>
                </c:pt>
                <c:pt idx="2460">
                  <c:v>13.229928219590562</c:v>
                </c:pt>
                <c:pt idx="2461">
                  <c:v>13.234683463680657</c:v>
                </c:pt>
                <c:pt idx="2462">
                  <c:v>13.239298847650558</c:v>
                </c:pt>
                <c:pt idx="2463">
                  <c:v>13.244054091740777</c:v>
                </c:pt>
                <c:pt idx="2464">
                  <c:v>13.244054091740777</c:v>
                </c:pt>
                <c:pt idx="2465">
                  <c:v>13.248809335830872</c:v>
                </c:pt>
                <c:pt idx="2466">
                  <c:v>13.253424719800773</c:v>
                </c:pt>
                <c:pt idx="2467">
                  <c:v>13.258179963890992</c:v>
                </c:pt>
                <c:pt idx="2468">
                  <c:v>13.262935207981085</c:v>
                </c:pt>
                <c:pt idx="2469">
                  <c:v>13.262935207981085</c:v>
                </c:pt>
                <c:pt idx="2470">
                  <c:v>13.267550591950986</c:v>
                </c:pt>
                <c:pt idx="2471">
                  <c:v>13.272305836041207</c:v>
                </c:pt>
                <c:pt idx="2472">
                  <c:v>13.272305836041207</c:v>
                </c:pt>
                <c:pt idx="2473">
                  <c:v>13.277061080131425</c:v>
                </c:pt>
                <c:pt idx="2474">
                  <c:v>13.277061080131425</c:v>
                </c:pt>
                <c:pt idx="2475">
                  <c:v>13.281676464101201</c:v>
                </c:pt>
                <c:pt idx="2476">
                  <c:v>13.281676464101201</c:v>
                </c:pt>
                <c:pt idx="2477">
                  <c:v>13.28643170819142</c:v>
                </c:pt>
                <c:pt idx="2478">
                  <c:v>13.291186952281638</c:v>
                </c:pt>
                <c:pt idx="2479">
                  <c:v>13.291186952281638</c:v>
                </c:pt>
                <c:pt idx="2480">
                  <c:v>13.295802336251416</c:v>
                </c:pt>
                <c:pt idx="2481">
                  <c:v>13.295802336251416</c:v>
                </c:pt>
                <c:pt idx="2482">
                  <c:v>13.300557580341636</c:v>
                </c:pt>
                <c:pt idx="2483">
                  <c:v>13.305312824431853</c:v>
                </c:pt>
                <c:pt idx="2484">
                  <c:v>13.305312824431853</c:v>
                </c:pt>
                <c:pt idx="2485">
                  <c:v>13.309928208401754</c:v>
                </c:pt>
                <c:pt idx="2486">
                  <c:v>13.309928208401754</c:v>
                </c:pt>
                <c:pt idx="2487">
                  <c:v>13.314683452491851</c:v>
                </c:pt>
                <c:pt idx="2488">
                  <c:v>13.319438696582068</c:v>
                </c:pt>
                <c:pt idx="2489">
                  <c:v>13.319438696582068</c:v>
                </c:pt>
                <c:pt idx="2490">
                  <c:v>13.324054080551969</c:v>
                </c:pt>
                <c:pt idx="2491">
                  <c:v>13.328809324642064</c:v>
                </c:pt>
                <c:pt idx="2492">
                  <c:v>13.333564568732285</c:v>
                </c:pt>
                <c:pt idx="2493">
                  <c:v>13.333564568732285</c:v>
                </c:pt>
                <c:pt idx="2494">
                  <c:v>13.338179952702184</c:v>
                </c:pt>
                <c:pt idx="2495">
                  <c:v>13.342935196792279</c:v>
                </c:pt>
                <c:pt idx="2496">
                  <c:v>13.347690440882499</c:v>
                </c:pt>
                <c:pt idx="2497">
                  <c:v>13.352445684972716</c:v>
                </c:pt>
                <c:pt idx="2498">
                  <c:v>13.357061068942617</c:v>
                </c:pt>
                <c:pt idx="2499">
                  <c:v>13.357061068942617</c:v>
                </c:pt>
                <c:pt idx="2500">
                  <c:v>13.361816313032714</c:v>
                </c:pt>
                <c:pt idx="2501">
                  <c:v>13.366571557122931</c:v>
                </c:pt>
                <c:pt idx="2502">
                  <c:v>13.366571557122931</c:v>
                </c:pt>
                <c:pt idx="2503">
                  <c:v>13.371186941092832</c:v>
                </c:pt>
                <c:pt idx="2504">
                  <c:v>13.375942185182929</c:v>
                </c:pt>
                <c:pt idx="2505">
                  <c:v>13.380697429273146</c:v>
                </c:pt>
                <c:pt idx="2506">
                  <c:v>13.380697429273146</c:v>
                </c:pt>
                <c:pt idx="2507">
                  <c:v>13.385312813243047</c:v>
                </c:pt>
                <c:pt idx="2508">
                  <c:v>13.390068057333142</c:v>
                </c:pt>
                <c:pt idx="2509">
                  <c:v>13.394823301423362</c:v>
                </c:pt>
                <c:pt idx="2510">
                  <c:v>13.399438685393262</c:v>
                </c:pt>
                <c:pt idx="2511">
                  <c:v>13.399438685393262</c:v>
                </c:pt>
                <c:pt idx="2512">
                  <c:v>13.404193929483482</c:v>
                </c:pt>
                <c:pt idx="2513">
                  <c:v>13.408949173573575</c:v>
                </c:pt>
                <c:pt idx="2514">
                  <c:v>13.413564557543475</c:v>
                </c:pt>
                <c:pt idx="2515">
                  <c:v>13.413564557543475</c:v>
                </c:pt>
                <c:pt idx="2516">
                  <c:v>13.418319801633695</c:v>
                </c:pt>
                <c:pt idx="2517">
                  <c:v>13.42307504572379</c:v>
                </c:pt>
                <c:pt idx="2518">
                  <c:v>13.427690429693691</c:v>
                </c:pt>
                <c:pt idx="2519">
                  <c:v>13.437200917874005</c:v>
                </c:pt>
                <c:pt idx="2520">
                  <c:v>13.441816301843906</c:v>
                </c:pt>
                <c:pt idx="2521">
                  <c:v>13.446571545934125</c:v>
                </c:pt>
                <c:pt idx="2522">
                  <c:v>13.451326790024218</c:v>
                </c:pt>
                <c:pt idx="2523">
                  <c:v>13.455942173994119</c:v>
                </c:pt>
                <c:pt idx="2524">
                  <c:v>13.455942173994119</c:v>
                </c:pt>
                <c:pt idx="2525">
                  <c:v>13.46069741808434</c:v>
                </c:pt>
                <c:pt idx="2526">
                  <c:v>13.46545266217456</c:v>
                </c:pt>
                <c:pt idx="2527">
                  <c:v>13.470068046144334</c:v>
                </c:pt>
                <c:pt idx="2528">
                  <c:v>13.470068046144334</c:v>
                </c:pt>
                <c:pt idx="2529">
                  <c:v>13.474823290234553</c:v>
                </c:pt>
                <c:pt idx="2530">
                  <c:v>13.479578534324773</c:v>
                </c:pt>
                <c:pt idx="2531">
                  <c:v>13.479578534324773</c:v>
                </c:pt>
                <c:pt idx="2532">
                  <c:v>13.484193918294674</c:v>
                </c:pt>
                <c:pt idx="2533">
                  <c:v>13.488949162384769</c:v>
                </c:pt>
                <c:pt idx="2534">
                  <c:v>13.488949162384769</c:v>
                </c:pt>
                <c:pt idx="2535">
                  <c:v>13.493704406474988</c:v>
                </c:pt>
                <c:pt idx="2536">
                  <c:v>13.498319790444889</c:v>
                </c:pt>
                <c:pt idx="2537">
                  <c:v>13.503075034534984</c:v>
                </c:pt>
                <c:pt idx="2538">
                  <c:v>13.503075034534984</c:v>
                </c:pt>
                <c:pt idx="2539">
                  <c:v>13.507830278625203</c:v>
                </c:pt>
                <c:pt idx="2540">
                  <c:v>13.512445662595104</c:v>
                </c:pt>
                <c:pt idx="2541">
                  <c:v>13.512445662595104</c:v>
                </c:pt>
                <c:pt idx="2542">
                  <c:v>13.517200906685197</c:v>
                </c:pt>
                <c:pt idx="2543">
                  <c:v>13.517200906685197</c:v>
                </c:pt>
                <c:pt idx="2544">
                  <c:v>13.517200906685197</c:v>
                </c:pt>
                <c:pt idx="2545">
                  <c:v>13.521956150775418</c:v>
                </c:pt>
                <c:pt idx="2546">
                  <c:v>13.521956150775418</c:v>
                </c:pt>
                <c:pt idx="2547">
                  <c:v>13.526571534745317</c:v>
                </c:pt>
                <c:pt idx="2548">
                  <c:v>13.526571534745317</c:v>
                </c:pt>
                <c:pt idx="2549">
                  <c:v>13.531326778835412</c:v>
                </c:pt>
                <c:pt idx="2550">
                  <c:v>13.536082022925632</c:v>
                </c:pt>
                <c:pt idx="2551">
                  <c:v>13.540837267015851</c:v>
                </c:pt>
                <c:pt idx="2552">
                  <c:v>13.540837267015851</c:v>
                </c:pt>
                <c:pt idx="2553">
                  <c:v>13.545452650985752</c:v>
                </c:pt>
                <c:pt idx="2554">
                  <c:v>13.550207895075847</c:v>
                </c:pt>
                <c:pt idx="2555">
                  <c:v>13.554963139166066</c:v>
                </c:pt>
                <c:pt idx="2556">
                  <c:v>13.559578523135967</c:v>
                </c:pt>
                <c:pt idx="2557">
                  <c:v>13.564333767226062</c:v>
                </c:pt>
                <c:pt idx="2558">
                  <c:v>13.564333767226062</c:v>
                </c:pt>
                <c:pt idx="2559">
                  <c:v>13.569089011316281</c:v>
                </c:pt>
                <c:pt idx="2560">
                  <c:v>13.573704395286182</c:v>
                </c:pt>
                <c:pt idx="2561">
                  <c:v>13.578459639376275</c:v>
                </c:pt>
                <c:pt idx="2562">
                  <c:v>13.583214883466495</c:v>
                </c:pt>
                <c:pt idx="2563">
                  <c:v>13.583214883466495</c:v>
                </c:pt>
                <c:pt idx="2564">
                  <c:v>13.587830267436395</c:v>
                </c:pt>
                <c:pt idx="2565">
                  <c:v>13.592585511526615</c:v>
                </c:pt>
                <c:pt idx="2566">
                  <c:v>13.59734075561671</c:v>
                </c:pt>
                <c:pt idx="2567">
                  <c:v>13.60195613958661</c:v>
                </c:pt>
                <c:pt idx="2568">
                  <c:v>13.606711383676828</c:v>
                </c:pt>
                <c:pt idx="2569">
                  <c:v>13.611466627766925</c:v>
                </c:pt>
                <c:pt idx="2570">
                  <c:v>13.616082011736825</c:v>
                </c:pt>
                <c:pt idx="2571">
                  <c:v>13.616082011736825</c:v>
                </c:pt>
                <c:pt idx="2572">
                  <c:v>13.620837255827043</c:v>
                </c:pt>
                <c:pt idx="2573">
                  <c:v>13.62559249991714</c:v>
                </c:pt>
                <c:pt idx="2574">
                  <c:v>13.63020788388704</c:v>
                </c:pt>
                <c:pt idx="2575">
                  <c:v>13.63020788388704</c:v>
                </c:pt>
                <c:pt idx="2576">
                  <c:v>13.634963127977258</c:v>
                </c:pt>
                <c:pt idx="2577">
                  <c:v>13.639718372067478</c:v>
                </c:pt>
                <c:pt idx="2578">
                  <c:v>13.644333756037254</c:v>
                </c:pt>
                <c:pt idx="2579">
                  <c:v>13.644333756037254</c:v>
                </c:pt>
                <c:pt idx="2580">
                  <c:v>13.649089000127473</c:v>
                </c:pt>
                <c:pt idx="2581">
                  <c:v>13.653844244217693</c:v>
                </c:pt>
                <c:pt idx="2582">
                  <c:v>13.658459628187469</c:v>
                </c:pt>
                <c:pt idx="2583">
                  <c:v>13.663214872277688</c:v>
                </c:pt>
                <c:pt idx="2584">
                  <c:v>13.663214872277688</c:v>
                </c:pt>
                <c:pt idx="2585">
                  <c:v>13.667970116367906</c:v>
                </c:pt>
                <c:pt idx="2586">
                  <c:v>13.672585500337807</c:v>
                </c:pt>
                <c:pt idx="2587">
                  <c:v>13.677340744427903</c:v>
                </c:pt>
                <c:pt idx="2588">
                  <c:v>13.682095988518121</c:v>
                </c:pt>
                <c:pt idx="2589">
                  <c:v>13.682095988518121</c:v>
                </c:pt>
                <c:pt idx="2590">
                  <c:v>13.686711372488022</c:v>
                </c:pt>
                <c:pt idx="2591">
                  <c:v>13.691466616578118</c:v>
                </c:pt>
                <c:pt idx="2592">
                  <c:v>13.691466616578118</c:v>
                </c:pt>
                <c:pt idx="2593">
                  <c:v>13.696221860668336</c:v>
                </c:pt>
                <c:pt idx="2594">
                  <c:v>13.700837244638237</c:v>
                </c:pt>
                <c:pt idx="2595">
                  <c:v>13.700837244638237</c:v>
                </c:pt>
                <c:pt idx="2596">
                  <c:v>13.705592488728332</c:v>
                </c:pt>
                <c:pt idx="2597">
                  <c:v>13.710347732818549</c:v>
                </c:pt>
                <c:pt idx="2598">
                  <c:v>13.715102976908771</c:v>
                </c:pt>
                <c:pt idx="2599">
                  <c:v>13.719718360878547</c:v>
                </c:pt>
                <c:pt idx="2600">
                  <c:v>13.719718360878547</c:v>
                </c:pt>
                <c:pt idx="2601">
                  <c:v>13.724473604968765</c:v>
                </c:pt>
                <c:pt idx="2602">
                  <c:v>13.729228849058984</c:v>
                </c:pt>
                <c:pt idx="2603">
                  <c:v>13.733844233028885</c:v>
                </c:pt>
                <c:pt idx="2604">
                  <c:v>13.733844233028885</c:v>
                </c:pt>
                <c:pt idx="2605">
                  <c:v>13.73859947711898</c:v>
                </c:pt>
                <c:pt idx="2606">
                  <c:v>13.73859947711898</c:v>
                </c:pt>
                <c:pt idx="2607">
                  <c:v>13.743354721209199</c:v>
                </c:pt>
                <c:pt idx="2608">
                  <c:v>13.7479701051791</c:v>
                </c:pt>
                <c:pt idx="2609">
                  <c:v>13.7479701051791</c:v>
                </c:pt>
                <c:pt idx="2610">
                  <c:v>13.752725349269195</c:v>
                </c:pt>
                <c:pt idx="2611">
                  <c:v>13.757480593359414</c:v>
                </c:pt>
                <c:pt idx="2612">
                  <c:v>13.757480593359414</c:v>
                </c:pt>
                <c:pt idx="2613">
                  <c:v>13.762095977329315</c:v>
                </c:pt>
                <c:pt idx="2614">
                  <c:v>13.762095977329315</c:v>
                </c:pt>
                <c:pt idx="2615">
                  <c:v>13.766851221419408</c:v>
                </c:pt>
                <c:pt idx="2616">
                  <c:v>13.766851221419408</c:v>
                </c:pt>
                <c:pt idx="2617">
                  <c:v>13.771606465509628</c:v>
                </c:pt>
                <c:pt idx="2618">
                  <c:v>13.776221849479528</c:v>
                </c:pt>
                <c:pt idx="2619">
                  <c:v>13.776221849479528</c:v>
                </c:pt>
                <c:pt idx="2620">
                  <c:v>13.780977093569749</c:v>
                </c:pt>
                <c:pt idx="2621">
                  <c:v>13.785732337659843</c:v>
                </c:pt>
                <c:pt idx="2622">
                  <c:v>13.785732337659843</c:v>
                </c:pt>
                <c:pt idx="2623">
                  <c:v>13.790347721629743</c:v>
                </c:pt>
                <c:pt idx="2624">
                  <c:v>13.795102965719963</c:v>
                </c:pt>
                <c:pt idx="2625">
                  <c:v>13.795102965719963</c:v>
                </c:pt>
                <c:pt idx="2626">
                  <c:v>13.799858209810058</c:v>
                </c:pt>
                <c:pt idx="2627">
                  <c:v>13.804473593779958</c:v>
                </c:pt>
                <c:pt idx="2628">
                  <c:v>13.809228837870178</c:v>
                </c:pt>
                <c:pt idx="2629">
                  <c:v>13.809228837870178</c:v>
                </c:pt>
                <c:pt idx="2630">
                  <c:v>13.813984081960273</c:v>
                </c:pt>
                <c:pt idx="2631">
                  <c:v>13.818599465930172</c:v>
                </c:pt>
                <c:pt idx="2632">
                  <c:v>13.823354710020393</c:v>
                </c:pt>
                <c:pt idx="2633">
                  <c:v>13.828109954110612</c:v>
                </c:pt>
                <c:pt idx="2634">
                  <c:v>13.828109954110612</c:v>
                </c:pt>
                <c:pt idx="2635">
                  <c:v>13.832725338080387</c:v>
                </c:pt>
                <c:pt idx="2636">
                  <c:v>13.837480582170606</c:v>
                </c:pt>
                <c:pt idx="2637">
                  <c:v>13.842235826260827</c:v>
                </c:pt>
                <c:pt idx="2638">
                  <c:v>13.846851210230602</c:v>
                </c:pt>
                <c:pt idx="2639">
                  <c:v>13.851606454320821</c:v>
                </c:pt>
                <c:pt idx="2640">
                  <c:v>13.856361698411041</c:v>
                </c:pt>
                <c:pt idx="2641">
                  <c:v>13.860977082380941</c:v>
                </c:pt>
                <c:pt idx="2642">
                  <c:v>13.860977082380941</c:v>
                </c:pt>
                <c:pt idx="2643">
                  <c:v>13.865732326471036</c:v>
                </c:pt>
                <c:pt idx="2644">
                  <c:v>13.870487570561256</c:v>
                </c:pt>
                <c:pt idx="2645">
                  <c:v>13.875102954531156</c:v>
                </c:pt>
                <c:pt idx="2646">
                  <c:v>13.87985819862125</c:v>
                </c:pt>
                <c:pt idx="2647">
                  <c:v>13.87985819862125</c:v>
                </c:pt>
                <c:pt idx="2648">
                  <c:v>13.884613442711471</c:v>
                </c:pt>
                <c:pt idx="2649">
                  <c:v>13.889228826681371</c:v>
                </c:pt>
                <c:pt idx="2650">
                  <c:v>13.893984070771465</c:v>
                </c:pt>
                <c:pt idx="2651">
                  <c:v>13.893984070771465</c:v>
                </c:pt>
                <c:pt idx="2652">
                  <c:v>13.898739314861684</c:v>
                </c:pt>
                <c:pt idx="2653">
                  <c:v>13.898739314861684</c:v>
                </c:pt>
                <c:pt idx="2654">
                  <c:v>13.903494558951904</c:v>
                </c:pt>
                <c:pt idx="2655">
                  <c:v>13.908109942921802</c:v>
                </c:pt>
                <c:pt idx="2656">
                  <c:v>13.912865187011899</c:v>
                </c:pt>
                <c:pt idx="2657">
                  <c:v>13.917620431102119</c:v>
                </c:pt>
                <c:pt idx="2658">
                  <c:v>13.917620431102119</c:v>
                </c:pt>
                <c:pt idx="2659">
                  <c:v>13.922235815072018</c:v>
                </c:pt>
                <c:pt idx="2660">
                  <c:v>13.926991059162114</c:v>
                </c:pt>
                <c:pt idx="2661">
                  <c:v>13.931746303252334</c:v>
                </c:pt>
                <c:pt idx="2662">
                  <c:v>13.936361687222233</c:v>
                </c:pt>
                <c:pt idx="2663">
                  <c:v>13.936361687222233</c:v>
                </c:pt>
                <c:pt idx="2664">
                  <c:v>13.941116931312328</c:v>
                </c:pt>
                <c:pt idx="2665">
                  <c:v>13.945872175402549</c:v>
                </c:pt>
                <c:pt idx="2666">
                  <c:v>13.950487559372448</c:v>
                </c:pt>
                <c:pt idx="2667">
                  <c:v>13.950487559372448</c:v>
                </c:pt>
                <c:pt idx="2668">
                  <c:v>13.955242803462543</c:v>
                </c:pt>
                <c:pt idx="2669">
                  <c:v>13.959998047552762</c:v>
                </c:pt>
                <c:pt idx="2670">
                  <c:v>13.964613431522663</c:v>
                </c:pt>
                <c:pt idx="2671">
                  <c:v>13.964613431522663</c:v>
                </c:pt>
                <c:pt idx="2672">
                  <c:v>13.969368675612881</c:v>
                </c:pt>
                <c:pt idx="2673">
                  <c:v>13.974123919702977</c:v>
                </c:pt>
                <c:pt idx="2674">
                  <c:v>13.978739303672878</c:v>
                </c:pt>
                <c:pt idx="2675">
                  <c:v>13.983494547763096</c:v>
                </c:pt>
                <c:pt idx="2676">
                  <c:v>13.983494547763096</c:v>
                </c:pt>
                <c:pt idx="2677">
                  <c:v>13.988249791853193</c:v>
                </c:pt>
                <c:pt idx="2678">
                  <c:v>13.992865175823093</c:v>
                </c:pt>
                <c:pt idx="2679">
                  <c:v>13.997620419913311</c:v>
                </c:pt>
                <c:pt idx="2680">
                  <c:v>14.002375664003406</c:v>
                </c:pt>
                <c:pt idx="2681">
                  <c:v>14.002375664003406</c:v>
                </c:pt>
                <c:pt idx="2682">
                  <c:v>14.006991047973306</c:v>
                </c:pt>
                <c:pt idx="2683">
                  <c:v>14.011746292063526</c:v>
                </c:pt>
                <c:pt idx="2684">
                  <c:v>14.011746292063526</c:v>
                </c:pt>
                <c:pt idx="2685">
                  <c:v>14.016501536153745</c:v>
                </c:pt>
                <c:pt idx="2686">
                  <c:v>14.021116920123522</c:v>
                </c:pt>
                <c:pt idx="2687">
                  <c:v>14.021116920123522</c:v>
                </c:pt>
                <c:pt idx="2688">
                  <c:v>14.025872164213739</c:v>
                </c:pt>
                <c:pt idx="2689">
                  <c:v>14.030627408303959</c:v>
                </c:pt>
                <c:pt idx="2690">
                  <c:v>14.035242792273737</c:v>
                </c:pt>
                <c:pt idx="2691">
                  <c:v>14.039998036363954</c:v>
                </c:pt>
                <c:pt idx="2692">
                  <c:v>14.044753280454174</c:v>
                </c:pt>
                <c:pt idx="2693">
                  <c:v>14.049368664424074</c:v>
                </c:pt>
                <c:pt idx="2694">
                  <c:v>14.049368664424074</c:v>
                </c:pt>
                <c:pt idx="2695">
                  <c:v>14.054123908514169</c:v>
                </c:pt>
                <c:pt idx="2696">
                  <c:v>14.058879152604389</c:v>
                </c:pt>
                <c:pt idx="2697">
                  <c:v>14.063494536574289</c:v>
                </c:pt>
                <c:pt idx="2698">
                  <c:v>14.063494536574289</c:v>
                </c:pt>
                <c:pt idx="2699">
                  <c:v>14.068249780664383</c:v>
                </c:pt>
                <c:pt idx="2700">
                  <c:v>14.073005024754604</c:v>
                </c:pt>
                <c:pt idx="2701">
                  <c:v>14.073005024754604</c:v>
                </c:pt>
                <c:pt idx="2702">
                  <c:v>14.077620408724503</c:v>
                </c:pt>
                <c:pt idx="2703">
                  <c:v>14.082375652814598</c:v>
                </c:pt>
                <c:pt idx="2704">
                  <c:v>14.082375652814598</c:v>
                </c:pt>
                <c:pt idx="2705">
                  <c:v>14.087130896904817</c:v>
                </c:pt>
                <c:pt idx="2706">
                  <c:v>14.091886140995037</c:v>
                </c:pt>
                <c:pt idx="2707">
                  <c:v>14.091886140995037</c:v>
                </c:pt>
                <c:pt idx="2708">
                  <c:v>14.096501524964937</c:v>
                </c:pt>
                <c:pt idx="2709">
                  <c:v>14.101256769055032</c:v>
                </c:pt>
                <c:pt idx="2710">
                  <c:v>14.101256769055032</c:v>
                </c:pt>
                <c:pt idx="2711">
                  <c:v>14.106012013145252</c:v>
                </c:pt>
                <c:pt idx="2712">
                  <c:v>14.110627397115152</c:v>
                </c:pt>
                <c:pt idx="2713">
                  <c:v>14.115382641205247</c:v>
                </c:pt>
                <c:pt idx="2714">
                  <c:v>14.115382641205247</c:v>
                </c:pt>
                <c:pt idx="2715">
                  <c:v>14.120137885295467</c:v>
                </c:pt>
                <c:pt idx="2716">
                  <c:v>14.120137885295467</c:v>
                </c:pt>
                <c:pt idx="2717">
                  <c:v>14.124753269265367</c:v>
                </c:pt>
                <c:pt idx="2718">
                  <c:v>14.129508513355461</c:v>
                </c:pt>
                <c:pt idx="2719">
                  <c:v>14.134263757445682</c:v>
                </c:pt>
                <c:pt idx="2720">
                  <c:v>14.134263757445682</c:v>
                </c:pt>
                <c:pt idx="2721">
                  <c:v>14.138879141415581</c:v>
                </c:pt>
                <c:pt idx="2722">
                  <c:v>14.143634385505676</c:v>
                </c:pt>
                <c:pt idx="2723">
                  <c:v>14.148389629595895</c:v>
                </c:pt>
                <c:pt idx="2724">
                  <c:v>14.153005013565796</c:v>
                </c:pt>
                <c:pt idx="2725">
                  <c:v>14.157760257656015</c:v>
                </c:pt>
                <c:pt idx="2726">
                  <c:v>14.16251550174611</c:v>
                </c:pt>
                <c:pt idx="2727">
                  <c:v>14.167130885716011</c:v>
                </c:pt>
                <c:pt idx="2728">
                  <c:v>14.17188612980623</c:v>
                </c:pt>
                <c:pt idx="2729">
                  <c:v>14.17188612980623</c:v>
                </c:pt>
                <c:pt idx="2730">
                  <c:v>14.176641373896326</c:v>
                </c:pt>
                <c:pt idx="2731">
                  <c:v>14.181256757866226</c:v>
                </c:pt>
                <c:pt idx="2732">
                  <c:v>14.181256757866226</c:v>
                </c:pt>
                <c:pt idx="2733">
                  <c:v>14.186012001956446</c:v>
                </c:pt>
                <c:pt idx="2734">
                  <c:v>14.186012001956446</c:v>
                </c:pt>
                <c:pt idx="2735">
                  <c:v>14.190767246046539</c:v>
                </c:pt>
                <c:pt idx="2736">
                  <c:v>14.195382630016439</c:v>
                </c:pt>
                <c:pt idx="2737">
                  <c:v>14.195382630016439</c:v>
                </c:pt>
                <c:pt idx="2738">
                  <c:v>14.195382630016439</c:v>
                </c:pt>
                <c:pt idx="2739">
                  <c:v>14.200137874106659</c:v>
                </c:pt>
                <c:pt idx="2740">
                  <c:v>14.204893118196878</c:v>
                </c:pt>
                <c:pt idx="2741">
                  <c:v>14.204893118196878</c:v>
                </c:pt>
                <c:pt idx="2742">
                  <c:v>14.209508502166655</c:v>
                </c:pt>
                <c:pt idx="2743">
                  <c:v>14.214263746256874</c:v>
                </c:pt>
                <c:pt idx="2744">
                  <c:v>14.219018990347092</c:v>
                </c:pt>
                <c:pt idx="2745">
                  <c:v>14.22363437431687</c:v>
                </c:pt>
                <c:pt idx="2746">
                  <c:v>14.228389618407089</c:v>
                </c:pt>
                <c:pt idx="2747">
                  <c:v>14.233144862497308</c:v>
                </c:pt>
                <c:pt idx="2748">
                  <c:v>14.233144862497308</c:v>
                </c:pt>
                <c:pt idx="2749">
                  <c:v>14.237760246467207</c:v>
                </c:pt>
                <c:pt idx="2750">
                  <c:v>14.242515490557304</c:v>
                </c:pt>
                <c:pt idx="2751">
                  <c:v>14.247270734647524</c:v>
                </c:pt>
                <c:pt idx="2752">
                  <c:v>14.251886118617422</c:v>
                </c:pt>
                <c:pt idx="2753">
                  <c:v>14.251886118617422</c:v>
                </c:pt>
                <c:pt idx="2754">
                  <c:v>14.256641362707517</c:v>
                </c:pt>
                <c:pt idx="2755">
                  <c:v>14.261396606797737</c:v>
                </c:pt>
                <c:pt idx="2756">
                  <c:v>14.266151850887956</c:v>
                </c:pt>
                <c:pt idx="2757">
                  <c:v>14.266151850887956</c:v>
                </c:pt>
                <c:pt idx="2758">
                  <c:v>14.270767234857733</c:v>
                </c:pt>
                <c:pt idx="2759">
                  <c:v>14.275522478947952</c:v>
                </c:pt>
                <c:pt idx="2760">
                  <c:v>14.28489310700807</c:v>
                </c:pt>
                <c:pt idx="2761">
                  <c:v>14.289648351098167</c:v>
                </c:pt>
                <c:pt idx="2762">
                  <c:v>14.294403595188385</c:v>
                </c:pt>
                <c:pt idx="2763">
                  <c:v>14.299018979158285</c:v>
                </c:pt>
                <c:pt idx="2764">
                  <c:v>14.299018979158285</c:v>
                </c:pt>
                <c:pt idx="2765">
                  <c:v>14.303774223248382</c:v>
                </c:pt>
                <c:pt idx="2766">
                  <c:v>14.3085294673386</c:v>
                </c:pt>
                <c:pt idx="2767">
                  <c:v>14.3131448513085</c:v>
                </c:pt>
                <c:pt idx="2768">
                  <c:v>14.317900095398596</c:v>
                </c:pt>
                <c:pt idx="2769">
                  <c:v>14.317900095398596</c:v>
                </c:pt>
                <c:pt idx="2770">
                  <c:v>14.322655339488813</c:v>
                </c:pt>
                <c:pt idx="2771">
                  <c:v>14.322655339488813</c:v>
                </c:pt>
                <c:pt idx="2772">
                  <c:v>14.322655339488813</c:v>
                </c:pt>
                <c:pt idx="2773">
                  <c:v>14.327270723458714</c:v>
                </c:pt>
                <c:pt idx="2774">
                  <c:v>14.327270723458714</c:v>
                </c:pt>
                <c:pt idx="2775">
                  <c:v>14.327270723458714</c:v>
                </c:pt>
                <c:pt idx="2776">
                  <c:v>14.327270723458714</c:v>
                </c:pt>
                <c:pt idx="2777">
                  <c:v>14.332025967548811</c:v>
                </c:pt>
                <c:pt idx="2778">
                  <c:v>14.336781211639028</c:v>
                </c:pt>
                <c:pt idx="2779">
                  <c:v>14.336781211639028</c:v>
                </c:pt>
                <c:pt idx="2780">
                  <c:v>14.341396595608929</c:v>
                </c:pt>
                <c:pt idx="2781">
                  <c:v>14.341396595608929</c:v>
                </c:pt>
                <c:pt idx="2782">
                  <c:v>14.346151839699148</c:v>
                </c:pt>
                <c:pt idx="2783">
                  <c:v>14.346151839699148</c:v>
                </c:pt>
                <c:pt idx="2784">
                  <c:v>14.350907083789243</c:v>
                </c:pt>
                <c:pt idx="2785">
                  <c:v>14.350907083789243</c:v>
                </c:pt>
                <c:pt idx="2786">
                  <c:v>14.350907083789243</c:v>
                </c:pt>
                <c:pt idx="2787">
                  <c:v>14.355522467759144</c:v>
                </c:pt>
                <c:pt idx="2788">
                  <c:v>14.360277711849363</c:v>
                </c:pt>
                <c:pt idx="2789">
                  <c:v>14.365032955939459</c:v>
                </c:pt>
                <c:pt idx="2790">
                  <c:v>14.365032955939459</c:v>
                </c:pt>
                <c:pt idx="2791">
                  <c:v>14.369648339909357</c:v>
                </c:pt>
                <c:pt idx="2792">
                  <c:v>14.374403583999579</c:v>
                </c:pt>
                <c:pt idx="2793">
                  <c:v>14.374403583999579</c:v>
                </c:pt>
                <c:pt idx="2794">
                  <c:v>14.379158828089674</c:v>
                </c:pt>
                <c:pt idx="2795">
                  <c:v>14.383774212059572</c:v>
                </c:pt>
                <c:pt idx="2796">
                  <c:v>14.388529456149792</c:v>
                </c:pt>
                <c:pt idx="2797">
                  <c:v>14.388529456149792</c:v>
                </c:pt>
                <c:pt idx="2798">
                  <c:v>14.393284700240013</c:v>
                </c:pt>
                <c:pt idx="2799">
                  <c:v>14.402655328300007</c:v>
                </c:pt>
                <c:pt idx="2800">
                  <c:v>14.407410572390226</c:v>
                </c:pt>
                <c:pt idx="2801">
                  <c:v>14.412025956360004</c:v>
                </c:pt>
                <c:pt idx="2802">
                  <c:v>14.416781200450222</c:v>
                </c:pt>
                <c:pt idx="2803">
                  <c:v>14.416781200450222</c:v>
                </c:pt>
                <c:pt idx="2804">
                  <c:v>14.421536444540441</c:v>
                </c:pt>
                <c:pt idx="2805">
                  <c:v>14.426151828510342</c:v>
                </c:pt>
                <c:pt idx="2806">
                  <c:v>14.430907072600435</c:v>
                </c:pt>
                <c:pt idx="2807">
                  <c:v>14.435662316690657</c:v>
                </c:pt>
                <c:pt idx="2808">
                  <c:v>14.440277700660557</c:v>
                </c:pt>
                <c:pt idx="2809">
                  <c:v>14.44503294475065</c:v>
                </c:pt>
                <c:pt idx="2810">
                  <c:v>14.44978818884087</c:v>
                </c:pt>
                <c:pt idx="2811">
                  <c:v>14.454543432931091</c:v>
                </c:pt>
                <c:pt idx="2812">
                  <c:v>14.459158816900866</c:v>
                </c:pt>
                <c:pt idx="2813">
                  <c:v>14.463914060991085</c:v>
                </c:pt>
                <c:pt idx="2814">
                  <c:v>14.463914060991085</c:v>
                </c:pt>
                <c:pt idx="2815">
                  <c:v>14.468669305081304</c:v>
                </c:pt>
                <c:pt idx="2816">
                  <c:v>14.473284689051205</c:v>
                </c:pt>
                <c:pt idx="2817">
                  <c:v>14.473284689051205</c:v>
                </c:pt>
                <c:pt idx="2818">
                  <c:v>14.4780399331413</c:v>
                </c:pt>
                <c:pt idx="2819">
                  <c:v>14.48279517723152</c:v>
                </c:pt>
                <c:pt idx="2820">
                  <c:v>14.48279517723152</c:v>
                </c:pt>
                <c:pt idx="2821">
                  <c:v>14.48741056120142</c:v>
                </c:pt>
                <c:pt idx="2822">
                  <c:v>14.492165805291513</c:v>
                </c:pt>
                <c:pt idx="2823">
                  <c:v>14.496921049381735</c:v>
                </c:pt>
                <c:pt idx="2824">
                  <c:v>14.496921049381735</c:v>
                </c:pt>
                <c:pt idx="2825">
                  <c:v>14.501536433351635</c:v>
                </c:pt>
                <c:pt idx="2826">
                  <c:v>14.506291677441729</c:v>
                </c:pt>
                <c:pt idx="2827">
                  <c:v>14.506291677441729</c:v>
                </c:pt>
                <c:pt idx="2828">
                  <c:v>14.511046921531948</c:v>
                </c:pt>
                <c:pt idx="2829">
                  <c:v>14.515662305501849</c:v>
                </c:pt>
                <c:pt idx="2830">
                  <c:v>14.520417549592066</c:v>
                </c:pt>
                <c:pt idx="2831">
                  <c:v>14.520417549592066</c:v>
                </c:pt>
                <c:pt idx="2832">
                  <c:v>14.525172793682163</c:v>
                </c:pt>
                <c:pt idx="2833">
                  <c:v>14.529788177652064</c:v>
                </c:pt>
                <c:pt idx="2834">
                  <c:v>14.529788177652064</c:v>
                </c:pt>
                <c:pt idx="2835">
                  <c:v>14.534543421742281</c:v>
                </c:pt>
                <c:pt idx="2836">
                  <c:v>14.539298665832378</c:v>
                </c:pt>
                <c:pt idx="2837">
                  <c:v>14.543914049802279</c:v>
                </c:pt>
                <c:pt idx="2838">
                  <c:v>14.548669293892498</c:v>
                </c:pt>
                <c:pt idx="2839">
                  <c:v>14.553424537982592</c:v>
                </c:pt>
                <c:pt idx="2840">
                  <c:v>14.553424537982592</c:v>
                </c:pt>
                <c:pt idx="2841">
                  <c:v>14.558039921952492</c:v>
                </c:pt>
                <c:pt idx="2842">
                  <c:v>14.562795166042713</c:v>
                </c:pt>
                <c:pt idx="2843">
                  <c:v>14.567550410132807</c:v>
                </c:pt>
                <c:pt idx="2844">
                  <c:v>14.567550410132807</c:v>
                </c:pt>
                <c:pt idx="2845">
                  <c:v>14.572165794102707</c:v>
                </c:pt>
                <c:pt idx="2846">
                  <c:v>14.576921038192927</c:v>
                </c:pt>
                <c:pt idx="2847">
                  <c:v>14.581676282283144</c:v>
                </c:pt>
                <c:pt idx="2848">
                  <c:v>14.586291666252922</c:v>
                </c:pt>
                <c:pt idx="2849">
                  <c:v>14.586291666252922</c:v>
                </c:pt>
                <c:pt idx="2850">
                  <c:v>14.591046910343142</c:v>
                </c:pt>
                <c:pt idx="2851">
                  <c:v>14.595802154433359</c:v>
                </c:pt>
                <c:pt idx="2852">
                  <c:v>14.600417538403137</c:v>
                </c:pt>
                <c:pt idx="2853">
                  <c:v>14.605172782493357</c:v>
                </c:pt>
                <c:pt idx="2854">
                  <c:v>14.605172782493357</c:v>
                </c:pt>
                <c:pt idx="2855">
                  <c:v>14.609928026583574</c:v>
                </c:pt>
                <c:pt idx="2856">
                  <c:v>14.614543410553475</c:v>
                </c:pt>
                <c:pt idx="2857">
                  <c:v>14.61929865464357</c:v>
                </c:pt>
                <c:pt idx="2858">
                  <c:v>14.61929865464357</c:v>
                </c:pt>
                <c:pt idx="2859">
                  <c:v>14.62405389873379</c:v>
                </c:pt>
                <c:pt idx="2860">
                  <c:v>14.62405389873379</c:v>
                </c:pt>
                <c:pt idx="2861">
                  <c:v>14.628809142824009</c:v>
                </c:pt>
                <c:pt idx="2862">
                  <c:v>14.628809142824009</c:v>
                </c:pt>
                <c:pt idx="2863">
                  <c:v>14.633424526793785</c:v>
                </c:pt>
                <c:pt idx="2864">
                  <c:v>14.633424526793785</c:v>
                </c:pt>
                <c:pt idx="2865">
                  <c:v>14.638179770884003</c:v>
                </c:pt>
                <c:pt idx="2866">
                  <c:v>14.642935014974222</c:v>
                </c:pt>
                <c:pt idx="2867">
                  <c:v>14.642935014974222</c:v>
                </c:pt>
                <c:pt idx="2868">
                  <c:v>14.647550398944</c:v>
                </c:pt>
                <c:pt idx="2869">
                  <c:v>14.652305643034218</c:v>
                </c:pt>
                <c:pt idx="2870">
                  <c:v>14.652305643034218</c:v>
                </c:pt>
                <c:pt idx="2871">
                  <c:v>14.657060887124437</c:v>
                </c:pt>
                <c:pt idx="2872">
                  <c:v>14.661676271094338</c:v>
                </c:pt>
                <c:pt idx="2873">
                  <c:v>14.661676271094338</c:v>
                </c:pt>
                <c:pt idx="2874">
                  <c:v>14.666431515184433</c:v>
                </c:pt>
                <c:pt idx="2875">
                  <c:v>14.666431515184433</c:v>
                </c:pt>
                <c:pt idx="2876">
                  <c:v>14.671186759274653</c:v>
                </c:pt>
                <c:pt idx="2877">
                  <c:v>14.671186759274653</c:v>
                </c:pt>
                <c:pt idx="2878">
                  <c:v>14.675802143244553</c:v>
                </c:pt>
                <c:pt idx="2879">
                  <c:v>14.675802143244553</c:v>
                </c:pt>
                <c:pt idx="2880">
                  <c:v>14.680557387334648</c:v>
                </c:pt>
                <c:pt idx="2881">
                  <c:v>14.685312631424868</c:v>
                </c:pt>
                <c:pt idx="2882">
                  <c:v>14.685312631424868</c:v>
                </c:pt>
                <c:pt idx="2883">
                  <c:v>14.689928015394768</c:v>
                </c:pt>
                <c:pt idx="2884">
                  <c:v>14.689928015394768</c:v>
                </c:pt>
                <c:pt idx="2885">
                  <c:v>14.694683259484863</c:v>
                </c:pt>
                <c:pt idx="2886">
                  <c:v>14.699438503575081</c:v>
                </c:pt>
                <c:pt idx="2887">
                  <c:v>14.699438503575081</c:v>
                </c:pt>
                <c:pt idx="2888">
                  <c:v>14.704053887544982</c:v>
                </c:pt>
                <c:pt idx="2889">
                  <c:v>14.708809131635201</c:v>
                </c:pt>
                <c:pt idx="2890">
                  <c:v>14.708809131635201</c:v>
                </c:pt>
                <c:pt idx="2891">
                  <c:v>14.713564375725296</c:v>
                </c:pt>
                <c:pt idx="2892">
                  <c:v>14.718179759695197</c:v>
                </c:pt>
                <c:pt idx="2893">
                  <c:v>14.718179759695197</c:v>
                </c:pt>
                <c:pt idx="2894">
                  <c:v>14.722935003785416</c:v>
                </c:pt>
                <c:pt idx="2895">
                  <c:v>14.727690247875511</c:v>
                </c:pt>
                <c:pt idx="2896">
                  <c:v>14.732305631845412</c:v>
                </c:pt>
                <c:pt idx="2897">
                  <c:v>14.737060875935631</c:v>
                </c:pt>
                <c:pt idx="2898">
                  <c:v>14.741816120025725</c:v>
                </c:pt>
                <c:pt idx="2899">
                  <c:v>14.741816120025725</c:v>
                </c:pt>
                <c:pt idx="2900">
                  <c:v>14.746431503995625</c:v>
                </c:pt>
                <c:pt idx="2901">
                  <c:v>14.751186748085846</c:v>
                </c:pt>
                <c:pt idx="2902">
                  <c:v>14.75594199217594</c:v>
                </c:pt>
                <c:pt idx="2903">
                  <c:v>14.76055737614584</c:v>
                </c:pt>
                <c:pt idx="2904">
                  <c:v>14.76531262023606</c:v>
                </c:pt>
                <c:pt idx="2905">
                  <c:v>14.76531262023606</c:v>
                </c:pt>
                <c:pt idx="2906">
                  <c:v>14.770067864326279</c:v>
                </c:pt>
                <c:pt idx="2907">
                  <c:v>14.770067864326279</c:v>
                </c:pt>
                <c:pt idx="2908">
                  <c:v>14.774683248296055</c:v>
                </c:pt>
                <c:pt idx="2909">
                  <c:v>14.779438492386275</c:v>
                </c:pt>
                <c:pt idx="2910">
                  <c:v>14.784193736476494</c:v>
                </c:pt>
                <c:pt idx="2911">
                  <c:v>14.788809120446395</c:v>
                </c:pt>
                <c:pt idx="2912">
                  <c:v>14.788809120446395</c:v>
                </c:pt>
                <c:pt idx="2913">
                  <c:v>14.79356436453649</c:v>
                </c:pt>
                <c:pt idx="2914">
                  <c:v>14.798319608626709</c:v>
                </c:pt>
                <c:pt idx="2915">
                  <c:v>14.80293499259661</c:v>
                </c:pt>
                <c:pt idx="2916">
                  <c:v>14.807690236686703</c:v>
                </c:pt>
                <c:pt idx="2917">
                  <c:v>14.812445480776923</c:v>
                </c:pt>
                <c:pt idx="2918">
                  <c:v>14.812445480776923</c:v>
                </c:pt>
                <c:pt idx="2919">
                  <c:v>14.817200724867142</c:v>
                </c:pt>
                <c:pt idx="2920">
                  <c:v>14.821816108836918</c:v>
                </c:pt>
                <c:pt idx="2921">
                  <c:v>14.821816108836918</c:v>
                </c:pt>
                <c:pt idx="2922">
                  <c:v>14.826571352927138</c:v>
                </c:pt>
                <c:pt idx="2923">
                  <c:v>14.826571352927138</c:v>
                </c:pt>
                <c:pt idx="2924">
                  <c:v>14.831326597017357</c:v>
                </c:pt>
                <c:pt idx="2925">
                  <c:v>14.835941980987133</c:v>
                </c:pt>
                <c:pt idx="2926">
                  <c:v>14.835941980987133</c:v>
                </c:pt>
                <c:pt idx="2927">
                  <c:v>14.840697225077353</c:v>
                </c:pt>
                <c:pt idx="2928">
                  <c:v>14.840697225077353</c:v>
                </c:pt>
                <c:pt idx="2929">
                  <c:v>14.845452469167572</c:v>
                </c:pt>
                <c:pt idx="2930">
                  <c:v>14.845452469167572</c:v>
                </c:pt>
                <c:pt idx="2931">
                  <c:v>14.850067853137471</c:v>
                </c:pt>
                <c:pt idx="2932">
                  <c:v>14.854823097227568</c:v>
                </c:pt>
                <c:pt idx="2933">
                  <c:v>14.854823097227568</c:v>
                </c:pt>
                <c:pt idx="2934">
                  <c:v>14.859578341317787</c:v>
                </c:pt>
                <c:pt idx="2935">
                  <c:v>14.864193725287688</c:v>
                </c:pt>
                <c:pt idx="2936">
                  <c:v>14.864193725287688</c:v>
                </c:pt>
                <c:pt idx="2937">
                  <c:v>14.868948969377781</c:v>
                </c:pt>
                <c:pt idx="2938">
                  <c:v>14.868948969377781</c:v>
                </c:pt>
                <c:pt idx="2939">
                  <c:v>14.873704213468001</c:v>
                </c:pt>
                <c:pt idx="2940">
                  <c:v>14.873704213468001</c:v>
                </c:pt>
                <c:pt idx="2941">
                  <c:v>14.878319597437901</c:v>
                </c:pt>
                <c:pt idx="2942">
                  <c:v>14.883074841527996</c:v>
                </c:pt>
                <c:pt idx="2943">
                  <c:v>14.883074841527996</c:v>
                </c:pt>
                <c:pt idx="2944">
                  <c:v>14.887830085618216</c:v>
                </c:pt>
                <c:pt idx="2945">
                  <c:v>14.892445469588116</c:v>
                </c:pt>
                <c:pt idx="2946">
                  <c:v>14.897200713678334</c:v>
                </c:pt>
                <c:pt idx="2947">
                  <c:v>14.897200713678334</c:v>
                </c:pt>
                <c:pt idx="2948">
                  <c:v>14.901955957768431</c:v>
                </c:pt>
                <c:pt idx="2949">
                  <c:v>14.906571341738331</c:v>
                </c:pt>
                <c:pt idx="2950">
                  <c:v>14.906571341738331</c:v>
                </c:pt>
                <c:pt idx="2951">
                  <c:v>14.911326585828549</c:v>
                </c:pt>
                <c:pt idx="2952">
                  <c:v>14.916081829918646</c:v>
                </c:pt>
                <c:pt idx="2953">
                  <c:v>14.916081829918646</c:v>
                </c:pt>
                <c:pt idx="2954">
                  <c:v>14.920697213888547</c:v>
                </c:pt>
                <c:pt idx="2955">
                  <c:v>14.925452457978764</c:v>
                </c:pt>
                <c:pt idx="2956">
                  <c:v>14.930207702068859</c:v>
                </c:pt>
                <c:pt idx="2957">
                  <c:v>14.930207702068859</c:v>
                </c:pt>
                <c:pt idx="2958">
                  <c:v>14.93482308603876</c:v>
                </c:pt>
                <c:pt idx="2959">
                  <c:v>14.939578330128978</c:v>
                </c:pt>
                <c:pt idx="2960">
                  <c:v>14.939578330128978</c:v>
                </c:pt>
                <c:pt idx="2961">
                  <c:v>14.944333574219199</c:v>
                </c:pt>
                <c:pt idx="2962">
                  <c:v>14.948948958188975</c:v>
                </c:pt>
                <c:pt idx="2963">
                  <c:v>14.953704202279193</c:v>
                </c:pt>
                <c:pt idx="2964">
                  <c:v>14.958459446369412</c:v>
                </c:pt>
                <c:pt idx="2965">
                  <c:v>14.958459446369412</c:v>
                </c:pt>
                <c:pt idx="2966">
                  <c:v>14.96307483033919</c:v>
                </c:pt>
                <c:pt idx="2967">
                  <c:v>14.967830074429408</c:v>
                </c:pt>
                <c:pt idx="2968">
                  <c:v>14.967830074429408</c:v>
                </c:pt>
                <c:pt idx="2969">
                  <c:v>14.972585318519627</c:v>
                </c:pt>
                <c:pt idx="2970">
                  <c:v>14.972585318519627</c:v>
                </c:pt>
                <c:pt idx="2971">
                  <c:v>14.977200702489528</c:v>
                </c:pt>
                <c:pt idx="2972">
                  <c:v>14.977200702489528</c:v>
                </c:pt>
                <c:pt idx="2973">
                  <c:v>14.981955946579623</c:v>
                </c:pt>
                <c:pt idx="2974">
                  <c:v>14.986711190669842</c:v>
                </c:pt>
                <c:pt idx="2975">
                  <c:v>14.991466434759937</c:v>
                </c:pt>
                <c:pt idx="2976">
                  <c:v>14.996081818729838</c:v>
                </c:pt>
                <c:pt idx="2977">
                  <c:v>14.996081818729838</c:v>
                </c:pt>
                <c:pt idx="2978">
                  <c:v>15.000837062820056</c:v>
                </c:pt>
                <c:pt idx="2979">
                  <c:v>15.005592306910277</c:v>
                </c:pt>
                <c:pt idx="2980">
                  <c:v>15.005592306910277</c:v>
                </c:pt>
                <c:pt idx="2981">
                  <c:v>15.010207690880053</c:v>
                </c:pt>
                <c:pt idx="2982">
                  <c:v>15.014962934970271</c:v>
                </c:pt>
                <c:pt idx="2983">
                  <c:v>15.01971817906049</c:v>
                </c:pt>
                <c:pt idx="2984">
                  <c:v>15.01971817906049</c:v>
                </c:pt>
                <c:pt idx="2985">
                  <c:v>15.024333563030268</c:v>
                </c:pt>
                <c:pt idx="2986">
                  <c:v>15.029088807120486</c:v>
                </c:pt>
                <c:pt idx="2987">
                  <c:v>15.033844051210705</c:v>
                </c:pt>
                <c:pt idx="2988">
                  <c:v>15.033844051210705</c:v>
                </c:pt>
                <c:pt idx="2989">
                  <c:v>15.038459435180606</c:v>
                </c:pt>
                <c:pt idx="2990">
                  <c:v>15.043214679270701</c:v>
                </c:pt>
                <c:pt idx="2991">
                  <c:v>15.04796992336092</c:v>
                </c:pt>
                <c:pt idx="2992">
                  <c:v>15.04796992336092</c:v>
                </c:pt>
                <c:pt idx="2993">
                  <c:v>15.052585307330821</c:v>
                </c:pt>
                <c:pt idx="2994">
                  <c:v>15.057340551420914</c:v>
                </c:pt>
                <c:pt idx="2995">
                  <c:v>15.062095795511134</c:v>
                </c:pt>
                <c:pt idx="2996">
                  <c:v>15.062095795511134</c:v>
                </c:pt>
                <c:pt idx="2997">
                  <c:v>15.066711179481034</c:v>
                </c:pt>
                <c:pt idx="2998">
                  <c:v>15.066711179481034</c:v>
                </c:pt>
                <c:pt idx="2999">
                  <c:v>15.071466423571129</c:v>
                </c:pt>
                <c:pt idx="3000">
                  <c:v>15.071466423571129</c:v>
                </c:pt>
                <c:pt idx="3001">
                  <c:v>15.076221667661349</c:v>
                </c:pt>
                <c:pt idx="3002">
                  <c:v>15.080837051631249</c:v>
                </c:pt>
                <c:pt idx="3003">
                  <c:v>15.085592295721469</c:v>
                </c:pt>
                <c:pt idx="3004">
                  <c:v>15.085592295721469</c:v>
                </c:pt>
                <c:pt idx="3005">
                  <c:v>15.090347539811564</c:v>
                </c:pt>
                <c:pt idx="3006">
                  <c:v>15.094962923781464</c:v>
                </c:pt>
                <c:pt idx="3007">
                  <c:v>15.094962923781464</c:v>
                </c:pt>
                <c:pt idx="3008">
                  <c:v>15.099718167871684</c:v>
                </c:pt>
                <c:pt idx="3009">
                  <c:v>15.104473411961779</c:v>
                </c:pt>
                <c:pt idx="3010">
                  <c:v>15.104473411961779</c:v>
                </c:pt>
                <c:pt idx="3011">
                  <c:v>15.109088795931678</c:v>
                </c:pt>
                <c:pt idx="3012">
                  <c:v>15.113844040021899</c:v>
                </c:pt>
                <c:pt idx="3013">
                  <c:v>15.113844040021899</c:v>
                </c:pt>
                <c:pt idx="3014">
                  <c:v>15.118599284111992</c:v>
                </c:pt>
                <c:pt idx="3015">
                  <c:v>15.118599284111992</c:v>
                </c:pt>
                <c:pt idx="3016">
                  <c:v>15.123214668081893</c:v>
                </c:pt>
                <c:pt idx="3017">
                  <c:v>15.127969912172112</c:v>
                </c:pt>
                <c:pt idx="3018">
                  <c:v>15.127969912172112</c:v>
                </c:pt>
                <c:pt idx="3019">
                  <c:v>15.132725156262332</c:v>
                </c:pt>
                <c:pt idx="3020">
                  <c:v>15.137340540232108</c:v>
                </c:pt>
                <c:pt idx="3021">
                  <c:v>15.137340540232108</c:v>
                </c:pt>
                <c:pt idx="3022">
                  <c:v>15.137340540232108</c:v>
                </c:pt>
                <c:pt idx="3023">
                  <c:v>15.137340540232108</c:v>
                </c:pt>
                <c:pt idx="3024">
                  <c:v>15.142095784322327</c:v>
                </c:pt>
                <c:pt idx="3025">
                  <c:v>15.142095784322327</c:v>
                </c:pt>
                <c:pt idx="3026">
                  <c:v>15.156221656472542</c:v>
                </c:pt>
                <c:pt idx="3027">
                  <c:v>15.151466412382323</c:v>
                </c:pt>
                <c:pt idx="3028">
                  <c:v>15.142095784322327</c:v>
                </c:pt>
                <c:pt idx="3029">
                  <c:v>15.142095784322327</c:v>
                </c:pt>
                <c:pt idx="3030">
                  <c:v>15.142095784322327</c:v>
                </c:pt>
                <c:pt idx="3031">
                  <c:v>15.142095784322327</c:v>
                </c:pt>
                <c:pt idx="3032">
                  <c:v>15.142095784322327</c:v>
                </c:pt>
                <c:pt idx="3033">
                  <c:v>15.146851028412547</c:v>
                </c:pt>
                <c:pt idx="3034">
                  <c:v>15.146851028412547</c:v>
                </c:pt>
                <c:pt idx="3035">
                  <c:v>15.151466412382323</c:v>
                </c:pt>
                <c:pt idx="3036">
                  <c:v>15.151466412382323</c:v>
                </c:pt>
                <c:pt idx="3037">
                  <c:v>15.156221656472542</c:v>
                </c:pt>
                <c:pt idx="3038">
                  <c:v>15.160976900562762</c:v>
                </c:pt>
                <c:pt idx="3039">
                  <c:v>15.165592284532663</c:v>
                </c:pt>
                <c:pt idx="3040">
                  <c:v>15.165592284532663</c:v>
                </c:pt>
                <c:pt idx="3041">
                  <c:v>15.170347528622756</c:v>
                </c:pt>
                <c:pt idx="3042">
                  <c:v>15.170347528622756</c:v>
                </c:pt>
                <c:pt idx="3043">
                  <c:v>15.175102772712977</c:v>
                </c:pt>
                <c:pt idx="3044">
                  <c:v>15.17985801680307</c:v>
                </c:pt>
                <c:pt idx="3045">
                  <c:v>15.17985801680307</c:v>
                </c:pt>
                <c:pt idx="3046">
                  <c:v>15.184473400772971</c:v>
                </c:pt>
                <c:pt idx="3047">
                  <c:v>15.19398388895341</c:v>
                </c:pt>
                <c:pt idx="3048">
                  <c:v>15.203354517013405</c:v>
                </c:pt>
                <c:pt idx="3049">
                  <c:v>15.208109761103623</c:v>
                </c:pt>
                <c:pt idx="3050">
                  <c:v>15.212725145073401</c:v>
                </c:pt>
                <c:pt idx="3051">
                  <c:v>15.208109761103623</c:v>
                </c:pt>
                <c:pt idx="3052">
                  <c:v>15.217480389163621</c:v>
                </c:pt>
                <c:pt idx="3053">
                  <c:v>15.231606261313834</c:v>
                </c:pt>
                <c:pt idx="3054">
                  <c:v>15.240976889373954</c:v>
                </c:pt>
                <c:pt idx="3055">
                  <c:v>15.250487377554267</c:v>
                </c:pt>
                <c:pt idx="3056">
                  <c:v>15.255102761524167</c:v>
                </c:pt>
                <c:pt idx="3057">
                  <c:v>15.259858005614264</c:v>
                </c:pt>
                <c:pt idx="3058">
                  <c:v>15.264613249704482</c:v>
                </c:pt>
                <c:pt idx="3059">
                  <c:v>15.264613249704482</c:v>
                </c:pt>
                <c:pt idx="3060">
                  <c:v>15.269228633674382</c:v>
                </c:pt>
                <c:pt idx="3061">
                  <c:v>15.273983877764602</c:v>
                </c:pt>
                <c:pt idx="3062">
                  <c:v>15.273983877764602</c:v>
                </c:pt>
                <c:pt idx="3063">
                  <c:v>15.278739121854697</c:v>
                </c:pt>
                <c:pt idx="3064">
                  <c:v>15.283354505824597</c:v>
                </c:pt>
                <c:pt idx="3065">
                  <c:v>15.283354505824597</c:v>
                </c:pt>
                <c:pt idx="3066">
                  <c:v>15.288109749914817</c:v>
                </c:pt>
                <c:pt idx="3067">
                  <c:v>15.292864994004912</c:v>
                </c:pt>
                <c:pt idx="3068">
                  <c:v>15.297480377974811</c:v>
                </c:pt>
                <c:pt idx="3069">
                  <c:v>15.302235622065032</c:v>
                </c:pt>
                <c:pt idx="3070">
                  <c:v>15.306990866155127</c:v>
                </c:pt>
                <c:pt idx="3071">
                  <c:v>15.311606250125028</c:v>
                </c:pt>
                <c:pt idx="3072">
                  <c:v>15.311606250125028</c:v>
                </c:pt>
                <c:pt idx="3073">
                  <c:v>15.316361494215245</c:v>
                </c:pt>
                <c:pt idx="3074">
                  <c:v>15.321116738305465</c:v>
                </c:pt>
                <c:pt idx="3075">
                  <c:v>15.321116738305465</c:v>
                </c:pt>
                <c:pt idx="3076">
                  <c:v>15.321116738305465</c:v>
                </c:pt>
                <c:pt idx="3077">
                  <c:v>15.325732122275243</c:v>
                </c:pt>
                <c:pt idx="3078">
                  <c:v>15.33048736636546</c:v>
                </c:pt>
                <c:pt idx="3079">
                  <c:v>15.33048736636546</c:v>
                </c:pt>
                <c:pt idx="3080">
                  <c:v>15.33524261045568</c:v>
                </c:pt>
                <c:pt idx="3081">
                  <c:v>15.339857994425456</c:v>
                </c:pt>
                <c:pt idx="3082">
                  <c:v>15.339857994425456</c:v>
                </c:pt>
                <c:pt idx="3083">
                  <c:v>15.344613238515675</c:v>
                </c:pt>
                <c:pt idx="3084">
                  <c:v>15.349368482605895</c:v>
                </c:pt>
                <c:pt idx="3085">
                  <c:v>15.353983866575796</c:v>
                </c:pt>
                <c:pt idx="3086">
                  <c:v>15.358739110665889</c:v>
                </c:pt>
                <c:pt idx="3087">
                  <c:v>15.358739110665889</c:v>
                </c:pt>
                <c:pt idx="3088">
                  <c:v>15.36349435475611</c:v>
                </c:pt>
                <c:pt idx="3089">
                  <c:v>15.368249598846203</c:v>
                </c:pt>
                <c:pt idx="3090">
                  <c:v>15.372864982816104</c:v>
                </c:pt>
                <c:pt idx="3091">
                  <c:v>15.377620226906323</c:v>
                </c:pt>
                <c:pt idx="3092">
                  <c:v>15.382375470996543</c:v>
                </c:pt>
                <c:pt idx="3093">
                  <c:v>15.382375470996543</c:v>
                </c:pt>
                <c:pt idx="3094">
                  <c:v>15.386990854966319</c:v>
                </c:pt>
                <c:pt idx="3095">
                  <c:v>15.391746099056538</c:v>
                </c:pt>
                <c:pt idx="3096">
                  <c:v>15.391746099056538</c:v>
                </c:pt>
                <c:pt idx="3097">
                  <c:v>15.396501343146758</c:v>
                </c:pt>
                <c:pt idx="3098">
                  <c:v>15.396501343146758</c:v>
                </c:pt>
                <c:pt idx="3099">
                  <c:v>15.401116727116658</c:v>
                </c:pt>
                <c:pt idx="3100">
                  <c:v>15.405871971206754</c:v>
                </c:pt>
                <c:pt idx="3101">
                  <c:v>15.405871971206754</c:v>
                </c:pt>
                <c:pt idx="3102">
                  <c:v>15.410627215296973</c:v>
                </c:pt>
                <c:pt idx="3103">
                  <c:v>15.415242599266874</c:v>
                </c:pt>
                <c:pt idx="3104">
                  <c:v>15.415242599266874</c:v>
                </c:pt>
                <c:pt idx="3105">
                  <c:v>15.419997843356967</c:v>
                </c:pt>
                <c:pt idx="3106">
                  <c:v>15.424753087447188</c:v>
                </c:pt>
                <c:pt idx="3107">
                  <c:v>15.429368471417087</c:v>
                </c:pt>
                <c:pt idx="3108">
                  <c:v>15.429368471417087</c:v>
                </c:pt>
                <c:pt idx="3109">
                  <c:v>15.434123715507182</c:v>
                </c:pt>
                <c:pt idx="3110">
                  <c:v>15.438878959597401</c:v>
                </c:pt>
                <c:pt idx="3111">
                  <c:v>15.438878959597401</c:v>
                </c:pt>
                <c:pt idx="3112">
                  <c:v>15.443494343567302</c:v>
                </c:pt>
                <c:pt idx="3113">
                  <c:v>15.443494343567302</c:v>
                </c:pt>
                <c:pt idx="3114">
                  <c:v>15.448249587657397</c:v>
                </c:pt>
                <c:pt idx="3115">
                  <c:v>15.453004831747617</c:v>
                </c:pt>
                <c:pt idx="3116">
                  <c:v>15.453004831747617</c:v>
                </c:pt>
                <c:pt idx="3117">
                  <c:v>15.457620215717517</c:v>
                </c:pt>
                <c:pt idx="3118">
                  <c:v>15.462375459807737</c:v>
                </c:pt>
                <c:pt idx="3119">
                  <c:v>15.462375459807737</c:v>
                </c:pt>
                <c:pt idx="3120">
                  <c:v>15.467130703897832</c:v>
                </c:pt>
                <c:pt idx="3121">
                  <c:v>15.471746087867732</c:v>
                </c:pt>
                <c:pt idx="3122">
                  <c:v>15.476501331957952</c:v>
                </c:pt>
                <c:pt idx="3123">
                  <c:v>15.481256576048045</c:v>
                </c:pt>
                <c:pt idx="3124">
                  <c:v>15.481256576048045</c:v>
                </c:pt>
                <c:pt idx="3125">
                  <c:v>15.481256576048045</c:v>
                </c:pt>
                <c:pt idx="3126">
                  <c:v>15.481256576048045</c:v>
                </c:pt>
                <c:pt idx="3127">
                  <c:v>15.485871960017946</c:v>
                </c:pt>
                <c:pt idx="3128">
                  <c:v>15.485871960017946</c:v>
                </c:pt>
                <c:pt idx="3129">
                  <c:v>15.485871960017946</c:v>
                </c:pt>
                <c:pt idx="3130">
                  <c:v>15.49538244819826</c:v>
                </c:pt>
                <c:pt idx="3131">
                  <c:v>15.50475307625838</c:v>
                </c:pt>
                <c:pt idx="3132">
                  <c:v>15.50475307625838</c:v>
                </c:pt>
                <c:pt idx="3133">
                  <c:v>15.50475307625838</c:v>
                </c:pt>
                <c:pt idx="3134">
                  <c:v>15.50475307625838</c:v>
                </c:pt>
                <c:pt idx="3135">
                  <c:v>15.509508320348598</c:v>
                </c:pt>
                <c:pt idx="3136">
                  <c:v>15.514123704318376</c:v>
                </c:pt>
                <c:pt idx="3137">
                  <c:v>15.514123704318376</c:v>
                </c:pt>
                <c:pt idx="3138">
                  <c:v>15.518878948408595</c:v>
                </c:pt>
                <c:pt idx="3139">
                  <c:v>15.518878948408595</c:v>
                </c:pt>
                <c:pt idx="3140">
                  <c:v>15.523634192498813</c:v>
                </c:pt>
                <c:pt idx="3141">
                  <c:v>15.523634192498813</c:v>
                </c:pt>
                <c:pt idx="3142">
                  <c:v>15.528249576468589</c:v>
                </c:pt>
                <c:pt idx="3143">
                  <c:v>15.528249576468589</c:v>
                </c:pt>
                <c:pt idx="3144">
                  <c:v>15.53300482055881</c:v>
                </c:pt>
                <c:pt idx="3145">
                  <c:v>15.53300482055881</c:v>
                </c:pt>
                <c:pt idx="3146">
                  <c:v>15.537760064649028</c:v>
                </c:pt>
                <c:pt idx="3147">
                  <c:v>15.537760064649028</c:v>
                </c:pt>
                <c:pt idx="3148">
                  <c:v>15.542515308739123</c:v>
                </c:pt>
                <c:pt idx="3149">
                  <c:v>15.547130692709024</c:v>
                </c:pt>
                <c:pt idx="3150">
                  <c:v>15.551885936799241</c:v>
                </c:pt>
                <c:pt idx="3151">
                  <c:v>15.561256564859239</c:v>
                </c:pt>
                <c:pt idx="3152">
                  <c:v>15.566011808949456</c:v>
                </c:pt>
                <c:pt idx="3153">
                  <c:v>15.570767053039676</c:v>
                </c:pt>
                <c:pt idx="3154">
                  <c:v>15.575382437009454</c:v>
                </c:pt>
                <c:pt idx="3155">
                  <c:v>15.570767053039676</c:v>
                </c:pt>
                <c:pt idx="3156">
                  <c:v>15.566011808949456</c:v>
                </c:pt>
                <c:pt idx="3157">
                  <c:v>15.570767053039676</c:v>
                </c:pt>
                <c:pt idx="3158">
                  <c:v>15.575382437009454</c:v>
                </c:pt>
                <c:pt idx="3159">
                  <c:v>15.580137681099671</c:v>
                </c:pt>
                <c:pt idx="3160">
                  <c:v>15.584892925189891</c:v>
                </c:pt>
                <c:pt idx="3161">
                  <c:v>15.589508309159791</c:v>
                </c:pt>
                <c:pt idx="3162">
                  <c:v>15.594263553249888</c:v>
                </c:pt>
                <c:pt idx="3163">
                  <c:v>15.594263553249888</c:v>
                </c:pt>
                <c:pt idx="3164">
                  <c:v>15.599018797340106</c:v>
                </c:pt>
                <c:pt idx="3165">
                  <c:v>15.603634181310007</c:v>
                </c:pt>
                <c:pt idx="3166">
                  <c:v>15.608389425400102</c:v>
                </c:pt>
                <c:pt idx="3167">
                  <c:v>15.608389425400102</c:v>
                </c:pt>
                <c:pt idx="3168">
                  <c:v>15.613144669490319</c:v>
                </c:pt>
                <c:pt idx="3169">
                  <c:v>15.61776005346022</c:v>
                </c:pt>
                <c:pt idx="3170">
                  <c:v>15.622515297550317</c:v>
                </c:pt>
                <c:pt idx="3171">
                  <c:v>15.622515297550317</c:v>
                </c:pt>
                <c:pt idx="3172">
                  <c:v>15.627270541640536</c:v>
                </c:pt>
                <c:pt idx="3173">
                  <c:v>15.627270541640536</c:v>
                </c:pt>
                <c:pt idx="3174">
                  <c:v>15.631885925610437</c:v>
                </c:pt>
                <c:pt idx="3175">
                  <c:v>15.636641169700532</c:v>
                </c:pt>
                <c:pt idx="3176">
                  <c:v>15.636641169700532</c:v>
                </c:pt>
                <c:pt idx="3177">
                  <c:v>15.64139641379075</c:v>
                </c:pt>
                <c:pt idx="3178">
                  <c:v>15.64601179776065</c:v>
                </c:pt>
                <c:pt idx="3179">
                  <c:v>15.65076704185087</c:v>
                </c:pt>
                <c:pt idx="3180">
                  <c:v>15.655522285940963</c:v>
                </c:pt>
                <c:pt idx="3181">
                  <c:v>15.655522285940963</c:v>
                </c:pt>
                <c:pt idx="3182">
                  <c:v>15.660137669910863</c:v>
                </c:pt>
                <c:pt idx="3183">
                  <c:v>15.664892914001083</c:v>
                </c:pt>
                <c:pt idx="3184">
                  <c:v>15.66964815809118</c:v>
                </c:pt>
                <c:pt idx="3185">
                  <c:v>15.67426354206108</c:v>
                </c:pt>
                <c:pt idx="3186">
                  <c:v>15.67426354206108</c:v>
                </c:pt>
                <c:pt idx="3187">
                  <c:v>15.6790187861513</c:v>
                </c:pt>
                <c:pt idx="3188">
                  <c:v>15.683774030241393</c:v>
                </c:pt>
                <c:pt idx="3189">
                  <c:v>15.688389414211294</c:v>
                </c:pt>
                <c:pt idx="3190">
                  <c:v>15.693144658301513</c:v>
                </c:pt>
                <c:pt idx="3191">
                  <c:v>15.693144658301513</c:v>
                </c:pt>
                <c:pt idx="3192">
                  <c:v>15.697899902391732</c:v>
                </c:pt>
                <c:pt idx="3193">
                  <c:v>15.702515286361507</c:v>
                </c:pt>
                <c:pt idx="3194">
                  <c:v>15.707270530451726</c:v>
                </c:pt>
                <c:pt idx="3195">
                  <c:v>15.707270530451726</c:v>
                </c:pt>
                <c:pt idx="3196">
                  <c:v>15.712025774541946</c:v>
                </c:pt>
                <c:pt idx="3197">
                  <c:v>15.716641158511724</c:v>
                </c:pt>
                <c:pt idx="3198">
                  <c:v>15.716641158511724</c:v>
                </c:pt>
                <c:pt idx="3199">
                  <c:v>15.721396402601943</c:v>
                </c:pt>
                <c:pt idx="3200">
                  <c:v>15.721396402601943</c:v>
                </c:pt>
                <c:pt idx="3201">
                  <c:v>15.726151646692163</c:v>
                </c:pt>
                <c:pt idx="3202">
                  <c:v>15.726151646692163</c:v>
                </c:pt>
                <c:pt idx="3203">
                  <c:v>15.730906890782256</c:v>
                </c:pt>
                <c:pt idx="3204">
                  <c:v>15.730906890782256</c:v>
                </c:pt>
                <c:pt idx="3205">
                  <c:v>15.735522274752157</c:v>
                </c:pt>
                <c:pt idx="3206">
                  <c:v>15.735522274752157</c:v>
                </c:pt>
                <c:pt idx="3207">
                  <c:v>15.740277518842376</c:v>
                </c:pt>
                <c:pt idx="3208">
                  <c:v>15.745032762932595</c:v>
                </c:pt>
                <c:pt idx="3209">
                  <c:v>15.745032762932595</c:v>
                </c:pt>
                <c:pt idx="3210">
                  <c:v>15.745032762932595</c:v>
                </c:pt>
                <c:pt idx="3211">
                  <c:v>15.74964814690237</c:v>
                </c:pt>
                <c:pt idx="3212">
                  <c:v>15.74964814690237</c:v>
                </c:pt>
                <c:pt idx="3213">
                  <c:v>15.754403390992593</c:v>
                </c:pt>
                <c:pt idx="3214">
                  <c:v>15.754403390992593</c:v>
                </c:pt>
                <c:pt idx="3215">
                  <c:v>15.759158635082812</c:v>
                </c:pt>
                <c:pt idx="3216">
                  <c:v>15.759158635082812</c:v>
                </c:pt>
                <c:pt idx="3217">
                  <c:v>15.763774019052587</c:v>
                </c:pt>
                <c:pt idx="3218">
                  <c:v>15.768529263142806</c:v>
                </c:pt>
                <c:pt idx="3219">
                  <c:v>15.768529263142806</c:v>
                </c:pt>
                <c:pt idx="3220">
                  <c:v>15.773284507233026</c:v>
                </c:pt>
                <c:pt idx="3221">
                  <c:v>15.773284507233026</c:v>
                </c:pt>
                <c:pt idx="3222">
                  <c:v>15.777899891202926</c:v>
                </c:pt>
                <c:pt idx="3223">
                  <c:v>15.78265513529302</c:v>
                </c:pt>
                <c:pt idx="3224">
                  <c:v>15.78265513529302</c:v>
                </c:pt>
                <c:pt idx="3225">
                  <c:v>15.787410379383239</c:v>
                </c:pt>
                <c:pt idx="3226">
                  <c:v>15.79202576335314</c:v>
                </c:pt>
                <c:pt idx="3227">
                  <c:v>15.79202576335314</c:v>
                </c:pt>
                <c:pt idx="3228">
                  <c:v>15.796781007443236</c:v>
                </c:pt>
                <c:pt idx="3229">
                  <c:v>15.801536251533456</c:v>
                </c:pt>
                <c:pt idx="3230">
                  <c:v>15.806151635503356</c:v>
                </c:pt>
                <c:pt idx="3231">
                  <c:v>15.81090687959345</c:v>
                </c:pt>
                <c:pt idx="3232">
                  <c:v>15.81090687959345</c:v>
                </c:pt>
                <c:pt idx="3233">
                  <c:v>15.815662123683669</c:v>
                </c:pt>
                <c:pt idx="3234">
                  <c:v>15.82027750765357</c:v>
                </c:pt>
                <c:pt idx="3235">
                  <c:v>15.825032751743787</c:v>
                </c:pt>
                <c:pt idx="3236">
                  <c:v>15.829787995833883</c:v>
                </c:pt>
                <c:pt idx="3237">
                  <c:v>15.834403379803783</c:v>
                </c:pt>
                <c:pt idx="3238">
                  <c:v>15.839158623894001</c:v>
                </c:pt>
                <c:pt idx="3239">
                  <c:v>15.839158623894001</c:v>
                </c:pt>
                <c:pt idx="3240">
                  <c:v>15.843913867984099</c:v>
                </c:pt>
                <c:pt idx="3241">
                  <c:v>15.848529251954</c:v>
                </c:pt>
                <c:pt idx="3242">
                  <c:v>15.848529251954</c:v>
                </c:pt>
                <c:pt idx="3243">
                  <c:v>15.853284496044218</c:v>
                </c:pt>
                <c:pt idx="3244">
                  <c:v>15.858039740134313</c:v>
                </c:pt>
                <c:pt idx="3245">
                  <c:v>15.862655124104213</c:v>
                </c:pt>
                <c:pt idx="3246">
                  <c:v>15.862655124104213</c:v>
                </c:pt>
                <c:pt idx="3247">
                  <c:v>15.867410368194431</c:v>
                </c:pt>
                <c:pt idx="3248">
                  <c:v>15.867410368194431</c:v>
                </c:pt>
                <c:pt idx="3249">
                  <c:v>15.872165612284526</c:v>
                </c:pt>
                <c:pt idx="3250">
                  <c:v>15.876780996254427</c:v>
                </c:pt>
                <c:pt idx="3251">
                  <c:v>15.881536240344644</c:v>
                </c:pt>
                <c:pt idx="3252">
                  <c:v>15.881536240344644</c:v>
                </c:pt>
                <c:pt idx="3253">
                  <c:v>15.886291484434867</c:v>
                </c:pt>
                <c:pt idx="3254">
                  <c:v>15.890906868404644</c:v>
                </c:pt>
                <c:pt idx="3255">
                  <c:v>15.895662112494861</c:v>
                </c:pt>
                <c:pt idx="3256">
                  <c:v>15.895662112494861</c:v>
                </c:pt>
                <c:pt idx="3257">
                  <c:v>15.900417356585081</c:v>
                </c:pt>
                <c:pt idx="3258">
                  <c:v>15.905172600675176</c:v>
                </c:pt>
                <c:pt idx="3259">
                  <c:v>15.909787984645076</c:v>
                </c:pt>
                <c:pt idx="3260">
                  <c:v>15.914543228735294</c:v>
                </c:pt>
                <c:pt idx="3261">
                  <c:v>15.914543228735294</c:v>
                </c:pt>
                <c:pt idx="3262">
                  <c:v>15.914543228735294</c:v>
                </c:pt>
                <c:pt idx="3263">
                  <c:v>15.919298472825393</c:v>
                </c:pt>
                <c:pt idx="3264">
                  <c:v>15.919298472825393</c:v>
                </c:pt>
                <c:pt idx="3265">
                  <c:v>15.923913856795293</c:v>
                </c:pt>
                <c:pt idx="3266">
                  <c:v>15.928669100885511</c:v>
                </c:pt>
                <c:pt idx="3267">
                  <c:v>15.928669100885511</c:v>
                </c:pt>
                <c:pt idx="3268">
                  <c:v>15.93342434497573</c:v>
                </c:pt>
                <c:pt idx="3269">
                  <c:v>15.93342434497573</c:v>
                </c:pt>
                <c:pt idx="3270">
                  <c:v>15.938039728945506</c:v>
                </c:pt>
                <c:pt idx="3271">
                  <c:v>15.938039728945506</c:v>
                </c:pt>
                <c:pt idx="3272">
                  <c:v>15.942794973035724</c:v>
                </c:pt>
                <c:pt idx="3273">
                  <c:v>15.947550217125944</c:v>
                </c:pt>
                <c:pt idx="3274">
                  <c:v>15.947550217125944</c:v>
                </c:pt>
                <c:pt idx="3275">
                  <c:v>15.95216560109572</c:v>
                </c:pt>
                <c:pt idx="3276">
                  <c:v>15.956920845185937</c:v>
                </c:pt>
                <c:pt idx="3277">
                  <c:v>15.956920845185937</c:v>
                </c:pt>
                <c:pt idx="3278">
                  <c:v>15.961676089276157</c:v>
                </c:pt>
                <c:pt idx="3279">
                  <c:v>15.966291473246057</c:v>
                </c:pt>
                <c:pt idx="3280">
                  <c:v>15.966291473246057</c:v>
                </c:pt>
                <c:pt idx="3281">
                  <c:v>15.966291473246057</c:v>
                </c:pt>
                <c:pt idx="3282">
                  <c:v>15.971046717336154</c:v>
                </c:pt>
                <c:pt idx="3283">
                  <c:v>15.971046717336154</c:v>
                </c:pt>
                <c:pt idx="3284">
                  <c:v>15.975801961426374</c:v>
                </c:pt>
                <c:pt idx="3285">
                  <c:v>15.975801961426374</c:v>
                </c:pt>
                <c:pt idx="3286">
                  <c:v>15.980417345396274</c:v>
                </c:pt>
                <c:pt idx="3287">
                  <c:v>15.985172589486368</c:v>
                </c:pt>
                <c:pt idx="3288">
                  <c:v>15.985172589486368</c:v>
                </c:pt>
                <c:pt idx="3289">
                  <c:v>15.989927833576587</c:v>
                </c:pt>
                <c:pt idx="3290">
                  <c:v>15.994543217546488</c:v>
                </c:pt>
                <c:pt idx="3291">
                  <c:v>15.999298461636581</c:v>
                </c:pt>
                <c:pt idx="3292">
                  <c:v>16.0040537057268</c:v>
                </c:pt>
                <c:pt idx="3293">
                  <c:v>16.0040537057268</c:v>
                </c:pt>
                <c:pt idx="3294">
                  <c:v>16.008669089696703</c:v>
                </c:pt>
                <c:pt idx="3295">
                  <c:v>16.013424333786922</c:v>
                </c:pt>
                <c:pt idx="3296">
                  <c:v>16.018179577877017</c:v>
                </c:pt>
                <c:pt idx="3297">
                  <c:v>16.018179577877017</c:v>
                </c:pt>
                <c:pt idx="3298">
                  <c:v>16.02279496184692</c:v>
                </c:pt>
                <c:pt idx="3299">
                  <c:v>16.027550205937136</c:v>
                </c:pt>
                <c:pt idx="3300">
                  <c:v>16.032305450027231</c:v>
                </c:pt>
                <c:pt idx="3301">
                  <c:v>16.032305450027231</c:v>
                </c:pt>
                <c:pt idx="3302">
                  <c:v>16.036920833997133</c:v>
                </c:pt>
                <c:pt idx="3303">
                  <c:v>16.041676078087349</c:v>
                </c:pt>
                <c:pt idx="3304">
                  <c:v>16.041676078087349</c:v>
                </c:pt>
                <c:pt idx="3305">
                  <c:v>16.046431322177447</c:v>
                </c:pt>
                <c:pt idx="3306">
                  <c:v>16.05104670614735</c:v>
                </c:pt>
                <c:pt idx="3307">
                  <c:v>16.055801950237566</c:v>
                </c:pt>
                <c:pt idx="3308">
                  <c:v>16.060557194327661</c:v>
                </c:pt>
                <c:pt idx="3309">
                  <c:v>16.065172578297563</c:v>
                </c:pt>
                <c:pt idx="3310">
                  <c:v>16.069927822387779</c:v>
                </c:pt>
                <c:pt idx="3311">
                  <c:v>16.074683066477998</c:v>
                </c:pt>
                <c:pt idx="3312">
                  <c:v>16.074683066477998</c:v>
                </c:pt>
                <c:pt idx="3313">
                  <c:v>16.079298450447777</c:v>
                </c:pt>
                <c:pt idx="3314">
                  <c:v>16.084053694537992</c:v>
                </c:pt>
                <c:pt idx="3315">
                  <c:v>16.084053694537992</c:v>
                </c:pt>
                <c:pt idx="3316">
                  <c:v>16.088808938628212</c:v>
                </c:pt>
                <c:pt idx="3317">
                  <c:v>16.088808938628212</c:v>
                </c:pt>
                <c:pt idx="3318">
                  <c:v>16.09356418271831</c:v>
                </c:pt>
                <c:pt idx="3319">
                  <c:v>16.098179566688209</c:v>
                </c:pt>
                <c:pt idx="3320">
                  <c:v>16.098179566688209</c:v>
                </c:pt>
                <c:pt idx="3321">
                  <c:v>16.102934810778429</c:v>
                </c:pt>
                <c:pt idx="3322">
                  <c:v>16.107690054868524</c:v>
                </c:pt>
                <c:pt idx="3323">
                  <c:v>16.112305438838423</c:v>
                </c:pt>
                <c:pt idx="3324">
                  <c:v>16.112305438838423</c:v>
                </c:pt>
                <c:pt idx="3325">
                  <c:v>16.117060682928642</c:v>
                </c:pt>
                <c:pt idx="3326">
                  <c:v>16.117060682928642</c:v>
                </c:pt>
                <c:pt idx="3327">
                  <c:v>16.121815927018861</c:v>
                </c:pt>
                <c:pt idx="3328">
                  <c:v>16.126431310988639</c:v>
                </c:pt>
                <c:pt idx="3329">
                  <c:v>16.126431310988639</c:v>
                </c:pt>
                <c:pt idx="3330">
                  <c:v>16.131186555078855</c:v>
                </c:pt>
                <c:pt idx="3331">
                  <c:v>16.131186555078855</c:v>
                </c:pt>
                <c:pt idx="3332">
                  <c:v>16.135941799169078</c:v>
                </c:pt>
                <c:pt idx="3333">
                  <c:v>16.140557183138856</c:v>
                </c:pt>
                <c:pt idx="3334">
                  <c:v>16.140557183138856</c:v>
                </c:pt>
                <c:pt idx="3335">
                  <c:v>16.145312427229072</c:v>
                </c:pt>
                <c:pt idx="3336">
                  <c:v>16.145312427229072</c:v>
                </c:pt>
                <c:pt idx="3337">
                  <c:v>16.150067671319292</c:v>
                </c:pt>
                <c:pt idx="3338">
                  <c:v>16.150067671319292</c:v>
                </c:pt>
                <c:pt idx="3339">
                  <c:v>16.154683055289194</c:v>
                </c:pt>
                <c:pt idx="3340">
                  <c:v>16.159438299379286</c:v>
                </c:pt>
                <c:pt idx="3341">
                  <c:v>16.164193543469505</c:v>
                </c:pt>
                <c:pt idx="3342">
                  <c:v>16.168808927439407</c:v>
                </c:pt>
                <c:pt idx="3343">
                  <c:v>16.168808927439407</c:v>
                </c:pt>
                <c:pt idx="3344">
                  <c:v>16.173564171529499</c:v>
                </c:pt>
                <c:pt idx="3345">
                  <c:v>16.173564171529499</c:v>
                </c:pt>
                <c:pt idx="3346">
                  <c:v>16.178319415619722</c:v>
                </c:pt>
                <c:pt idx="3347">
                  <c:v>16.182934799589624</c:v>
                </c:pt>
                <c:pt idx="3348">
                  <c:v>16.182934799589624</c:v>
                </c:pt>
                <c:pt idx="3349">
                  <c:v>16.187690043679716</c:v>
                </c:pt>
                <c:pt idx="3350">
                  <c:v>16.192445287769935</c:v>
                </c:pt>
                <c:pt idx="3351">
                  <c:v>16.197060671739838</c:v>
                </c:pt>
                <c:pt idx="3352">
                  <c:v>16.201815915830057</c:v>
                </c:pt>
                <c:pt idx="3353">
                  <c:v>16.201815915830057</c:v>
                </c:pt>
                <c:pt idx="3354">
                  <c:v>16.206571159920149</c:v>
                </c:pt>
                <c:pt idx="3355">
                  <c:v>16.211186543890051</c:v>
                </c:pt>
                <c:pt idx="3356">
                  <c:v>16.211186543890051</c:v>
                </c:pt>
                <c:pt idx="3357">
                  <c:v>16.21594178798027</c:v>
                </c:pt>
                <c:pt idx="3358">
                  <c:v>16.220697032070365</c:v>
                </c:pt>
                <c:pt idx="3359">
                  <c:v>16.220697032070365</c:v>
                </c:pt>
                <c:pt idx="3360">
                  <c:v>16.225312416040268</c:v>
                </c:pt>
                <c:pt idx="3361">
                  <c:v>16.230067660130487</c:v>
                </c:pt>
                <c:pt idx="3362">
                  <c:v>16.230067660130487</c:v>
                </c:pt>
                <c:pt idx="3363">
                  <c:v>16.234822904220579</c:v>
                </c:pt>
                <c:pt idx="3364">
                  <c:v>16.239438288190481</c:v>
                </c:pt>
                <c:pt idx="3365">
                  <c:v>16.239438288190481</c:v>
                </c:pt>
                <c:pt idx="3366">
                  <c:v>16.244193532280701</c:v>
                </c:pt>
                <c:pt idx="3367">
                  <c:v>16.244193532280701</c:v>
                </c:pt>
                <c:pt idx="3368">
                  <c:v>16.248948776370792</c:v>
                </c:pt>
                <c:pt idx="3369">
                  <c:v>16.248948776370792</c:v>
                </c:pt>
                <c:pt idx="3370">
                  <c:v>16.253564160340694</c:v>
                </c:pt>
                <c:pt idx="3371">
                  <c:v>16.258319404430914</c:v>
                </c:pt>
                <c:pt idx="3372">
                  <c:v>16.258319404430914</c:v>
                </c:pt>
                <c:pt idx="3373">
                  <c:v>16.263074648521133</c:v>
                </c:pt>
                <c:pt idx="3374">
                  <c:v>16.263074648521133</c:v>
                </c:pt>
                <c:pt idx="3375">
                  <c:v>16.267829892611228</c:v>
                </c:pt>
                <c:pt idx="3376">
                  <c:v>16.267829892611228</c:v>
                </c:pt>
                <c:pt idx="3377">
                  <c:v>16.272445276581131</c:v>
                </c:pt>
                <c:pt idx="3378">
                  <c:v>16.272445276581131</c:v>
                </c:pt>
                <c:pt idx="3379">
                  <c:v>16.27720052067135</c:v>
                </c:pt>
                <c:pt idx="3380">
                  <c:v>16.27720052067135</c:v>
                </c:pt>
                <c:pt idx="3381">
                  <c:v>16.281955764761442</c:v>
                </c:pt>
                <c:pt idx="3382">
                  <c:v>16.286571148731344</c:v>
                </c:pt>
                <c:pt idx="3383">
                  <c:v>16.286571148731344</c:v>
                </c:pt>
                <c:pt idx="3384">
                  <c:v>16.291326392821563</c:v>
                </c:pt>
                <c:pt idx="3385">
                  <c:v>16.291326392821563</c:v>
                </c:pt>
                <c:pt idx="3386">
                  <c:v>16.291326392821563</c:v>
                </c:pt>
                <c:pt idx="3387">
                  <c:v>16.296081636911655</c:v>
                </c:pt>
                <c:pt idx="3388">
                  <c:v>16.300697020881557</c:v>
                </c:pt>
                <c:pt idx="3389">
                  <c:v>16.300697020881557</c:v>
                </c:pt>
                <c:pt idx="3390">
                  <c:v>16.30545226497178</c:v>
                </c:pt>
                <c:pt idx="3391">
                  <c:v>16.30545226497178</c:v>
                </c:pt>
                <c:pt idx="3392">
                  <c:v>16.310207509061996</c:v>
                </c:pt>
                <c:pt idx="3393">
                  <c:v>16.314822893031774</c:v>
                </c:pt>
                <c:pt idx="3394">
                  <c:v>16.319578137121994</c:v>
                </c:pt>
                <c:pt idx="3395">
                  <c:v>16.32433338121221</c:v>
                </c:pt>
                <c:pt idx="3396">
                  <c:v>16.333704009272207</c:v>
                </c:pt>
                <c:pt idx="3397">
                  <c:v>16.338459253362423</c:v>
                </c:pt>
                <c:pt idx="3398">
                  <c:v>16.343074637332325</c:v>
                </c:pt>
                <c:pt idx="3399">
                  <c:v>16.347829881422424</c:v>
                </c:pt>
                <c:pt idx="3400">
                  <c:v>16.347829881422424</c:v>
                </c:pt>
                <c:pt idx="3401">
                  <c:v>16.35258512551264</c:v>
                </c:pt>
                <c:pt idx="3402">
                  <c:v>16.357200509482542</c:v>
                </c:pt>
                <c:pt idx="3403">
                  <c:v>16.361955753572637</c:v>
                </c:pt>
                <c:pt idx="3404">
                  <c:v>16.361955753572637</c:v>
                </c:pt>
                <c:pt idx="3405">
                  <c:v>16.366710997662853</c:v>
                </c:pt>
                <c:pt idx="3406">
                  <c:v>16.371326381632755</c:v>
                </c:pt>
                <c:pt idx="3407">
                  <c:v>16.376081625722851</c:v>
                </c:pt>
                <c:pt idx="3408">
                  <c:v>16.380836869813066</c:v>
                </c:pt>
                <c:pt idx="3409">
                  <c:v>16.380836869813066</c:v>
                </c:pt>
                <c:pt idx="3410">
                  <c:v>16.385452253782969</c:v>
                </c:pt>
                <c:pt idx="3411">
                  <c:v>16.390207497873188</c:v>
                </c:pt>
                <c:pt idx="3412">
                  <c:v>16.394962741963283</c:v>
                </c:pt>
                <c:pt idx="3413">
                  <c:v>16.394962741963283</c:v>
                </c:pt>
                <c:pt idx="3414">
                  <c:v>16.399578125933186</c:v>
                </c:pt>
                <c:pt idx="3415">
                  <c:v>16.404333370023405</c:v>
                </c:pt>
                <c:pt idx="3416">
                  <c:v>16.404333370023405</c:v>
                </c:pt>
                <c:pt idx="3417">
                  <c:v>16.4090886141135</c:v>
                </c:pt>
                <c:pt idx="3418">
                  <c:v>16.413703998083399</c:v>
                </c:pt>
                <c:pt idx="3419">
                  <c:v>16.413703998083399</c:v>
                </c:pt>
                <c:pt idx="3420">
                  <c:v>16.413703998083399</c:v>
                </c:pt>
                <c:pt idx="3421">
                  <c:v>16.413703998083399</c:v>
                </c:pt>
                <c:pt idx="3422">
                  <c:v>16.413703998083399</c:v>
                </c:pt>
                <c:pt idx="3423">
                  <c:v>16.413703998083399</c:v>
                </c:pt>
                <c:pt idx="3424">
                  <c:v>16.413703998083399</c:v>
                </c:pt>
                <c:pt idx="3425">
                  <c:v>16.418459242173618</c:v>
                </c:pt>
                <c:pt idx="3426">
                  <c:v>16.418459242173618</c:v>
                </c:pt>
                <c:pt idx="3427">
                  <c:v>16.423214486263713</c:v>
                </c:pt>
                <c:pt idx="3428">
                  <c:v>16.423214486263713</c:v>
                </c:pt>
                <c:pt idx="3429">
                  <c:v>16.427829870233612</c:v>
                </c:pt>
                <c:pt idx="3430">
                  <c:v>16.427829870233612</c:v>
                </c:pt>
                <c:pt idx="3431">
                  <c:v>16.432585114323835</c:v>
                </c:pt>
                <c:pt idx="3432">
                  <c:v>16.432585114323835</c:v>
                </c:pt>
                <c:pt idx="3433">
                  <c:v>16.437340358414055</c:v>
                </c:pt>
                <c:pt idx="3434">
                  <c:v>16.437340358414055</c:v>
                </c:pt>
                <c:pt idx="3435">
                  <c:v>16.441955742383829</c:v>
                </c:pt>
                <c:pt idx="3436">
                  <c:v>16.446710986474049</c:v>
                </c:pt>
                <c:pt idx="3437">
                  <c:v>16.446710986474049</c:v>
                </c:pt>
                <c:pt idx="3438">
                  <c:v>16.451466230564268</c:v>
                </c:pt>
                <c:pt idx="3439">
                  <c:v>16.45622147465436</c:v>
                </c:pt>
                <c:pt idx="3440">
                  <c:v>16.45622147465436</c:v>
                </c:pt>
                <c:pt idx="3441">
                  <c:v>16.460836858624262</c:v>
                </c:pt>
                <c:pt idx="3442">
                  <c:v>16.460836858624262</c:v>
                </c:pt>
                <c:pt idx="3443">
                  <c:v>16.465592102714481</c:v>
                </c:pt>
                <c:pt idx="3444">
                  <c:v>16.465592102714481</c:v>
                </c:pt>
                <c:pt idx="3445">
                  <c:v>16.470347346804576</c:v>
                </c:pt>
                <c:pt idx="3446">
                  <c:v>16.474962730774479</c:v>
                </c:pt>
                <c:pt idx="3447">
                  <c:v>16.474962730774479</c:v>
                </c:pt>
                <c:pt idx="3448">
                  <c:v>16.479717974864698</c:v>
                </c:pt>
                <c:pt idx="3449">
                  <c:v>16.48447321895479</c:v>
                </c:pt>
                <c:pt idx="3450">
                  <c:v>16.489088602924692</c:v>
                </c:pt>
                <c:pt idx="3451">
                  <c:v>16.489088602924692</c:v>
                </c:pt>
                <c:pt idx="3452">
                  <c:v>16.493843847014912</c:v>
                </c:pt>
                <c:pt idx="3453">
                  <c:v>16.493843847014912</c:v>
                </c:pt>
                <c:pt idx="3454">
                  <c:v>16.498599091105131</c:v>
                </c:pt>
                <c:pt idx="3455">
                  <c:v>16.503214475074905</c:v>
                </c:pt>
                <c:pt idx="3456">
                  <c:v>16.507969719165125</c:v>
                </c:pt>
                <c:pt idx="3457">
                  <c:v>16.507969719165125</c:v>
                </c:pt>
                <c:pt idx="3458">
                  <c:v>16.512724963255344</c:v>
                </c:pt>
                <c:pt idx="3459">
                  <c:v>16.517340347225122</c:v>
                </c:pt>
                <c:pt idx="3460">
                  <c:v>16.522095591315342</c:v>
                </c:pt>
                <c:pt idx="3461">
                  <c:v>16.526850835405561</c:v>
                </c:pt>
                <c:pt idx="3462">
                  <c:v>16.526850835405561</c:v>
                </c:pt>
                <c:pt idx="3463">
                  <c:v>16.526850835405561</c:v>
                </c:pt>
                <c:pt idx="3464">
                  <c:v>16.53146621937546</c:v>
                </c:pt>
                <c:pt idx="3465">
                  <c:v>16.536221463465555</c:v>
                </c:pt>
                <c:pt idx="3466">
                  <c:v>16.536221463465555</c:v>
                </c:pt>
                <c:pt idx="3467">
                  <c:v>16.540976707555775</c:v>
                </c:pt>
                <c:pt idx="3468">
                  <c:v>16.545592091525673</c:v>
                </c:pt>
                <c:pt idx="3469">
                  <c:v>16.550347335615768</c:v>
                </c:pt>
                <c:pt idx="3470">
                  <c:v>16.550347335615768</c:v>
                </c:pt>
                <c:pt idx="3471">
                  <c:v>16.555102579705991</c:v>
                </c:pt>
                <c:pt idx="3472">
                  <c:v>16.559717963675887</c:v>
                </c:pt>
                <c:pt idx="3473">
                  <c:v>16.559717963675887</c:v>
                </c:pt>
                <c:pt idx="3474">
                  <c:v>16.564473207765985</c:v>
                </c:pt>
                <c:pt idx="3475">
                  <c:v>16.564473207765985</c:v>
                </c:pt>
                <c:pt idx="3476">
                  <c:v>16.569228451856205</c:v>
                </c:pt>
                <c:pt idx="3477">
                  <c:v>16.569228451856205</c:v>
                </c:pt>
                <c:pt idx="3478">
                  <c:v>16.573843835826104</c:v>
                </c:pt>
                <c:pt idx="3479">
                  <c:v>16.573843835826104</c:v>
                </c:pt>
                <c:pt idx="3480">
                  <c:v>16.578599079916323</c:v>
                </c:pt>
                <c:pt idx="3481">
                  <c:v>16.578599079916323</c:v>
                </c:pt>
                <c:pt idx="3482">
                  <c:v>16.578599079916323</c:v>
                </c:pt>
                <c:pt idx="3483">
                  <c:v>16.583354324006418</c:v>
                </c:pt>
                <c:pt idx="3484">
                  <c:v>16.583354324006418</c:v>
                </c:pt>
                <c:pt idx="3485">
                  <c:v>16.587969707976317</c:v>
                </c:pt>
                <c:pt idx="3486">
                  <c:v>16.587969707976317</c:v>
                </c:pt>
                <c:pt idx="3487">
                  <c:v>16.592724952066536</c:v>
                </c:pt>
                <c:pt idx="3488">
                  <c:v>16.592724952066536</c:v>
                </c:pt>
                <c:pt idx="3489">
                  <c:v>16.597480196156635</c:v>
                </c:pt>
                <c:pt idx="3490">
                  <c:v>16.602095580126534</c:v>
                </c:pt>
                <c:pt idx="3491">
                  <c:v>16.602095580126534</c:v>
                </c:pt>
                <c:pt idx="3492">
                  <c:v>16.606850824216753</c:v>
                </c:pt>
                <c:pt idx="3493">
                  <c:v>16.611606068306848</c:v>
                </c:pt>
                <c:pt idx="3494">
                  <c:v>16.611606068306848</c:v>
                </c:pt>
                <c:pt idx="3495">
                  <c:v>16.616221452276747</c:v>
                </c:pt>
                <c:pt idx="3496">
                  <c:v>16.616221452276747</c:v>
                </c:pt>
                <c:pt idx="3497">
                  <c:v>16.620976696366967</c:v>
                </c:pt>
                <c:pt idx="3498">
                  <c:v>16.620976696366967</c:v>
                </c:pt>
                <c:pt idx="3499">
                  <c:v>16.625731940457186</c:v>
                </c:pt>
                <c:pt idx="3500">
                  <c:v>16.63034732442696</c:v>
                </c:pt>
                <c:pt idx="3501">
                  <c:v>16.63034732442696</c:v>
                </c:pt>
                <c:pt idx="3502">
                  <c:v>16.63510256851718</c:v>
                </c:pt>
                <c:pt idx="3503">
                  <c:v>16.639857812607399</c:v>
                </c:pt>
                <c:pt idx="3504">
                  <c:v>16.639857812607399</c:v>
                </c:pt>
                <c:pt idx="3505">
                  <c:v>16.644613056697498</c:v>
                </c:pt>
                <c:pt idx="3506">
                  <c:v>16.649228440667397</c:v>
                </c:pt>
                <c:pt idx="3507">
                  <c:v>16.653983684757616</c:v>
                </c:pt>
                <c:pt idx="3508">
                  <c:v>16.658738928847711</c:v>
                </c:pt>
                <c:pt idx="3509">
                  <c:v>16.658738928847711</c:v>
                </c:pt>
                <c:pt idx="3510">
                  <c:v>16.66335431281761</c:v>
                </c:pt>
                <c:pt idx="3511">
                  <c:v>16.668109556907829</c:v>
                </c:pt>
                <c:pt idx="3512">
                  <c:v>16.672864800997925</c:v>
                </c:pt>
                <c:pt idx="3513">
                  <c:v>16.677480184967823</c:v>
                </c:pt>
                <c:pt idx="3514">
                  <c:v>16.677480184967823</c:v>
                </c:pt>
                <c:pt idx="3515">
                  <c:v>16.682235429058043</c:v>
                </c:pt>
                <c:pt idx="3516">
                  <c:v>16.682235429058043</c:v>
                </c:pt>
                <c:pt idx="3517">
                  <c:v>16.686990673148266</c:v>
                </c:pt>
                <c:pt idx="3518">
                  <c:v>16.69160605711804</c:v>
                </c:pt>
                <c:pt idx="3519">
                  <c:v>16.69160605711804</c:v>
                </c:pt>
                <c:pt idx="3520">
                  <c:v>16.69636130120826</c:v>
                </c:pt>
                <c:pt idx="3521">
                  <c:v>16.701116545298479</c:v>
                </c:pt>
                <c:pt idx="3522">
                  <c:v>16.701116545298479</c:v>
                </c:pt>
                <c:pt idx="3523">
                  <c:v>16.705731929268378</c:v>
                </c:pt>
                <c:pt idx="3524">
                  <c:v>16.705731929268378</c:v>
                </c:pt>
                <c:pt idx="3525">
                  <c:v>16.710487173358473</c:v>
                </c:pt>
                <c:pt idx="3526">
                  <c:v>16.715242417448692</c:v>
                </c:pt>
                <c:pt idx="3527">
                  <c:v>16.715242417448692</c:v>
                </c:pt>
                <c:pt idx="3528">
                  <c:v>16.719857801418591</c:v>
                </c:pt>
                <c:pt idx="3529">
                  <c:v>16.72461304550869</c:v>
                </c:pt>
                <c:pt idx="3530">
                  <c:v>16.72461304550869</c:v>
                </c:pt>
                <c:pt idx="3531">
                  <c:v>16.729368289598909</c:v>
                </c:pt>
                <c:pt idx="3532">
                  <c:v>16.738738917658903</c:v>
                </c:pt>
                <c:pt idx="3533">
                  <c:v>16.738738917658903</c:v>
                </c:pt>
                <c:pt idx="3534">
                  <c:v>16.743494161749123</c:v>
                </c:pt>
                <c:pt idx="3535">
                  <c:v>16.748109545719021</c:v>
                </c:pt>
                <c:pt idx="3536">
                  <c:v>16.752864789809117</c:v>
                </c:pt>
                <c:pt idx="3537">
                  <c:v>16.752864789809117</c:v>
                </c:pt>
                <c:pt idx="3538">
                  <c:v>16.757620033899336</c:v>
                </c:pt>
                <c:pt idx="3539">
                  <c:v>16.762235417869235</c:v>
                </c:pt>
                <c:pt idx="3540">
                  <c:v>16.762235417869235</c:v>
                </c:pt>
                <c:pt idx="3541">
                  <c:v>16.766990661959454</c:v>
                </c:pt>
                <c:pt idx="3542">
                  <c:v>16.766990661959454</c:v>
                </c:pt>
                <c:pt idx="3543">
                  <c:v>16.771745906049553</c:v>
                </c:pt>
                <c:pt idx="3544">
                  <c:v>16.771745906049553</c:v>
                </c:pt>
                <c:pt idx="3545">
                  <c:v>16.776361290019452</c:v>
                </c:pt>
                <c:pt idx="3546">
                  <c:v>16.781116534109671</c:v>
                </c:pt>
                <c:pt idx="3547">
                  <c:v>16.781116534109671</c:v>
                </c:pt>
                <c:pt idx="3548">
                  <c:v>16.785871778199766</c:v>
                </c:pt>
                <c:pt idx="3549">
                  <c:v>16.790487162169665</c:v>
                </c:pt>
                <c:pt idx="3550">
                  <c:v>16.790487162169665</c:v>
                </c:pt>
                <c:pt idx="3551">
                  <c:v>16.795242406259884</c:v>
                </c:pt>
                <c:pt idx="3552">
                  <c:v>16.795242406259884</c:v>
                </c:pt>
                <c:pt idx="3553">
                  <c:v>16.799997650349979</c:v>
                </c:pt>
                <c:pt idx="3554">
                  <c:v>16.804613034319878</c:v>
                </c:pt>
                <c:pt idx="3555">
                  <c:v>16.809368278410098</c:v>
                </c:pt>
                <c:pt idx="3556">
                  <c:v>16.809368278410098</c:v>
                </c:pt>
                <c:pt idx="3557">
                  <c:v>16.804613034319878</c:v>
                </c:pt>
                <c:pt idx="3558">
                  <c:v>16.804613034319878</c:v>
                </c:pt>
                <c:pt idx="3559">
                  <c:v>16.809368278410098</c:v>
                </c:pt>
                <c:pt idx="3560">
                  <c:v>16.809368278410098</c:v>
                </c:pt>
                <c:pt idx="3561">
                  <c:v>16.814123522500321</c:v>
                </c:pt>
                <c:pt idx="3562">
                  <c:v>16.814123522500321</c:v>
                </c:pt>
                <c:pt idx="3563">
                  <c:v>16.818878766590416</c:v>
                </c:pt>
                <c:pt idx="3564">
                  <c:v>16.823494150560315</c:v>
                </c:pt>
                <c:pt idx="3565">
                  <c:v>16.823494150560315</c:v>
                </c:pt>
                <c:pt idx="3566">
                  <c:v>16.828249394650534</c:v>
                </c:pt>
                <c:pt idx="3567">
                  <c:v>16.833004638740629</c:v>
                </c:pt>
                <c:pt idx="3568">
                  <c:v>16.833004638740629</c:v>
                </c:pt>
                <c:pt idx="3569">
                  <c:v>16.837620022710528</c:v>
                </c:pt>
                <c:pt idx="3570">
                  <c:v>16.837620022710528</c:v>
                </c:pt>
                <c:pt idx="3571">
                  <c:v>16.842375266800747</c:v>
                </c:pt>
                <c:pt idx="3572">
                  <c:v>16.842375266800747</c:v>
                </c:pt>
                <c:pt idx="3573">
                  <c:v>16.847130510890846</c:v>
                </c:pt>
                <c:pt idx="3574">
                  <c:v>16.847130510890846</c:v>
                </c:pt>
                <c:pt idx="3575">
                  <c:v>16.851745894860741</c:v>
                </c:pt>
                <c:pt idx="3576">
                  <c:v>16.851745894860741</c:v>
                </c:pt>
                <c:pt idx="3577">
                  <c:v>16.856501138950964</c:v>
                </c:pt>
                <c:pt idx="3578">
                  <c:v>16.856501138950964</c:v>
                </c:pt>
                <c:pt idx="3579">
                  <c:v>16.861256383041184</c:v>
                </c:pt>
                <c:pt idx="3580">
                  <c:v>16.861256383041184</c:v>
                </c:pt>
                <c:pt idx="3581">
                  <c:v>16.865871767010958</c:v>
                </c:pt>
                <c:pt idx="3582">
                  <c:v>16.865871767010958</c:v>
                </c:pt>
                <c:pt idx="3583">
                  <c:v>16.870627011101178</c:v>
                </c:pt>
                <c:pt idx="3584">
                  <c:v>16.875382255191397</c:v>
                </c:pt>
                <c:pt idx="3585">
                  <c:v>16.875382255191397</c:v>
                </c:pt>
                <c:pt idx="3586">
                  <c:v>16.879997639161171</c:v>
                </c:pt>
                <c:pt idx="3587">
                  <c:v>16.879997639161171</c:v>
                </c:pt>
                <c:pt idx="3588">
                  <c:v>16.884752883251391</c:v>
                </c:pt>
                <c:pt idx="3589">
                  <c:v>16.884752883251391</c:v>
                </c:pt>
                <c:pt idx="3590">
                  <c:v>16.88950812734161</c:v>
                </c:pt>
                <c:pt idx="3591">
                  <c:v>16.894123511311513</c:v>
                </c:pt>
                <c:pt idx="3592">
                  <c:v>16.898878755401608</c:v>
                </c:pt>
                <c:pt idx="3593">
                  <c:v>16.898878755401608</c:v>
                </c:pt>
                <c:pt idx="3594">
                  <c:v>16.903633999491827</c:v>
                </c:pt>
                <c:pt idx="3595">
                  <c:v>16.90824938346173</c:v>
                </c:pt>
                <c:pt idx="3596">
                  <c:v>16.913004627551821</c:v>
                </c:pt>
                <c:pt idx="3597">
                  <c:v>16.917759871642041</c:v>
                </c:pt>
                <c:pt idx="3598">
                  <c:v>16.922375255611943</c:v>
                </c:pt>
                <c:pt idx="3599">
                  <c:v>16.927130499702034</c:v>
                </c:pt>
                <c:pt idx="3600">
                  <c:v>16.931885743792254</c:v>
                </c:pt>
                <c:pt idx="3601">
                  <c:v>16.936501127762156</c:v>
                </c:pt>
                <c:pt idx="3602">
                  <c:v>16.941256371852251</c:v>
                </c:pt>
                <c:pt idx="3603">
                  <c:v>16.946011615942471</c:v>
                </c:pt>
                <c:pt idx="3604">
                  <c:v>16.950626999912373</c:v>
                </c:pt>
                <c:pt idx="3605">
                  <c:v>16.950626999912373</c:v>
                </c:pt>
                <c:pt idx="3606">
                  <c:v>16.955382244002589</c:v>
                </c:pt>
                <c:pt idx="3607">
                  <c:v>16.960137488092684</c:v>
                </c:pt>
                <c:pt idx="3608">
                  <c:v>16.960137488092684</c:v>
                </c:pt>
                <c:pt idx="3609">
                  <c:v>16.964752872062586</c:v>
                </c:pt>
                <c:pt idx="3610">
                  <c:v>16.964752872062586</c:v>
                </c:pt>
                <c:pt idx="3611">
                  <c:v>16.969508116152802</c:v>
                </c:pt>
                <c:pt idx="3612">
                  <c:v>16.969508116152802</c:v>
                </c:pt>
                <c:pt idx="3613">
                  <c:v>16.974263360242897</c:v>
                </c:pt>
                <c:pt idx="3614">
                  <c:v>16.9788787442128</c:v>
                </c:pt>
                <c:pt idx="3615">
                  <c:v>16.9788787442128</c:v>
                </c:pt>
                <c:pt idx="3616">
                  <c:v>16.983633988303019</c:v>
                </c:pt>
                <c:pt idx="3617">
                  <c:v>16.983633988303019</c:v>
                </c:pt>
                <c:pt idx="3618">
                  <c:v>16.988389232393114</c:v>
                </c:pt>
                <c:pt idx="3619">
                  <c:v>16.988389232393114</c:v>
                </c:pt>
                <c:pt idx="3620">
                  <c:v>16.993004616363017</c:v>
                </c:pt>
                <c:pt idx="3621">
                  <c:v>16.993004616363017</c:v>
                </c:pt>
                <c:pt idx="3622">
                  <c:v>16.993004616363017</c:v>
                </c:pt>
                <c:pt idx="3623">
                  <c:v>16.993004616363017</c:v>
                </c:pt>
                <c:pt idx="3624">
                  <c:v>16.997759860453233</c:v>
                </c:pt>
                <c:pt idx="3625">
                  <c:v>16.997759860453233</c:v>
                </c:pt>
                <c:pt idx="3626">
                  <c:v>16.997759860453233</c:v>
                </c:pt>
                <c:pt idx="3627">
                  <c:v>17.002515104543452</c:v>
                </c:pt>
                <c:pt idx="3628">
                  <c:v>17.002515104543452</c:v>
                </c:pt>
                <c:pt idx="3629">
                  <c:v>17.007270348633547</c:v>
                </c:pt>
                <c:pt idx="3630">
                  <c:v>17.007270348633547</c:v>
                </c:pt>
                <c:pt idx="3631">
                  <c:v>17.011885732603446</c:v>
                </c:pt>
                <c:pt idx="3632">
                  <c:v>17.011885732603446</c:v>
                </c:pt>
                <c:pt idx="3633">
                  <c:v>17.016640976693665</c:v>
                </c:pt>
                <c:pt idx="3634">
                  <c:v>17.021396220783764</c:v>
                </c:pt>
                <c:pt idx="3635">
                  <c:v>17.021396220783764</c:v>
                </c:pt>
                <c:pt idx="3636">
                  <c:v>17.026011604753663</c:v>
                </c:pt>
                <c:pt idx="3637">
                  <c:v>17.030766848843882</c:v>
                </c:pt>
                <c:pt idx="3638">
                  <c:v>17.030766848843882</c:v>
                </c:pt>
                <c:pt idx="3639">
                  <c:v>17.035522092933977</c:v>
                </c:pt>
                <c:pt idx="3640">
                  <c:v>17.04013747690388</c:v>
                </c:pt>
                <c:pt idx="3641">
                  <c:v>17.04013747690388</c:v>
                </c:pt>
                <c:pt idx="3642">
                  <c:v>17.044892720994095</c:v>
                </c:pt>
                <c:pt idx="3643">
                  <c:v>17.049647965084315</c:v>
                </c:pt>
                <c:pt idx="3644">
                  <c:v>17.049647965084315</c:v>
                </c:pt>
                <c:pt idx="3645">
                  <c:v>17.054263349054093</c:v>
                </c:pt>
                <c:pt idx="3646">
                  <c:v>17.054263349054093</c:v>
                </c:pt>
                <c:pt idx="3647">
                  <c:v>17.059018593144309</c:v>
                </c:pt>
                <c:pt idx="3648">
                  <c:v>17.063773837234528</c:v>
                </c:pt>
                <c:pt idx="3649">
                  <c:v>17.063773837234528</c:v>
                </c:pt>
                <c:pt idx="3650">
                  <c:v>17.06838922120431</c:v>
                </c:pt>
                <c:pt idx="3651">
                  <c:v>17.06838922120431</c:v>
                </c:pt>
                <c:pt idx="3652">
                  <c:v>17.073144465294526</c:v>
                </c:pt>
                <c:pt idx="3653">
                  <c:v>17.073144465294526</c:v>
                </c:pt>
                <c:pt idx="3654">
                  <c:v>17.077899709384745</c:v>
                </c:pt>
                <c:pt idx="3655">
                  <c:v>17.077899709384745</c:v>
                </c:pt>
                <c:pt idx="3656">
                  <c:v>17.082515093354647</c:v>
                </c:pt>
                <c:pt idx="3657">
                  <c:v>17.087270337444739</c:v>
                </c:pt>
                <c:pt idx="3658">
                  <c:v>17.087270337444739</c:v>
                </c:pt>
                <c:pt idx="3659">
                  <c:v>17.092025581534958</c:v>
                </c:pt>
                <c:pt idx="3660">
                  <c:v>17.092025581534958</c:v>
                </c:pt>
                <c:pt idx="3661">
                  <c:v>17.096640965504861</c:v>
                </c:pt>
                <c:pt idx="3662">
                  <c:v>17.096640965504861</c:v>
                </c:pt>
                <c:pt idx="3663">
                  <c:v>17.101396209594952</c:v>
                </c:pt>
                <c:pt idx="3664">
                  <c:v>17.106151453685175</c:v>
                </c:pt>
                <c:pt idx="3665">
                  <c:v>17.106151453685175</c:v>
                </c:pt>
                <c:pt idx="3666">
                  <c:v>17.110766837655074</c:v>
                </c:pt>
                <c:pt idx="3667">
                  <c:v>17.110766837655074</c:v>
                </c:pt>
                <c:pt idx="3668">
                  <c:v>17.115522081745169</c:v>
                </c:pt>
                <c:pt idx="3669">
                  <c:v>17.115522081745169</c:v>
                </c:pt>
                <c:pt idx="3670">
                  <c:v>17.120277325835389</c:v>
                </c:pt>
                <c:pt idx="3671">
                  <c:v>17.120277325835389</c:v>
                </c:pt>
                <c:pt idx="3672">
                  <c:v>17.124892709805291</c:v>
                </c:pt>
                <c:pt idx="3673">
                  <c:v>17.12964795389551</c:v>
                </c:pt>
                <c:pt idx="3674">
                  <c:v>17.12964795389551</c:v>
                </c:pt>
                <c:pt idx="3675">
                  <c:v>17.134403197985602</c:v>
                </c:pt>
                <c:pt idx="3676">
                  <c:v>17.139018581955504</c:v>
                </c:pt>
                <c:pt idx="3677">
                  <c:v>17.139018581955504</c:v>
                </c:pt>
                <c:pt idx="3678">
                  <c:v>17.143773826045724</c:v>
                </c:pt>
                <c:pt idx="3679">
                  <c:v>17.148529070135819</c:v>
                </c:pt>
                <c:pt idx="3680">
                  <c:v>17.148529070135819</c:v>
                </c:pt>
                <c:pt idx="3681">
                  <c:v>17.153144454105721</c:v>
                </c:pt>
                <c:pt idx="3682">
                  <c:v>17.157899698195941</c:v>
                </c:pt>
                <c:pt idx="3683">
                  <c:v>17.157899698195941</c:v>
                </c:pt>
                <c:pt idx="3684">
                  <c:v>17.162654942286032</c:v>
                </c:pt>
                <c:pt idx="3685">
                  <c:v>17.167270326255935</c:v>
                </c:pt>
                <c:pt idx="3686">
                  <c:v>17.172025570346154</c:v>
                </c:pt>
                <c:pt idx="3687">
                  <c:v>17.172025570346154</c:v>
                </c:pt>
                <c:pt idx="3688">
                  <c:v>17.176780814436245</c:v>
                </c:pt>
                <c:pt idx="3689">
                  <c:v>17.176780814436245</c:v>
                </c:pt>
                <c:pt idx="3690">
                  <c:v>17.181536058526465</c:v>
                </c:pt>
                <c:pt idx="3691">
                  <c:v>17.181536058526465</c:v>
                </c:pt>
                <c:pt idx="3692">
                  <c:v>17.186151442496367</c:v>
                </c:pt>
                <c:pt idx="3693">
                  <c:v>17.186151442496367</c:v>
                </c:pt>
                <c:pt idx="3694">
                  <c:v>17.190906686586587</c:v>
                </c:pt>
                <c:pt idx="3695">
                  <c:v>17.195661930676682</c:v>
                </c:pt>
                <c:pt idx="3696">
                  <c:v>17.195661930676682</c:v>
                </c:pt>
                <c:pt idx="3697">
                  <c:v>17.200277314646584</c:v>
                </c:pt>
                <c:pt idx="3698">
                  <c:v>17.200277314646584</c:v>
                </c:pt>
                <c:pt idx="3699">
                  <c:v>17.205032558736804</c:v>
                </c:pt>
                <c:pt idx="3700">
                  <c:v>17.205032558736804</c:v>
                </c:pt>
                <c:pt idx="3701">
                  <c:v>17.209787802826895</c:v>
                </c:pt>
                <c:pt idx="3702">
                  <c:v>17.209787802826895</c:v>
                </c:pt>
                <c:pt idx="3703">
                  <c:v>17.214403186796797</c:v>
                </c:pt>
                <c:pt idx="3704">
                  <c:v>17.214403186796797</c:v>
                </c:pt>
                <c:pt idx="3705">
                  <c:v>17.219158430887017</c:v>
                </c:pt>
                <c:pt idx="3706">
                  <c:v>17.219158430887017</c:v>
                </c:pt>
                <c:pt idx="3707">
                  <c:v>17.223913674977108</c:v>
                </c:pt>
                <c:pt idx="3708">
                  <c:v>17.223913674977108</c:v>
                </c:pt>
                <c:pt idx="3709">
                  <c:v>17.223913674977108</c:v>
                </c:pt>
                <c:pt idx="3710">
                  <c:v>17.228529058947011</c:v>
                </c:pt>
                <c:pt idx="3711">
                  <c:v>17.228529058947011</c:v>
                </c:pt>
                <c:pt idx="3712">
                  <c:v>17.23328430303723</c:v>
                </c:pt>
                <c:pt idx="3713">
                  <c:v>17.23803954712745</c:v>
                </c:pt>
                <c:pt idx="3714">
                  <c:v>17.23803954712745</c:v>
                </c:pt>
                <c:pt idx="3715">
                  <c:v>17.242654931097228</c:v>
                </c:pt>
                <c:pt idx="3716">
                  <c:v>17.247410175187447</c:v>
                </c:pt>
                <c:pt idx="3717">
                  <c:v>17.247410175187447</c:v>
                </c:pt>
                <c:pt idx="3718">
                  <c:v>17.247410175187447</c:v>
                </c:pt>
                <c:pt idx="3719">
                  <c:v>17.252165419277663</c:v>
                </c:pt>
                <c:pt idx="3720">
                  <c:v>17.256780803247441</c:v>
                </c:pt>
                <c:pt idx="3721">
                  <c:v>17.26153604733766</c:v>
                </c:pt>
                <c:pt idx="3722">
                  <c:v>17.26153604733766</c:v>
                </c:pt>
                <c:pt idx="3723">
                  <c:v>17.266291291427876</c:v>
                </c:pt>
                <c:pt idx="3724">
                  <c:v>17.270906675397779</c:v>
                </c:pt>
                <c:pt idx="3725">
                  <c:v>17.275661919487877</c:v>
                </c:pt>
                <c:pt idx="3726">
                  <c:v>17.275661919487877</c:v>
                </c:pt>
                <c:pt idx="3727">
                  <c:v>17.280417163578093</c:v>
                </c:pt>
                <c:pt idx="3728">
                  <c:v>17.285032547547996</c:v>
                </c:pt>
                <c:pt idx="3729">
                  <c:v>17.285032547547996</c:v>
                </c:pt>
                <c:pt idx="3730">
                  <c:v>17.289787791638091</c:v>
                </c:pt>
                <c:pt idx="3731">
                  <c:v>17.289787791638091</c:v>
                </c:pt>
                <c:pt idx="3732">
                  <c:v>17.294543035728307</c:v>
                </c:pt>
                <c:pt idx="3733">
                  <c:v>17.294543035728307</c:v>
                </c:pt>
                <c:pt idx="3734">
                  <c:v>17.299158419698209</c:v>
                </c:pt>
                <c:pt idx="3735">
                  <c:v>17.303913663788304</c:v>
                </c:pt>
                <c:pt idx="3736">
                  <c:v>17.30866890787852</c:v>
                </c:pt>
                <c:pt idx="3737">
                  <c:v>17.30866890787852</c:v>
                </c:pt>
                <c:pt idx="3738">
                  <c:v>17.313284291848422</c:v>
                </c:pt>
                <c:pt idx="3739">
                  <c:v>17.318039535938642</c:v>
                </c:pt>
                <c:pt idx="3740">
                  <c:v>17.318039535938642</c:v>
                </c:pt>
                <c:pt idx="3741">
                  <c:v>17.322794780028737</c:v>
                </c:pt>
                <c:pt idx="3742">
                  <c:v>17.327410163998639</c:v>
                </c:pt>
                <c:pt idx="3743">
                  <c:v>17.332165408088859</c:v>
                </c:pt>
                <c:pt idx="3744">
                  <c:v>17.332165408088859</c:v>
                </c:pt>
                <c:pt idx="3745">
                  <c:v>17.336920652178954</c:v>
                </c:pt>
                <c:pt idx="3746">
                  <c:v>17.336920652178954</c:v>
                </c:pt>
                <c:pt idx="3747">
                  <c:v>17.341536036148852</c:v>
                </c:pt>
                <c:pt idx="3748">
                  <c:v>17.341536036148852</c:v>
                </c:pt>
                <c:pt idx="3749">
                  <c:v>17.346291280239072</c:v>
                </c:pt>
                <c:pt idx="3750">
                  <c:v>17.346291280239072</c:v>
                </c:pt>
                <c:pt idx="3751">
                  <c:v>17.351046524329167</c:v>
                </c:pt>
                <c:pt idx="3752">
                  <c:v>17.351046524329167</c:v>
                </c:pt>
                <c:pt idx="3753">
                  <c:v>17.355661908299066</c:v>
                </c:pt>
                <c:pt idx="3754">
                  <c:v>17.360417152389285</c:v>
                </c:pt>
                <c:pt idx="3755">
                  <c:v>17.360417152389285</c:v>
                </c:pt>
                <c:pt idx="3756">
                  <c:v>17.365172396479384</c:v>
                </c:pt>
                <c:pt idx="3757">
                  <c:v>17.3699276405696</c:v>
                </c:pt>
                <c:pt idx="3758">
                  <c:v>17.374543024539502</c:v>
                </c:pt>
                <c:pt idx="3759">
                  <c:v>17.374543024539502</c:v>
                </c:pt>
                <c:pt idx="3760">
                  <c:v>17.379298268629721</c:v>
                </c:pt>
                <c:pt idx="3761">
                  <c:v>17.384053512719813</c:v>
                </c:pt>
                <c:pt idx="3762">
                  <c:v>17.384053512719813</c:v>
                </c:pt>
                <c:pt idx="3763">
                  <c:v>17.388668896689715</c:v>
                </c:pt>
                <c:pt idx="3764">
                  <c:v>17.393424140779935</c:v>
                </c:pt>
                <c:pt idx="3765">
                  <c:v>17.39817938487003</c:v>
                </c:pt>
                <c:pt idx="3766">
                  <c:v>17.39817938487003</c:v>
                </c:pt>
                <c:pt idx="3767">
                  <c:v>17.402794768839929</c:v>
                </c:pt>
                <c:pt idx="3768">
                  <c:v>17.402794768839929</c:v>
                </c:pt>
                <c:pt idx="3769">
                  <c:v>17.407550012930152</c:v>
                </c:pt>
                <c:pt idx="3770">
                  <c:v>17.407550012930152</c:v>
                </c:pt>
                <c:pt idx="3771">
                  <c:v>17.412305257020243</c:v>
                </c:pt>
                <c:pt idx="3772">
                  <c:v>17.416920640990146</c:v>
                </c:pt>
                <c:pt idx="3773">
                  <c:v>17.416920640990146</c:v>
                </c:pt>
                <c:pt idx="3774">
                  <c:v>17.416920640990146</c:v>
                </c:pt>
                <c:pt idx="3775">
                  <c:v>17.421675885080365</c:v>
                </c:pt>
                <c:pt idx="3776">
                  <c:v>17.421675885080365</c:v>
                </c:pt>
                <c:pt idx="3777">
                  <c:v>17.426431129170584</c:v>
                </c:pt>
                <c:pt idx="3778">
                  <c:v>17.426431129170584</c:v>
                </c:pt>
                <c:pt idx="3779">
                  <c:v>17.431046513140359</c:v>
                </c:pt>
                <c:pt idx="3780">
                  <c:v>17.431046513140359</c:v>
                </c:pt>
                <c:pt idx="3781">
                  <c:v>17.435801757230578</c:v>
                </c:pt>
                <c:pt idx="3782">
                  <c:v>17.435801757230578</c:v>
                </c:pt>
                <c:pt idx="3783">
                  <c:v>17.440557001320798</c:v>
                </c:pt>
                <c:pt idx="3784">
                  <c:v>17.440557001320798</c:v>
                </c:pt>
                <c:pt idx="3785">
                  <c:v>17.445172385290576</c:v>
                </c:pt>
                <c:pt idx="3786">
                  <c:v>17.445172385290576</c:v>
                </c:pt>
                <c:pt idx="3787">
                  <c:v>17.449927629380795</c:v>
                </c:pt>
                <c:pt idx="3788">
                  <c:v>17.449927629380795</c:v>
                </c:pt>
                <c:pt idx="3789">
                  <c:v>17.454682873471015</c:v>
                </c:pt>
                <c:pt idx="3790">
                  <c:v>17.454682873471015</c:v>
                </c:pt>
                <c:pt idx="3791">
                  <c:v>17.454682873471015</c:v>
                </c:pt>
                <c:pt idx="3792">
                  <c:v>17.459298257440913</c:v>
                </c:pt>
                <c:pt idx="3793">
                  <c:v>17.464053501531009</c:v>
                </c:pt>
                <c:pt idx="3794">
                  <c:v>17.464053501531009</c:v>
                </c:pt>
                <c:pt idx="3795">
                  <c:v>17.464053501531009</c:v>
                </c:pt>
                <c:pt idx="3796">
                  <c:v>17.468808745621228</c:v>
                </c:pt>
                <c:pt idx="3797">
                  <c:v>17.473424129591127</c:v>
                </c:pt>
                <c:pt idx="3798">
                  <c:v>17.478179373681222</c:v>
                </c:pt>
                <c:pt idx="3799">
                  <c:v>17.478179373681222</c:v>
                </c:pt>
                <c:pt idx="3800">
                  <c:v>17.482934617771441</c:v>
                </c:pt>
                <c:pt idx="3801">
                  <c:v>17.48755000174134</c:v>
                </c:pt>
                <c:pt idx="3802">
                  <c:v>17.492305245831439</c:v>
                </c:pt>
                <c:pt idx="3803">
                  <c:v>17.497060489921658</c:v>
                </c:pt>
                <c:pt idx="3804">
                  <c:v>17.497060489921658</c:v>
                </c:pt>
                <c:pt idx="3805">
                  <c:v>17.501675873891557</c:v>
                </c:pt>
                <c:pt idx="3806">
                  <c:v>17.506431117981776</c:v>
                </c:pt>
                <c:pt idx="3807">
                  <c:v>17.506431117981776</c:v>
                </c:pt>
                <c:pt idx="3808">
                  <c:v>17.511186362071872</c:v>
                </c:pt>
                <c:pt idx="3809">
                  <c:v>17.511186362071872</c:v>
                </c:pt>
                <c:pt idx="3810">
                  <c:v>17.51580174604177</c:v>
                </c:pt>
                <c:pt idx="3811">
                  <c:v>17.51580174604177</c:v>
                </c:pt>
                <c:pt idx="3812">
                  <c:v>17.52055699013199</c:v>
                </c:pt>
                <c:pt idx="3813">
                  <c:v>17.525312234222085</c:v>
                </c:pt>
                <c:pt idx="3814">
                  <c:v>17.525312234222085</c:v>
                </c:pt>
                <c:pt idx="3815">
                  <c:v>17.529927618191984</c:v>
                </c:pt>
                <c:pt idx="3816">
                  <c:v>17.529927618191984</c:v>
                </c:pt>
                <c:pt idx="3817">
                  <c:v>17.534682862282207</c:v>
                </c:pt>
                <c:pt idx="3818">
                  <c:v>17.539438106372302</c:v>
                </c:pt>
                <c:pt idx="3819">
                  <c:v>17.539438106372302</c:v>
                </c:pt>
                <c:pt idx="3820">
                  <c:v>17.544053490342201</c:v>
                </c:pt>
                <c:pt idx="3821">
                  <c:v>17.54880873443242</c:v>
                </c:pt>
                <c:pt idx="3822">
                  <c:v>17.553563978522515</c:v>
                </c:pt>
                <c:pt idx="3823">
                  <c:v>17.553563978522515</c:v>
                </c:pt>
                <c:pt idx="3824">
                  <c:v>17.558319222612734</c:v>
                </c:pt>
                <c:pt idx="3825">
                  <c:v>17.562934606582633</c:v>
                </c:pt>
                <c:pt idx="3826">
                  <c:v>17.562934606582633</c:v>
                </c:pt>
                <c:pt idx="3827">
                  <c:v>17.567689850672853</c:v>
                </c:pt>
                <c:pt idx="3828">
                  <c:v>17.567689850672853</c:v>
                </c:pt>
                <c:pt idx="3829">
                  <c:v>17.572445094762951</c:v>
                </c:pt>
                <c:pt idx="3830">
                  <c:v>17.572445094762951</c:v>
                </c:pt>
                <c:pt idx="3831">
                  <c:v>17.572445094762951</c:v>
                </c:pt>
                <c:pt idx="3832">
                  <c:v>17.57706047873285</c:v>
                </c:pt>
                <c:pt idx="3833">
                  <c:v>17.57706047873285</c:v>
                </c:pt>
                <c:pt idx="3834">
                  <c:v>17.58181572282307</c:v>
                </c:pt>
                <c:pt idx="3835">
                  <c:v>17.586570966913165</c:v>
                </c:pt>
                <c:pt idx="3836">
                  <c:v>17.586570966913165</c:v>
                </c:pt>
                <c:pt idx="3837">
                  <c:v>17.591186350883063</c:v>
                </c:pt>
                <c:pt idx="3838">
                  <c:v>17.591186350883063</c:v>
                </c:pt>
                <c:pt idx="3839">
                  <c:v>17.591186350883063</c:v>
                </c:pt>
                <c:pt idx="3840">
                  <c:v>17.595941594973283</c:v>
                </c:pt>
                <c:pt idx="3841">
                  <c:v>17.595941594973283</c:v>
                </c:pt>
                <c:pt idx="3842">
                  <c:v>17.600696839063378</c:v>
                </c:pt>
                <c:pt idx="3843">
                  <c:v>17.600696839063378</c:v>
                </c:pt>
                <c:pt idx="3844">
                  <c:v>17.605312223033277</c:v>
                </c:pt>
                <c:pt idx="3845">
                  <c:v>17.605312223033277</c:v>
                </c:pt>
                <c:pt idx="3846">
                  <c:v>17.610067467123496</c:v>
                </c:pt>
                <c:pt idx="3847">
                  <c:v>17.610067467123496</c:v>
                </c:pt>
                <c:pt idx="3848">
                  <c:v>17.610067467123496</c:v>
                </c:pt>
                <c:pt idx="3849">
                  <c:v>17.610067467123496</c:v>
                </c:pt>
                <c:pt idx="3850">
                  <c:v>17.614822711213716</c:v>
                </c:pt>
                <c:pt idx="3851">
                  <c:v>17.614822711213716</c:v>
                </c:pt>
                <c:pt idx="3852">
                  <c:v>17.619438095183494</c:v>
                </c:pt>
                <c:pt idx="3853">
                  <c:v>17.619438095183494</c:v>
                </c:pt>
                <c:pt idx="3854">
                  <c:v>17.624193339273713</c:v>
                </c:pt>
                <c:pt idx="3855">
                  <c:v>17.624193339273713</c:v>
                </c:pt>
                <c:pt idx="3856">
                  <c:v>17.628948583363933</c:v>
                </c:pt>
                <c:pt idx="3857">
                  <c:v>17.628948583363933</c:v>
                </c:pt>
                <c:pt idx="3858">
                  <c:v>17.633563967333707</c:v>
                </c:pt>
                <c:pt idx="3859">
                  <c:v>17.638319211423926</c:v>
                </c:pt>
                <c:pt idx="3860">
                  <c:v>17.638319211423926</c:v>
                </c:pt>
                <c:pt idx="3861">
                  <c:v>17.643074455514146</c:v>
                </c:pt>
                <c:pt idx="3862">
                  <c:v>17.643074455514146</c:v>
                </c:pt>
                <c:pt idx="3863">
                  <c:v>17.647689839484045</c:v>
                </c:pt>
                <c:pt idx="3864">
                  <c:v>17.65244508357414</c:v>
                </c:pt>
                <c:pt idx="3865">
                  <c:v>17.65244508357414</c:v>
                </c:pt>
                <c:pt idx="3866">
                  <c:v>17.657200327664363</c:v>
                </c:pt>
                <c:pt idx="3867">
                  <c:v>17.657200327664363</c:v>
                </c:pt>
                <c:pt idx="3868">
                  <c:v>17.657200327664363</c:v>
                </c:pt>
                <c:pt idx="3869">
                  <c:v>17.661815711634262</c:v>
                </c:pt>
                <c:pt idx="3870">
                  <c:v>17.666570955724357</c:v>
                </c:pt>
                <c:pt idx="3871">
                  <c:v>17.666570955724357</c:v>
                </c:pt>
                <c:pt idx="3872">
                  <c:v>17.671326199814576</c:v>
                </c:pt>
                <c:pt idx="3873">
                  <c:v>17.671326199814576</c:v>
                </c:pt>
                <c:pt idx="3874">
                  <c:v>17.675941583784475</c:v>
                </c:pt>
                <c:pt idx="3875">
                  <c:v>17.68069682787457</c:v>
                </c:pt>
                <c:pt idx="3876">
                  <c:v>17.68069682787457</c:v>
                </c:pt>
                <c:pt idx="3877">
                  <c:v>17.685452071964789</c:v>
                </c:pt>
                <c:pt idx="3878">
                  <c:v>17.685452071964789</c:v>
                </c:pt>
                <c:pt idx="3879">
                  <c:v>17.690067455934688</c:v>
                </c:pt>
                <c:pt idx="3880">
                  <c:v>17.690067455934688</c:v>
                </c:pt>
                <c:pt idx="3881">
                  <c:v>17.690067455934688</c:v>
                </c:pt>
                <c:pt idx="3882">
                  <c:v>17.694822700024908</c:v>
                </c:pt>
                <c:pt idx="3883">
                  <c:v>17.694822700024908</c:v>
                </c:pt>
                <c:pt idx="3884">
                  <c:v>17.699577944115006</c:v>
                </c:pt>
                <c:pt idx="3885">
                  <c:v>17.699577944115006</c:v>
                </c:pt>
                <c:pt idx="3886">
                  <c:v>17.704193328084905</c:v>
                </c:pt>
                <c:pt idx="3887">
                  <c:v>17.704193328084905</c:v>
                </c:pt>
                <c:pt idx="3888">
                  <c:v>17.708948572175125</c:v>
                </c:pt>
                <c:pt idx="3889">
                  <c:v>17.708948572175125</c:v>
                </c:pt>
                <c:pt idx="3890">
                  <c:v>17.71370381626522</c:v>
                </c:pt>
                <c:pt idx="3891">
                  <c:v>17.718319200235118</c:v>
                </c:pt>
                <c:pt idx="3892">
                  <c:v>17.718319200235118</c:v>
                </c:pt>
                <c:pt idx="3893">
                  <c:v>17.723074444325338</c:v>
                </c:pt>
                <c:pt idx="3894">
                  <c:v>17.723074444325338</c:v>
                </c:pt>
                <c:pt idx="3895">
                  <c:v>17.727829688415433</c:v>
                </c:pt>
                <c:pt idx="3896">
                  <c:v>17.727829688415433</c:v>
                </c:pt>
                <c:pt idx="3897">
                  <c:v>17.732584932505652</c:v>
                </c:pt>
                <c:pt idx="3898">
                  <c:v>17.732584932505652</c:v>
                </c:pt>
                <c:pt idx="3899">
                  <c:v>17.732584932505652</c:v>
                </c:pt>
                <c:pt idx="3900">
                  <c:v>17.737200316475551</c:v>
                </c:pt>
                <c:pt idx="3901">
                  <c:v>17.737200316475551</c:v>
                </c:pt>
                <c:pt idx="3902">
                  <c:v>17.741955560565771</c:v>
                </c:pt>
                <c:pt idx="3903">
                  <c:v>17.741955560565771</c:v>
                </c:pt>
                <c:pt idx="3904">
                  <c:v>17.741955560565771</c:v>
                </c:pt>
                <c:pt idx="3905">
                  <c:v>17.746710804655869</c:v>
                </c:pt>
                <c:pt idx="3906">
                  <c:v>17.751326188625768</c:v>
                </c:pt>
                <c:pt idx="3907">
                  <c:v>17.751326188625768</c:v>
                </c:pt>
                <c:pt idx="3908">
                  <c:v>17.756081432715987</c:v>
                </c:pt>
                <c:pt idx="3909">
                  <c:v>17.756081432715987</c:v>
                </c:pt>
                <c:pt idx="3910">
                  <c:v>17.760836676806083</c:v>
                </c:pt>
                <c:pt idx="3911">
                  <c:v>17.760836676806083</c:v>
                </c:pt>
                <c:pt idx="3912">
                  <c:v>17.765452060775981</c:v>
                </c:pt>
                <c:pt idx="3913">
                  <c:v>17.765452060775981</c:v>
                </c:pt>
                <c:pt idx="3914">
                  <c:v>17.770207304866201</c:v>
                </c:pt>
                <c:pt idx="3915">
                  <c:v>17.774962548956296</c:v>
                </c:pt>
                <c:pt idx="3916">
                  <c:v>17.774962548956296</c:v>
                </c:pt>
                <c:pt idx="3917">
                  <c:v>17.779577932926195</c:v>
                </c:pt>
                <c:pt idx="3918">
                  <c:v>17.779577932926195</c:v>
                </c:pt>
                <c:pt idx="3919">
                  <c:v>17.784333177016418</c:v>
                </c:pt>
                <c:pt idx="3920">
                  <c:v>17.784333177016418</c:v>
                </c:pt>
                <c:pt idx="3921">
                  <c:v>17.789088421106513</c:v>
                </c:pt>
                <c:pt idx="3922">
                  <c:v>17.789088421106513</c:v>
                </c:pt>
                <c:pt idx="3923">
                  <c:v>17.793703805076412</c:v>
                </c:pt>
                <c:pt idx="3924">
                  <c:v>17.798459049166631</c:v>
                </c:pt>
                <c:pt idx="3925">
                  <c:v>17.798459049166631</c:v>
                </c:pt>
                <c:pt idx="3926">
                  <c:v>17.80321429325685</c:v>
                </c:pt>
                <c:pt idx="3927">
                  <c:v>17.807829677226625</c:v>
                </c:pt>
                <c:pt idx="3928">
                  <c:v>17.807829677226625</c:v>
                </c:pt>
                <c:pt idx="3929">
                  <c:v>17.812584921316844</c:v>
                </c:pt>
                <c:pt idx="3930">
                  <c:v>17.812584921316844</c:v>
                </c:pt>
                <c:pt idx="3931">
                  <c:v>17.817340165407064</c:v>
                </c:pt>
                <c:pt idx="3932">
                  <c:v>17.821955549376838</c:v>
                </c:pt>
                <c:pt idx="3933">
                  <c:v>17.821955549376838</c:v>
                </c:pt>
                <c:pt idx="3934">
                  <c:v>17.821955549376838</c:v>
                </c:pt>
                <c:pt idx="3935">
                  <c:v>17.826710793467061</c:v>
                </c:pt>
                <c:pt idx="3936">
                  <c:v>17.826710793467061</c:v>
                </c:pt>
                <c:pt idx="3937">
                  <c:v>17.831466037557281</c:v>
                </c:pt>
                <c:pt idx="3938">
                  <c:v>17.831466037557281</c:v>
                </c:pt>
                <c:pt idx="3939">
                  <c:v>17.836081421527183</c:v>
                </c:pt>
                <c:pt idx="3940">
                  <c:v>17.836081421527183</c:v>
                </c:pt>
                <c:pt idx="3941">
                  <c:v>17.840836665617275</c:v>
                </c:pt>
                <c:pt idx="3942">
                  <c:v>17.840836665617275</c:v>
                </c:pt>
                <c:pt idx="3943">
                  <c:v>17.845591909707494</c:v>
                </c:pt>
                <c:pt idx="3944">
                  <c:v>17.845591909707494</c:v>
                </c:pt>
                <c:pt idx="3945">
                  <c:v>17.850207293677396</c:v>
                </c:pt>
                <c:pt idx="3946">
                  <c:v>17.850207293677396</c:v>
                </c:pt>
                <c:pt idx="3947">
                  <c:v>17.854962537767488</c:v>
                </c:pt>
                <c:pt idx="3948">
                  <c:v>17.859717781857707</c:v>
                </c:pt>
                <c:pt idx="3949">
                  <c:v>17.859717781857707</c:v>
                </c:pt>
                <c:pt idx="3950">
                  <c:v>17.86433316582761</c:v>
                </c:pt>
                <c:pt idx="3951">
                  <c:v>17.86433316582761</c:v>
                </c:pt>
                <c:pt idx="3952">
                  <c:v>17.869088409917705</c:v>
                </c:pt>
                <c:pt idx="3953">
                  <c:v>17.869088409917705</c:v>
                </c:pt>
                <c:pt idx="3954">
                  <c:v>17.873843654007924</c:v>
                </c:pt>
                <c:pt idx="3955">
                  <c:v>17.873843654007924</c:v>
                </c:pt>
                <c:pt idx="3956">
                  <c:v>17.878459037977827</c:v>
                </c:pt>
                <c:pt idx="3957">
                  <c:v>17.878459037977827</c:v>
                </c:pt>
                <c:pt idx="3958">
                  <c:v>17.883214282068042</c:v>
                </c:pt>
                <c:pt idx="3959">
                  <c:v>17.887969526158138</c:v>
                </c:pt>
                <c:pt idx="3960">
                  <c:v>17.887969526158138</c:v>
                </c:pt>
                <c:pt idx="3961">
                  <c:v>17.89258491012804</c:v>
                </c:pt>
                <c:pt idx="3962">
                  <c:v>17.89258491012804</c:v>
                </c:pt>
                <c:pt idx="3963">
                  <c:v>17.897340154218256</c:v>
                </c:pt>
                <c:pt idx="3964">
                  <c:v>17.897340154218256</c:v>
                </c:pt>
                <c:pt idx="3965">
                  <c:v>17.897340154218256</c:v>
                </c:pt>
                <c:pt idx="3966">
                  <c:v>17.902095398308351</c:v>
                </c:pt>
                <c:pt idx="3967">
                  <c:v>17.902095398308351</c:v>
                </c:pt>
                <c:pt idx="3968">
                  <c:v>17.902095398308351</c:v>
                </c:pt>
                <c:pt idx="3969">
                  <c:v>17.906710782278253</c:v>
                </c:pt>
                <c:pt idx="3970">
                  <c:v>17.906710782278253</c:v>
                </c:pt>
                <c:pt idx="3971">
                  <c:v>17.911466026368469</c:v>
                </c:pt>
                <c:pt idx="3972">
                  <c:v>17.911466026368469</c:v>
                </c:pt>
                <c:pt idx="3973">
                  <c:v>17.916221270458568</c:v>
                </c:pt>
                <c:pt idx="3974">
                  <c:v>17.916221270458568</c:v>
                </c:pt>
                <c:pt idx="3975">
                  <c:v>17.920976514548787</c:v>
                </c:pt>
                <c:pt idx="3976">
                  <c:v>17.920976514548787</c:v>
                </c:pt>
                <c:pt idx="3977">
                  <c:v>17.920976514548787</c:v>
                </c:pt>
                <c:pt idx="3978">
                  <c:v>17.925591898518686</c:v>
                </c:pt>
                <c:pt idx="3979">
                  <c:v>17.925591898518686</c:v>
                </c:pt>
                <c:pt idx="3980">
                  <c:v>17.930347142608905</c:v>
                </c:pt>
                <c:pt idx="3981">
                  <c:v>17.930347142608905</c:v>
                </c:pt>
                <c:pt idx="3982">
                  <c:v>17.935102386699</c:v>
                </c:pt>
                <c:pt idx="3983">
                  <c:v>17.935102386699</c:v>
                </c:pt>
                <c:pt idx="3984">
                  <c:v>17.939717770668903</c:v>
                </c:pt>
                <c:pt idx="3985">
                  <c:v>17.939717770668903</c:v>
                </c:pt>
                <c:pt idx="3986">
                  <c:v>17.944473014759119</c:v>
                </c:pt>
                <c:pt idx="3987">
                  <c:v>17.944473014759119</c:v>
                </c:pt>
                <c:pt idx="3988">
                  <c:v>17.949228258849217</c:v>
                </c:pt>
                <c:pt idx="3989">
                  <c:v>17.949228258849217</c:v>
                </c:pt>
                <c:pt idx="3990">
                  <c:v>17.95384364281912</c:v>
                </c:pt>
                <c:pt idx="3991">
                  <c:v>17.958598886909336</c:v>
                </c:pt>
                <c:pt idx="3992">
                  <c:v>17.963354130999431</c:v>
                </c:pt>
                <c:pt idx="3993">
                  <c:v>17.963354130999431</c:v>
                </c:pt>
                <c:pt idx="3994">
                  <c:v>17.967969514969333</c:v>
                </c:pt>
                <c:pt idx="3995">
                  <c:v>17.972724759059549</c:v>
                </c:pt>
                <c:pt idx="3996">
                  <c:v>17.977480003149644</c:v>
                </c:pt>
                <c:pt idx="3997">
                  <c:v>17.977480003149644</c:v>
                </c:pt>
                <c:pt idx="3998">
                  <c:v>17.982095387119546</c:v>
                </c:pt>
                <c:pt idx="3999">
                  <c:v>17.982095387119546</c:v>
                </c:pt>
                <c:pt idx="4000">
                  <c:v>17.986850631209762</c:v>
                </c:pt>
                <c:pt idx="4001">
                  <c:v>17.991605875299982</c:v>
                </c:pt>
                <c:pt idx="4002">
                  <c:v>17.991605875299982</c:v>
                </c:pt>
                <c:pt idx="4003">
                  <c:v>17.996221259269763</c:v>
                </c:pt>
                <c:pt idx="4004">
                  <c:v>18.000976503359979</c:v>
                </c:pt>
                <c:pt idx="4005">
                  <c:v>18.000976503359979</c:v>
                </c:pt>
                <c:pt idx="4006">
                  <c:v>18.005731747450199</c:v>
                </c:pt>
                <c:pt idx="4007">
                  <c:v>18.005731747450199</c:v>
                </c:pt>
                <c:pt idx="4008">
                  <c:v>18.010347131420101</c:v>
                </c:pt>
                <c:pt idx="4009">
                  <c:v>18.010347131420101</c:v>
                </c:pt>
                <c:pt idx="4010">
                  <c:v>18.015102375510192</c:v>
                </c:pt>
                <c:pt idx="4011">
                  <c:v>18.015102375510192</c:v>
                </c:pt>
                <c:pt idx="4012">
                  <c:v>18.019857619600412</c:v>
                </c:pt>
                <c:pt idx="4013">
                  <c:v>18.024473003570314</c:v>
                </c:pt>
                <c:pt idx="4014">
                  <c:v>18.024473003570314</c:v>
                </c:pt>
                <c:pt idx="4015">
                  <c:v>18.029228247660406</c:v>
                </c:pt>
                <c:pt idx="4016">
                  <c:v>18.029228247660406</c:v>
                </c:pt>
                <c:pt idx="4017">
                  <c:v>18.033983491750625</c:v>
                </c:pt>
                <c:pt idx="4018">
                  <c:v>18.033983491750625</c:v>
                </c:pt>
                <c:pt idx="4019">
                  <c:v>18.038598875720528</c:v>
                </c:pt>
                <c:pt idx="4020">
                  <c:v>18.038598875720528</c:v>
                </c:pt>
                <c:pt idx="4021">
                  <c:v>18.043354119810623</c:v>
                </c:pt>
                <c:pt idx="4022">
                  <c:v>18.043354119810623</c:v>
                </c:pt>
                <c:pt idx="4023">
                  <c:v>18.048109363900842</c:v>
                </c:pt>
                <c:pt idx="4024">
                  <c:v>18.048109363900842</c:v>
                </c:pt>
                <c:pt idx="4025">
                  <c:v>18.052724747870744</c:v>
                </c:pt>
                <c:pt idx="4026">
                  <c:v>18.052724747870744</c:v>
                </c:pt>
                <c:pt idx="4027">
                  <c:v>18.057479991960836</c:v>
                </c:pt>
                <c:pt idx="4028">
                  <c:v>18.057479991960836</c:v>
                </c:pt>
                <c:pt idx="4029">
                  <c:v>18.062235236051055</c:v>
                </c:pt>
                <c:pt idx="4030">
                  <c:v>18.062235236051055</c:v>
                </c:pt>
                <c:pt idx="4031">
                  <c:v>18.066850620020958</c:v>
                </c:pt>
                <c:pt idx="4032">
                  <c:v>18.071605864111177</c:v>
                </c:pt>
                <c:pt idx="4033">
                  <c:v>18.071605864111177</c:v>
                </c:pt>
                <c:pt idx="4034">
                  <c:v>18.071605864111177</c:v>
                </c:pt>
                <c:pt idx="4035">
                  <c:v>18.076361108201272</c:v>
                </c:pt>
                <c:pt idx="4036">
                  <c:v>18.076361108201272</c:v>
                </c:pt>
                <c:pt idx="4037">
                  <c:v>18.076361108201272</c:v>
                </c:pt>
                <c:pt idx="4038">
                  <c:v>18.076361108201272</c:v>
                </c:pt>
                <c:pt idx="4039">
                  <c:v>18.080976492171171</c:v>
                </c:pt>
                <c:pt idx="4040">
                  <c:v>18.080976492171171</c:v>
                </c:pt>
                <c:pt idx="4041">
                  <c:v>18.080976492171171</c:v>
                </c:pt>
                <c:pt idx="4042">
                  <c:v>18.085731736261394</c:v>
                </c:pt>
                <c:pt idx="4043">
                  <c:v>18.085731736261394</c:v>
                </c:pt>
                <c:pt idx="4044">
                  <c:v>18.090486980351486</c:v>
                </c:pt>
                <c:pt idx="4045">
                  <c:v>18.090486980351486</c:v>
                </c:pt>
                <c:pt idx="4046">
                  <c:v>18.090486980351486</c:v>
                </c:pt>
                <c:pt idx="4047">
                  <c:v>18.090486980351486</c:v>
                </c:pt>
                <c:pt idx="4048">
                  <c:v>18.095242224441705</c:v>
                </c:pt>
                <c:pt idx="4049">
                  <c:v>18.095242224441705</c:v>
                </c:pt>
                <c:pt idx="4050">
                  <c:v>18.099857608411607</c:v>
                </c:pt>
                <c:pt idx="4051">
                  <c:v>18.099857608411607</c:v>
                </c:pt>
                <c:pt idx="4052">
                  <c:v>18.099857608411607</c:v>
                </c:pt>
                <c:pt idx="4053">
                  <c:v>18.099857608411607</c:v>
                </c:pt>
                <c:pt idx="4054">
                  <c:v>18.104612852501699</c:v>
                </c:pt>
                <c:pt idx="4055">
                  <c:v>18.104612852501699</c:v>
                </c:pt>
                <c:pt idx="4056">
                  <c:v>18.104612852501699</c:v>
                </c:pt>
                <c:pt idx="4057">
                  <c:v>18.104612852501699</c:v>
                </c:pt>
                <c:pt idx="4058">
                  <c:v>18.109368096591918</c:v>
                </c:pt>
                <c:pt idx="4059">
                  <c:v>18.109368096591918</c:v>
                </c:pt>
                <c:pt idx="4060">
                  <c:v>18.109368096591918</c:v>
                </c:pt>
                <c:pt idx="4061">
                  <c:v>18.113983480561821</c:v>
                </c:pt>
                <c:pt idx="4062">
                  <c:v>18.11873872465204</c:v>
                </c:pt>
                <c:pt idx="4063">
                  <c:v>18.11873872465204</c:v>
                </c:pt>
                <c:pt idx="4064">
                  <c:v>18.123493968742135</c:v>
                </c:pt>
                <c:pt idx="4065">
                  <c:v>18.123493968742135</c:v>
                </c:pt>
                <c:pt idx="4066">
                  <c:v>18.128109352712038</c:v>
                </c:pt>
                <c:pt idx="4067">
                  <c:v>18.128109352712038</c:v>
                </c:pt>
                <c:pt idx="4068">
                  <c:v>18.128109352712038</c:v>
                </c:pt>
                <c:pt idx="4069">
                  <c:v>18.132864596802257</c:v>
                </c:pt>
                <c:pt idx="4070">
                  <c:v>18.132864596802257</c:v>
                </c:pt>
                <c:pt idx="4071">
                  <c:v>18.132864596802257</c:v>
                </c:pt>
                <c:pt idx="4072">
                  <c:v>18.137619840892349</c:v>
                </c:pt>
                <c:pt idx="4073">
                  <c:v>18.137619840892349</c:v>
                </c:pt>
                <c:pt idx="4074">
                  <c:v>18.137619840892349</c:v>
                </c:pt>
                <c:pt idx="4075">
                  <c:v>18.142235224862251</c:v>
                </c:pt>
                <c:pt idx="4076">
                  <c:v>18.142235224862251</c:v>
                </c:pt>
                <c:pt idx="4077">
                  <c:v>18.142235224862251</c:v>
                </c:pt>
                <c:pt idx="4078">
                  <c:v>18.14699046895247</c:v>
                </c:pt>
                <c:pt idx="4079">
                  <c:v>18.14699046895247</c:v>
                </c:pt>
                <c:pt idx="4080">
                  <c:v>18.14699046895247</c:v>
                </c:pt>
                <c:pt idx="4081">
                  <c:v>18.151745713042562</c:v>
                </c:pt>
                <c:pt idx="4082">
                  <c:v>18.151745713042562</c:v>
                </c:pt>
                <c:pt idx="4083">
                  <c:v>18.156361097012464</c:v>
                </c:pt>
                <c:pt idx="4084">
                  <c:v>18.156361097012464</c:v>
                </c:pt>
                <c:pt idx="4085">
                  <c:v>18.161116341102684</c:v>
                </c:pt>
                <c:pt idx="4086">
                  <c:v>18.161116341102684</c:v>
                </c:pt>
                <c:pt idx="4087">
                  <c:v>18.161116341102684</c:v>
                </c:pt>
                <c:pt idx="4088">
                  <c:v>18.165871585192903</c:v>
                </c:pt>
                <c:pt idx="4089">
                  <c:v>18.165871585192903</c:v>
                </c:pt>
                <c:pt idx="4090">
                  <c:v>18.165871585192903</c:v>
                </c:pt>
                <c:pt idx="4091">
                  <c:v>18.170486969162681</c:v>
                </c:pt>
                <c:pt idx="4092">
                  <c:v>18.170486969162681</c:v>
                </c:pt>
                <c:pt idx="4093">
                  <c:v>18.170486969162681</c:v>
                </c:pt>
                <c:pt idx="4094">
                  <c:v>18.170486969162681</c:v>
                </c:pt>
                <c:pt idx="4095">
                  <c:v>18.175242213252901</c:v>
                </c:pt>
                <c:pt idx="4096">
                  <c:v>18.175242213252901</c:v>
                </c:pt>
                <c:pt idx="4097">
                  <c:v>18.179997457343116</c:v>
                </c:pt>
                <c:pt idx="4098">
                  <c:v>18.179997457343116</c:v>
                </c:pt>
                <c:pt idx="4099">
                  <c:v>18.184612841312894</c:v>
                </c:pt>
                <c:pt idx="4100">
                  <c:v>18.184612841312894</c:v>
                </c:pt>
                <c:pt idx="4101">
                  <c:v>18.189368085403114</c:v>
                </c:pt>
                <c:pt idx="4102">
                  <c:v>18.189368085403114</c:v>
                </c:pt>
                <c:pt idx="4103">
                  <c:v>18.189368085403114</c:v>
                </c:pt>
                <c:pt idx="4104">
                  <c:v>18.19412332949333</c:v>
                </c:pt>
                <c:pt idx="4105">
                  <c:v>18.19412332949333</c:v>
                </c:pt>
                <c:pt idx="4106">
                  <c:v>18.19412332949333</c:v>
                </c:pt>
                <c:pt idx="4107">
                  <c:v>18.19412332949333</c:v>
                </c:pt>
                <c:pt idx="4108">
                  <c:v>18.198738713463232</c:v>
                </c:pt>
                <c:pt idx="4109">
                  <c:v>18.198738713463232</c:v>
                </c:pt>
                <c:pt idx="4110">
                  <c:v>18.203493957553327</c:v>
                </c:pt>
                <c:pt idx="4111">
                  <c:v>18.203493957553327</c:v>
                </c:pt>
                <c:pt idx="4112">
                  <c:v>18.208249201643547</c:v>
                </c:pt>
                <c:pt idx="4113">
                  <c:v>18.208249201643547</c:v>
                </c:pt>
                <c:pt idx="4114">
                  <c:v>18.208249201643547</c:v>
                </c:pt>
                <c:pt idx="4115">
                  <c:v>18.212864585613449</c:v>
                </c:pt>
                <c:pt idx="4116">
                  <c:v>18.212864585613449</c:v>
                </c:pt>
                <c:pt idx="4117">
                  <c:v>18.217619829703544</c:v>
                </c:pt>
                <c:pt idx="4118">
                  <c:v>18.217619829703544</c:v>
                </c:pt>
                <c:pt idx="4119">
                  <c:v>18.222375073793764</c:v>
                </c:pt>
                <c:pt idx="4120">
                  <c:v>18.226990457763662</c:v>
                </c:pt>
                <c:pt idx="4121">
                  <c:v>18.226990457763662</c:v>
                </c:pt>
                <c:pt idx="4122">
                  <c:v>18.231745701853757</c:v>
                </c:pt>
                <c:pt idx="4123">
                  <c:v>18.231745701853757</c:v>
                </c:pt>
                <c:pt idx="4124">
                  <c:v>18.231745701853757</c:v>
                </c:pt>
                <c:pt idx="4125">
                  <c:v>18.236500945943977</c:v>
                </c:pt>
                <c:pt idx="4126">
                  <c:v>18.236500945943977</c:v>
                </c:pt>
                <c:pt idx="4127">
                  <c:v>18.241116329913876</c:v>
                </c:pt>
                <c:pt idx="4128">
                  <c:v>18.241116329913876</c:v>
                </c:pt>
                <c:pt idx="4129">
                  <c:v>18.245871574003974</c:v>
                </c:pt>
                <c:pt idx="4130">
                  <c:v>18.250626818094194</c:v>
                </c:pt>
                <c:pt idx="4131">
                  <c:v>18.250626818094194</c:v>
                </c:pt>
                <c:pt idx="4132">
                  <c:v>18.255242202064093</c:v>
                </c:pt>
                <c:pt idx="4133">
                  <c:v>18.259997446154312</c:v>
                </c:pt>
                <c:pt idx="4134">
                  <c:v>18.259997446154312</c:v>
                </c:pt>
                <c:pt idx="4135">
                  <c:v>18.264752690244407</c:v>
                </c:pt>
                <c:pt idx="4136">
                  <c:v>18.264752690244407</c:v>
                </c:pt>
                <c:pt idx="4137">
                  <c:v>18.269368074214306</c:v>
                </c:pt>
                <c:pt idx="4138">
                  <c:v>18.269368074214306</c:v>
                </c:pt>
                <c:pt idx="4139">
                  <c:v>18.269368074214306</c:v>
                </c:pt>
                <c:pt idx="4140">
                  <c:v>18.274123318304525</c:v>
                </c:pt>
                <c:pt idx="4141">
                  <c:v>18.27887856239462</c:v>
                </c:pt>
                <c:pt idx="4142">
                  <c:v>18.27887856239462</c:v>
                </c:pt>
                <c:pt idx="4143">
                  <c:v>18.283633806484836</c:v>
                </c:pt>
                <c:pt idx="4144">
                  <c:v>18.283633806484836</c:v>
                </c:pt>
                <c:pt idx="4145">
                  <c:v>18.288249190454739</c:v>
                </c:pt>
                <c:pt idx="4146">
                  <c:v>18.288249190454739</c:v>
                </c:pt>
                <c:pt idx="4147">
                  <c:v>18.288249190454739</c:v>
                </c:pt>
                <c:pt idx="4148">
                  <c:v>18.293004434544837</c:v>
                </c:pt>
                <c:pt idx="4149">
                  <c:v>18.293004434544837</c:v>
                </c:pt>
                <c:pt idx="4150">
                  <c:v>18.297759678635053</c:v>
                </c:pt>
                <c:pt idx="4151">
                  <c:v>18.297759678635053</c:v>
                </c:pt>
                <c:pt idx="4152">
                  <c:v>18.297759678635053</c:v>
                </c:pt>
                <c:pt idx="4153">
                  <c:v>18.302375062604956</c:v>
                </c:pt>
                <c:pt idx="4154">
                  <c:v>18.302375062604956</c:v>
                </c:pt>
                <c:pt idx="4155">
                  <c:v>18.307130306695175</c:v>
                </c:pt>
                <c:pt idx="4156">
                  <c:v>18.307130306695175</c:v>
                </c:pt>
                <c:pt idx="4157">
                  <c:v>18.307130306695175</c:v>
                </c:pt>
                <c:pt idx="4158">
                  <c:v>18.307130306695175</c:v>
                </c:pt>
                <c:pt idx="4159">
                  <c:v>18.311885550785266</c:v>
                </c:pt>
                <c:pt idx="4160">
                  <c:v>18.311885550785266</c:v>
                </c:pt>
                <c:pt idx="4161">
                  <c:v>18.316500934755169</c:v>
                </c:pt>
                <c:pt idx="4162">
                  <c:v>18.316500934755169</c:v>
                </c:pt>
                <c:pt idx="4163">
                  <c:v>18.321256178845388</c:v>
                </c:pt>
                <c:pt idx="4164">
                  <c:v>18.321256178845388</c:v>
                </c:pt>
                <c:pt idx="4165">
                  <c:v>18.321256178845388</c:v>
                </c:pt>
                <c:pt idx="4166">
                  <c:v>18.321256178845388</c:v>
                </c:pt>
                <c:pt idx="4167">
                  <c:v>18.32601142293548</c:v>
                </c:pt>
                <c:pt idx="4168">
                  <c:v>18.32601142293548</c:v>
                </c:pt>
                <c:pt idx="4169">
                  <c:v>18.32601142293548</c:v>
                </c:pt>
                <c:pt idx="4170">
                  <c:v>18.330626806905382</c:v>
                </c:pt>
                <c:pt idx="4171">
                  <c:v>18.330626806905382</c:v>
                </c:pt>
                <c:pt idx="4172">
                  <c:v>18.335382050995605</c:v>
                </c:pt>
                <c:pt idx="4173">
                  <c:v>18.335382050995605</c:v>
                </c:pt>
                <c:pt idx="4174">
                  <c:v>18.340137295085697</c:v>
                </c:pt>
                <c:pt idx="4175">
                  <c:v>18.340137295085697</c:v>
                </c:pt>
                <c:pt idx="4176">
                  <c:v>18.344752679055599</c:v>
                </c:pt>
                <c:pt idx="4177">
                  <c:v>18.344752679055599</c:v>
                </c:pt>
                <c:pt idx="4178">
                  <c:v>18.344752679055599</c:v>
                </c:pt>
                <c:pt idx="4179">
                  <c:v>18.349507923145818</c:v>
                </c:pt>
                <c:pt idx="4180">
                  <c:v>18.349507923145818</c:v>
                </c:pt>
                <c:pt idx="4181">
                  <c:v>18.354263167236038</c:v>
                </c:pt>
                <c:pt idx="4182">
                  <c:v>18.354263167236038</c:v>
                </c:pt>
                <c:pt idx="4183">
                  <c:v>18.358878551205812</c:v>
                </c:pt>
                <c:pt idx="4184">
                  <c:v>18.363633795296032</c:v>
                </c:pt>
                <c:pt idx="4185">
                  <c:v>18.363633795296032</c:v>
                </c:pt>
                <c:pt idx="4186">
                  <c:v>18.363633795296032</c:v>
                </c:pt>
                <c:pt idx="4187">
                  <c:v>18.368389039386251</c:v>
                </c:pt>
                <c:pt idx="4188">
                  <c:v>18.368389039386251</c:v>
                </c:pt>
                <c:pt idx="4189">
                  <c:v>18.373004423356026</c:v>
                </c:pt>
                <c:pt idx="4190">
                  <c:v>18.373004423356026</c:v>
                </c:pt>
                <c:pt idx="4191">
                  <c:v>18.373004423356026</c:v>
                </c:pt>
                <c:pt idx="4192">
                  <c:v>18.377759667446249</c:v>
                </c:pt>
                <c:pt idx="4193">
                  <c:v>18.377759667446249</c:v>
                </c:pt>
                <c:pt idx="4194">
                  <c:v>18.382514911536468</c:v>
                </c:pt>
                <c:pt idx="4195">
                  <c:v>18.382514911536468</c:v>
                </c:pt>
                <c:pt idx="4196">
                  <c:v>18.387130295506367</c:v>
                </c:pt>
                <c:pt idx="4197">
                  <c:v>18.387130295506367</c:v>
                </c:pt>
                <c:pt idx="4198">
                  <c:v>18.387130295506367</c:v>
                </c:pt>
                <c:pt idx="4199">
                  <c:v>18.391885539596462</c:v>
                </c:pt>
                <c:pt idx="4200">
                  <c:v>18.391885539596462</c:v>
                </c:pt>
                <c:pt idx="4201">
                  <c:v>18.396640783686681</c:v>
                </c:pt>
                <c:pt idx="4202">
                  <c:v>18.396640783686681</c:v>
                </c:pt>
                <c:pt idx="4203">
                  <c:v>18.40125616765658</c:v>
                </c:pt>
                <c:pt idx="4204">
                  <c:v>18.40125616765658</c:v>
                </c:pt>
                <c:pt idx="4205">
                  <c:v>18.406011411746675</c:v>
                </c:pt>
                <c:pt idx="4206">
                  <c:v>18.406011411746675</c:v>
                </c:pt>
                <c:pt idx="4207">
                  <c:v>18.406011411746675</c:v>
                </c:pt>
                <c:pt idx="4208">
                  <c:v>18.406011411746675</c:v>
                </c:pt>
                <c:pt idx="4209">
                  <c:v>18.406011411746675</c:v>
                </c:pt>
                <c:pt idx="4210">
                  <c:v>18.406011411746675</c:v>
                </c:pt>
                <c:pt idx="4211">
                  <c:v>18.410766655836895</c:v>
                </c:pt>
                <c:pt idx="4212">
                  <c:v>18.410766655836895</c:v>
                </c:pt>
                <c:pt idx="4213">
                  <c:v>18.410766655836895</c:v>
                </c:pt>
                <c:pt idx="4214">
                  <c:v>18.415382039806794</c:v>
                </c:pt>
                <c:pt idx="4215">
                  <c:v>18.420137283896892</c:v>
                </c:pt>
                <c:pt idx="4216">
                  <c:v>18.420137283896892</c:v>
                </c:pt>
                <c:pt idx="4217">
                  <c:v>18.424892527987112</c:v>
                </c:pt>
                <c:pt idx="4218">
                  <c:v>18.424892527987112</c:v>
                </c:pt>
                <c:pt idx="4219">
                  <c:v>18.424892527987112</c:v>
                </c:pt>
                <c:pt idx="4220">
                  <c:v>18.42950791195701</c:v>
                </c:pt>
                <c:pt idx="4221">
                  <c:v>18.42950791195701</c:v>
                </c:pt>
                <c:pt idx="4222">
                  <c:v>18.42950791195701</c:v>
                </c:pt>
                <c:pt idx="4223">
                  <c:v>18.434263156047106</c:v>
                </c:pt>
                <c:pt idx="4224">
                  <c:v>18.434263156047106</c:v>
                </c:pt>
                <c:pt idx="4225">
                  <c:v>18.434263156047106</c:v>
                </c:pt>
                <c:pt idx="4226">
                  <c:v>18.434263156047106</c:v>
                </c:pt>
                <c:pt idx="4227">
                  <c:v>18.439018400137325</c:v>
                </c:pt>
                <c:pt idx="4228">
                  <c:v>18.439018400137325</c:v>
                </c:pt>
                <c:pt idx="4229">
                  <c:v>18.439018400137325</c:v>
                </c:pt>
                <c:pt idx="4230">
                  <c:v>18.443633784107224</c:v>
                </c:pt>
                <c:pt idx="4231">
                  <c:v>18.443633784107224</c:v>
                </c:pt>
                <c:pt idx="4232">
                  <c:v>18.443633784107224</c:v>
                </c:pt>
                <c:pt idx="4233">
                  <c:v>18.448389028197443</c:v>
                </c:pt>
                <c:pt idx="4234">
                  <c:v>18.448389028197443</c:v>
                </c:pt>
                <c:pt idx="4235">
                  <c:v>18.453144272287538</c:v>
                </c:pt>
                <c:pt idx="4236">
                  <c:v>18.453144272287538</c:v>
                </c:pt>
                <c:pt idx="4237">
                  <c:v>18.453144272287538</c:v>
                </c:pt>
                <c:pt idx="4238">
                  <c:v>18.457899516377761</c:v>
                </c:pt>
                <c:pt idx="4239">
                  <c:v>18.457899516377761</c:v>
                </c:pt>
                <c:pt idx="4240">
                  <c:v>18.462514900347657</c:v>
                </c:pt>
                <c:pt idx="4241">
                  <c:v>18.467270144437755</c:v>
                </c:pt>
                <c:pt idx="4242">
                  <c:v>18.467270144437755</c:v>
                </c:pt>
                <c:pt idx="4243">
                  <c:v>18.472025388527975</c:v>
                </c:pt>
                <c:pt idx="4244">
                  <c:v>18.472025388527975</c:v>
                </c:pt>
                <c:pt idx="4245">
                  <c:v>18.476640772497873</c:v>
                </c:pt>
                <c:pt idx="4246">
                  <c:v>18.481396016587968</c:v>
                </c:pt>
                <c:pt idx="4247">
                  <c:v>18.481396016587968</c:v>
                </c:pt>
                <c:pt idx="4248">
                  <c:v>18.481396016587968</c:v>
                </c:pt>
                <c:pt idx="4249">
                  <c:v>18.486151260678188</c:v>
                </c:pt>
                <c:pt idx="4250">
                  <c:v>18.490766644648087</c:v>
                </c:pt>
                <c:pt idx="4251">
                  <c:v>18.490766644648087</c:v>
                </c:pt>
                <c:pt idx="4252">
                  <c:v>18.495521888738306</c:v>
                </c:pt>
                <c:pt idx="4253">
                  <c:v>18.495521888738306</c:v>
                </c:pt>
                <c:pt idx="4254">
                  <c:v>18.495521888738306</c:v>
                </c:pt>
                <c:pt idx="4255">
                  <c:v>18.500277132828405</c:v>
                </c:pt>
                <c:pt idx="4256">
                  <c:v>18.500277132828405</c:v>
                </c:pt>
                <c:pt idx="4257">
                  <c:v>18.504892516798304</c:v>
                </c:pt>
                <c:pt idx="4258">
                  <c:v>18.504892516798304</c:v>
                </c:pt>
                <c:pt idx="4259">
                  <c:v>18.509647760888523</c:v>
                </c:pt>
                <c:pt idx="4260">
                  <c:v>18.509647760888523</c:v>
                </c:pt>
                <c:pt idx="4261">
                  <c:v>18.514403004978618</c:v>
                </c:pt>
                <c:pt idx="4262">
                  <c:v>18.514403004978618</c:v>
                </c:pt>
                <c:pt idx="4263">
                  <c:v>18.514403004978618</c:v>
                </c:pt>
                <c:pt idx="4264">
                  <c:v>18.519018388948517</c:v>
                </c:pt>
                <c:pt idx="4265">
                  <c:v>18.519018388948517</c:v>
                </c:pt>
                <c:pt idx="4266">
                  <c:v>18.519018388948517</c:v>
                </c:pt>
                <c:pt idx="4267">
                  <c:v>18.519018388948517</c:v>
                </c:pt>
                <c:pt idx="4268">
                  <c:v>18.523773633038736</c:v>
                </c:pt>
                <c:pt idx="4269">
                  <c:v>18.523773633038736</c:v>
                </c:pt>
                <c:pt idx="4270">
                  <c:v>18.528528877128831</c:v>
                </c:pt>
                <c:pt idx="4271">
                  <c:v>18.53314426109873</c:v>
                </c:pt>
                <c:pt idx="4272">
                  <c:v>18.53789950518895</c:v>
                </c:pt>
                <c:pt idx="4273">
                  <c:v>18.542654749279169</c:v>
                </c:pt>
                <c:pt idx="4274">
                  <c:v>18.542654749279169</c:v>
                </c:pt>
                <c:pt idx="4275">
                  <c:v>18.542654749279169</c:v>
                </c:pt>
                <c:pt idx="4276">
                  <c:v>18.547270133248947</c:v>
                </c:pt>
                <c:pt idx="4277">
                  <c:v>18.552025377339167</c:v>
                </c:pt>
                <c:pt idx="4278">
                  <c:v>18.552025377339167</c:v>
                </c:pt>
                <c:pt idx="4279">
                  <c:v>18.556780621429386</c:v>
                </c:pt>
                <c:pt idx="4280">
                  <c:v>18.556780621429386</c:v>
                </c:pt>
                <c:pt idx="4281">
                  <c:v>18.56139600539916</c:v>
                </c:pt>
                <c:pt idx="4282">
                  <c:v>18.56615124948938</c:v>
                </c:pt>
                <c:pt idx="4283">
                  <c:v>18.56615124948938</c:v>
                </c:pt>
                <c:pt idx="4284">
                  <c:v>18.570906493579599</c:v>
                </c:pt>
                <c:pt idx="4285">
                  <c:v>18.575521877549498</c:v>
                </c:pt>
                <c:pt idx="4286">
                  <c:v>18.575521877549498</c:v>
                </c:pt>
                <c:pt idx="4287">
                  <c:v>18.575521877549498</c:v>
                </c:pt>
                <c:pt idx="4288">
                  <c:v>18.580277121639593</c:v>
                </c:pt>
                <c:pt idx="4289">
                  <c:v>18.580277121639593</c:v>
                </c:pt>
                <c:pt idx="4290">
                  <c:v>18.585032365729813</c:v>
                </c:pt>
                <c:pt idx="4291">
                  <c:v>18.585032365729813</c:v>
                </c:pt>
                <c:pt idx="4292">
                  <c:v>18.589647749699711</c:v>
                </c:pt>
                <c:pt idx="4293">
                  <c:v>18.589647749699711</c:v>
                </c:pt>
                <c:pt idx="4294">
                  <c:v>18.59440299378981</c:v>
                </c:pt>
                <c:pt idx="4295">
                  <c:v>18.59440299378981</c:v>
                </c:pt>
                <c:pt idx="4296">
                  <c:v>18.59915823788003</c:v>
                </c:pt>
                <c:pt idx="4297">
                  <c:v>18.59915823788003</c:v>
                </c:pt>
                <c:pt idx="4298">
                  <c:v>18.59915823788003</c:v>
                </c:pt>
                <c:pt idx="4299">
                  <c:v>18.603773621849928</c:v>
                </c:pt>
                <c:pt idx="4300">
                  <c:v>18.603773621849928</c:v>
                </c:pt>
                <c:pt idx="4301">
                  <c:v>18.603773621849928</c:v>
                </c:pt>
                <c:pt idx="4302">
                  <c:v>18.608528865940023</c:v>
                </c:pt>
                <c:pt idx="4303">
                  <c:v>18.608528865940023</c:v>
                </c:pt>
                <c:pt idx="4304">
                  <c:v>18.608528865940023</c:v>
                </c:pt>
                <c:pt idx="4305">
                  <c:v>18.608528865940023</c:v>
                </c:pt>
                <c:pt idx="4306">
                  <c:v>18.613284110030243</c:v>
                </c:pt>
                <c:pt idx="4307">
                  <c:v>18.613284110030243</c:v>
                </c:pt>
                <c:pt idx="4308">
                  <c:v>18.613284110030243</c:v>
                </c:pt>
                <c:pt idx="4309">
                  <c:v>18.617899494000142</c:v>
                </c:pt>
                <c:pt idx="4310">
                  <c:v>18.617899494000142</c:v>
                </c:pt>
                <c:pt idx="4311">
                  <c:v>18.622654738090361</c:v>
                </c:pt>
                <c:pt idx="4312">
                  <c:v>18.622654738090361</c:v>
                </c:pt>
                <c:pt idx="4313">
                  <c:v>18.622654738090361</c:v>
                </c:pt>
                <c:pt idx="4314">
                  <c:v>18.62740998218046</c:v>
                </c:pt>
                <c:pt idx="4315">
                  <c:v>18.62740998218046</c:v>
                </c:pt>
                <c:pt idx="4316">
                  <c:v>18.62740998218046</c:v>
                </c:pt>
                <c:pt idx="4317">
                  <c:v>18.62740998218046</c:v>
                </c:pt>
                <c:pt idx="4318">
                  <c:v>18.62740998218046</c:v>
                </c:pt>
                <c:pt idx="4319">
                  <c:v>18.62740998218046</c:v>
                </c:pt>
                <c:pt idx="4320">
                  <c:v>18.632025366150355</c:v>
                </c:pt>
                <c:pt idx="4321">
                  <c:v>18.632025366150355</c:v>
                </c:pt>
                <c:pt idx="4322">
                  <c:v>18.632025366150355</c:v>
                </c:pt>
                <c:pt idx="4323">
                  <c:v>18.632025366150355</c:v>
                </c:pt>
                <c:pt idx="4324">
                  <c:v>18.632025366150355</c:v>
                </c:pt>
                <c:pt idx="4325">
                  <c:v>18.636780610240578</c:v>
                </c:pt>
                <c:pt idx="4326">
                  <c:v>18.636780610240578</c:v>
                </c:pt>
                <c:pt idx="4327">
                  <c:v>18.641535854330673</c:v>
                </c:pt>
                <c:pt idx="4328">
                  <c:v>18.641535854330673</c:v>
                </c:pt>
                <c:pt idx="4329">
                  <c:v>18.646291098420892</c:v>
                </c:pt>
                <c:pt idx="4330">
                  <c:v>18.646291098420892</c:v>
                </c:pt>
                <c:pt idx="4331">
                  <c:v>18.650906482390791</c:v>
                </c:pt>
                <c:pt idx="4332">
                  <c:v>18.655661726480886</c:v>
                </c:pt>
                <c:pt idx="4333">
                  <c:v>18.655661726480886</c:v>
                </c:pt>
                <c:pt idx="4334">
                  <c:v>18.660416970571106</c:v>
                </c:pt>
                <c:pt idx="4335">
                  <c:v>18.665032354541005</c:v>
                </c:pt>
                <c:pt idx="4336">
                  <c:v>18.665032354541005</c:v>
                </c:pt>
                <c:pt idx="4337">
                  <c:v>18.665032354541005</c:v>
                </c:pt>
                <c:pt idx="4338">
                  <c:v>18.669787598631103</c:v>
                </c:pt>
                <c:pt idx="4339">
                  <c:v>18.669787598631103</c:v>
                </c:pt>
                <c:pt idx="4340">
                  <c:v>18.674542842721323</c:v>
                </c:pt>
                <c:pt idx="4341">
                  <c:v>18.674542842721323</c:v>
                </c:pt>
                <c:pt idx="4342">
                  <c:v>18.679158226691222</c:v>
                </c:pt>
                <c:pt idx="4343">
                  <c:v>18.679158226691222</c:v>
                </c:pt>
                <c:pt idx="4344">
                  <c:v>18.679158226691222</c:v>
                </c:pt>
                <c:pt idx="4345">
                  <c:v>18.683913470781441</c:v>
                </c:pt>
                <c:pt idx="4346">
                  <c:v>18.683913470781441</c:v>
                </c:pt>
                <c:pt idx="4347">
                  <c:v>18.683913470781441</c:v>
                </c:pt>
                <c:pt idx="4348">
                  <c:v>18.688668714871536</c:v>
                </c:pt>
                <c:pt idx="4349">
                  <c:v>18.688668714871536</c:v>
                </c:pt>
                <c:pt idx="4350">
                  <c:v>18.688668714871536</c:v>
                </c:pt>
                <c:pt idx="4351">
                  <c:v>18.688668714871536</c:v>
                </c:pt>
                <c:pt idx="4352">
                  <c:v>18.693284098841435</c:v>
                </c:pt>
                <c:pt idx="4353">
                  <c:v>18.693284098841435</c:v>
                </c:pt>
                <c:pt idx="4354">
                  <c:v>18.698039342931654</c:v>
                </c:pt>
                <c:pt idx="4355">
                  <c:v>18.698039342931654</c:v>
                </c:pt>
                <c:pt idx="4356">
                  <c:v>18.698039342931654</c:v>
                </c:pt>
                <c:pt idx="4357">
                  <c:v>18.698039342931654</c:v>
                </c:pt>
                <c:pt idx="4358">
                  <c:v>18.698039342931654</c:v>
                </c:pt>
                <c:pt idx="4359">
                  <c:v>18.693284098841435</c:v>
                </c:pt>
                <c:pt idx="4360">
                  <c:v>18.698039342931654</c:v>
                </c:pt>
                <c:pt idx="4361">
                  <c:v>18.698039342931654</c:v>
                </c:pt>
                <c:pt idx="4362">
                  <c:v>18.698039342931654</c:v>
                </c:pt>
                <c:pt idx="4363">
                  <c:v>18.702794587021749</c:v>
                </c:pt>
                <c:pt idx="4364">
                  <c:v>18.702794587021749</c:v>
                </c:pt>
                <c:pt idx="4365">
                  <c:v>18.702794587021749</c:v>
                </c:pt>
                <c:pt idx="4366">
                  <c:v>18.707409970991648</c:v>
                </c:pt>
                <c:pt idx="4367">
                  <c:v>18.707409970991648</c:v>
                </c:pt>
                <c:pt idx="4368">
                  <c:v>18.712165215081868</c:v>
                </c:pt>
                <c:pt idx="4369">
                  <c:v>18.716920459171966</c:v>
                </c:pt>
                <c:pt idx="4370">
                  <c:v>18.716920459171966</c:v>
                </c:pt>
                <c:pt idx="4371">
                  <c:v>18.721535843141865</c:v>
                </c:pt>
                <c:pt idx="4372">
                  <c:v>18.721535843141865</c:v>
                </c:pt>
                <c:pt idx="4373">
                  <c:v>18.726291087232084</c:v>
                </c:pt>
                <c:pt idx="4374">
                  <c:v>18.726291087232084</c:v>
                </c:pt>
                <c:pt idx="4375">
                  <c:v>18.731046331322304</c:v>
                </c:pt>
                <c:pt idx="4376">
                  <c:v>18.731046331322304</c:v>
                </c:pt>
                <c:pt idx="4377">
                  <c:v>18.735661715292078</c:v>
                </c:pt>
                <c:pt idx="4378">
                  <c:v>18.735661715292078</c:v>
                </c:pt>
                <c:pt idx="4379">
                  <c:v>18.735661715292078</c:v>
                </c:pt>
                <c:pt idx="4380">
                  <c:v>18.740416959382298</c:v>
                </c:pt>
                <c:pt idx="4381">
                  <c:v>18.740416959382298</c:v>
                </c:pt>
                <c:pt idx="4382">
                  <c:v>18.745172203472517</c:v>
                </c:pt>
                <c:pt idx="4383">
                  <c:v>18.745172203472517</c:v>
                </c:pt>
                <c:pt idx="4384">
                  <c:v>18.749787587442292</c:v>
                </c:pt>
                <c:pt idx="4385">
                  <c:v>18.749787587442292</c:v>
                </c:pt>
                <c:pt idx="4386">
                  <c:v>18.754542831532511</c:v>
                </c:pt>
                <c:pt idx="4387">
                  <c:v>18.754542831532511</c:v>
                </c:pt>
                <c:pt idx="4388">
                  <c:v>18.759298075622734</c:v>
                </c:pt>
                <c:pt idx="4389">
                  <c:v>18.759298075622734</c:v>
                </c:pt>
                <c:pt idx="4390">
                  <c:v>18.763913459592636</c:v>
                </c:pt>
                <c:pt idx="4391">
                  <c:v>18.763913459592636</c:v>
                </c:pt>
                <c:pt idx="4392">
                  <c:v>18.763913459592636</c:v>
                </c:pt>
                <c:pt idx="4393">
                  <c:v>18.768668703682728</c:v>
                </c:pt>
                <c:pt idx="4394">
                  <c:v>18.768668703682728</c:v>
                </c:pt>
                <c:pt idx="4395">
                  <c:v>18.768668703682728</c:v>
                </c:pt>
                <c:pt idx="4396">
                  <c:v>18.773423947772947</c:v>
                </c:pt>
                <c:pt idx="4397">
                  <c:v>18.773423947772947</c:v>
                </c:pt>
                <c:pt idx="4398">
                  <c:v>18.773423947772947</c:v>
                </c:pt>
                <c:pt idx="4399">
                  <c:v>18.77803933174285</c:v>
                </c:pt>
                <c:pt idx="4400">
                  <c:v>18.77803933174285</c:v>
                </c:pt>
                <c:pt idx="4401">
                  <c:v>18.77803933174285</c:v>
                </c:pt>
                <c:pt idx="4402">
                  <c:v>18.782794575832941</c:v>
                </c:pt>
                <c:pt idx="4403">
                  <c:v>18.782794575832941</c:v>
                </c:pt>
                <c:pt idx="4404">
                  <c:v>18.782794575832941</c:v>
                </c:pt>
                <c:pt idx="4405">
                  <c:v>18.787549819923161</c:v>
                </c:pt>
                <c:pt idx="4406">
                  <c:v>18.787549819923161</c:v>
                </c:pt>
                <c:pt idx="4407">
                  <c:v>18.792165203893063</c:v>
                </c:pt>
                <c:pt idx="4408">
                  <c:v>18.792165203893063</c:v>
                </c:pt>
                <c:pt idx="4409">
                  <c:v>18.796920447983158</c:v>
                </c:pt>
                <c:pt idx="4410">
                  <c:v>18.796920447983158</c:v>
                </c:pt>
                <c:pt idx="4411">
                  <c:v>18.801675692073378</c:v>
                </c:pt>
                <c:pt idx="4412">
                  <c:v>18.801675692073378</c:v>
                </c:pt>
                <c:pt idx="4413">
                  <c:v>18.801675692073378</c:v>
                </c:pt>
                <c:pt idx="4414">
                  <c:v>18.80629107604328</c:v>
                </c:pt>
                <c:pt idx="4415">
                  <c:v>18.80629107604328</c:v>
                </c:pt>
                <c:pt idx="4416">
                  <c:v>18.80629107604328</c:v>
                </c:pt>
                <c:pt idx="4417">
                  <c:v>18.811046320133496</c:v>
                </c:pt>
                <c:pt idx="4418">
                  <c:v>18.811046320133496</c:v>
                </c:pt>
                <c:pt idx="4419">
                  <c:v>18.815801564223591</c:v>
                </c:pt>
                <c:pt idx="4420">
                  <c:v>18.815801564223591</c:v>
                </c:pt>
                <c:pt idx="4421">
                  <c:v>18.815801564223591</c:v>
                </c:pt>
                <c:pt idx="4422">
                  <c:v>18.820416948193493</c:v>
                </c:pt>
                <c:pt idx="4423">
                  <c:v>18.820416948193493</c:v>
                </c:pt>
                <c:pt idx="4424">
                  <c:v>18.820416948193493</c:v>
                </c:pt>
                <c:pt idx="4425">
                  <c:v>18.825172192283709</c:v>
                </c:pt>
                <c:pt idx="4426">
                  <c:v>18.829927436373804</c:v>
                </c:pt>
                <c:pt idx="4427">
                  <c:v>18.829927436373804</c:v>
                </c:pt>
                <c:pt idx="4428">
                  <c:v>18.834682680464024</c:v>
                </c:pt>
                <c:pt idx="4429">
                  <c:v>18.834682680464024</c:v>
                </c:pt>
                <c:pt idx="4430">
                  <c:v>18.834682680464024</c:v>
                </c:pt>
                <c:pt idx="4431">
                  <c:v>18.839298064433926</c:v>
                </c:pt>
                <c:pt idx="4432">
                  <c:v>18.839298064433926</c:v>
                </c:pt>
                <c:pt idx="4433">
                  <c:v>18.844053308524021</c:v>
                </c:pt>
                <c:pt idx="4434">
                  <c:v>18.844053308524021</c:v>
                </c:pt>
                <c:pt idx="4435">
                  <c:v>18.848808552614241</c:v>
                </c:pt>
                <c:pt idx="4436">
                  <c:v>18.848808552614241</c:v>
                </c:pt>
                <c:pt idx="4437">
                  <c:v>18.853423936584143</c:v>
                </c:pt>
                <c:pt idx="4438">
                  <c:v>18.853423936584143</c:v>
                </c:pt>
                <c:pt idx="4439">
                  <c:v>18.853423936584143</c:v>
                </c:pt>
                <c:pt idx="4440">
                  <c:v>18.858179180674234</c:v>
                </c:pt>
                <c:pt idx="4441">
                  <c:v>18.858179180674234</c:v>
                </c:pt>
                <c:pt idx="4442">
                  <c:v>18.858179180674234</c:v>
                </c:pt>
                <c:pt idx="4443">
                  <c:v>18.862934424764454</c:v>
                </c:pt>
                <c:pt idx="4444">
                  <c:v>18.862934424764454</c:v>
                </c:pt>
                <c:pt idx="4445">
                  <c:v>18.867549808734356</c:v>
                </c:pt>
                <c:pt idx="4446">
                  <c:v>18.867549808734356</c:v>
                </c:pt>
                <c:pt idx="4447">
                  <c:v>18.872305052824572</c:v>
                </c:pt>
                <c:pt idx="4448">
                  <c:v>18.872305052824572</c:v>
                </c:pt>
                <c:pt idx="4449">
                  <c:v>18.872305052824572</c:v>
                </c:pt>
                <c:pt idx="4450">
                  <c:v>18.877060296914667</c:v>
                </c:pt>
                <c:pt idx="4451">
                  <c:v>18.877060296914667</c:v>
                </c:pt>
                <c:pt idx="4452">
                  <c:v>18.88167568088457</c:v>
                </c:pt>
                <c:pt idx="4453">
                  <c:v>18.88167568088457</c:v>
                </c:pt>
                <c:pt idx="4454">
                  <c:v>18.88167568088457</c:v>
                </c:pt>
                <c:pt idx="4455">
                  <c:v>18.886430924974789</c:v>
                </c:pt>
                <c:pt idx="4456">
                  <c:v>18.886430924974789</c:v>
                </c:pt>
                <c:pt idx="4457">
                  <c:v>18.891186169064884</c:v>
                </c:pt>
                <c:pt idx="4458">
                  <c:v>18.891186169064884</c:v>
                </c:pt>
                <c:pt idx="4459">
                  <c:v>18.891186169064884</c:v>
                </c:pt>
                <c:pt idx="4460">
                  <c:v>18.895801553034786</c:v>
                </c:pt>
                <c:pt idx="4461">
                  <c:v>18.895801553034786</c:v>
                </c:pt>
                <c:pt idx="4462">
                  <c:v>18.895801553034786</c:v>
                </c:pt>
                <c:pt idx="4463">
                  <c:v>18.895801553034786</c:v>
                </c:pt>
                <c:pt idx="4464">
                  <c:v>18.900556797125002</c:v>
                </c:pt>
                <c:pt idx="4465">
                  <c:v>18.900556797125002</c:v>
                </c:pt>
                <c:pt idx="4466">
                  <c:v>18.900556797125002</c:v>
                </c:pt>
                <c:pt idx="4467">
                  <c:v>18.905312041215097</c:v>
                </c:pt>
                <c:pt idx="4468">
                  <c:v>18.905312041215097</c:v>
                </c:pt>
                <c:pt idx="4469">
                  <c:v>18.905312041215097</c:v>
                </c:pt>
                <c:pt idx="4470">
                  <c:v>18.909927425185</c:v>
                </c:pt>
                <c:pt idx="4471">
                  <c:v>18.909927425185</c:v>
                </c:pt>
                <c:pt idx="4472">
                  <c:v>18.914682669275216</c:v>
                </c:pt>
                <c:pt idx="4473">
                  <c:v>18.914682669275216</c:v>
                </c:pt>
                <c:pt idx="4474">
                  <c:v>18.919437913365435</c:v>
                </c:pt>
                <c:pt idx="4475">
                  <c:v>18.919437913365435</c:v>
                </c:pt>
                <c:pt idx="4476">
                  <c:v>18.919437913365435</c:v>
                </c:pt>
                <c:pt idx="4477">
                  <c:v>18.924053297335217</c:v>
                </c:pt>
                <c:pt idx="4478">
                  <c:v>18.924053297335217</c:v>
                </c:pt>
                <c:pt idx="4479">
                  <c:v>18.928808541425433</c:v>
                </c:pt>
                <c:pt idx="4480">
                  <c:v>18.928808541425433</c:v>
                </c:pt>
                <c:pt idx="4481">
                  <c:v>18.928808541425433</c:v>
                </c:pt>
                <c:pt idx="4482">
                  <c:v>18.933563785515652</c:v>
                </c:pt>
                <c:pt idx="4483">
                  <c:v>18.933563785515652</c:v>
                </c:pt>
                <c:pt idx="4484">
                  <c:v>18.933563785515652</c:v>
                </c:pt>
                <c:pt idx="4485">
                  <c:v>18.93817916948543</c:v>
                </c:pt>
                <c:pt idx="4486">
                  <c:v>18.93817916948543</c:v>
                </c:pt>
                <c:pt idx="4487">
                  <c:v>18.942934413575646</c:v>
                </c:pt>
                <c:pt idx="4488">
                  <c:v>18.942934413575646</c:v>
                </c:pt>
                <c:pt idx="4489">
                  <c:v>18.947689657665865</c:v>
                </c:pt>
                <c:pt idx="4490">
                  <c:v>18.947689657665865</c:v>
                </c:pt>
                <c:pt idx="4491">
                  <c:v>18.952305041635768</c:v>
                </c:pt>
                <c:pt idx="4492">
                  <c:v>18.957060285725859</c:v>
                </c:pt>
                <c:pt idx="4493">
                  <c:v>18.957060285725859</c:v>
                </c:pt>
                <c:pt idx="4494">
                  <c:v>18.961815529816079</c:v>
                </c:pt>
                <c:pt idx="4495">
                  <c:v>18.961815529816079</c:v>
                </c:pt>
                <c:pt idx="4496">
                  <c:v>18.966430913785981</c:v>
                </c:pt>
                <c:pt idx="4497">
                  <c:v>18.966430913785981</c:v>
                </c:pt>
                <c:pt idx="4498">
                  <c:v>18.971186157876076</c:v>
                </c:pt>
                <c:pt idx="4499">
                  <c:v>18.971186157876076</c:v>
                </c:pt>
                <c:pt idx="4500">
                  <c:v>18.971186157876076</c:v>
                </c:pt>
                <c:pt idx="4501">
                  <c:v>18.971186157876076</c:v>
                </c:pt>
                <c:pt idx="4502">
                  <c:v>18.975941401966296</c:v>
                </c:pt>
                <c:pt idx="4503">
                  <c:v>18.975941401966296</c:v>
                </c:pt>
                <c:pt idx="4504">
                  <c:v>18.975941401966296</c:v>
                </c:pt>
                <c:pt idx="4505">
                  <c:v>18.980556785936198</c:v>
                </c:pt>
                <c:pt idx="4506">
                  <c:v>18.980556785936198</c:v>
                </c:pt>
                <c:pt idx="4507">
                  <c:v>18.980556785936198</c:v>
                </c:pt>
                <c:pt idx="4508">
                  <c:v>18.980556785936198</c:v>
                </c:pt>
                <c:pt idx="4509">
                  <c:v>18.985312030026293</c:v>
                </c:pt>
                <c:pt idx="4510">
                  <c:v>18.985312030026293</c:v>
                </c:pt>
                <c:pt idx="4511">
                  <c:v>18.990067274116509</c:v>
                </c:pt>
                <c:pt idx="4512">
                  <c:v>18.990067274116509</c:v>
                </c:pt>
                <c:pt idx="4513">
                  <c:v>18.990067274116509</c:v>
                </c:pt>
                <c:pt idx="4514">
                  <c:v>18.994682658086411</c:v>
                </c:pt>
                <c:pt idx="4515">
                  <c:v>18.994682658086411</c:v>
                </c:pt>
                <c:pt idx="4516">
                  <c:v>18.999437902176631</c:v>
                </c:pt>
                <c:pt idx="4517">
                  <c:v>18.999437902176631</c:v>
                </c:pt>
                <c:pt idx="4518">
                  <c:v>18.999437902176631</c:v>
                </c:pt>
                <c:pt idx="4519">
                  <c:v>18.999437902176631</c:v>
                </c:pt>
                <c:pt idx="4520">
                  <c:v>19.004193146266722</c:v>
                </c:pt>
                <c:pt idx="4521">
                  <c:v>19.004193146266722</c:v>
                </c:pt>
                <c:pt idx="4522">
                  <c:v>19.004193146266722</c:v>
                </c:pt>
                <c:pt idx="4523">
                  <c:v>19.008948390356945</c:v>
                </c:pt>
                <c:pt idx="4524">
                  <c:v>19.008948390356945</c:v>
                </c:pt>
                <c:pt idx="4525">
                  <c:v>19.013563774326848</c:v>
                </c:pt>
                <c:pt idx="4526">
                  <c:v>19.013563774326848</c:v>
                </c:pt>
                <c:pt idx="4527">
                  <c:v>19.018319018416939</c:v>
                </c:pt>
                <c:pt idx="4528">
                  <c:v>19.018319018416939</c:v>
                </c:pt>
                <c:pt idx="4529">
                  <c:v>19.023074262507158</c:v>
                </c:pt>
                <c:pt idx="4530">
                  <c:v>19.023074262507158</c:v>
                </c:pt>
                <c:pt idx="4531">
                  <c:v>19.027689646477061</c:v>
                </c:pt>
                <c:pt idx="4532">
                  <c:v>19.032444890567152</c:v>
                </c:pt>
                <c:pt idx="4533">
                  <c:v>19.032444890567152</c:v>
                </c:pt>
                <c:pt idx="4534">
                  <c:v>19.037200134657372</c:v>
                </c:pt>
                <c:pt idx="4535">
                  <c:v>19.041815518627274</c:v>
                </c:pt>
                <c:pt idx="4536">
                  <c:v>19.041815518627274</c:v>
                </c:pt>
                <c:pt idx="4537">
                  <c:v>19.046570762717494</c:v>
                </c:pt>
                <c:pt idx="4538">
                  <c:v>19.046570762717494</c:v>
                </c:pt>
                <c:pt idx="4539">
                  <c:v>19.051326006807589</c:v>
                </c:pt>
                <c:pt idx="4540">
                  <c:v>19.051326006807589</c:v>
                </c:pt>
                <c:pt idx="4541">
                  <c:v>19.055941390777491</c:v>
                </c:pt>
                <c:pt idx="4542">
                  <c:v>19.055941390777491</c:v>
                </c:pt>
                <c:pt idx="4543">
                  <c:v>19.055941390777491</c:v>
                </c:pt>
                <c:pt idx="4544">
                  <c:v>19.06069663486771</c:v>
                </c:pt>
                <c:pt idx="4545">
                  <c:v>19.06069663486771</c:v>
                </c:pt>
                <c:pt idx="4546">
                  <c:v>19.06069663486771</c:v>
                </c:pt>
                <c:pt idx="4547">
                  <c:v>19.065451878957802</c:v>
                </c:pt>
                <c:pt idx="4548">
                  <c:v>19.065451878957802</c:v>
                </c:pt>
                <c:pt idx="4549">
                  <c:v>19.065451878957802</c:v>
                </c:pt>
                <c:pt idx="4550">
                  <c:v>19.065451878957802</c:v>
                </c:pt>
                <c:pt idx="4551">
                  <c:v>19.070067262927704</c:v>
                </c:pt>
                <c:pt idx="4552">
                  <c:v>19.070067262927704</c:v>
                </c:pt>
                <c:pt idx="4553">
                  <c:v>19.070067262927704</c:v>
                </c:pt>
                <c:pt idx="4554">
                  <c:v>19.074822507017924</c:v>
                </c:pt>
                <c:pt idx="4555">
                  <c:v>19.074822507017924</c:v>
                </c:pt>
                <c:pt idx="4556">
                  <c:v>19.079577751108015</c:v>
                </c:pt>
                <c:pt idx="4557">
                  <c:v>19.079577751108015</c:v>
                </c:pt>
                <c:pt idx="4558">
                  <c:v>19.079577751108015</c:v>
                </c:pt>
                <c:pt idx="4559">
                  <c:v>19.079577751108015</c:v>
                </c:pt>
                <c:pt idx="4560">
                  <c:v>19.079577751108015</c:v>
                </c:pt>
                <c:pt idx="4561">
                  <c:v>19.079577751108015</c:v>
                </c:pt>
                <c:pt idx="4562">
                  <c:v>19.079577751108015</c:v>
                </c:pt>
                <c:pt idx="4563">
                  <c:v>19.084193135077918</c:v>
                </c:pt>
                <c:pt idx="4564">
                  <c:v>19.084193135077918</c:v>
                </c:pt>
                <c:pt idx="4565">
                  <c:v>19.084193135077918</c:v>
                </c:pt>
                <c:pt idx="4566">
                  <c:v>19.084193135077918</c:v>
                </c:pt>
                <c:pt idx="4567">
                  <c:v>19.088948379168137</c:v>
                </c:pt>
                <c:pt idx="4568">
                  <c:v>19.088948379168137</c:v>
                </c:pt>
                <c:pt idx="4569">
                  <c:v>19.093703623258232</c:v>
                </c:pt>
                <c:pt idx="4570">
                  <c:v>19.093703623258232</c:v>
                </c:pt>
                <c:pt idx="4571">
                  <c:v>19.098319007228135</c:v>
                </c:pt>
                <c:pt idx="4572">
                  <c:v>19.098319007228135</c:v>
                </c:pt>
                <c:pt idx="4573">
                  <c:v>19.098319007228135</c:v>
                </c:pt>
                <c:pt idx="4574">
                  <c:v>19.098319007228135</c:v>
                </c:pt>
                <c:pt idx="4575">
                  <c:v>19.103074251318354</c:v>
                </c:pt>
                <c:pt idx="4576">
                  <c:v>19.103074251318354</c:v>
                </c:pt>
                <c:pt idx="4577">
                  <c:v>19.10782949540857</c:v>
                </c:pt>
                <c:pt idx="4578">
                  <c:v>19.10782949540857</c:v>
                </c:pt>
                <c:pt idx="4579">
                  <c:v>19.10782949540857</c:v>
                </c:pt>
                <c:pt idx="4580">
                  <c:v>19.112444879378348</c:v>
                </c:pt>
                <c:pt idx="4581">
                  <c:v>19.112444879378348</c:v>
                </c:pt>
                <c:pt idx="4582">
                  <c:v>19.117200123468567</c:v>
                </c:pt>
                <c:pt idx="4583">
                  <c:v>19.117200123468567</c:v>
                </c:pt>
                <c:pt idx="4584">
                  <c:v>19.117200123468567</c:v>
                </c:pt>
                <c:pt idx="4585">
                  <c:v>19.121955367558783</c:v>
                </c:pt>
                <c:pt idx="4586">
                  <c:v>19.121955367558783</c:v>
                </c:pt>
                <c:pt idx="4587">
                  <c:v>19.126570751528561</c:v>
                </c:pt>
                <c:pt idx="4588">
                  <c:v>19.126570751528561</c:v>
                </c:pt>
                <c:pt idx="4589">
                  <c:v>19.126570751528561</c:v>
                </c:pt>
                <c:pt idx="4590">
                  <c:v>19.131325995618781</c:v>
                </c:pt>
                <c:pt idx="4591">
                  <c:v>19.131325995618781</c:v>
                </c:pt>
                <c:pt idx="4592">
                  <c:v>19.131325995618781</c:v>
                </c:pt>
                <c:pt idx="4593">
                  <c:v>19.136081239709</c:v>
                </c:pt>
                <c:pt idx="4594">
                  <c:v>19.136081239709</c:v>
                </c:pt>
                <c:pt idx="4595">
                  <c:v>19.136081239709</c:v>
                </c:pt>
                <c:pt idx="4596">
                  <c:v>19.140696623678899</c:v>
                </c:pt>
                <c:pt idx="4597">
                  <c:v>19.140696623678899</c:v>
                </c:pt>
                <c:pt idx="4598">
                  <c:v>19.140696623678899</c:v>
                </c:pt>
                <c:pt idx="4599">
                  <c:v>19.145451867768998</c:v>
                </c:pt>
                <c:pt idx="4600">
                  <c:v>19.145451867768998</c:v>
                </c:pt>
                <c:pt idx="4601">
                  <c:v>19.145451867768998</c:v>
                </c:pt>
                <c:pt idx="4602">
                  <c:v>19.145451867768998</c:v>
                </c:pt>
                <c:pt idx="4603">
                  <c:v>19.150207111859217</c:v>
                </c:pt>
                <c:pt idx="4604">
                  <c:v>19.150207111859217</c:v>
                </c:pt>
                <c:pt idx="4605">
                  <c:v>19.150207111859217</c:v>
                </c:pt>
                <c:pt idx="4606">
                  <c:v>19.150207111859217</c:v>
                </c:pt>
                <c:pt idx="4607">
                  <c:v>19.154822495829116</c:v>
                </c:pt>
                <c:pt idx="4608">
                  <c:v>19.154822495829116</c:v>
                </c:pt>
                <c:pt idx="4609">
                  <c:v>19.154822495829116</c:v>
                </c:pt>
                <c:pt idx="4610">
                  <c:v>19.154822495829116</c:v>
                </c:pt>
                <c:pt idx="4611">
                  <c:v>19.159577739919211</c:v>
                </c:pt>
                <c:pt idx="4612">
                  <c:v>19.16433298400943</c:v>
                </c:pt>
                <c:pt idx="4613">
                  <c:v>19.16433298400943</c:v>
                </c:pt>
                <c:pt idx="4614">
                  <c:v>19.16433298400943</c:v>
                </c:pt>
                <c:pt idx="4615">
                  <c:v>19.168948367979329</c:v>
                </c:pt>
                <c:pt idx="4616">
                  <c:v>19.173703612069424</c:v>
                </c:pt>
                <c:pt idx="4617">
                  <c:v>19.173703612069424</c:v>
                </c:pt>
                <c:pt idx="4618">
                  <c:v>19.178458856159647</c:v>
                </c:pt>
                <c:pt idx="4619">
                  <c:v>19.178458856159647</c:v>
                </c:pt>
                <c:pt idx="4620">
                  <c:v>19.178458856159647</c:v>
                </c:pt>
                <c:pt idx="4621">
                  <c:v>19.183074240129546</c:v>
                </c:pt>
                <c:pt idx="4622">
                  <c:v>19.183074240129546</c:v>
                </c:pt>
                <c:pt idx="4623">
                  <c:v>19.183074240129546</c:v>
                </c:pt>
                <c:pt idx="4624">
                  <c:v>19.187829484219765</c:v>
                </c:pt>
                <c:pt idx="4625">
                  <c:v>19.187829484219765</c:v>
                </c:pt>
                <c:pt idx="4626">
                  <c:v>19.192584728309861</c:v>
                </c:pt>
                <c:pt idx="4627">
                  <c:v>19.192584728309861</c:v>
                </c:pt>
                <c:pt idx="4628">
                  <c:v>19.197339972400076</c:v>
                </c:pt>
                <c:pt idx="4629">
                  <c:v>19.197339972400076</c:v>
                </c:pt>
                <c:pt idx="4630">
                  <c:v>19.201955356369979</c:v>
                </c:pt>
                <c:pt idx="4631">
                  <c:v>19.201955356369979</c:v>
                </c:pt>
                <c:pt idx="4632">
                  <c:v>19.206710600460074</c:v>
                </c:pt>
                <c:pt idx="4633">
                  <c:v>19.206710600460074</c:v>
                </c:pt>
                <c:pt idx="4634">
                  <c:v>19.21146584455029</c:v>
                </c:pt>
                <c:pt idx="4635">
                  <c:v>19.21146584455029</c:v>
                </c:pt>
                <c:pt idx="4636">
                  <c:v>19.216081228520192</c:v>
                </c:pt>
                <c:pt idx="4637">
                  <c:v>19.216081228520192</c:v>
                </c:pt>
                <c:pt idx="4638">
                  <c:v>19.216081228520192</c:v>
                </c:pt>
                <c:pt idx="4639">
                  <c:v>19.220836472610291</c:v>
                </c:pt>
                <c:pt idx="4640">
                  <c:v>19.220836472610291</c:v>
                </c:pt>
                <c:pt idx="4641">
                  <c:v>19.220836472610291</c:v>
                </c:pt>
                <c:pt idx="4642">
                  <c:v>19.220836472610291</c:v>
                </c:pt>
                <c:pt idx="4643">
                  <c:v>19.225591716700507</c:v>
                </c:pt>
                <c:pt idx="4644">
                  <c:v>19.225591716700507</c:v>
                </c:pt>
                <c:pt idx="4645">
                  <c:v>19.225591716700507</c:v>
                </c:pt>
                <c:pt idx="4646">
                  <c:v>19.230207100670409</c:v>
                </c:pt>
                <c:pt idx="4647">
                  <c:v>19.230207100670409</c:v>
                </c:pt>
                <c:pt idx="4648">
                  <c:v>19.234962344760628</c:v>
                </c:pt>
                <c:pt idx="4649">
                  <c:v>19.234962344760628</c:v>
                </c:pt>
                <c:pt idx="4650">
                  <c:v>19.23971758885072</c:v>
                </c:pt>
                <c:pt idx="4651">
                  <c:v>19.23971758885072</c:v>
                </c:pt>
                <c:pt idx="4652">
                  <c:v>19.23971758885072</c:v>
                </c:pt>
                <c:pt idx="4653">
                  <c:v>19.244332972820622</c:v>
                </c:pt>
                <c:pt idx="4654">
                  <c:v>19.244332972820622</c:v>
                </c:pt>
                <c:pt idx="4655">
                  <c:v>19.244332972820622</c:v>
                </c:pt>
                <c:pt idx="4656">
                  <c:v>19.249088216910842</c:v>
                </c:pt>
                <c:pt idx="4657">
                  <c:v>19.249088216910842</c:v>
                </c:pt>
                <c:pt idx="4658">
                  <c:v>19.249088216910842</c:v>
                </c:pt>
                <c:pt idx="4659">
                  <c:v>19.249088216910842</c:v>
                </c:pt>
                <c:pt idx="4660">
                  <c:v>19.249088216910842</c:v>
                </c:pt>
                <c:pt idx="4661">
                  <c:v>19.249088216910842</c:v>
                </c:pt>
                <c:pt idx="4662">
                  <c:v>19.253843461000933</c:v>
                </c:pt>
                <c:pt idx="4663">
                  <c:v>19.253843461000933</c:v>
                </c:pt>
                <c:pt idx="4664">
                  <c:v>19.253843461000933</c:v>
                </c:pt>
                <c:pt idx="4665">
                  <c:v>19.253843461000933</c:v>
                </c:pt>
                <c:pt idx="4666">
                  <c:v>19.258458844970836</c:v>
                </c:pt>
                <c:pt idx="4667">
                  <c:v>19.258458844970836</c:v>
                </c:pt>
                <c:pt idx="4668">
                  <c:v>19.258458844970836</c:v>
                </c:pt>
                <c:pt idx="4669">
                  <c:v>19.263214089061055</c:v>
                </c:pt>
                <c:pt idx="4670">
                  <c:v>19.263214089061055</c:v>
                </c:pt>
                <c:pt idx="4671">
                  <c:v>19.26796933315115</c:v>
                </c:pt>
                <c:pt idx="4672">
                  <c:v>19.26796933315115</c:v>
                </c:pt>
                <c:pt idx="4673">
                  <c:v>19.272584717121052</c:v>
                </c:pt>
                <c:pt idx="4674">
                  <c:v>19.272584717121052</c:v>
                </c:pt>
                <c:pt idx="4675">
                  <c:v>19.277339961211272</c:v>
                </c:pt>
                <c:pt idx="4676">
                  <c:v>19.277339961211272</c:v>
                </c:pt>
                <c:pt idx="4677">
                  <c:v>19.277339961211272</c:v>
                </c:pt>
                <c:pt idx="4678">
                  <c:v>19.277339961211272</c:v>
                </c:pt>
                <c:pt idx="4679">
                  <c:v>19.282095205301367</c:v>
                </c:pt>
                <c:pt idx="4680">
                  <c:v>19.282095205301367</c:v>
                </c:pt>
                <c:pt idx="4681">
                  <c:v>19.286710589271266</c:v>
                </c:pt>
                <c:pt idx="4682">
                  <c:v>19.291465833361485</c:v>
                </c:pt>
                <c:pt idx="4683">
                  <c:v>19.291465833361485</c:v>
                </c:pt>
                <c:pt idx="4684">
                  <c:v>19.296221077451705</c:v>
                </c:pt>
                <c:pt idx="4685">
                  <c:v>19.296221077451705</c:v>
                </c:pt>
                <c:pt idx="4686">
                  <c:v>19.300836461421479</c:v>
                </c:pt>
                <c:pt idx="4687">
                  <c:v>19.300836461421479</c:v>
                </c:pt>
                <c:pt idx="4688">
                  <c:v>19.305591705511702</c:v>
                </c:pt>
                <c:pt idx="4689">
                  <c:v>19.305591705511702</c:v>
                </c:pt>
                <c:pt idx="4690">
                  <c:v>19.310346949601922</c:v>
                </c:pt>
                <c:pt idx="4691">
                  <c:v>19.310346949601922</c:v>
                </c:pt>
                <c:pt idx="4692">
                  <c:v>19.310346949601922</c:v>
                </c:pt>
                <c:pt idx="4693">
                  <c:v>19.31496233357182</c:v>
                </c:pt>
                <c:pt idx="4694">
                  <c:v>19.31496233357182</c:v>
                </c:pt>
                <c:pt idx="4695">
                  <c:v>19.31496233357182</c:v>
                </c:pt>
                <c:pt idx="4696">
                  <c:v>19.31496233357182</c:v>
                </c:pt>
                <c:pt idx="4697">
                  <c:v>19.31496233357182</c:v>
                </c:pt>
                <c:pt idx="4698">
                  <c:v>19.31496233357182</c:v>
                </c:pt>
                <c:pt idx="4699">
                  <c:v>19.319717577661915</c:v>
                </c:pt>
                <c:pt idx="4700">
                  <c:v>19.319717577661915</c:v>
                </c:pt>
                <c:pt idx="4701">
                  <c:v>19.319717577661915</c:v>
                </c:pt>
                <c:pt idx="4702">
                  <c:v>19.324472821752135</c:v>
                </c:pt>
                <c:pt idx="4703">
                  <c:v>19.324472821752135</c:v>
                </c:pt>
                <c:pt idx="4704">
                  <c:v>19.329088205722034</c:v>
                </c:pt>
                <c:pt idx="4705">
                  <c:v>19.329088205722034</c:v>
                </c:pt>
                <c:pt idx="4706">
                  <c:v>19.329088205722034</c:v>
                </c:pt>
                <c:pt idx="4707">
                  <c:v>19.329088205722034</c:v>
                </c:pt>
                <c:pt idx="4708">
                  <c:v>19.333843449812129</c:v>
                </c:pt>
                <c:pt idx="4709">
                  <c:v>19.333843449812129</c:v>
                </c:pt>
                <c:pt idx="4710">
                  <c:v>19.338598693902348</c:v>
                </c:pt>
                <c:pt idx="4711">
                  <c:v>19.338598693902348</c:v>
                </c:pt>
                <c:pt idx="4712">
                  <c:v>19.338598693902348</c:v>
                </c:pt>
                <c:pt idx="4713">
                  <c:v>19.343214077872247</c:v>
                </c:pt>
                <c:pt idx="4714">
                  <c:v>19.343214077872247</c:v>
                </c:pt>
                <c:pt idx="4715">
                  <c:v>19.343214077872247</c:v>
                </c:pt>
                <c:pt idx="4716">
                  <c:v>19.347969321962346</c:v>
                </c:pt>
                <c:pt idx="4717">
                  <c:v>19.347969321962346</c:v>
                </c:pt>
                <c:pt idx="4718">
                  <c:v>19.352724566052565</c:v>
                </c:pt>
                <c:pt idx="4719">
                  <c:v>19.352724566052565</c:v>
                </c:pt>
                <c:pt idx="4720">
                  <c:v>19.357339950022464</c:v>
                </c:pt>
                <c:pt idx="4721">
                  <c:v>19.357339950022464</c:v>
                </c:pt>
                <c:pt idx="4722">
                  <c:v>19.362095194112559</c:v>
                </c:pt>
                <c:pt idx="4723">
                  <c:v>19.362095194112559</c:v>
                </c:pt>
                <c:pt idx="4724">
                  <c:v>19.362095194112559</c:v>
                </c:pt>
                <c:pt idx="4725">
                  <c:v>19.366850438202778</c:v>
                </c:pt>
                <c:pt idx="4726">
                  <c:v>19.366850438202778</c:v>
                </c:pt>
                <c:pt idx="4727">
                  <c:v>19.371605682292998</c:v>
                </c:pt>
                <c:pt idx="4728">
                  <c:v>19.371605682292998</c:v>
                </c:pt>
                <c:pt idx="4729">
                  <c:v>19.376221066262897</c:v>
                </c:pt>
                <c:pt idx="4730">
                  <c:v>19.376221066262897</c:v>
                </c:pt>
                <c:pt idx="4731">
                  <c:v>19.380976310352992</c:v>
                </c:pt>
                <c:pt idx="4732">
                  <c:v>19.380976310352992</c:v>
                </c:pt>
                <c:pt idx="4733">
                  <c:v>19.380976310352992</c:v>
                </c:pt>
                <c:pt idx="4734">
                  <c:v>19.385731554443211</c:v>
                </c:pt>
                <c:pt idx="4735">
                  <c:v>19.385731554443211</c:v>
                </c:pt>
                <c:pt idx="4736">
                  <c:v>19.385731554443211</c:v>
                </c:pt>
                <c:pt idx="4737">
                  <c:v>19.385731554443211</c:v>
                </c:pt>
                <c:pt idx="4738">
                  <c:v>19.39034693841311</c:v>
                </c:pt>
                <c:pt idx="4739">
                  <c:v>19.39034693841311</c:v>
                </c:pt>
                <c:pt idx="4740">
                  <c:v>19.39034693841311</c:v>
                </c:pt>
                <c:pt idx="4741">
                  <c:v>19.39034693841311</c:v>
                </c:pt>
                <c:pt idx="4742">
                  <c:v>19.39034693841311</c:v>
                </c:pt>
                <c:pt idx="4743">
                  <c:v>19.39034693841311</c:v>
                </c:pt>
                <c:pt idx="4744">
                  <c:v>19.395102182503209</c:v>
                </c:pt>
                <c:pt idx="4745">
                  <c:v>19.395102182503209</c:v>
                </c:pt>
                <c:pt idx="4746">
                  <c:v>19.395102182503209</c:v>
                </c:pt>
                <c:pt idx="4747">
                  <c:v>19.395102182503209</c:v>
                </c:pt>
                <c:pt idx="4748">
                  <c:v>19.399857426593428</c:v>
                </c:pt>
                <c:pt idx="4749">
                  <c:v>19.399857426593428</c:v>
                </c:pt>
                <c:pt idx="4750">
                  <c:v>19.399857426593428</c:v>
                </c:pt>
                <c:pt idx="4751">
                  <c:v>19.399857426593428</c:v>
                </c:pt>
                <c:pt idx="4752">
                  <c:v>19.404472810563327</c:v>
                </c:pt>
                <c:pt idx="4753">
                  <c:v>19.404472810563327</c:v>
                </c:pt>
                <c:pt idx="4754">
                  <c:v>19.404472810563327</c:v>
                </c:pt>
                <c:pt idx="4755">
                  <c:v>19.409228054653422</c:v>
                </c:pt>
                <c:pt idx="4756">
                  <c:v>19.409228054653422</c:v>
                </c:pt>
                <c:pt idx="4757">
                  <c:v>19.409228054653422</c:v>
                </c:pt>
                <c:pt idx="4758">
                  <c:v>19.413983298743641</c:v>
                </c:pt>
                <c:pt idx="4759">
                  <c:v>19.413983298743641</c:v>
                </c:pt>
                <c:pt idx="4760">
                  <c:v>19.41859868271354</c:v>
                </c:pt>
                <c:pt idx="4761">
                  <c:v>19.41859868271354</c:v>
                </c:pt>
                <c:pt idx="4762">
                  <c:v>19.41859868271354</c:v>
                </c:pt>
                <c:pt idx="4763">
                  <c:v>19.42335392680376</c:v>
                </c:pt>
                <c:pt idx="4764">
                  <c:v>19.42335392680376</c:v>
                </c:pt>
                <c:pt idx="4765">
                  <c:v>19.42335392680376</c:v>
                </c:pt>
                <c:pt idx="4766">
                  <c:v>19.428109170893855</c:v>
                </c:pt>
                <c:pt idx="4767">
                  <c:v>19.428109170893855</c:v>
                </c:pt>
                <c:pt idx="4768">
                  <c:v>19.432724554863753</c:v>
                </c:pt>
                <c:pt idx="4769">
                  <c:v>19.432724554863753</c:v>
                </c:pt>
                <c:pt idx="4770">
                  <c:v>19.437479798953976</c:v>
                </c:pt>
                <c:pt idx="4771">
                  <c:v>19.437479798953976</c:v>
                </c:pt>
                <c:pt idx="4772">
                  <c:v>19.437479798953976</c:v>
                </c:pt>
                <c:pt idx="4773">
                  <c:v>19.442235043044072</c:v>
                </c:pt>
                <c:pt idx="4774">
                  <c:v>19.442235043044072</c:v>
                </c:pt>
                <c:pt idx="4775">
                  <c:v>19.442235043044072</c:v>
                </c:pt>
                <c:pt idx="4776">
                  <c:v>19.442235043044072</c:v>
                </c:pt>
                <c:pt idx="4777">
                  <c:v>19.44685042701397</c:v>
                </c:pt>
                <c:pt idx="4778">
                  <c:v>19.44685042701397</c:v>
                </c:pt>
                <c:pt idx="4779">
                  <c:v>19.44685042701397</c:v>
                </c:pt>
                <c:pt idx="4780">
                  <c:v>19.44685042701397</c:v>
                </c:pt>
                <c:pt idx="4781">
                  <c:v>19.44685042701397</c:v>
                </c:pt>
                <c:pt idx="4782">
                  <c:v>19.45160567110419</c:v>
                </c:pt>
                <c:pt idx="4783">
                  <c:v>19.45160567110419</c:v>
                </c:pt>
                <c:pt idx="4784">
                  <c:v>19.45160567110419</c:v>
                </c:pt>
                <c:pt idx="4785">
                  <c:v>19.45160567110419</c:v>
                </c:pt>
                <c:pt idx="4786">
                  <c:v>19.45160567110419</c:v>
                </c:pt>
                <c:pt idx="4787">
                  <c:v>19.456360915194285</c:v>
                </c:pt>
                <c:pt idx="4788">
                  <c:v>19.456360915194285</c:v>
                </c:pt>
                <c:pt idx="4789">
                  <c:v>19.456360915194285</c:v>
                </c:pt>
                <c:pt idx="4790">
                  <c:v>19.460976299164184</c:v>
                </c:pt>
                <c:pt idx="4791">
                  <c:v>19.460976299164184</c:v>
                </c:pt>
                <c:pt idx="4792">
                  <c:v>19.460976299164184</c:v>
                </c:pt>
                <c:pt idx="4793">
                  <c:v>19.460976299164184</c:v>
                </c:pt>
                <c:pt idx="4794">
                  <c:v>19.465731543254403</c:v>
                </c:pt>
                <c:pt idx="4795">
                  <c:v>19.465731543254403</c:v>
                </c:pt>
                <c:pt idx="4796">
                  <c:v>19.465731543254403</c:v>
                </c:pt>
                <c:pt idx="4797">
                  <c:v>19.465731543254403</c:v>
                </c:pt>
                <c:pt idx="4798">
                  <c:v>19.470486787344623</c:v>
                </c:pt>
                <c:pt idx="4799">
                  <c:v>19.470486787344623</c:v>
                </c:pt>
                <c:pt idx="4800">
                  <c:v>19.475102171314401</c:v>
                </c:pt>
                <c:pt idx="4801">
                  <c:v>19.475102171314401</c:v>
                </c:pt>
                <c:pt idx="4802">
                  <c:v>19.475102171314401</c:v>
                </c:pt>
                <c:pt idx="4803">
                  <c:v>19.47985741540462</c:v>
                </c:pt>
                <c:pt idx="4804">
                  <c:v>19.47985741540462</c:v>
                </c:pt>
                <c:pt idx="4805">
                  <c:v>19.47985741540462</c:v>
                </c:pt>
                <c:pt idx="4806">
                  <c:v>19.484612659494839</c:v>
                </c:pt>
                <c:pt idx="4807">
                  <c:v>19.484612659494839</c:v>
                </c:pt>
                <c:pt idx="4808">
                  <c:v>19.489228043464614</c:v>
                </c:pt>
                <c:pt idx="4809">
                  <c:v>19.489228043464614</c:v>
                </c:pt>
                <c:pt idx="4810">
                  <c:v>19.493983287554833</c:v>
                </c:pt>
                <c:pt idx="4811">
                  <c:v>19.493983287554833</c:v>
                </c:pt>
                <c:pt idx="4812">
                  <c:v>19.498738531645053</c:v>
                </c:pt>
                <c:pt idx="4813">
                  <c:v>19.498738531645053</c:v>
                </c:pt>
                <c:pt idx="4814">
                  <c:v>19.503353915614952</c:v>
                </c:pt>
                <c:pt idx="4815">
                  <c:v>19.503353915614952</c:v>
                </c:pt>
                <c:pt idx="4816">
                  <c:v>19.503353915614952</c:v>
                </c:pt>
                <c:pt idx="4817">
                  <c:v>19.508109159705047</c:v>
                </c:pt>
                <c:pt idx="4818">
                  <c:v>19.508109159705047</c:v>
                </c:pt>
                <c:pt idx="4819">
                  <c:v>19.508109159705047</c:v>
                </c:pt>
                <c:pt idx="4820">
                  <c:v>19.512864403795266</c:v>
                </c:pt>
                <c:pt idx="4821">
                  <c:v>19.512864403795266</c:v>
                </c:pt>
                <c:pt idx="4822">
                  <c:v>19.512864403795266</c:v>
                </c:pt>
                <c:pt idx="4823">
                  <c:v>19.512864403795266</c:v>
                </c:pt>
                <c:pt idx="4824">
                  <c:v>19.517479787765165</c:v>
                </c:pt>
                <c:pt idx="4825">
                  <c:v>19.517479787765165</c:v>
                </c:pt>
                <c:pt idx="4826">
                  <c:v>19.517479787765165</c:v>
                </c:pt>
                <c:pt idx="4827">
                  <c:v>19.517479787765165</c:v>
                </c:pt>
                <c:pt idx="4828">
                  <c:v>19.517479787765165</c:v>
                </c:pt>
                <c:pt idx="4829">
                  <c:v>19.522235031855264</c:v>
                </c:pt>
                <c:pt idx="4830">
                  <c:v>19.522235031855264</c:v>
                </c:pt>
                <c:pt idx="4831">
                  <c:v>19.522235031855264</c:v>
                </c:pt>
                <c:pt idx="4832">
                  <c:v>19.522235031855264</c:v>
                </c:pt>
                <c:pt idx="4833">
                  <c:v>19.526990275945483</c:v>
                </c:pt>
                <c:pt idx="4834">
                  <c:v>19.526990275945483</c:v>
                </c:pt>
                <c:pt idx="4835">
                  <c:v>19.531605659915382</c:v>
                </c:pt>
                <c:pt idx="4836">
                  <c:v>19.531605659915382</c:v>
                </c:pt>
                <c:pt idx="4837">
                  <c:v>19.531605659915382</c:v>
                </c:pt>
                <c:pt idx="4838">
                  <c:v>19.531605659915382</c:v>
                </c:pt>
                <c:pt idx="4839">
                  <c:v>19.536360904005477</c:v>
                </c:pt>
                <c:pt idx="4840">
                  <c:v>19.536360904005477</c:v>
                </c:pt>
                <c:pt idx="4841">
                  <c:v>19.536360904005477</c:v>
                </c:pt>
                <c:pt idx="4842">
                  <c:v>19.536360904005477</c:v>
                </c:pt>
                <c:pt idx="4843">
                  <c:v>19.541116148095696</c:v>
                </c:pt>
                <c:pt idx="4844">
                  <c:v>19.541116148095696</c:v>
                </c:pt>
                <c:pt idx="4845">
                  <c:v>19.541116148095696</c:v>
                </c:pt>
                <c:pt idx="4846">
                  <c:v>19.545731532065595</c:v>
                </c:pt>
                <c:pt idx="4847">
                  <c:v>19.545731532065595</c:v>
                </c:pt>
                <c:pt idx="4848">
                  <c:v>19.55048677615569</c:v>
                </c:pt>
                <c:pt idx="4849">
                  <c:v>19.55048677615569</c:v>
                </c:pt>
                <c:pt idx="4850">
                  <c:v>19.55524202024591</c:v>
                </c:pt>
                <c:pt idx="4851">
                  <c:v>19.55524202024591</c:v>
                </c:pt>
                <c:pt idx="4852">
                  <c:v>19.559997264336133</c:v>
                </c:pt>
                <c:pt idx="4853">
                  <c:v>19.559997264336133</c:v>
                </c:pt>
                <c:pt idx="4854">
                  <c:v>19.564612648306031</c:v>
                </c:pt>
                <c:pt idx="4855">
                  <c:v>19.564612648306031</c:v>
                </c:pt>
                <c:pt idx="4856">
                  <c:v>19.564612648306031</c:v>
                </c:pt>
                <c:pt idx="4857">
                  <c:v>19.569367892396127</c:v>
                </c:pt>
                <c:pt idx="4858">
                  <c:v>19.569367892396127</c:v>
                </c:pt>
                <c:pt idx="4859">
                  <c:v>19.569367892396127</c:v>
                </c:pt>
                <c:pt idx="4860">
                  <c:v>19.574123136486346</c:v>
                </c:pt>
                <c:pt idx="4861">
                  <c:v>19.574123136486346</c:v>
                </c:pt>
                <c:pt idx="4862">
                  <c:v>19.574123136486346</c:v>
                </c:pt>
                <c:pt idx="4863">
                  <c:v>19.578738520456245</c:v>
                </c:pt>
                <c:pt idx="4864">
                  <c:v>19.578738520456245</c:v>
                </c:pt>
                <c:pt idx="4865">
                  <c:v>19.578738520456245</c:v>
                </c:pt>
                <c:pt idx="4866">
                  <c:v>19.58349376454634</c:v>
                </c:pt>
                <c:pt idx="4867">
                  <c:v>19.58349376454634</c:v>
                </c:pt>
                <c:pt idx="4868">
                  <c:v>19.588249008636559</c:v>
                </c:pt>
                <c:pt idx="4869">
                  <c:v>19.588249008636559</c:v>
                </c:pt>
                <c:pt idx="4870">
                  <c:v>19.588249008636559</c:v>
                </c:pt>
                <c:pt idx="4871">
                  <c:v>19.588249008636559</c:v>
                </c:pt>
                <c:pt idx="4872">
                  <c:v>19.592864392606458</c:v>
                </c:pt>
                <c:pt idx="4873">
                  <c:v>19.592864392606458</c:v>
                </c:pt>
                <c:pt idx="4874">
                  <c:v>19.592864392606458</c:v>
                </c:pt>
                <c:pt idx="4875">
                  <c:v>19.592864392606458</c:v>
                </c:pt>
                <c:pt idx="4876">
                  <c:v>19.597619636696557</c:v>
                </c:pt>
                <c:pt idx="4877">
                  <c:v>19.597619636696557</c:v>
                </c:pt>
                <c:pt idx="4878">
                  <c:v>19.597619636696557</c:v>
                </c:pt>
                <c:pt idx="4879">
                  <c:v>19.602374880786776</c:v>
                </c:pt>
                <c:pt idx="4880">
                  <c:v>19.602374880786776</c:v>
                </c:pt>
                <c:pt idx="4881">
                  <c:v>19.602374880786776</c:v>
                </c:pt>
                <c:pt idx="4882">
                  <c:v>19.606990264756675</c:v>
                </c:pt>
                <c:pt idx="4883">
                  <c:v>19.606990264756675</c:v>
                </c:pt>
                <c:pt idx="4884">
                  <c:v>19.606990264756675</c:v>
                </c:pt>
                <c:pt idx="4885">
                  <c:v>19.606990264756675</c:v>
                </c:pt>
                <c:pt idx="4886">
                  <c:v>19.606990264756675</c:v>
                </c:pt>
                <c:pt idx="4887">
                  <c:v>19.606990264756675</c:v>
                </c:pt>
                <c:pt idx="4888">
                  <c:v>19.606990264756675</c:v>
                </c:pt>
                <c:pt idx="4889">
                  <c:v>19.611745508846894</c:v>
                </c:pt>
                <c:pt idx="4890">
                  <c:v>19.611745508846894</c:v>
                </c:pt>
                <c:pt idx="4891">
                  <c:v>19.611745508846894</c:v>
                </c:pt>
                <c:pt idx="4892">
                  <c:v>19.616500752936989</c:v>
                </c:pt>
                <c:pt idx="4893">
                  <c:v>19.616500752936989</c:v>
                </c:pt>
                <c:pt idx="4894">
                  <c:v>19.616500752936989</c:v>
                </c:pt>
                <c:pt idx="4895">
                  <c:v>19.621116136906888</c:v>
                </c:pt>
                <c:pt idx="4896">
                  <c:v>19.625871380997108</c:v>
                </c:pt>
                <c:pt idx="4897">
                  <c:v>19.625871380997108</c:v>
                </c:pt>
                <c:pt idx="4898">
                  <c:v>19.630626625087203</c:v>
                </c:pt>
                <c:pt idx="4899">
                  <c:v>19.630626625087203</c:v>
                </c:pt>
                <c:pt idx="4900">
                  <c:v>19.630626625087203</c:v>
                </c:pt>
                <c:pt idx="4901">
                  <c:v>19.635242009057102</c:v>
                </c:pt>
                <c:pt idx="4902">
                  <c:v>19.635242009057102</c:v>
                </c:pt>
                <c:pt idx="4903">
                  <c:v>19.635242009057102</c:v>
                </c:pt>
                <c:pt idx="4904">
                  <c:v>19.639997253147321</c:v>
                </c:pt>
                <c:pt idx="4905">
                  <c:v>19.639997253147321</c:v>
                </c:pt>
                <c:pt idx="4906">
                  <c:v>19.639997253147321</c:v>
                </c:pt>
                <c:pt idx="4907">
                  <c:v>19.64475249723742</c:v>
                </c:pt>
                <c:pt idx="4908">
                  <c:v>19.64475249723742</c:v>
                </c:pt>
                <c:pt idx="4909">
                  <c:v>19.649367881207318</c:v>
                </c:pt>
                <c:pt idx="4910">
                  <c:v>19.649367881207318</c:v>
                </c:pt>
                <c:pt idx="4911">
                  <c:v>19.654123125297538</c:v>
                </c:pt>
                <c:pt idx="4912">
                  <c:v>19.654123125297538</c:v>
                </c:pt>
                <c:pt idx="4913">
                  <c:v>19.658878369387757</c:v>
                </c:pt>
                <c:pt idx="4914">
                  <c:v>19.658878369387757</c:v>
                </c:pt>
                <c:pt idx="4915">
                  <c:v>19.658878369387757</c:v>
                </c:pt>
                <c:pt idx="4916">
                  <c:v>19.663493753357532</c:v>
                </c:pt>
                <c:pt idx="4917">
                  <c:v>19.663493753357532</c:v>
                </c:pt>
                <c:pt idx="4918">
                  <c:v>19.663493753357532</c:v>
                </c:pt>
                <c:pt idx="4919">
                  <c:v>19.663493753357532</c:v>
                </c:pt>
                <c:pt idx="4920">
                  <c:v>19.668248997447751</c:v>
                </c:pt>
                <c:pt idx="4921">
                  <c:v>19.668248997447751</c:v>
                </c:pt>
                <c:pt idx="4922">
                  <c:v>19.668248997447751</c:v>
                </c:pt>
                <c:pt idx="4923">
                  <c:v>19.668248997447751</c:v>
                </c:pt>
                <c:pt idx="4924">
                  <c:v>19.668248997447751</c:v>
                </c:pt>
                <c:pt idx="4925">
                  <c:v>19.668248997447751</c:v>
                </c:pt>
                <c:pt idx="4926">
                  <c:v>19.668248997447751</c:v>
                </c:pt>
                <c:pt idx="4927">
                  <c:v>19.668248997447751</c:v>
                </c:pt>
                <c:pt idx="4928">
                  <c:v>19.673004241537971</c:v>
                </c:pt>
                <c:pt idx="4929">
                  <c:v>19.673004241537971</c:v>
                </c:pt>
                <c:pt idx="4930">
                  <c:v>19.673004241537971</c:v>
                </c:pt>
                <c:pt idx="4931">
                  <c:v>19.673004241537971</c:v>
                </c:pt>
                <c:pt idx="4932">
                  <c:v>19.673004241537971</c:v>
                </c:pt>
                <c:pt idx="4933">
                  <c:v>19.673004241537971</c:v>
                </c:pt>
                <c:pt idx="4934">
                  <c:v>19.677619625507745</c:v>
                </c:pt>
                <c:pt idx="4935">
                  <c:v>19.677619625507745</c:v>
                </c:pt>
                <c:pt idx="4936">
                  <c:v>19.677619625507745</c:v>
                </c:pt>
                <c:pt idx="4937">
                  <c:v>19.682374869597965</c:v>
                </c:pt>
                <c:pt idx="4938">
                  <c:v>19.682374869597965</c:v>
                </c:pt>
                <c:pt idx="4939">
                  <c:v>19.687130113688188</c:v>
                </c:pt>
                <c:pt idx="4940">
                  <c:v>19.687130113688188</c:v>
                </c:pt>
                <c:pt idx="4941">
                  <c:v>19.691745497658086</c:v>
                </c:pt>
                <c:pt idx="4942">
                  <c:v>19.691745497658086</c:v>
                </c:pt>
                <c:pt idx="4943">
                  <c:v>19.691745497658086</c:v>
                </c:pt>
                <c:pt idx="4944">
                  <c:v>19.696500741748181</c:v>
                </c:pt>
                <c:pt idx="4945">
                  <c:v>19.696500741748181</c:v>
                </c:pt>
                <c:pt idx="4946">
                  <c:v>19.701255985838401</c:v>
                </c:pt>
                <c:pt idx="4947">
                  <c:v>19.701255985838401</c:v>
                </c:pt>
                <c:pt idx="4948">
                  <c:v>19.705871369808303</c:v>
                </c:pt>
                <c:pt idx="4949">
                  <c:v>19.705871369808303</c:v>
                </c:pt>
                <c:pt idx="4950">
                  <c:v>19.705871369808303</c:v>
                </c:pt>
                <c:pt idx="4951">
                  <c:v>19.710626613898395</c:v>
                </c:pt>
                <c:pt idx="4952">
                  <c:v>19.710626613898395</c:v>
                </c:pt>
                <c:pt idx="4953">
                  <c:v>19.710626613898395</c:v>
                </c:pt>
                <c:pt idx="4954">
                  <c:v>19.715381857988614</c:v>
                </c:pt>
                <c:pt idx="4955">
                  <c:v>19.715381857988614</c:v>
                </c:pt>
                <c:pt idx="4956">
                  <c:v>19.715381857988614</c:v>
                </c:pt>
                <c:pt idx="4957">
                  <c:v>19.719997241958517</c:v>
                </c:pt>
                <c:pt idx="4958">
                  <c:v>19.719997241958517</c:v>
                </c:pt>
                <c:pt idx="4959">
                  <c:v>19.724752486048608</c:v>
                </c:pt>
                <c:pt idx="4960">
                  <c:v>19.724752486048608</c:v>
                </c:pt>
                <c:pt idx="4961">
                  <c:v>19.724752486048608</c:v>
                </c:pt>
                <c:pt idx="4962">
                  <c:v>19.724752486048608</c:v>
                </c:pt>
                <c:pt idx="4963">
                  <c:v>19.724752486048608</c:v>
                </c:pt>
                <c:pt idx="4964">
                  <c:v>19.724752486048608</c:v>
                </c:pt>
                <c:pt idx="4965">
                  <c:v>19.724752486048608</c:v>
                </c:pt>
                <c:pt idx="4966">
                  <c:v>19.724752486048608</c:v>
                </c:pt>
                <c:pt idx="4967">
                  <c:v>19.724752486048608</c:v>
                </c:pt>
                <c:pt idx="4968">
                  <c:v>19.724752486048608</c:v>
                </c:pt>
                <c:pt idx="4969">
                  <c:v>19.724752486048608</c:v>
                </c:pt>
                <c:pt idx="4970">
                  <c:v>19.729507730138831</c:v>
                </c:pt>
                <c:pt idx="4971">
                  <c:v>19.729507730138831</c:v>
                </c:pt>
                <c:pt idx="4972">
                  <c:v>19.729507730138831</c:v>
                </c:pt>
                <c:pt idx="4973">
                  <c:v>19.734262974229051</c:v>
                </c:pt>
                <c:pt idx="4974">
                  <c:v>19.734262974229051</c:v>
                </c:pt>
                <c:pt idx="4975">
                  <c:v>19.734262974229051</c:v>
                </c:pt>
                <c:pt idx="4976">
                  <c:v>19.738878358198825</c:v>
                </c:pt>
                <c:pt idx="4977">
                  <c:v>19.738878358198825</c:v>
                </c:pt>
                <c:pt idx="4978">
                  <c:v>19.743633602289044</c:v>
                </c:pt>
                <c:pt idx="4979">
                  <c:v>19.743633602289044</c:v>
                </c:pt>
                <c:pt idx="4980">
                  <c:v>19.743633602289044</c:v>
                </c:pt>
                <c:pt idx="4981">
                  <c:v>19.748388846379264</c:v>
                </c:pt>
                <c:pt idx="4982">
                  <c:v>19.748388846379264</c:v>
                </c:pt>
                <c:pt idx="4983">
                  <c:v>19.753004230349166</c:v>
                </c:pt>
                <c:pt idx="4984">
                  <c:v>19.753004230349166</c:v>
                </c:pt>
                <c:pt idx="4985">
                  <c:v>19.757759474439258</c:v>
                </c:pt>
                <c:pt idx="4986">
                  <c:v>19.757759474439258</c:v>
                </c:pt>
                <c:pt idx="4987">
                  <c:v>19.757759474439258</c:v>
                </c:pt>
                <c:pt idx="4988">
                  <c:v>19.762514718529477</c:v>
                </c:pt>
                <c:pt idx="4989">
                  <c:v>19.762514718529477</c:v>
                </c:pt>
                <c:pt idx="4990">
                  <c:v>19.76713010249938</c:v>
                </c:pt>
                <c:pt idx="4991">
                  <c:v>19.76713010249938</c:v>
                </c:pt>
                <c:pt idx="4992">
                  <c:v>19.771885346589475</c:v>
                </c:pt>
                <c:pt idx="4993">
                  <c:v>19.771885346589475</c:v>
                </c:pt>
                <c:pt idx="4994">
                  <c:v>19.771885346589475</c:v>
                </c:pt>
                <c:pt idx="4995">
                  <c:v>19.776640590679694</c:v>
                </c:pt>
                <c:pt idx="4996">
                  <c:v>19.776640590679694</c:v>
                </c:pt>
                <c:pt idx="4997">
                  <c:v>19.776640590679694</c:v>
                </c:pt>
                <c:pt idx="4998">
                  <c:v>19.781255974649596</c:v>
                </c:pt>
                <c:pt idx="4999">
                  <c:v>19.781255974649596</c:v>
                </c:pt>
                <c:pt idx="5000">
                  <c:v>19.781255974649596</c:v>
                </c:pt>
                <c:pt idx="5001">
                  <c:v>19.786011218739688</c:v>
                </c:pt>
                <c:pt idx="5002">
                  <c:v>19.786011218739688</c:v>
                </c:pt>
                <c:pt idx="5003">
                  <c:v>19.786011218739688</c:v>
                </c:pt>
                <c:pt idx="5004">
                  <c:v>19.790766462829907</c:v>
                </c:pt>
                <c:pt idx="5005">
                  <c:v>19.790766462829907</c:v>
                </c:pt>
                <c:pt idx="5006">
                  <c:v>19.790766462829907</c:v>
                </c:pt>
                <c:pt idx="5007">
                  <c:v>19.790766462829907</c:v>
                </c:pt>
                <c:pt idx="5008">
                  <c:v>19.79538184679981</c:v>
                </c:pt>
                <c:pt idx="5009">
                  <c:v>19.79538184679981</c:v>
                </c:pt>
                <c:pt idx="5010">
                  <c:v>19.79538184679981</c:v>
                </c:pt>
                <c:pt idx="5011">
                  <c:v>19.79538184679981</c:v>
                </c:pt>
                <c:pt idx="5012">
                  <c:v>19.79538184679981</c:v>
                </c:pt>
                <c:pt idx="5013">
                  <c:v>19.800137090890026</c:v>
                </c:pt>
                <c:pt idx="5014">
                  <c:v>19.800137090890026</c:v>
                </c:pt>
                <c:pt idx="5015">
                  <c:v>19.800137090890026</c:v>
                </c:pt>
                <c:pt idx="5016">
                  <c:v>19.800137090890026</c:v>
                </c:pt>
                <c:pt idx="5017">
                  <c:v>19.804892334980121</c:v>
                </c:pt>
                <c:pt idx="5018">
                  <c:v>19.804892334980121</c:v>
                </c:pt>
                <c:pt idx="5019">
                  <c:v>19.804892334980121</c:v>
                </c:pt>
                <c:pt idx="5020">
                  <c:v>19.809507718950023</c:v>
                </c:pt>
                <c:pt idx="5021">
                  <c:v>19.809507718950023</c:v>
                </c:pt>
                <c:pt idx="5022">
                  <c:v>19.809507718950023</c:v>
                </c:pt>
                <c:pt idx="5023">
                  <c:v>19.814262963040239</c:v>
                </c:pt>
                <c:pt idx="5024">
                  <c:v>19.814262963040239</c:v>
                </c:pt>
                <c:pt idx="5025">
                  <c:v>19.814262963040239</c:v>
                </c:pt>
                <c:pt idx="5026">
                  <c:v>19.814262963040239</c:v>
                </c:pt>
                <c:pt idx="5027">
                  <c:v>19.819018207130338</c:v>
                </c:pt>
                <c:pt idx="5028">
                  <c:v>19.819018207130338</c:v>
                </c:pt>
                <c:pt idx="5029">
                  <c:v>19.819018207130338</c:v>
                </c:pt>
                <c:pt idx="5030">
                  <c:v>19.82363359110024</c:v>
                </c:pt>
                <c:pt idx="5031">
                  <c:v>19.82363359110024</c:v>
                </c:pt>
                <c:pt idx="5032">
                  <c:v>19.82363359110024</c:v>
                </c:pt>
                <c:pt idx="5033">
                  <c:v>19.82363359110024</c:v>
                </c:pt>
                <c:pt idx="5034">
                  <c:v>19.828388835190456</c:v>
                </c:pt>
                <c:pt idx="5035">
                  <c:v>19.828388835190456</c:v>
                </c:pt>
                <c:pt idx="5036">
                  <c:v>19.828388835190456</c:v>
                </c:pt>
                <c:pt idx="5037">
                  <c:v>19.833144079280551</c:v>
                </c:pt>
                <c:pt idx="5038">
                  <c:v>19.833144079280551</c:v>
                </c:pt>
                <c:pt idx="5039">
                  <c:v>19.833144079280551</c:v>
                </c:pt>
                <c:pt idx="5040">
                  <c:v>19.833144079280551</c:v>
                </c:pt>
                <c:pt idx="5041">
                  <c:v>19.833144079280551</c:v>
                </c:pt>
                <c:pt idx="5042">
                  <c:v>19.833144079280551</c:v>
                </c:pt>
                <c:pt idx="5043">
                  <c:v>19.833144079280551</c:v>
                </c:pt>
                <c:pt idx="5044">
                  <c:v>19.833144079280551</c:v>
                </c:pt>
                <c:pt idx="5045">
                  <c:v>19.837759463250453</c:v>
                </c:pt>
                <c:pt idx="5046">
                  <c:v>19.837759463250453</c:v>
                </c:pt>
                <c:pt idx="5047">
                  <c:v>19.837759463250453</c:v>
                </c:pt>
                <c:pt idx="5048">
                  <c:v>19.837759463250453</c:v>
                </c:pt>
                <c:pt idx="5049">
                  <c:v>19.837759463250453</c:v>
                </c:pt>
                <c:pt idx="5050">
                  <c:v>19.842514707340669</c:v>
                </c:pt>
                <c:pt idx="5051">
                  <c:v>19.842514707340669</c:v>
                </c:pt>
                <c:pt idx="5052">
                  <c:v>19.842514707340669</c:v>
                </c:pt>
                <c:pt idx="5053">
                  <c:v>19.842514707340669</c:v>
                </c:pt>
                <c:pt idx="5054">
                  <c:v>19.847269951430889</c:v>
                </c:pt>
                <c:pt idx="5055">
                  <c:v>19.847269951430889</c:v>
                </c:pt>
                <c:pt idx="5056">
                  <c:v>19.847269951430889</c:v>
                </c:pt>
                <c:pt idx="5057">
                  <c:v>19.851885335400667</c:v>
                </c:pt>
                <c:pt idx="5058">
                  <c:v>19.851885335400667</c:v>
                </c:pt>
                <c:pt idx="5059">
                  <c:v>19.856640579490886</c:v>
                </c:pt>
                <c:pt idx="5060">
                  <c:v>19.856640579490886</c:v>
                </c:pt>
                <c:pt idx="5061">
                  <c:v>19.861395823581105</c:v>
                </c:pt>
                <c:pt idx="5062">
                  <c:v>19.861395823581105</c:v>
                </c:pt>
                <c:pt idx="5063">
                  <c:v>19.866011207550883</c:v>
                </c:pt>
                <c:pt idx="5064">
                  <c:v>19.866011207550883</c:v>
                </c:pt>
                <c:pt idx="5065">
                  <c:v>19.866011207550883</c:v>
                </c:pt>
                <c:pt idx="5066">
                  <c:v>19.870766451641099</c:v>
                </c:pt>
                <c:pt idx="5067">
                  <c:v>19.870766451641099</c:v>
                </c:pt>
                <c:pt idx="5068">
                  <c:v>19.870766451641099</c:v>
                </c:pt>
                <c:pt idx="5069">
                  <c:v>19.875521695731319</c:v>
                </c:pt>
                <c:pt idx="5070">
                  <c:v>19.875521695731319</c:v>
                </c:pt>
                <c:pt idx="5071">
                  <c:v>19.875521695731319</c:v>
                </c:pt>
                <c:pt idx="5072">
                  <c:v>19.880137079701221</c:v>
                </c:pt>
                <c:pt idx="5073">
                  <c:v>19.880137079701221</c:v>
                </c:pt>
                <c:pt idx="5074">
                  <c:v>19.880137079701221</c:v>
                </c:pt>
                <c:pt idx="5075">
                  <c:v>19.884892323791313</c:v>
                </c:pt>
                <c:pt idx="5076">
                  <c:v>19.884892323791313</c:v>
                </c:pt>
                <c:pt idx="5077">
                  <c:v>19.884892323791313</c:v>
                </c:pt>
                <c:pt idx="5078">
                  <c:v>19.889647567881532</c:v>
                </c:pt>
                <c:pt idx="5079">
                  <c:v>19.889647567881532</c:v>
                </c:pt>
                <c:pt idx="5080">
                  <c:v>19.889647567881532</c:v>
                </c:pt>
                <c:pt idx="5081">
                  <c:v>19.889647567881532</c:v>
                </c:pt>
                <c:pt idx="5082">
                  <c:v>19.889647567881532</c:v>
                </c:pt>
                <c:pt idx="5083">
                  <c:v>19.894262951851434</c:v>
                </c:pt>
                <c:pt idx="5084">
                  <c:v>19.894262951851434</c:v>
                </c:pt>
                <c:pt idx="5085">
                  <c:v>19.894262951851434</c:v>
                </c:pt>
                <c:pt idx="5086">
                  <c:v>19.89901819594153</c:v>
                </c:pt>
                <c:pt idx="5087">
                  <c:v>19.89901819594153</c:v>
                </c:pt>
                <c:pt idx="5088">
                  <c:v>19.89901819594153</c:v>
                </c:pt>
                <c:pt idx="5089">
                  <c:v>19.903773440031749</c:v>
                </c:pt>
                <c:pt idx="5090">
                  <c:v>19.903773440031749</c:v>
                </c:pt>
                <c:pt idx="5091">
                  <c:v>19.903773440031749</c:v>
                </c:pt>
                <c:pt idx="5092">
                  <c:v>19.908388824001651</c:v>
                </c:pt>
                <c:pt idx="5093">
                  <c:v>19.908388824001651</c:v>
                </c:pt>
                <c:pt idx="5094">
                  <c:v>19.913144068091746</c:v>
                </c:pt>
                <c:pt idx="5095">
                  <c:v>19.913144068091746</c:v>
                </c:pt>
                <c:pt idx="5096">
                  <c:v>19.913144068091746</c:v>
                </c:pt>
                <c:pt idx="5097">
                  <c:v>19.917899312181962</c:v>
                </c:pt>
                <c:pt idx="5098">
                  <c:v>19.917899312181962</c:v>
                </c:pt>
                <c:pt idx="5099">
                  <c:v>19.917899312181962</c:v>
                </c:pt>
                <c:pt idx="5100">
                  <c:v>19.922654556272182</c:v>
                </c:pt>
                <c:pt idx="5101">
                  <c:v>19.922654556272182</c:v>
                </c:pt>
                <c:pt idx="5102">
                  <c:v>19.922654556272182</c:v>
                </c:pt>
                <c:pt idx="5103">
                  <c:v>19.927269940242084</c:v>
                </c:pt>
                <c:pt idx="5104">
                  <c:v>19.927269940242084</c:v>
                </c:pt>
                <c:pt idx="5105">
                  <c:v>19.932025184332176</c:v>
                </c:pt>
                <c:pt idx="5106">
                  <c:v>19.932025184332176</c:v>
                </c:pt>
                <c:pt idx="5107">
                  <c:v>19.936780428422395</c:v>
                </c:pt>
                <c:pt idx="5108">
                  <c:v>19.936780428422395</c:v>
                </c:pt>
                <c:pt idx="5109">
                  <c:v>19.936780428422395</c:v>
                </c:pt>
                <c:pt idx="5110">
                  <c:v>19.941395812392297</c:v>
                </c:pt>
                <c:pt idx="5111">
                  <c:v>19.941395812392297</c:v>
                </c:pt>
                <c:pt idx="5112">
                  <c:v>19.941395812392297</c:v>
                </c:pt>
                <c:pt idx="5113">
                  <c:v>19.946151056482393</c:v>
                </c:pt>
                <c:pt idx="5114">
                  <c:v>19.946151056482393</c:v>
                </c:pt>
                <c:pt idx="5115">
                  <c:v>19.946151056482393</c:v>
                </c:pt>
                <c:pt idx="5116">
                  <c:v>19.950906300572612</c:v>
                </c:pt>
                <c:pt idx="5117">
                  <c:v>19.950906300572612</c:v>
                </c:pt>
                <c:pt idx="5118">
                  <c:v>19.950906300572612</c:v>
                </c:pt>
                <c:pt idx="5119">
                  <c:v>19.950906300572612</c:v>
                </c:pt>
                <c:pt idx="5120">
                  <c:v>19.955521684542514</c:v>
                </c:pt>
                <c:pt idx="5121">
                  <c:v>19.955521684542514</c:v>
                </c:pt>
                <c:pt idx="5122">
                  <c:v>19.960276928632606</c:v>
                </c:pt>
                <c:pt idx="5123">
                  <c:v>19.960276928632606</c:v>
                </c:pt>
                <c:pt idx="5124">
                  <c:v>19.960276928632606</c:v>
                </c:pt>
                <c:pt idx="5125">
                  <c:v>19.960276928632606</c:v>
                </c:pt>
                <c:pt idx="5126">
                  <c:v>19.965032172722825</c:v>
                </c:pt>
                <c:pt idx="5127">
                  <c:v>19.965032172722825</c:v>
                </c:pt>
                <c:pt idx="5128">
                  <c:v>19.965032172722825</c:v>
                </c:pt>
                <c:pt idx="5129">
                  <c:v>19.969647556692728</c:v>
                </c:pt>
                <c:pt idx="5130">
                  <c:v>19.969647556692728</c:v>
                </c:pt>
                <c:pt idx="5131">
                  <c:v>19.969647556692728</c:v>
                </c:pt>
                <c:pt idx="5132">
                  <c:v>19.969647556692728</c:v>
                </c:pt>
                <c:pt idx="5133">
                  <c:v>19.974402800782819</c:v>
                </c:pt>
                <c:pt idx="5134">
                  <c:v>19.974402800782819</c:v>
                </c:pt>
                <c:pt idx="5135">
                  <c:v>19.974402800782819</c:v>
                </c:pt>
                <c:pt idx="5136">
                  <c:v>19.974402800782819</c:v>
                </c:pt>
                <c:pt idx="5137">
                  <c:v>19.979158044873042</c:v>
                </c:pt>
                <c:pt idx="5138">
                  <c:v>19.979158044873042</c:v>
                </c:pt>
                <c:pt idx="5139">
                  <c:v>19.979158044873042</c:v>
                </c:pt>
                <c:pt idx="5140">
                  <c:v>19.983773428842941</c:v>
                </c:pt>
                <c:pt idx="5141">
                  <c:v>19.983773428842941</c:v>
                </c:pt>
                <c:pt idx="5142">
                  <c:v>19.988528672933164</c:v>
                </c:pt>
                <c:pt idx="5143">
                  <c:v>19.988528672933164</c:v>
                </c:pt>
                <c:pt idx="5144">
                  <c:v>19.988528672933164</c:v>
                </c:pt>
                <c:pt idx="5145">
                  <c:v>19.993283917023255</c:v>
                </c:pt>
                <c:pt idx="5146">
                  <c:v>19.993283917023255</c:v>
                </c:pt>
                <c:pt idx="5147">
                  <c:v>19.993283917023255</c:v>
                </c:pt>
                <c:pt idx="5148">
                  <c:v>19.997899300993158</c:v>
                </c:pt>
                <c:pt idx="5149">
                  <c:v>19.997899300993158</c:v>
                </c:pt>
                <c:pt idx="5150">
                  <c:v>19.997899300993158</c:v>
                </c:pt>
                <c:pt idx="5151">
                  <c:v>19.997899300993158</c:v>
                </c:pt>
                <c:pt idx="5152">
                  <c:v>19.997899300993158</c:v>
                </c:pt>
                <c:pt idx="5153">
                  <c:v>20.002654545083377</c:v>
                </c:pt>
                <c:pt idx="5154">
                  <c:v>20.002654545083377</c:v>
                </c:pt>
                <c:pt idx="5155">
                  <c:v>20.002654545083377</c:v>
                </c:pt>
                <c:pt idx="5156">
                  <c:v>20.007409789173469</c:v>
                </c:pt>
                <c:pt idx="5157">
                  <c:v>20.007409789173469</c:v>
                </c:pt>
                <c:pt idx="5158">
                  <c:v>20.007409789173469</c:v>
                </c:pt>
                <c:pt idx="5159">
                  <c:v>20.012025173143371</c:v>
                </c:pt>
                <c:pt idx="5160">
                  <c:v>20.012025173143371</c:v>
                </c:pt>
                <c:pt idx="5161">
                  <c:v>20.012025173143371</c:v>
                </c:pt>
                <c:pt idx="5162">
                  <c:v>20.016780417233591</c:v>
                </c:pt>
                <c:pt idx="5163">
                  <c:v>20.016780417233591</c:v>
                </c:pt>
                <c:pt idx="5164">
                  <c:v>20.016780417233591</c:v>
                </c:pt>
                <c:pt idx="5165">
                  <c:v>20.021535661323686</c:v>
                </c:pt>
                <c:pt idx="5166">
                  <c:v>20.021535661323686</c:v>
                </c:pt>
                <c:pt idx="5167">
                  <c:v>20.026151045293588</c:v>
                </c:pt>
                <c:pt idx="5168">
                  <c:v>20.026151045293588</c:v>
                </c:pt>
                <c:pt idx="5169">
                  <c:v>20.026151045293588</c:v>
                </c:pt>
                <c:pt idx="5170">
                  <c:v>20.030906289383807</c:v>
                </c:pt>
                <c:pt idx="5171">
                  <c:v>20.030906289383807</c:v>
                </c:pt>
                <c:pt idx="5172">
                  <c:v>20.030906289383807</c:v>
                </c:pt>
                <c:pt idx="5173">
                  <c:v>20.035661533474027</c:v>
                </c:pt>
                <c:pt idx="5174">
                  <c:v>20.035661533474027</c:v>
                </c:pt>
                <c:pt idx="5175">
                  <c:v>20.040276917443801</c:v>
                </c:pt>
                <c:pt idx="5176">
                  <c:v>20.040276917443801</c:v>
                </c:pt>
                <c:pt idx="5177">
                  <c:v>20.040276917443801</c:v>
                </c:pt>
                <c:pt idx="5178">
                  <c:v>20.045032161534021</c:v>
                </c:pt>
                <c:pt idx="5179">
                  <c:v>20.045032161534021</c:v>
                </c:pt>
                <c:pt idx="5180">
                  <c:v>20.045032161534021</c:v>
                </c:pt>
                <c:pt idx="5181">
                  <c:v>20.04978740562424</c:v>
                </c:pt>
                <c:pt idx="5182">
                  <c:v>20.04978740562424</c:v>
                </c:pt>
                <c:pt idx="5183">
                  <c:v>20.04978740562424</c:v>
                </c:pt>
                <c:pt idx="5184">
                  <c:v>20.04978740562424</c:v>
                </c:pt>
                <c:pt idx="5185">
                  <c:v>20.054402789594015</c:v>
                </c:pt>
                <c:pt idx="5186">
                  <c:v>20.054402789594015</c:v>
                </c:pt>
                <c:pt idx="5187">
                  <c:v>20.054402789594015</c:v>
                </c:pt>
                <c:pt idx="5188">
                  <c:v>20.054402789594015</c:v>
                </c:pt>
                <c:pt idx="5189">
                  <c:v>20.054402789594015</c:v>
                </c:pt>
                <c:pt idx="5190">
                  <c:v>20.054402789594015</c:v>
                </c:pt>
                <c:pt idx="5191">
                  <c:v>20.059158033684234</c:v>
                </c:pt>
                <c:pt idx="5192">
                  <c:v>20.059158033684234</c:v>
                </c:pt>
                <c:pt idx="5193">
                  <c:v>20.059158033684234</c:v>
                </c:pt>
                <c:pt idx="5194">
                  <c:v>20.059158033684234</c:v>
                </c:pt>
                <c:pt idx="5195">
                  <c:v>20.063913277774454</c:v>
                </c:pt>
                <c:pt idx="5196">
                  <c:v>20.063913277774454</c:v>
                </c:pt>
                <c:pt idx="5197">
                  <c:v>20.063913277774454</c:v>
                </c:pt>
                <c:pt idx="5198">
                  <c:v>20.068528661744352</c:v>
                </c:pt>
                <c:pt idx="5199">
                  <c:v>20.068528661744352</c:v>
                </c:pt>
                <c:pt idx="5200">
                  <c:v>20.068528661744352</c:v>
                </c:pt>
                <c:pt idx="5201">
                  <c:v>20.073283905834451</c:v>
                </c:pt>
                <c:pt idx="5202">
                  <c:v>20.073283905834451</c:v>
                </c:pt>
                <c:pt idx="5203">
                  <c:v>20.073283905834451</c:v>
                </c:pt>
                <c:pt idx="5204">
                  <c:v>20.073283905834451</c:v>
                </c:pt>
                <c:pt idx="5205">
                  <c:v>20.07803914992467</c:v>
                </c:pt>
                <c:pt idx="5206">
                  <c:v>20.07803914992467</c:v>
                </c:pt>
                <c:pt idx="5207">
                  <c:v>20.07803914992467</c:v>
                </c:pt>
                <c:pt idx="5208">
                  <c:v>20.07803914992467</c:v>
                </c:pt>
                <c:pt idx="5209">
                  <c:v>20.07803914992467</c:v>
                </c:pt>
                <c:pt idx="5210">
                  <c:v>20.082654533894569</c:v>
                </c:pt>
                <c:pt idx="5211">
                  <c:v>20.082654533894569</c:v>
                </c:pt>
                <c:pt idx="5212">
                  <c:v>20.082654533894569</c:v>
                </c:pt>
                <c:pt idx="5213">
                  <c:v>20.087409777984664</c:v>
                </c:pt>
                <c:pt idx="5214">
                  <c:v>20.087409777984664</c:v>
                </c:pt>
                <c:pt idx="5215">
                  <c:v>20.092165022074884</c:v>
                </c:pt>
                <c:pt idx="5216">
                  <c:v>20.092165022074884</c:v>
                </c:pt>
                <c:pt idx="5217">
                  <c:v>20.096780406044783</c:v>
                </c:pt>
                <c:pt idx="5218">
                  <c:v>20.096780406044783</c:v>
                </c:pt>
                <c:pt idx="5219">
                  <c:v>20.096780406044783</c:v>
                </c:pt>
                <c:pt idx="5220">
                  <c:v>20.096780406044783</c:v>
                </c:pt>
                <c:pt idx="5221">
                  <c:v>20.101535650134878</c:v>
                </c:pt>
                <c:pt idx="5222">
                  <c:v>20.101535650134878</c:v>
                </c:pt>
                <c:pt idx="5223">
                  <c:v>20.101535650134878</c:v>
                </c:pt>
                <c:pt idx="5224">
                  <c:v>20.101535650134878</c:v>
                </c:pt>
                <c:pt idx="5225">
                  <c:v>20.106290894225097</c:v>
                </c:pt>
                <c:pt idx="5226">
                  <c:v>20.106290894225097</c:v>
                </c:pt>
                <c:pt idx="5227">
                  <c:v>20.106290894225097</c:v>
                </c:pt>
                <c:pt idx="5228">
                  <c:v>20.106290894225097</c:v>
                </c:pt>
                <c:pt idx="5229">
                  <c:v>20.111046138315317</c:v>
                </c:pt>
                <c:pt idx="5230">
                  <c:v>20.111046138315317</c:v>
                </c:pt>
                <c:pt idx="5231">
                  <c:v>20.115661522285219</c:v>
                </c:pt>
                <c:pt idx="5232">
                  <c:v>20.115661522285219</c:v>
                </c:pt>
                <c:pt idx="5233">
                  <c:v>20.115661522285219</c:v>
                </c:pt>
                <c:pt idx="5234">
                  <c:v>20.120416766375314</c:v>
                </c:pt>
                <c:pt idx="5235">
                  <c:v>20.120416766375314</c:v>
                </c:pt>
                <c:pt idx="5236">
                  <c:v>20.12517201046553</c:v>
                </c:pt>
                <c:pt idx="5237">
                  <c:v>20.12517201046553</c:v>
                </c:pt>
                <c:pt idx="5238">
                  <c:v>20.12517201046553</c:v>
                </c:pt>
                <c:pt idx="5239">
                  <c:v>20.12517201046553</c:v>
                </c:pt>
                <c:pt idx="5240">
                  <c:v>20.12517201046553</c:v>
                </c:pt>
                <c:pt idx="5241">
                  <c:v>20.12517201046553</c:v>
                </c:pt>
                <c:pt idx="5242">
                  <c:v>20.129787394435432</c:v>
                </c:pt>
                <c:pt idx="5243">
                  <c:v>20.129787394435432</c:v>
                </c:pt>
                <c:pt idx="5244">
                  <c:v>20.129787394435432</c:v>
                </c:pt>
                <c:pt idx="5245">
                  <c:v>20.134542638525527</c:v>
                </c:pt>
                <c:pt idx="5246">
                  <c:v>20.134542638525527</c:v>
                </c:pt>
                <c:pt idx="5247">
                  <c:v>20.134542638525527</c:v>
                </c:pt>
                <c:pt idx="5248">
                  <c:v>20.134542638525527</c:v>
                </c:pt>
                <c:pt idx="5249">
                  <c:v>20.139297882615743</c:v>
                </c:pt>
                <c:pt idx="5250">
                  <c:v>20.139297882615743</c:v>
                </c:pt>
                <c:pt idx="5251">
                  <c:v>20.143913266585646</c:v>
                </c:pt>
                <c:pt idx="5252">
                  <c:v>20.143913266585646</c:v>
                </c:pt>
                <c:pt idx="5253">
                  <c:v>20.148668510675744</c:v>
                </c:pt>
                <c:pt idx="5254">
                  <c:v>20.148668510675744</c:v>
                </c:pt>
                <c:pt idx="5255">
                  <c:v>20.148668510675744</c:v>
                </c:pt>
                <c:pt idx="5256">
                  <c:v>20.148668510675744</c:v>
                </c:pt>
                <c:pt idx="5257">
                  <c:v>20.15342375476596</c:v>
                </c:pt>
                <c:pt idx="5258">
                  <c:v>20.15342375476596</c:v>
                </c:pt>
                <c:pt idx="5259">
                  <c:v>20.15342375476596</c:v>
                </c:pt>
                <c:pt idx="5260">
                  <c:v>20.158039138735862</c:v>
                </c:pt>
                <c:pt idx="5261">
                  <c:v>20.158039138735862</c:v>
                </c:pt>
                <c:pt idx="5262">
                  <c:v>20.158039138735862</c:v>
                </c:pt>
                <c:pt idx="5263">
                  <c:v>20.162794382825957</c:v>
                </c:pt>
                <c:pt idx="5264">
                  <c:v>20.162794382825957</c:v>
                </c:pt>
                <c:pt idx="5265">
                  <c:v>20.162794382825957</c:v>
                </c:pt>
                <c:pt idx="5266">
                  <c:v>20.167549626916173</c:v>
                </c:pt>
                <c:pt idx="5267">
                  <c:v>20.167549626916173</c:v>
                </c:pt>
                <c:pt idx="5268">
                  <c:v>20.167549626916173</c:v>
                </c:pt>
                <c:pt idx="5269">
                  <c:v>20.167549626916173</c:v>
                </c:pt>
                <c:pt idx="5270">
                  <c:v>20.172165010886076</c:v>
                </c:pt>
                <c:pt idx="5271">
                  <c:v>20.172165010886076</c:v>
                </c:pt>
                <c:pt idx="5272">
                  <c:v>20.172165010886076</c:v>
                </c:pt>
                <c:pt idx="5273">
                  <c:v>20.176920254976295</c:v>
                </c:pt>
                <c:pt idx="5274">
                  <c:v>20.176920254976295</c:v>
                </c:pt>
                <c:pt idx="5275">
                  <c:v>20.18167549906639</c:v>
                </c:pt>
                <c:pt idx="5276">
                  <c:v>20.18167549906639</c:v>
                </c:pt>
                <c:pt idx="5277">
                  <c:v>20.18167549906639</c:v>
                </c:pt>
                <c:pt idx="5278">
                  <c:v>20.18167549906639</c:v>
                </c:pt>
                <c:pt idx="5279">
                  <c:v>20.18167549906639</c:v>
                </c:pt>
                <c:pt idx="5280">
                  <c:v>20.186290883036289</c:v>
                </c:pt>
                <c:pt idx="5281">
                  <c:v>20.186290883036289</c:v>
                </c:pt>
                <c:pt idx="5282">
                  <c:v>20.186290883036289</c:v>
                </c:pt>
                <c:pt idx="5283">
                  <c:v>20.186290883036289</c:v>
                </c:pt>
                <c:pt idx="5284">
                  <c:v>20.186290883036289</c:v>
                </c:pt>
                <c:pt idx="5285">
                  <c:v>20.186290883036289</c:v>
                </c:pt>
                <c:pt idx="5286">
                  <c:v>20.186290883036289</c:v>
                </c:pt>
                <c:pt idx="5287">
                  <c:v>20.191046127126508</c:v>
                </c:pt>
                <c:pt idx="5288">
                  <c:v>20.191046127126508</c:v>
                </c:pt>
                <c:pt idx="5289">
                  <c:v>20.191046127126508</c:v>
                </c:pt>
                <c:pt idx="5290">
                  <c:v>20.191046127126508</c:v>
                </c:pt>
                <c:pt idx="5291">
                  <c:v>20.191046127126508</c:v>
                </c:pt>
                <c:pt idx="5292">
                  <c:v>20.191046127126508</c:v>
                </c:pt>
                <c:pt idx="5293">
                  <c:v>20.191046127126508</c:v>
                </c:pt>
                <c:pt idx="5294">
                  <c:v>20.195801371216607</c:v>
                </c:pt>
                <c:pt idx="5295">
                  <c:v>20.195801371216607</c:v>
                </c:pt>
                <c:pt idx="5296">
                  <c:v>20.195801371216607</c:v>
                </c:pt>
                <c:pt idx="5297">
                  <c:v>20.195801371216607</c:v>
                </c:pt>
                <c:pt idx="5298">
                  <c:v>20.195801371216607</c:v>
                </c:pt>
                <c:pt idx="5299">
                  <c:v>20.195801371216607</c:v>
                </c:pt>
                <c:pt idx="5300">
                  <c:v>20.200416755186506</c:v>
                </c:pt>
                <c:pt idx="5301">
                  <c:v>20.200416755186506</c:v>
                </c:pt>
                <c:pt idx="5302">
                  <c:v>20.200416755186506</c:v>
                </c:pt>
                <c:pt idx="5303">
                  <c:v>20.200416755186506</c:v>
                </c:pt>
                <c:pt idx="5304">
                  <c:v>20.205171999276725</c:v>
                </c:pt>
                <c:pt idx="5305">
                  <c:v>20.205171999276725</c:v>
                </c:pt>
                <c:pt idx="5306">
                  <c:v>20.205171999276725</c:v>
                </c:pt>
                <c:pt idx="5307">
                  <c:v>20.205171999276725</c:v>
                </c:pt>
                <c:pt idx="5308">
                  <c:v>20.205171999276725</c:v>
                </c:pt>
                <c:pt idx="5309">
                  <c:v>20.20992724336682</c:v>
                </c:pt>
                <c:pt idx="5310">
                  <c:v>20.20992724336682</c:v>
                </c:pt>
                <c:pt idx="5311">
                  <c:v>20.214542627336719</c:v>
                </c:pt>
                <c:pt idx="5312">
                  <c:v>20.214542627336719</c:v>
                </c:pt>
                <c:pt idx="5313">
                  <c:v>20.214542627336719</c:v>
                </c:pt>
                <c:pt idx="5314">
                  <c:v>20.219297871426939</c:v>
                </c:pt>
                <c:pt idx="5315">
                  <c:v>20.219297871426939</c:v>
                </c:pt>
                <c:pt idx="5316">
                  <c:v>20.224053115517158</c:v>
                </c:pt>
                <c:pt idx="5317">
                  <c:v>20.224053115517158</c:v>
                </c:pt>
                <c:pt idx="5318">
                  <c:v>20.228668499486933</c:v>
                </c:pt>
                <c:pt idx="5319">
                  <c:v>20.228668499486933</c:v>
                </c:pt>
                <c:pt idx="5320">
                  <c:v>20.228668499486933</c:v>
                </c:pt>
                <c:pt idx="5321">
                  <c:v>20.228668499486933</c:v>
                </c:pt>
                <c:pt idx="5322">
                  <c:v>20.233423743577152</c:v>
                </c:pt>
                <c:pt idx="5323">
                  <c:v>20.233423743577152</c:v>
                </c:pt>
                <c:pt idx="5324">
                  <c:v>20.233423743577152</c:v>
                </c:pt>
                <c:pt idx="5325">
                  <c:v>20.233423743577152</c:v>
                </c:pt>
                <c:pt idx="5326">
                  <c:v>20.233423743577152</c:v>
                </c:pt>
                <c:pt idx="5327">
                  <c:v>20.238178987667375</c:v>
                </c:pt>
                <c:pt idx="5328">
                  <c:v>20.238178987667375</c:v>
                </c:pt>
                <c:pt idx="5329">
                  <c:v>20.238178987667375</c:v>
                </c:pt>
                <c:pt idx="5330">
                  <c:v>20.238178987667375</c:v>
                </c:pt>
                <c:pt idx="5331">
                  <c:v>20.242794371637149</c:v>
                </c:pt>
                <c:pt idx="5332">
                  <c:v>20.242794371637149</c:v>
                </c:pt>
                <c:pt idx="5333">
                  <c:v>20.247549615727369</c:v>
                </c:pt>
                <c:pt idx="5334">
                  <c:v>20.247549615727369</c:v>
                </c:pt>
                <c:pt idx="5335">
                  <c:v>20.247549615727369</c:v>
                </c:pt>
                <c:pt idx="5336">
                  <c:v>20.247549615727369</c:v>
                </c:pt>
                <c:pt idx="5337">
                  <c:v>20.247549615727369</c:v>
                </c:pt>
                <c:pt idx="5338">
                  <c:v>20.252304859817588</c:v>
                </c:pt>
                <c:pt idx="5339">
                  <c:v>20.252304859817588</c:v>
                </c:pt>
                <c:pt idx="5340">
                  <c:v>20.252304859817588</c:v>
                </c:pt>
                <c:pt idx="5341">
                  <c:v>20.252304859817588</c:v>
                </c:pt>
                <c:pt idx="5342">
                  <c:v>20.252304859817588</c:v>
                </c:pt>
                <c:pt idx="5343">
                  <c:v>20.256920243787487</c:v>
                </c:pt>
                <c:pt idx="5344">
                  <c:v>20.256920243787487</c:v>
                </c:pt>
                <c:pt idx="5345">
                  <c:v>20.256920243787487</c:v>
                </c:pt>
                <c:pt idx="5346">
                  <c:v>20.261675487877582</c:v>
                </c:pt>
                <c:pt idx="5347">
                  <c:v>20.261675487877582</c:v>
                </c:pt>
                <c:pt idx="5348">
                  <c:v>20.261675487877582</c:v>
                </c:pt>
                <c:pt idx="5349">
                  <c:v>20.266430731967802</c:v>
                </c:pt>
                <c:pt idx="5350">
                  <c:v>20.266430731967802</c:v>
                </c:pt>
                <c:pt idx="5351">
                  <c:v>20.266430731967802</c:v>
                </c:pt>
                <c:pt idx="5352">
                  <c:v>20.2710461159377</c:v>
                </c:pt>
                <c:pt idx="5353">
                  <c:v>20.2710461159377</c:v>
                </c:pt>
                <c:pt idx="5354">
                  <c:v>20.2710461159377</c:v>
                </c:pt>
                <c:pt idx="5355">
                  <c:v>20.2710461159377</c:v>
                </c:pt>
                <c:pt idx="5356">
                  <c:v>20.275801360027796</c:v>
                </c:pt>
                <c:pt idx="5357">
                  <c:v>20.275801360027796</c:v>
                </c:pt>
                <c:pt idx="5358">
                  <c:v>20.275801360027796</c:v>
                </c:pt>
                <c:pt idx="5359">
                  <c:v>20.280556604118019</c:v>
                </c:pt>
                <c:pt idx="5360">
                  <c:v>20.280556604118019</c:v>
                </c:pt>
                <c:pt idx="5361">
                  <c:v>20.280556604118019</c:v>
                </c:pt>
                <c:pt idx="5362">
                  <c:v>20.285311848208238</c:v>
                </c:pt>
                <c:pt idx="5363">
                  <c:v>20.285311848208238</c:v>
                </c:pt>
                <c:pt idx="5364">
                  <c:v>20.285311848208238</c:v>
                </c:pt>
                <c:pt idx="5365">
                  <c:v>20.285311848208238</c:v>
                </c:pt>
                <c:pt idx="5366">
                  <c:v>20.285311848208238</c:v>
                </c:pt>
                <c:pt idx="5367">
                  <c:v>20.285311848208238</c:v>
                </c:pt>
                <c:pt idx="5368">
                  <c:v>20.289927232178012</c:v>
                </c:pt>
                <c:pt idx="5369">
                  <c:v>20.289927232178012</c:v>
                </c:pt>
                <c:pt idx="5370">
                  <c:v>20.289927232178012</c:v>
                </c:pt>
                <c:pt idx="5371">
                  <c:v>20.289927232178012</c:v>
                </c:pt>
                <c:pt idx="5372">
                  <c:v>20.289927232178012</c:v>
                </c:pt>
                <c:pt idx="5373">
                  <c:v>20.289927232178012</c:v>
                </c:pt>
                <c:pt idx="5374">
                  <c:v>20.294682476268232</c:v>
                </c:pt>
                <c:pt idx="5375">
                  <c:v>20.294682476268232</c:v>
                </c:pt>
                <c:pt idx="5376">
                  <c:v>20.294682476268232</c:v>
                </c:pt>
                <c:pt idx="5377">
                  <c:v>20.294682476268232</c:v>
                </c:pt>
                <c:pt idx="5378">
                  <c:v>20.294682476268232</c:v>
                </c:pt>
                <c:pt idx="5379">
                  <c:v>20.299437720358451</c:v>
                </c:pt>
                <c:pt idx="5380">
                  <c:v>20.299437720358451</c:v>
                </c:pt>
                <c:pt idx="5381">
                  <c:v>20.299437720358451</c:v>
                </c:pt>
                <c:pt idx="5382">
                  <c:v>20.299437720358451</c:v>
                </c:pt>
                <c:pt idx="5383">
                  <c:v>20.299437720358451</c:v>
                </c:pt>
                <c:pt idx="5384">
                  <c:v>20.299437720358451</c:v>
                </c:pt>
                <c:pt idx="5385">
                  <c:v>20.299437720358451</c:v>
                </c:pt>
                <c:pt idx="5386">
                  <c:v>20.30405310432835</c:v>
                </c:pt>
                <c:pt idx="5387">
                  <c:v>20.30405310432835</c:v>
                </c:pt>
                <c:pt idx="5388">
                  <c:v>20.30405310432835</c:v>
                </c:pt>
                <c:pt idx="5389">
                  <c:v>20.308808348418445</c:v>
                </c:pt>
                <c:pt idx="5390">
                  <c:v>20.308808348418445</c:v>
                </c:pt>
                <c:pt idx="5391">
                  <c:v>20.308808348418445</c:v>
                </c:pt>
                <c:pt idx="5392">
                  <c:v>20.313563592508665</c:v>
                </c:pt>
                <c:pt idx="5393">
                  <c:v>20.313563592508665</c:v>
                </c:pt>
                <c:pt idx="5394">
                  <c:v>20.313563592508665</c:v>
                </c:pt>
                <c:pt idx="5395">
                  <c:v>20.313563592508665</c:v>
                </c:pt>
                <c:pt idx="5396">
                  <c:v>20.318178976478563</c:v>
                </c:pt>
                <c:pt idx="5397">
                  <c:v>20.318178976478563</c:v>
                </c:pt>
                <c:pt idx="5398">
                  <c:v>20.318178976478563</c:v>
                </c:pt>
                <c:pt idx="5399">
                  <c:v>20.322934220568662</c:v>
                </c:pt>
                <c:pt idx="5400">
                  <c:v>20.322934220568662</c:v>
                </c:pt>
                <c:pt idx="5401">
                  <c:v>20.322934220568662</c:v>
                </c:pt>
                <c:pt idx="5402">
                  <c:v>20.327689464658881</c:v>
                </c:pt>
                <c:pt idx="5403">
                  <c:v>20.327689464658881</c:v>
                </c:pt>
                <c:pt idx="5404">
                  <c:v>20.327689464658881</c:v>
                </c:pt>
                <c:pt idx="5405">
                  <c:v>20.33230484862878</c:v>
                </c:pt>
                <c:pt idx="5406">
                  <c:v>20.33230484862878</c:v>
                </c:pt>
                <c:pt idx="5407">
                  <c:v>20.33230484862878</c:v>
                </c:pt>
                <c:pt idx="5408">
                  <c:v>20.337060092718875</c:v>
                </c:pt>
                <c:pt idx="5409">
                  <c:v>20.337060092718875</c:v>
                </c:pt>
                <c:pt idx="5410">
                  <c:v>20.337060092718875</c:v>
                </c:pt>
                <c:pt idx="5411">
                  <c:v>20.341815336809095</c:v>
                </c:pt>
                <c:pt idx="5412">
                  <c:v>20.341815336809095</c:v>
                </c:pt>
                <c:pt idx="5413">
                  <c:v>20.341815336809095</c:v>
                </c:pt>
                <c:pt idx="5414">
                  <c:v>20.346430720778994</c:v>
                </c:pt>
                <c:pt idx="5415">
                  <c:v>20.346430720778994</c:v>
                </c:pt>
                <c:pt idx="5416">
                  <c:v>20.346430720778994</c:v>
                </c:pt>
                <c:pt idx="5417">
                  <c:v>20.351185964869213</c:v>
                </c:pt>
                <c:pt idx="5418">
                  <c:v>20.351185964869213</c:v>
                </c:pt>
                <c:pt idx="5419">
                  <c:v>20.355941208959308</c:v>
                </c:pt>
                <c:pt idx="5420">
                  <c:v>20.355941208959308</c:v>
                </c:pt>
                <c:pt idx="5421">
                  <c:v>20.355941208959308</c:v>
                </c:pt>
                <c:pt idx="5422">
                  <c:v>20.355941208959308</c:v>
                </c:pt>
                <c:pt idx="5423">
                  <c:v>20.360556592929207</c:v>
                </c:pt>
                <c:pt idx="5424">
                  <c:v>20.360556592929207</c:v>
                </c:pt>
                <c:pt idx="5425">
                  <c:v>20.360556592929207</c:v>
                </c:pt>
                <c:pt idx="5426">
                  <c:v>20.365311837019426</c:v>
                </c:pt>
                <c:pt idx="5427">
                  <c:v>20.365311837019426</c:v>
                </c:pt>
                <c:pt idx="5428">
                  <c:v>20.365311837019426</c:v>
                </c:pt>
                <c:pt idx="5429">
                  <c:v>20.370067081109525</c:v>
                </c:pt>
                <c:pt idx="5430">
                  <c:v>20.370067081109525</c:v>
                </c:pt>
                <c:pt idx="5431">
                  <c:v>20.370067081109525</c:v>
                </c:pt>
                <c:pt idx="5432">
                  <c:v>20.370067081109525</c:v>
                </c:pt>
                <c:pt idx="5433">
                  <c:v>20.374682465079424</c:v>
                </c:pt>
                <c:pt idx="5434">
                  <c:v>20.374682465079424</c:v>
                </c:pt>
                <c:pt idx="5435">
                  <c:v>20.379437709169643</c:v>
                </c:pt>
                <c:pt idx="5436">
                  <c:v>20.379437709169643</c:v>
                </c:pt>
                <c:pt idx="5437">
                  <c:v>20.379437709169643</c:v>
                </c:pt>
                <c:pt idx="5438">
                  <c:v>20.384192953259738</c:v>
                </c:pt>
                <c:pt idx="5439">
                  <c:v>20.384192953259738</c:v>
                </c:pt>
                <c:pt idx="5440">
                  <c:v>20.384192953259738</c:v>
                </c:pt>
                <c:pt idx="5441">
                  <c:v>20.384192953259738</c:v>
                </c:pt>
                <c:pt idx="5442">
                  <c:v>20.384192953259738</c:v>
                </c:pt>
                <c:pt idx="5443">
                  <c:v>20.388808337229637</c:v>
                </c:pt>
                <c:pt idx="5444">
                  <c:v>20.388808337229637</c:v>
                </c:pt>
                <c:pt idx="5445">
                  <c:v>20.388808337229637</c:v>
                </c:pt>
                <c:pt idx="5446">
                  <c:v>20.388808337229637</c:v>
                </c:pt>
                <c:pt idx="5447">
                  <c:v>20.393563581319857</c:v>
                </c:pt>
                <c:pt idx="5448">
                  <c:v>20.393563581319857</c:v>
                </c:pt>
                <c:pt idx="5449">
                  <c:v>20.393563581319857</c:v>
                </c:pt>
                <c:pt idx="5450">
                  <c:v>20.393563581319857</c:v>
                </c:pt>
                <c:pt idx="5451">
                  <c:v>20.393563581319857</c:v>
                </c:pt>
                <c:pt idx="5452">
                  <c:v>20.393563581319857</c:v>
                </c:pt>
                <c:pt idx="5453">
                  <c:v>20.393563581319857</c:v>
                </c:pt>
                <c:pt idx="5454">
                  <c:v>20.393563581319857</c:v>
                </c:pt>
                <c:pt idx="5455">
                  <c:v>20.398318825409952</c:v>
                </c:pt>
                <c:pt idx="5456">
                  <c:v>20.398318825409952</c:v>
                </c:pt>
                <c:pt idx="5457">
                  <c:v>20.40293420937985</c:v>
                </c:pt>
                <c:pt idx="5458">
                  <c:v>20.40293420937985</c:v>
                </c:pt>
                <c:pt idx="5459">
                  <c:v>20.40293420937985</c:v>
                </c:pt>
                <c:pt idx="5460">
                  <c:v>20.40293420937985</c:v>
                </c:pt>
                <c:pt idx="5461">
                  <c:v>20.40293420937985</c:v>
                </c:pt>
                <c:pt idx="5462">
                  <c:v>20.407689453470073</c:v>
                </c:pt>
                <c:pt idx="5463">
                  <c:v>20.407689453470073</c:v>
                </c:pt>
                <c:pt idx="5464">
                  <c:v>20.407689453470073</c:v>
                </c:pt>
                <c:pt idx="5465">
                  <c:v>20.407689453470073</c:v>
                </c:pt>
                <c:pt idx="5466">
                  <c:v>20.407689453470073</c:v>
                </c:pt>
                <c:pt idx="5467">
                  <c:v>20.412444697560293</c:v>
                </c:pt>
                <c:pt idx="5468">
                  <c:v>20.412444697560293</c:v>
                </c:pt>
                <c:pt idx="5469">
                  <c:v>20.412444697560293</c:v>
                </c:pt>
                <c:pt idx="5470">
                  <c:v>20.412444697560293</c:v>
                </c:pt>
                <c:pt idx="5471">
                  <c:v>20.417060081530067</c:v>
                </c:pt>
                <c:pt idx="5472">
                  <c:v>20.417060081530067</c:v>
                </c:pt>
                <c:pt idx="5473">
                  <c:v>20.417060081530067</c:v>
                </c:pt>
                <c:pt idx="5474">
                  <c:v>20.417060081530067</c:v>
                </c:pt>
                <c:pt idx="5475">
                  <c:v>20.421815325620287</c:v>
                </c:pt>
                <c:pt idx="5476">
                  <c:v>20.421815325620287</c:v>
                </c:pt>
                <c:pt idx="5477">
                  <c:v>20.421815325620287</c:v>
                </c:pt>
                <c:pt idx="5478">
                  <c:v>20.421815325620287</c:v>
                </c:pt>
                <c:pt idx="5479">
                  <c:v>20.426570569710506</c:v>
                </c:pt>
                <c:pt idx="5480">
                  <c:v>20.426570569710506</c:v>
                </c:pt>
                <c:pt idx="5481">
                  <c:v>20.426570569710506</c:v>
                </c:pt>
                <c:pt idx="5482">
                  <c:v>20.426570569710506</c:v>
                </c:pt>
                <c:pt idx="5483">
                  <c:v>20.426570569710506</c:v>
                </c:pt>
                <c:pt idx="5484">
                  <c:v>20.431185953680281</c:v>
                </c:pt>
                <c:pt idx="5485">
                  <c:v>20.431185953680281</c:v>
                </c:pt>
                <c:pt idx="5486">
                  <c:v>20.431185953680281</c:v>
                </c:pt>
                <c:pt idx="5487">
                  <c:v>20.431185953680281</c:v>
                </c:pt>
                <c:pt idx="5488">
                  <c:v>20.4359411977705</c:v>
                </c:pt>
                <c:pt idx="5489">
                  <c:v>20.4359411977705</c:v>
                </c:pt>
                <c:pt idx="5490">
                  <c:v>20.4359411977705</c:v>
                </c:pt>
                <c:pt idx="5491">
                  <c:v>20.44069644186072</c:v>
                </c:pt>
                <c:pt idx="5492">
                  <c:v>20.44069644186072</c:v>
                </c:pt>
                <c:pt idx="5493">
                  <c:v>20.44069644186072</c:v>
                </c:pt>
                <c:pt idx="5494">
                  <c:v>20.44069644186072</c:v>
                </c:pt>
                <c:pt idx="5495">
                  <c:v>20.445311825830618</c:v>
                </c:pt>
                <c:pt idx="5496">
                  <c:v>20.445311825830618</c:v>
                </c:pt>
                <c:pt idx="5497">
                  <c:v>20.445311825830618</c:v>
                </c:pt>
                <c:pt idx="5498">
                  <c:v>20.445311825830618</c:v>
                </c:pt>
                <c:pt idx="5499">
                  <c:v>20.445311825830618</c:v>
                </c:pt>
                <c:pt idx="5500">
                  <c:v>20.450067069920717</c:v>
                </c:pt>
                <c:pt idx="5501">
                  <c:v>20.450067069920717</c:v>
                </c:pt>
                <c:pt idx="5502">
                  <c:v>20.450067069920717</c:v>
                </c:pt>
                <c:pt idx="5503">
                  <c:v>20.450067069920717</c:v>
                </c:pt>
                <c:pt idx="5504">
                  <c:v>20.450067069920717</c:v>
                </c:pt>
                <c:pt idx="5505">
                  <c:v>20.454822314010936</c:v>
                </c:pt>
                <c:pt idx="5506">
                  <c:v>20.454822314010936</c:v>
                </c:pt>
                <c:pt idx="5507">
                  <c:v>20.454822314010936</c:v>
                </c:pt>
                <c:pt idx="5508">
                  <c:v>20.454822314010936</c:v>
                </c:pt>
                <c:pt idx="5509">
                  <c:v>20.454822314010936</c:v>
                </c:pt>
                <c:pt idx="5510">
                  <c:v>20.459437697980835</c:v>
                </c:pt>
                <c:pt idx="5511">
                  <c:v>20.459437697980835</c:v>
                </c:pt>
                <c:pt idx="5512">
                  <c:v>20.459437697980835</c:v>
                </c:pt>
                <c:pt idx="5513">
                  <c:v>20.459437697980835</c:v>
                </c:pt>
                <c:pt idx="5514">
                  <c:v>20.459437697980835</c:v>
                </c:pt>
                <c:pt idx="5515">
                  <c:v>20.459437697980835</c:v>
                </c:pt>
                <c:pt idx="5516">
                  <c:v>20.46419294207093</c:v>
                </c:pt>
                <c:pt idx="5517">
                  <c:v>20.46419294207093</c:v>
                </c:pt>
                <c:pt idx="5518">
                  <c:v>20.46419294207093</c:v>
                </c:pt>
                <c:pt idx="5519">
                  <c:v>20.46419294207093</c:v>
                </c:pt>
                <c:pt idx="5520">
                  <c:v>20.46894818616115</c:v>
                </c:pt>
                <c:pt idx="5521">
                  <c:v>20.46894818616115</c:v>
                </c:pt>
                <c:pt idx="5522">
                  <c:v>20.473703430251369</c:v>
                </c:pt>
                <c:pt idx="5523">
                  <c:v>20.473703430251369</c:v>
                </c:pt>
                <c:pt idx="5524">
                  <c:v>20.473703430251369</c:v>
                </c:pt>
                <c:pt idx="5525">
                  <c:v>20.478318814221144</c:v>
                </c:pt>
                <c:pt idx="5526">
                  <c:v>20.478318814221144</c:v>
                </c:pt>
                <c:pt idx="5527">
                  <c:v>20.483074058311363</c:v>
                </c:pt>
                <c:pt idx="5528">
                  <c:v>20.483074058311363</c:v>
                </c:pt>
                <c:pt idx="5529">
                  <c:v>20.487829302401583</c:v>
                </c:pt>
                <c:pt idx="5530">
                  <c:v>20.487829302401583</c:v>
                </c:pt>
                <c:pt idx="5531">
                  <c:v>20.487829302401583</c:v>
                </c:pt>
                <c:pt idx="5532">
                  <c:v>20.487829302401583</c:v>
                </c:pt>
                <c:pt idx="5533">
                  <c:v>20.492444686371481</c:v>
                </c:pt>
                <c:pt idx="5534">
                  <c:v>20.492444686371481</c:v>
                </c:pt>
                <c:pt idx="5535">
                  <c:v>20.492444686371481</c:v>
                </c:pt>
                <c:pt idx="5536">
                  <c:v>20.492444686371481</c:v>
                </c:pt>
                <c:pt idx="5537">
                  <c:v>20.49719993046158</c:v>
                </c:pt>
                <c:pt idx="5538">
                  <c:v>20.49719993046158</c:v>
                </c:pt>
                <c:pt idx="5539">
                  <c:v>20.49719993046158</c:v>
                </c:pt>
                <c:pt idx="5540">
                  <c:v>20.501955174551799</c:v>
                </c:pt>
                <c:pt idx="5541">
                  <c:v>20.501955174551799</c:v>
                </c:pt>
                <c:pt idx="5542">
                  <c:v>20.501955174551799</c:v>
                </c:pt>
                <c:pt idx="5543">
                  <c:v>20.501955174551799</c:v>
                </c:pt>
                <c:pt idx="5544">
                  <c:v>20.501955174551799</c:v>
                </c:pt>
                <c:pt idx="5545">
                  <c:v>20.501955174551799</c:v>
                </c:pt>
                <c:pt idx="5546">
                  <c:v>20.501955174551799</c:v>
                </c:pt>
                <c:pt idx="5547">
                  <c:v>20.501955174551799</c:v>
                </c:pt>
                <c:pt idx="5548">
                  <c:v>20.501955174551799</c:v>
                </c:pt>
                <c:pt idx="5549">
                  <c:v>20.501955174551799</c:v>
                </c:pt>
                <c:pt idx="5550">
                  <c:v>20.501955174551799</c:v>
                </c:pt>
                <c:pt idx="5551">
                  <c:v>20.506570558521698</c:v>
                </c:pt>
                <c:pt idx="5552">
                  <c:v>20.506570558521698</c:v>
                </c:pt>
                <c:pt idx="5553">
                  <c:v>20.506570558521698</c:v>
                </c:pt>
                <c:pt idx="5554">
                  <c:v>20.506570558521698</c:v>
                </c:pt>
                <c:pt idx="5555">
                  <c:v>20.511325802611793</c:v>
                </c:pt>
                <c:pt idx="5556">
                  <c:v>20.511325802611793</c:v>
                </c:pt>
                <c:pt idx="5557">
                  <c:v>20.511325802611793</c:v>
                </c:pt>
                <c:pt idx="5558">
                  <c:v>20.511325802611793</c:v>
                </c:pt>
                <c:pt idx="5559">
                  <c:v>20.516081046702013</c:v>
                </c:pt>
                <c:pt idx="5560">
                  <c:v>20.516081046702013</c:v>
                </c:pt>
                <c:pt idx="5561">
                  <c:v>20.516081046702013</c:v>
                </c:pt>
                <c:pt idx="5562">
                  <c:v>20.516081046702013</c:v>
                </c:pt>
                <c:pt idx="5563">
                  <c:v>20.516081046702013</c:v>
                </c:pt>
                <c:pt idx="5564">
                  <c:v>20.520696430671912</c:v>
                </c:pt>
                <c:pt idx="5565">
                  <c:v>20.520696430671912</c:v>
                </c:pt>
                <c:pt idx="5566">
                  <c:v>20.520696430671912</c:v>
                </c:pt>
                <c:pt idx="5567">
                  <c:v>20.520696430671912</c:v>
                </c:pt>
                <c:pt idx="5568">
                  <c:v>20.525451674762007</c:v>
                </c:pt>
                <c:pt idx="5569">
                  <c:v>20.525451674762007</c:v>
                </c:pt>
                <c:pt idx="5570">
                  <c:v>20.525451674762007</c:v>
                </c:pt>
                <c:pt idx="5571">
                  <c:v>20.53020691885223</c:v>
                </c:pt>
                <c:pt idx="5572">
                  <c:v>20.53020691885223</c:v>
                </c:pt>
                <c:pt idx="5573">
                  <c:v>20.53020691885223</c:v>
                </c:pt>
                <c:pt idx="5574">
                  <c:v>20.53020691885223</c:v>
                </c:pt>
                <c:pt idx="5575">
                  <c:v>20.53020691885223</c:v>
                </c:pt>
                <c:pt idx="5576">
                  <c:v>20.53020691885223</c:v>
                </c:pt>
                <c:pt idx="5577">
                  <c:v>20.53020691885223</c:v>
                </c:pt>
                <c:pt idx="5578">
                  <c:v>20.53020691885223</c:v>
                </c:pt>
                <c:pt idx="5579">
                  <c:v>20.53020691885223</c:v>
                </c:pt>
                <c:pt idx="5580">
                  <c:v>20.53020691885223</c:v>
                </c:pt>
                <c:pt idx="5581">
                  <c:v>20.534822302822128</c:v>
                </c:pt>
                <c:pt idx="5582">
                  <c:v>20.534822302822128</c:v>
                </c:pt>
                <c:pt idx="5583">
                  <c:v>20.534822302822128</c:v>
                </c:pt>
                <c:pt idx="5584">
                  <c:v>20.534822302822128</c:v>
                </c:pt>
                <c:pt idx="5585">
                  <c:v>20.534822302822128</c:v>
                </c:pt>
                <c:pt idx="5586">
                  <c:v>20.539577546912348</c:v>
                </c:pt>
                <c:pt idx="5587">
                  <c:v>20.539577546912348</c:v>
                </c:pt>
                <c:pt idx="5588">
                  <c:v>20.539577546912348</c:v>
                </c:pt>
                <c:pt idx="5589">
                  <c:v>20.539577546912348</c:v>
                </c:pt>
                <c:pt idx="5590">
                  <c:v>20.544332791002443</c:v>
                </c:pt>
                <c:pt idx="5591">
                  <c:v>20.544332791002443</c:v>
                </c:pt>
                <c:pt idx="5592">
                  <c:v>20.544332791002443</c:v>
                </c:pt>
                <c:pt idx="5593">
                  <c:v>20.548948174972342</c:v>
                </c:pt>
                <c:pt idx="5594">
                  <c:v>20.548948174972342</c:v>
                </c:pt>
                <c:pt idx="5595">
                  <c:v>20.548948174972342</c:v>
                </c:pt>
                <c:pt idx="5596">
                  <c:v>20.553703419062561</c:v>
                </c:pt>
                <c:pt idx="5597">
                  <c:v>20.553703419062561</c:v>
                </c:pt>
                <c:pt idx="5598">
                  <c:v>20.553703419062561</c:v>
                </c:pt>
                <c:pt idx="5599">
                  <c:v>20.553703419062561</c:v>
                </c:pt>
                <c:pt idx="5600">
                  <c:v>20.558458663152656</c:v>
                </c:pt>
                <c:pt idx="5601">
                  <c:v>20.558458663152656</c:v>
                </c:pt>
                <c:pt idx="5602">
                  <c:v>20.563074047122555</c:v>
                </c:pt>
                <c:pt idx="5603">
                  <c:v>20.563074047122555</c:v>
                </c:pt>
                <c:pt idx="5604">
                  <c:v>20.567829291212774</c:v>
                </c:pt>
                <c:pt idx="5605">
                  <c:v>20.567829291212774</c:v>
                </c:pt>
                <c:pt idx="5606">
                  <c:v>20.567829291212774</c:v>
                </c:pt>
                <c:pt idx="5607">
                  <c:v>20.572584535302873</c:v>
                </c:pt>
                <c:pt idx="5608">
                  <c:v>20.572584535302873</c:v>
                </c:pt>
                <c:pt idx="5609">
                  <c:v>20.572584535302873</c:v>
                </c:pt>
                <c:pt idx="5610">
                  <c:v>20.577199919272772</c:v>
                </c:pt>
                <c:pt idx="5611">
                  <c:v>20.577199919272772</c:v>
                </c:pt>
                <c:pt idx="5612">
                  <c:v>20.577199919272772</c:v>
                </c:pt>
                <c:pt idx="5613">
                  <c:v>20.581955163362991</c:v>
                </c:pt>
                <c:pt idx="5614">
                  <c:v>20.581955163362991</c:v>
                </c:pt>
                <c:pt idx="5615">
                  <c:v>20.586710407453086</c:v>
                </c:pt>
                <c:pt idx="5616">
                  <c:v>20.586710407453086</c:v>
                </c:pt>
                <c:pt idx="5617">
                  <c:v>20.586710407453086</c:v>
                </c:pt>
                <c:pt idx="5618">
                  <c:v>20.586710407453086</c:v>
                </c:pt>
                <c:pt idx="5619">
                  <c:v>20.586710407453086</c:v>
                </c:pt>
                <c:pt idx="5620">
                  <c:v>20.586710407453086</c:v>
                </c:pt>
                <c:pt idx="5621">
                  <c:v>20.586710407453086</c:v>
                </c:pt>
                <c:pt idx="5622">
                  <c:v>20.591325791422985</c:v>
                </c:pt>
                <c:pt idx="5623">
                  <c:v>20.591325791422985</c:v>
                </c:pt>
                <c:pt idx="5624">
                  <c:v>20.591325791422985</c:v>
                </c:pt>
                <c:pt idx="5625">
                  <c:v>20.591325791422985</c:v>
                </c:pt>
                <c:pt idx="5626">
                  <c:v>20.596081035513205</c:v>
                </c:pt>
                <c:pt idx="5627">
                  <c:v>20.596081035513205</c:v>
                </c:pt>
                <c:pt idx="5628">
                  <c:v>20.596081035513205</c:v>
                </c:pt>
                <c:pt idx="5629">
                  <c:v>20.596081035513205</c:v>
                </c:pt>
                <c:pt idx="5630">
                  <c:v>20.596081035513205</c:v>
                </c:pt>
                <c:pt idx="5631">
                  <c:v>20.596081035513205</c:v>
                </c:pt>
                <c:pt idx="5632">
                  <c:v>20.596081035513205</c:v>
                </c:pt>
                <c:pt idx="5633">
                  <c:v>20.596081035513205</c:v>
                </c:pt>
                <c:pt idx="5634">
                  <c:v>20.596081035513205</c:v>
                </c:pt>
                <c:pt idx="5635">
                  <c:v>20.596081035513205</c:v>
                </c:pt>
                <c:pt idx="5636">
                  <c:v>20.600836279603424</c:v>
                </c:pt>
                <c:pt idx="5637">
                  <c:v>20.600836279603424</c:v>
                </c:pt>
                <c:pt idx="5638">
                  <c:v>20.600836279603424</c:v>
                </c:pt>
                <c:pt idx="5639">
                  <c:v>20.600836279603424</c:v>
                </c:pt>
                <c:pt idx="5640">
                  <c:v>20.600836279603424</c:v>
                </c:pt>
                <c:pt idx="5641">
                  <c:v>20.600836279603424</c:v>
                </c:pt>
                <c:pt idx="5642">
                  <c:v>20.605451663573199</c:v>
                </c:pt>
                <c:pt idx="5643">
                  <c:v>20.605451663573199</c:v>
                </c:pt>
                <c:pt idx="5644">
                  <c:v>20.605451663573199</c:v>
                </c:pt>
                <c:pt idx="5645">
                  <c:v>20.610206907663418</c:v>
                </c:pt>
                <c:pt idx="5646">
                  <c:v>20.610206907663418</c:v>
                </c:pt>
                <c:pt idx="5647">
                  <c:v>20.610206907663418</c:v>
                </c:pt>
                <c:pt idx="5648">
                  <c:v>20.610206907663418</c:v>
                </c:pt>
                <c:pt idx="5649">
                  <c:v>20.610206907663418</c:v>
                </c:pt>
                <c:pt idx="5650">
                  <c:v>20.610206907663418</c:v>
                </c:pt>
                <c:pt idx="5651">
                  <c:v>20.610206907663418</c:v>
                </c:pt>
                <c:pt idx="5652">
                  <c:v>20.610206907663418</c:v>
                </c:pt>
                <c:pt idx="5653">
                  <c:v>20.610206907663418</c:v>
                </c:pt>
                <c:pt idx="5654">
                  <c:v>20.614962151753637</c:v>
                </c:pt>
                <c:pt idx="5655">
                  <c:v>20.614962151753637</c:v>
                </c:pt>
                <c:pt idx="5656">
                  <c:v>20.614962151753637</c:v>
                </c:pt>
                <c:pt idx="5657">
                  <c:v>20.614962151753637</c:v>
                </c:pt>
                <c:pt idx="5658">
                  <c:v>20.614962151753637</c:v>
                </c:pt>
                <c:pt idx="5659">
                  <c:v>20.619577535723415</c:v>
                </c:pt>
                <c:pt idx="5660">
                  <c:v>20.619577535723415</c:v>
                </c:pt>
                <c:pt idx="5661">
                  <c:v>20.619577535723415</c:v>
                </c:pt>
                <c:pt idx="5662">
                  <c:v>20.619577535723415</c:v>
                </c:pt>
                <c:pt idx="5663">
                  <c:v>20.619577535723415</c:v>
                </c:pt>
                <c:pt idx="5664">
                  <c:v>20.619577535723415</c:v>
                </c:pt>
                <c:pt idx="5665">
                  <c:v>20.624332779813635</c:v>
                </c:pt>
                <c:pt idx="5666">
                  <c:v>20.624332779813635</c:v>
                </c:pt>
                <c:pt idx="5667">
                  <c:v>20.624332779813635</c:v>
                </c:pt>
                <c:pt idx="5668">
                  <c:v>20.624332779813635</c:v>
                </c:pt>
                <c:pt idx="5669">
                  <c:v>20.629088023903854</c:v>
                </c:pt>
                <c:pt idx="5670">
                  <c:v>20.629088023903854</c:v>
                </c:pt>
                <c:pt idx="5671">
                  <c:v>20.629088023903854</c:v>
                </c:pt>
                <c:pt idx="5672">
                  <c:v>20.633703407873757</c:v>
                </c:pt>
                <c:pt idx="5673">
                  <c:v>20.633703407873757</c:v>
                </c:pt>
                <c:pt idx="5674">
                  <c:v>20.633703407873757</c:v>
                </c:pt>
                <c:pt idx="5675">
                  <c:v>20.633703407873757</c:v>
                </c:pt>
                <c:pt idx="5676">
                  <c:v>20.638458651963848</c:v>
                </c:pt>
                <c:pt idx="5677">
                  <c:v>20.638458651963848</c:v>
                </c:pt>
                <c:pt idx="5678">
                  <c:v>20.638458651963848</c:v>
                </c:pt>
                <c:pt idx="5679">
                  <c:v>20.643213896054068</c:v>
                </c:pt>
                <c:pt idx="5680">
                  <c:v>20.643213896054068</c:v>
                </c:pt>
                <c:pt idx="5681">
                  <c:v>20.643213896054068</c:v>
                </c:pt>
                <c:pt idx="5682">
                  <c:v>20.643213896054068</c:v>
                </c:pt>
                <c:pt idx="5683">
                  <c:v>20.647969140144287</c:v>
                </c:pt>
                <c:pt idx="5684">
                  <c:v>20.647969140144287</c:v>
                </c:pt>
                <c:pt idx="5685">
                  <c:v>20.647969140144287</c:v>
                </c:pt>
                <c:pt idx="5686">
                  <c:v>20.647969140144287</c:v>
                </c:pt>
                <c:pt idx="5687">
                  <c:v>20.652584524114062</c:v>
                </c:pt>
                <c:pt idx="5688">
                  <c:v>20.652584524114062</c:v>
                </c:pt>
                <c:pt idx="5689">
                  <c:v>20.652584524114062</c:v>
                </c:pt>
                <c:pt idx="5690">
                  <c:v>20.652584524114062</c:v>
                </c:pt>
                <c:pt idx="5691">
                  <c:v>20.652584524114062</c:v>
                </c:pt>
                <c:pt idx="5692">
                  <c:v>20.652584524114062</c:v>
                </c:pt>
                <c:pt idx="5693">
                  <c:v>20.657339768204281</c:v>
                </c:pt>
                <c:pt idx="5694">
                  <c:v>20.657339768204281</c:v>
                </c:pt>
                <c:pt idx="5695">
                  <c:v>20.657339768204281</c:v>
                </c:pt>
                <c:pt idx="5696">
                  <c:v>20.657339768204281</c:v>
                </c:pt>
                <c:pt idx="5697">
                  <c:v>20.657339768204281</c:v>
                </c:pt>
                <c:pt idx="5698">
                  <c:v>20.662095012294504</c:v>
                </c:pt>
                <c:pt idx="5699">
                  <c:v>20.662095012294504</c:v>
                </c:pt>
                <c:pt idx="5700">
                  <c:v>20.662095012294504</c:v>
                </c:pt>
                <c:pt idx="5701">
                  <c:v>20.662095012294504</c:v>
                </c:pt>
                <c:pt idx="5702">
                  <c:v>20.662095012294504</c:v>
                </c:pt>
                <c:pt idx="5703">
                  <c:v>20.666710396264278</c:v>
                </c:pt>
                <c:pt idx="5704">
                  <c:v>20.666710396264278</c:v>
                </c:pt>
                <c:pt idx="5705">
                  <c:v>20.666710396264278</c:v>
                </c:pt>
                <c:pt idx="5706">
                  <c:v>20.671465640354498</c:v>
                </c:pt>
                <c:pt idx="5707">
                  <c:v>20.671465640354498</c:v>
                </c:pt>
                <c:pt idx="5708">
                  <c:v>20.671465640354498</c:v>
                </c:pt>
                <c:pt idx="5709">
                  <c:v>20.671465640354498</c:v>
                </c:pt>
                <c:pt idx="5710">
                  <c:v>20.676220884444717</c:v>
                </c:pt>
                <c:pt idx="5711">
                  <c:v>20.676220884444717</c:v>
                </c:pt>
                <c:pt idx="5712">
                  <c:v>20.676220884444717</c:v>
                </c:pt>
                <c:pt idx="5713">
                  <c:v>20.676220884444717</c:v>
                </c:pt>
                <c:pt idx="5714">
                  <c:v>20.676220884444717</c:v>
                </c:pt>
                <c:pt idx="5715">
                  <c:v>20.68083626841462</c:v>
                </c:pt>
                <c:pt idx="5716">
                  <c:v>20.68083626841462</c:v>
                </c:pt>
                <c:pt idx="5717">
                  <c:v>20.68083626841462</c:v>
                </c:pt>
                <c:pt idx="5718">
                  <c:v>20.68083626841462</c:v>
                </c:pt>
                <c:pt idx="5719">
                  <c:v>20.68083626841462</c:v>
                </c:pt>
                <c:pt idx="5720">
                  <c:v>20.685591512504711</c:v>
                </c:pt>
                <c:pt idx="5721">
                  <c:v>20.685591512504711</c:v>
                </c:pt>
                <c:pt idx="5722">
                  <c:v>20.685591512504711</c:v>
                </c:pt>
                <c:pt idx="5723">
                  <c:v>20.685591512504711</c:v>
                </c:pt>
                <c:pt idx="5724">
                  <c:v>20.690346756594931</c:v>
                </c:pt>
                <c:pt idx="5725">
                  <c:v>20.690346756594931</c:v>
                </c:pt>
                <c:pt idx="5726">
                  <c:v>20.690346756594931</c:v>
                </c:pt>
                <c:pt idx="5727">
                  <c:v>20.690346756594931</c:v>
                </c:pt>
                <c:pt idx="5728">
                  <c:v>20.694962140564833</c:v>
                </c:pt>
                <c:pt idx="5729">
                  <c:v>20.694962140564833</c:v>
                </c:pt>
                <c:pt idx="5730">
                  <c:v>20.694962140564833</c:v>
                </c:pt>
                <c:pt idx="5731">
                  <c:v>20.694962140564833</c:v>
                </c:pt>
                <c:pt idx="5732">
                  <c:v>20.699717384654928</c:v>
                </c:pt>
                <c:pt idx="5733">
                  <c:v>20.699717384654928</c:v>
                </c:pt>
                <c:pt idx="5734">
                  <c:v>20.699717384654928</c:v>
                </c:pt>
                <c:pt idx="5735">
                  <c:v>20.699717384654928</c:v>
                </c:pt>
                <c:pt idx="5736">
                  <c:v>20.699717384654928</c:v>
                </c:pt>
                <c:pt idx="5737">
                  <c:v>20.699717384654928</c:v>
                </c:pt>
                <c:pt idx="5738">
                  <c:v>20.704472628745147</c:v>
                </c:pt>
                <c:pt idx="5739">
                  <c:v>20.704472628745147</c:v>
                </c:pt>
                <c:pt idx="5740">
                  <c:v>20.704472628745147</c:v>
                </c:pt>
                <c:pt idx="5741">
                  <c:v>20.704472628745147</c:v>
                </c:pt>
                <c:pt idx="5742">
                  <c:v>20.70908801271505</c:v>
                </c:pt>
                <c:pt idx="5743">
                  <c:v>20.70908801271505</c:v>
                </c:pt>
                <c:pt idx="5744">
                  <c:v>20.70908801271505</c:v>
                </c:pt>
                <c:pt idx="5745">
                  <c:v>20.70908801271505</c:v>
                </c:pt>
                <c:pt idx="5746">
                  <c:v>20.713843256805141</c:v>
                </c:pt>
                <c:pt idx="5747">
                  <c:v>20.713843256805141</c:v>
                </c:pt>
                <c:pt idx="5748">
                  <c:v>20.713843256805141</c:v>
                </c:pt>
                <c:pt idx="5749">
                  <c:v>20.713843256805141</c:v>
                </c:pt>
                <c:pt idx="5750">
                  <c:v>20.713843256805141</c:v>
                </c:pt>
                <c:pt idx="5751">
                  <c:v>20.713843256805141</c:v>
                </c:pt>
                <c:pt idx="5752">
                  <c:v>20.718598500895361</c:v>
                </c:pt>
                <c:pt idx="5753">
                  <c:v>20.718598500895361</c:v>
                </c:pt>
                <c:pt idx="5754">
                  <c:v>20.718598500895361</c:v>
                </c:pt>
                <c:pt idx="5755">
                  <c:v>20.713843256805141</c:v>
                </c:pt>
                <c:pt idx="5756">
                  <c:v>20.713843256805141</c:v>
                </c:pt>
                <c:pt idx="5757">
                  <c:v>20.718598500895361</c:v>
                </c:pt>
                <c:pt idx="5758">
                  <c:v>20.718598500895361</c:v>
                </c:pt>
                <c:pt idx="5759">
                  <c:v>20.718598500895361</c:v>
                </c:pt>
                <c:pt idx="5760">
                  <c:v>20.718598500895361</c:v>
                </c:pt>
                <c:pt idx="5761">
                  <c:v>20.718598500895361</c:v>
                </c:pt>
                <c:pt idx="5762">
                  <c:v>20.718598500895361</c:v>
                </c:pt>
                <c:pt idx="5763">
                  <c:v>20.723213884865263</c:v>
                </c:pt>
                <c:pt idx="5764">
                  <c:v>20.723213884865263</c:v>
                </c:pt>
                <c:pt idx="5765">
                  <c:v>20.723213884865263</c:v>
                </c:pt>
                <c:pt idx="5766">
                  <c:v>20.723213884865263</c:v>
                </c:pt>
                <c:pt idx="5767">
                  <c:v>20.723213884865263</c:v>
                </c:pt>
                <c:pt idx="5768">
                  <c:v>20.723213884865263</c:v>
                </c:pt>
                <c:pt idx="5769">
                  <c:v>20.723213884865263</c:v>
                </c:pt>
                <c:pt idx="5770">
                  <c:v>20.723213884865263</c:v>
                </c:pt>
                <c:pt idx="5771">
                  <c:v>20.723213884865263</c:v>
                </c:pt>
                <c:pt idx="5772">
                  <c:v>20.727969128955479</c:v>
                </c:pt>
                <c:pt idx="5773">
                  <c:v>20.727969128955479</c:v>
                </c:pt>
                <c:pt idx="5774">
                  <c:v>20.727969128955479</c:v>
                </c:pt>
                <c:pt idx="5775">
                  <c:v>20.727969128955479</c:v>
                </c:pt>
                <c:pt idx="5776">
                  <c:v>20.727969128955479</c:v>
                </c:pt>
                <c:pt idx="5777">
                  <c:v>20.727969128955479</c:v>
                </c:pt>
                <c:pt idx="5778">
                  <c:v>20.732724373045574</c:v>
                </c:pt>
                <c:pt idx="5779">
                  <c:v>20.732724373045574</c:v>
                </c:pt>
                <c:pt idx="5780">
                  <c:v>20.732724373045574</c:v>
                </c:pt>
                <c:pt idx="5781">
                  <c:v>20.732724373045574</c:v>
                </c:pt>
                <c:pt idx="5782">
                  <c:v>20.732724373045574</c:v>
                </c:pt>
                <c:pt idx="5783">
                  <c:v>20.737339757015476</c:v>
                </c:pt>
                <c:pt idx="5784">
                  <c:v>20.737339757015476</c:v>
                </c:pt>
                <c:pt idx="5785">
                  <c:v>20.737339757015476</c:v>
                </c:pt>
                <c:pt idx="5786">
                  <c:v>20.737339757015476</c:v>
                </c:pt>
                <c:pt idx="5787">
                  <c:v>20.742095001105692</c:v>
                </c:pt>
                <c:pt idx="5788">
                  <c:v>20.742095001105692</c:v>
                </c:pt>
                <c:pt idx="5789">
                  <c:v>20.742095001105692</c:v>
                </c:pt>
                <c:pt idx="5790">
                  <c:v>20.742095001105692</c:v>
                </c:pt>
                <c:pt idx="5791">
                  <c:v>20.742095001105692</c:v>
                </c:pt>
                <c:pt idx="5792">
                  <c:v>20.742095001105692</c:v>
                </c:pt>
                <c:pt idx="5793">
                  <c:v>20.742095001105692</c:v>
                </c:pt>
                <c:pt idx="5794">
                  <c:v>20.746850245195791</c:v>
                </c:pt>
                <c:pt idx="5795">
                  <c:v>20.746850245195791</c:v>
                </c:pt>
                <c:pt idx="5796">
                  <c:v>20.746850245195791</c:v>
                </c:pt>
                <c:pt idx="5797">
                  <c:v>20.746850245195791</c:v>
                </c:pt>
                <c:pt idx="5798">
                  <c:v>20.751465629165693</c:v>
                </c:pt>
                <c:pt idx="5799">
                  <c:v>20.751465629165693</c:v>
                </c:pt>
                <c:pt idx="5800">
                  <c:v>20.751465629165693</c:v>
                </c:pt>
                <c:pt idx="5801">
                  <c:v>20.756220873255909</c:v>
                </c:pt>
                <c:pt idx="5802">
                  <c:v>20.756220873255909</c:v>
                </c:pt>
                <c:pt idx="5803">
                  <c:v>20.756220873255909</c:v>
                </c:pt>
                <c:pt idx="5804">
                  <c:v>20.756220873255909</c:v>
                </c:pt>
                <c:pt idx="5805">
                  <c:v>20.760976117346004</c:v>
                </c:pt>
                <c:pt idx="5806">
                  <c:v>20.760976117346004</c:v>
                </c:pt>
                <c:pt idx="5807">
                  <c:v>20.760976117346004</c:v>
                </c:pt>
                <c:pt idx="5808">
                  <c:v>20.760976117346004</c:v>
                </c:pt>
                <c:pt idx="5809">
                  <c:v>20.760976117346004</c:v>
                </c:pt>
                <c:pt idx="5810">
                  <c:v>20.765591501315907</c:v>
                </c:pt>
                <c:pt idx="5811">
                  <c:v>20.765591501315907</c:v>
                </c:pt>
                <c:pt idx="5812">
                  <c:v>20.765591501315907</c:v>
                </c:pt>
                <c:pt idx="5813">
                  <c:v>20.765591501315907</c:v>
                </c:pt>
                <c:pt idx="5814">
                  <c:v>20.770346745406123</c:v>
                </c:pt>
                <c:pt idx="5815">
                  <c:v>20.770346745406123</c:v>
                </c:pt>
                <c:pt idx="5816">
                  <c:v>20.770346745406123</c:v>
                </c:pt>
                <c:pt idx="5817">
                  <c:v>20.770346745406123</c:v>
                </c:pt>
                <c:pt idx="5818">
                  <c:v>20.775101989496218</c:v>
                </c:pt>
                <c:pt idx="5819">
                  <c:v>20.775101989496218</c:v>
                </c:pt>
                <c:pt idx="5820">
                  <c:v>20.775101989496218</c:v>
                </c:pt>
                <c:pt idx="5821">
                  <c:v>20.775101989496218</c:v>
                </c:pt>
                <c:pt idx="5822">
                  <c:v>20.77971737346612</c:v>
                </c:pt>
                <c:pt idx="5823">
                  <c:v>20.77971737346612</c:v>
                </c:pt>
                <c:pt idx="5824">
                  <c:v>20.77971737346612</c:v>
                </c:pt>
                <c:pt idx="5825">
                  <c:v>20.77971737346612</c:v>
                </c:pt>
                <c:pt idx="5826">
                  <c:v>20.77971737346612</c:v>
                </c:pt>
                <c:pt idx="5827">
                  <c:v>20.77971737346612</c:v>
                </c:pt>
                <c:pt idx="5828">
                  <c:v>20.77971737346612</c:v>
                </c:pt>
                <c:pt idx="5829">
                  <c:v>20.77971737346612</c:v>
                </c:pt>
                <c:pt idx="5830">
                  <c:v>20.77971737346612</c:v>
                </c:pt>
                <c:pt idx="5831">
                  <c:v>20.77971737346612</c:v>
                </c:pt>
                <c:pt idx="5832">
                  <c:v>20.784472617556339</c:v>
                </c:pt>
                <c:pt idx="5833">
                  <c:v>20.784472617556339</c:v>
                </c:pt>
                <c:pt idx="5834">
                  <c:v>20.784472617556339</c:v>
                </c:pt>
                <c:pt idx="5835">
                  <c:v>20.789227861646559</c:v>
                </c:pt>
                <c:pt idx="5836">
                  <c:v>20.789227861646559</c:v>
                </c:pt>
                <c:pt idx="5837">
                  <c:v>20.789227861646559</c:v>
                </c:pt>
                <c:pt idx="5838">
                  <c:v>20.789227861646559</c:v>
                </c:pt>
                <c:pt idx="5839">
                  <c:v>20.793843245616337</c:v>
                </c:pt>
                <c:pt idx="5840">
                  <c:v>20.793843245616337</c:v>
                </c:pt>
                <c:pt idx="5841">
                  <c:v>20.793843245616337</c:v>
                </c:pt>
                <c:pt idx="5842">
                  <c:v>20.793843245616337</c:v>
                </c:pt>
                <c:pt idx="5843">
                  <c:v>20.793843245616337</c:v>
                </c:pt>
                <c:pt idx="5844">
                  <c:v>20.793843245616337</c:v>
                </c:pt>
                <c:pt idx="5845">
                  <c:v>20.793843245616337</c:v>
                </c:pt>
                <c:pt idx="5846">
                  <c:v>20.793843245616337</c:v>
                </c:pt>
                <c:pt idx="5847">
                  <c:v>20.798598489706556</c:v>
                </c:pt>
                <c:pt idx="5848">
                  <c:v>20.798598489706556</c:v>
                </c:pt>
                <c:pt idx="5849">
                  <c:v>20.798598489706556</c:v>
                </c:pt>
                <c:pt idx="5850">
                  <c:v>20.803353733796772</c:v>
                </c:pt>
                <c:pt idx="5851">
                  <c:v>20.803353733796772</c:v>
                </c:pt>
                <c:pt idx="5852">
                  <c:v>20.803353733796772</c:v>
                </c:pt>
                <c:pt idx="5853">
                  <c:v>20.803353733796772</c:v>
                </c:pt>
                <c:pt idx="5854">
                  <c:v>20.807969117766675</c:v>
                </c:pt>
                <c:pt idx="5855">
                  <c:v>20.807969117766675</c:v>
                </c:pt>
                <c:pt idx="5856">
                  <c:v>20.807969117766675</c:v>
                </c:pt>
                <c:pt idx="5857">
                  <c:v>20.81272436185677</c:v>
                </c:pt>
                <c:pt idx="5858">
                  <c:v>20.81272436185677</c:v>
                </c:pt>
                <c:pt idx="5859">
                  <c:v>20.81272436185677</c:v>
                </c:pt>
                <c:pt idx="5860">
                  <c:v>20.81272436185677</c:v>
                </c:pt>
                <c:pt idx="5861">
                  <c:v>20.81272436185677</c:v>
                </c:pt>
                <c:pt idx="5862">
                  <c:v>20.81272436185677</c:v>
                </c:pt>
                <c:pt idx="5863">
                  <c:v>20.81272436185677</c:v>
                </c:pt>
                <c:pt idx="5864">
                  <c:v>20.81272436185677</c:v>
                </c:pt>
                <c:pt idx="5865">
                  <c:v>20.817479605946986</c:v>
                </c:pt>
                <c:pt idx="5866">
                  <c:v>20.817479605946986</c:v>
                </c:pt>
                <c:pt idx="5867">
                  <c:v>20.817479605946986</c:v>
                </c:pt>
                <c:pt idx="5868">
                  <c:v>20.817479605946986</c:v>
                </c:pt>
                <c:pt idx="5869">
                  <c:v>20.822094989916888</c:v>
                </c:pt>
                <c:pt idx="5870">
                  <c:v>20.822094989916888</c:v>
                </c:pt>
                <c:pt idx="5871">
                  <c:v>20.822094989916888</c:v>
                </c:pt>
                <c:pt idx="5872">
                  <c:v>20.822094989916888</c:v>
                </c:pt>
                <c:pt idx="5873">
                  <c:v>20.826850234006987</c:v>
                </c:pt>
                <c:pt idx="5874">
                  <c:v>20.826850234006987</c:v>
                </c:pt>
                <c:pt idx="5875">
                  <c:v>20.826850234006987</c:v>
                </c:pt>
                <c:pt idx="5876">
                  <c:v>20.826850234006987</c:v>
                </c:pt>
                <c:pt idx="5877">
                  <c:v>20.831605478097202</c:v>
                </c:pt>
                <c:pt idx="5878">
                  <c:v>20.831605478097202</c:v>
                </c:pt>
                <c:pt idx="5879">
                  <c:v>20.831605478097202</c:v>
                </c:pt>
                <c:pt idx="5880">
                  <c:v>20.831605478097202</c:v>
                </c:pt>
                <c:pt idx="5881">
                  <c:v>20.831605478097202</c:v>
                </c:pt>
                <c:pt idx="5882">
                  <c:v>20.831605478097202</c:v>
                </c:pt>
                <c:pt idx="5883">
                  <c:v>20.836360722187422</c:v>
                </c:pt>
                <c:pt idx="5884">
                  <c:v>20.836360722187422</c:v>
                </c:pt>
                <c:pt idx="5885">
                  <c:v>20.836360722187422</c:v>
                </c:pt>
                <c:pt idx="5886">
                  <c:v>20.836360722187422</c:v>
                </c:pt>
                <c:pt idx="5887">
                  <c:v>20.8409761061572</c:v>
                </c:pt>
                <c:pt idx="5888">
                  <c:v>20.8409761061572</c:v>
                </c:pt>
                <c:pt idx="5889">
                  <c:v>20.8409761061572</c:v>
                </c:pt>
                <c:pt idx="5890">
                  <c:v>20.8409761061572</c:v>
                </c:pt>
                <c:pt idx="5891">
                  <c:v>20.8409761061572</c:v>
                </c:pt>
                <c:pt idx="5892">
                  <c:v>20.8409761061572</c:v>
                </c:pt>
                <c:pt idx="5893">
                  <c:v>20.845731350247416</c:v>
                </c:pt>
                <c:pt idx="5894">
                  <c:v>20.845731350247416</c:v>
                </c:pt>
                <c:pt idx="5895">
                  <c:v>20.845731350247416</c:v>
                </c:pt>
                <c:pt idx="5896">
                  <c:v>20.850486594337635</c:v>
                </c:pt>
                <c:pt idx="5897">
                  <c:v>20.850486594337635</c:v>
                </c:pt>
                <c:pt idx="5898">
                  <c:v>20.850486594337635</c:v>
                </c:pt>
                <c:pt idx="5899">
                  <c:v>20.850486594337635</c:v>
                </c:pt>
                <c:pt idx="5900">
                  <c:v>20.855101978307413</c:v>
                </c:pt>
                <c:pt idx="5901">
                  <c:v>20.855101978307413</c:v>
                </c:pt>
                <c:pt idx="5902">
                  <c:v>20.855101978307413</c:v>
                </c:pt>
                <c:pt idx="5903">
                  <c:v>20.855101978307413</c:v>
                </c:pt>
                <c:pt idx="5904">
                  <c:v>20.855101978307413</c:v>
                </c:pt>
                <c:pt idx="5905">
                  <c:v>20.859857222397629</c:v>
                </c:pt>
                <c:pt idx="5906">
                  <c:v>20.859857222397629</c:v>
                </c:pt>
                <c:pt idx="5907">
                  <c:v>20.859857222397629</c:v>
                </c:pt>
                <c:pt idx="5908">
                  <c:v>20.859857222397629</c:v>
                </c:pt>
                <c:pt idx="5909">
                  <c:v>20.859857222397629</c:v>
                </c:pt>
                <c:pt idx="5910">
                  <c:v>20.859857222397629</c:v>
                </c:pt>
                <c:pt idx="5911">
                  <c:v>20.864612466487849</c:v>
                </c:pt>
                <c:pt idx="5912">
                  <c:v>20.864612466487849</c:v>
                </c:pt>
                <c:pt idx="5913">
                  <c:v>20.864612466487849</c:v>
                </c:pt>
                <c:pt idx="5914">
                  <c:v>20.864612466487849</c:v>
                </c:pt>
                <c:pt idx="5915">
                  <c:v>20.864612466487849</c:v>
                </c:pt>
                <c:pt idx="5916">
                  <c:v>20.864612466487849</c:v>
                </c:pt>
                <c:pt idx="5917">
                  <c:v>20.864612466487849</c:v>
                </c:pt>
                <c:pt idx="5918">
                  <c:v>20.869227850457751</c:v>
                </c:pt>
                <c:pt idx="5919">
                  <c:v>20.869227850457751</c:v>
                </c:pt>
                <c:pt idx="5920">
                  <c:v>20.869227850457751</c:v>
                </c:pt>
                <c:pt idx="5921">
                  <c:v>20.869227850457751</c:v>
                </c:pt>
                <c:pt idx="5922">
                  <c:v>20.869227850457751</c:v>
                </c:pt>
                <c:pt idx="5923">
                  <c:v>20.869227850457751</c:v>
                </c:pt>
                <c:pt idx="5924">
                  <c:v>20.869227850457751</c:v>
                </c:pt>
                <c:pt idx="5925">
                  <c:v>20.873983094547846</c:v>
                </c:pt>
                <c:pt idx="5926">
                  <c:v>20.873983094547846</c:v>
                </c:pt>
                <c:pt idx="5927">
                  <c:v>20.873983094547846</c:v>
                </c:pt>
                <c:pt idx="5928">
                  <c:v>20.878738338638065</c:v>
                </c:pt>
                <c:pt idx="5929">
                  <c:v>20.878738338638065</c:v>
                </c:pt>
                <c:pt idx="5930">
                  <c:v>20.878738338638065</c:v>
                </c:pt>
                <c:pt idx="5931">
                  <c:v>20.883353722607968</c:v>
                </c:pt>
                <c:pt idx="5932">
                  <c:v>20.883353722607968</c:v>
                </c:pt>
                <c:pt idx="5933">
                  <c:v>20.883353722607968</c:v>
                </c:pt>
                <c:pt idx="5934">
                  <c:v>20.883353722607968</c:v>
                </c:pt>
                <c:pt idx="5935">
                  <c:v>20.883353722607968</c:v>
                </c:pt>
                <c:pt idx="5936">
                  <c:v>20.888108966698059</c:v>
                </c:pt>
                <c:pt idx="5937">
                  <c:v>20.888108966698059</c:v>
                </c:pt>
                <c:pt idx="5938">
                  <c:v>20.888108966698059</c:v>
                </c:pt>
                <c:pt idx="5939">
                  <c:v>20.892864210788279</c:v>
                </c:pt>
                <c:pt idx="5940">
                  <c:v>20.892864210788279</c:v>
                </c:pt>
                <c:pt idx="5941">
                  <c:v>20.892864210788279</c:v>
                </c:pt>
                <c:pt idx="5942">
                  <c:v>20.897479594758181</c:v>
                </c:pt>
                <c:pt idx="5943">
                  <c:v>20.897479594758181</c:v>
                </c:pt>
                <c:pt idx="5944">
                  <c:v>20.902234838848273</c:v>
                </c:pt>
                <c:pt idx="5945">
                  <c:v>20.902234838848273</c:v>
                </c:pt>
                <c:pt idx="5946">
                  <c:v>20.902234838848273</c:v>
                </c:pt>
                <c:pt idx="5947">
                  <c:v>20.902234838848273</c:v>
                </c:pt>
                <c:pt idx="5948">
                  <c:v>20.902234838848273</c:v>
                </c:pt>
                <c:pt idx="5949">
                  <c:v>20.902234838848273</c:v>
                </c:pt>
                <c:pt idx="5950">
                  <c:v>20.902234838848273</c:v>
                </c:pt>
                <c:pt idx="5951">
                  <c:v>20.906990082938492</c:v>
                </c:pt>
                <c:pt idx="5952">
                  <c:v>20.902234838848273</c:v>
                </c:pt>
                <c:pt idx="5953">
                  <c:v>20.902234838848273</c:v>
                </c:pt>
                <c:pt idx="5954">
                  <c:v>20.902234838848273</c:v>
                </c:pt>
                <c:pt idx="5955">
                  <c:v>20.902234838848273</c:v>
                </c:pt>
                <c:pt idx="5956">
                  <c:v>20.906990082938492</c:v>
                </c:pt>
                <c:pt idx="5957">
                  <c:v>20.906990082938492</c:v>
                </c:pt>
                <c:pt idx="5958">
                  <c:v>20.906990082938492</c:v>
                </c:pt>
                <c:pt idx="5959">
                  <c:v>20.906990082938492</c:v>
                </c:pt>
                <c:pt idx="5960">
                  <c:v>20.906990082938492</c:v>
                </c:pt>
                <c:pt idx="5961">
                  <c:v>20.911605466908394</c:v>
                </c:pt>
                <c:pt idx="5962">
                  <c:v>20.911605466908394</c:v>
                </c:pt>
                <c:pt idx="5963">
                  <c:v>20.911605466908394</c:v>
                </c:pt>
                <c:pt idx="5964">
                  <c:v>20.911605466908394</c:v>
                </c:pt>
                <c:pt idx="5965">
                  <c:v>20.911605466908394</c:v>
                </c:pt>
                <c:pt idx="5966">
                  <c:v>20.916360710998617</c:v>
                </c:pt>
                <c:pt idx="5967">
                  <c:v>20.916360710998617</c:v>
                </c:pt>
                <c:pt idx="5968">
                  <c:v>20.916360710998617</c:v>
                </c:pt>
                <c:pt idx="5969">
                  <c:v>20.916360710998617</c:v>
                </c:pt>
                <c:pt idx="5970">
                  <c:v>20.916360710998617</c:v>
                </c:pt>
                <c:pt idx="5971">
                  <c:v>20.916360710998617</c:v>
                </c:pt>
                <c:pt idx="5972">
                  <c:v>20.921115955088709</c:v>
                </c:pt>
                <c:pt idx="5973">
                  <c:v>20.921115955088709</c:v>
                </c:pt>
                <c:pt idx="5974">
                  <c:v>20.921115955088709</c:v>
                </c:pt>
                <c:pt idx="5975">
                  <c:v>20.921115955088709</c:v>
                </c:pt>
                <c:pt idx="5976">
                  <c:v>20.925731339058611</c:v>
                </c:pt>
                <c:pt idx="5977">
                  <c:v>20.925731339058611</c:v>
                </c:pt>
                <c:pt idx="5978">
                  <c:v>20.925731339058611</c:v>
                </c:pt>
                <c:pt idx="5979">
                  <c:v>20.925731339058611</c:v>
                </c:pt>
                <c:pt idx="5980">
                  <c:v>20.925731339058611</c:v>
                </c:pt>
                <c:pt idx="5981">
                  <c:v>20.930486583148831</c:v>
                </c:pt>
                <c:pt idx="5982">
                  <c:v>20.930486583148831</c:v>
                </c:pt>
                <c:pt idx="5983">
                  <c:v>20.930486583148831</c:v>
                </c:pt>
                <c:pt idx="5984">
                  <c:v>20.930486583148831</c:v>
                </c:pt>
                <c:pt idx="5985">
                  <c:v>20.930486583148831</c:v>
                </c:pt>
                <c:pt idx="5986">
                  <c:v>20.930486583148831</c:v>
                </c:pt>
                <c:pt idx="5987">
                  <c:v>20.930486583148831</c:v>
                </c:pt>
                <c:pt idx="5988">
                  <c:v>20.930486583148831</c:v>
                </c:pt>
                <c:pt idx="5989">
                  <c:v>20.930486583148831</c:v>
                </c:pt>
                <c:pt idx="5990">
                  <c:v>20.930486583148831</c:v>
                </c:pt>
                <c:pt idx="5991">
                  <c:v>20.930486583148831</c:v>
                </c:pt>
                <c:pt idx="5992">
                  <c:v>20.930486583148831</c:v>
                </c:pt>
                <c:pt idx="5993">
                  <c:v>20.930486583148831</c:v>
                </c:pt>
                <c:pt idx="5994">
                  <c:v>20.930486583148831</c:v>
                </c:pt>
                <c:pt idx="5995">
                  <c:v>20.930486583148831</c:v>
                </c:pt>
                <c:pt idx="5996">
                  <c:v>20.935241827238922</c:v>
                </c:pt>
                <c:pt idx="5997">
                  <c:v>20.935241827238922</c:v>
                </c:pt>
                <c:pt idx="5998">
                  <c:v>20.935241827238922</c:v>
                </c:pt>
                <c:pt idx="5999">
                  <c:v>20.935241827238922</c:v>
                </c:pt>
                <c:pt idx="6000">
                  <c:v>20.935241827238922</c:v>
                </c:pt>
                <c:pt idx="6001">
                  <c:v>20.935241827238922</c:v>
                </c:pt>
                <c:pt idx="6002">
                  <c:v>20.935241827238922</c:v>
                </c:pt>
                <c:pt idx="6003">
                  <c:v>20.939857211208825</c:v>
                </c:pt>
                <c:pt idx="6004">
                  <c:v>20.939857211208825</c:v>
                </c:pt>
                <c:pt idx="6005">
                  <c:v>20.939857211208825</c:v>
                </c:pt>
                <c:pt idx="6006">
                  <c:v>20.939857211208825</c:v>
                </c:pt>
                <c:pt idx="6007">
                  <c:v>20.939857211208825</c:v>
                </c:pt>
                <c:pt idx="6008">
                  <c:v>20.944612455299044</c:v>
                </c:pt>
                <c:pt idx="6009">
                  <c:v>20.944612455299044</c:v>
                </c:pt>
                <c:pt idx="6010">
                  <c:v>20.944612455299044</c:v>
                </c:pt>
                <c:pt idx="6011">
                  <c:v>20.944612455299044</c:v>
                </c:pt>
                <c:pt idx="6012">
                  <c:v>20.949367699389139</c:v>
                </c:pt>
                <c:pt idx="6013">
                  <c:v>20.949367699389139</c:v>
                </c:pt>
                <c:pt idx="6014">
                  <c:v>20.949367699389139</c:v>
                </c:pt>
                <c:pt idx="6015">
                  <c:v>20.949367699389139</c:v>
                </c:pt>
                <c:pt idx="6016">
                  <c:v>20.953983083359038</c:v>
                </c:pt>
                <c:pt idx="6017">
                  <c:v>20.953983083359038</c:v>
                </c:pt>
                <c:pt idx="6018">
                  <c:v>20.953983083359038</c:v>
                </c:pt>
                <c:pt idx="6019">
                  <c:v>20.953983083359038</c:v>
                </c:pt>
                <c:pt idx="6020">
                  <c:v>20.958738327449261</c:v>
                </c:pt>
                <c:pt idx="6021">
                  <c:v>20.958738327449261</c:v>
                </c:pt>
                <c:pt idx="6022">
                  <c:v>20.958738327449261</c:v>
                </c:pt>
                <c:pt idx="6023">
                  <c:v>20.958738327449261</c:v>
                </c:pt>
                <c:pt idx="6024">
                  <c:v>20.958738327449261</c:v>
                </c:pt>
                <c:pt idx="6025">
                  <c:v>20.958738327449261</c:v>
                </c:pt>
                <c:pt idx="6026">
                  <c:v>20.958738327449261</c:v>
                </c:pt>
                <c:pt idx="6027">
                  <c:v>20.96349357153948</c:v>
                </c:pt>
                <c:pt idx="6028">
                  <c:v>20.96349357153948</c:v>
                </c:pt>
                <c:pt idx="6029">
                  <c:v>20.96349357153948</c:v>
                </c:pt>
                <c:pt idx="6030">
                  <c:v>20.96349357153948</c:v>
                </c:pt>
                <c:pt idx="6031">
                  <c:v>20.96349357153948</c:v>
                </c:pt>
                <c:pt idx="6032">
                  <c:v>20.968108955509255</c:v>
                </c:pt>
                <c:pt idx="6033">
                  <c:v>20.968108955509255</c:v>
                </c:pt>
                <c:pt idx="6034">
                  <c:v>20.972864199599474</c:v>
                </c:pt>
                <c:pt idx="6035">
                  <c:v>20.972864199599474</c:v>
                </c:pt>
                <c:pt idx="6036">
                  <c:v>20.972864199599474</c:v>
                </c:pt>
                <c:pt idx="6037">
                  <c:v>20.977619443689694</c:v>
                </c:pt>
                <c:pt idx="6038">
                  <c:v>20.977619443689694</c:v>
                </c:pt>
                <c:pt idx="6039">
                  <c:v>20.977619443689694</c:v>
                </c:pt>
                <c:pt idx="6040">
                  <c:v>20.977619443689694</c:v>
                </c:pt>
                <c:pt idx="6041">
                  <c:v>20.977619443689694</c:v>
                </c:pt>
                <c:pt idx="6042">
                  <c:v>20.977619443689694</c:v>
                </c:pt>
                <c:pt idx="6043">
                  <c:v>20.982234827659468</c:v>
                </c:pt>
                <c:pt idx="6044">
                  <c:v>20.982234827659468</c:v>
                </c:pt>
                <c:pt idx="6045">
                  <c:v>20.982234827659468</c:v>
                </c:pt>
                <c:pt idx="6046">
                  <c:v>20.982234827659468</c:v>
                </c:pt>
                <c:pt idx="6047">
                  <c:v>20.982234827659468</c:v>
                </c:pt>
                <c:pt idx="6048">
                  <c:v>20.986990071749688</c:v>
                </c:pt>
                <c:pt idx="6049">
                  <c:v>20.986990071749688</c:v>
                </c:pt>
                <c:pt idx="6050">
                  <c:v>20.986990071749688</c:v>
                </c:pt>
                <c:pt idx="6051">
                  <c:v>20.991745315839907</c:v>
                </c:pt>
                <c:pt idx="6052">
                  <c:v>20.991745315839907</c:v>
                </c:pt>
                <c:pt idx="6053">
                  <c:v>20.991745315839907</c:v>
                </c:pt>
                <c:pt idx="6054">
                  <c:v>20.991745315839907</c:v>
                </c:pt>
                <c:pt idx="6055">
                  <c:v>20.991745315839907</c:v>
                </c:pt>
                <c:pt idx="6056">
                  <c:v>20.991745315839907</c:v>
                </c:pt>
                <c:pt idx="6057">
                  <c:v>20.991745315839907</c:v>
                </c:pt>
                <c:pt idx="6058">
                  <c:v>20.991745315839907</c:v>
                </c:pt>
                <c:pt idx="6059">
                  <c:v>20.996360699809806</c:v>
                </c:pt>
                <c:pt idx="6060">
                  <c:v>20.996360699809806</c:v>
                </c:pt>
                <c:pt idx="6061">
                  <c:v>20.996360699809806</c:v>
                </c:pt>
                <c:pt idx="6062">
                  <c:v>20.996360699809806</c:v>
                </c:pt>
                <c:pt idx="6063">
                  <c:v>20.996360699809806</c:v>
                </c:pt>
                <c:pt idx="6064">
                  <c:v>20.996360699809806</c:v>
                </c:pt>
                <c:pt idx="6065">
                  <c:v>20.996360699809806</c:v>
                </c:pt>
                <c:pt idx="6066">
                  <c:v>21.001115943899904</c:v>
                </c:pt>
                <c:pt idx="6067">
                  <c:v>21.001115943899904</c:v>
                </c:pt>
                <c:pt idx="6068">
                  <c:v>21.001115943899904</c:v>
                </c:pt>
                <c:pt idx="6069">
                  <c:v>21.005871187990124</c:v>
                </c:pt>
                <c:pt idx="6070">
                  <c:v>21.005871187990124</c:v>
                </c:pt>
                <c:pt idx="6071">
                  <c:v>21.005871187990124</c:v>
                </c:pt>
                <c:pt idx="6072">
                  <c:v>21.005871187990124</c:v>
                </c:pt>
                <c:pt idx="6073">
                  <c:v>21.005871187990124</c:v>
                </c:pt>
                <c:pt idx="6074">
                  <c:v>21.005871187990124</c:v>
                </c:pt>
                <c:pt idx="6075">
                  <c:v>21.010486571960023</c:v>
                </c:pt>
                <c:pt idx="6076">
                  <c:v>21.010486571960023</c:v>
                </c:pt>
                <c:pt idx="6077">
                  <c:v>21.010486571960023</c:v>
                </c:pt>
                <c:pt idx="6078">
                  <c:v>21.010486571960023</c:v>
                </c:pt>
                <c:pt idx="6079">
                  <c:v>21.010486571960023</c:v>
                </c:pt>
                <c:pt idx="6080">
                  <c:v>21.010486571960023</c:v>
                </c:pt>
                <c:pt idx="6081">
                  <c:v>21.010486571960023</c:v>
                </c:pt>
                <c:pt idx="6082">
                  <c:v>21.010486571960023</c:v>
                </c:pt>
                <c:pt idx="6083">
                  <c:v>21.010486571960023</c:v>
                </c:pt>
                <c:pt idx="6084">
                  <c:v>21.010486571960023</c:v>
                </c:pt>
                <c:pt idx="6085">
                  <c:v>21.010486571960023</c:v>
                </c:pt>
                <c:pt idx="6086">
                  <c:v>21.010486571960023</c:v>
                </c:pt>
                <c:pt idx="6087">
                  <c:v>21.015241816050118</c:v>
                </c:pt>
                <c:pt idx="6088">
                  <c:v>21.015241816050118</c:v>
                </c:pt>
                <c:pt idx="6089">
                  <c:v>21.015241816050118</c:v>
                </c:pt>
                <c:pt idx="6090">
                  <c:v>21.015241816050118</c:v>
                </c:pt>
                <c:pt idx="6091">
                  <c:v>21.015241816050118</c:v>
                </c:pt>
                <c:pt idx="6092">
                  <c:v>21.019997060140337</c:v>
                </c:pt>
                <c:pt idx="6093">
                  <c:v>21.019997060140337</c:v>
                </c:pt>
                <c:pt idx="6094">
                  <c:v>21.019997060140337</c:v>
                </c:pt>
                <c:pt idx="6095">
                  <c:v>21.019997060140337</c:v>
                </c:pt>
                <c:pt idx="6096">
                  <c:v>21.019997060140337</c:v>
                </c:pt>
                <c:pt idx="6097">
                  <c:v>21.024752304230553</c:v>
                </c:pt>
                <c:pt idx="6098">
                  <c:v>21.024752304230553</c:v>
                </c:pt>
                <c:pt idx="6099">
                  <c:v>21.024752304230553</c:v>
                </c:pt>
                <c:pt idx="6100">
                  <c:v>21.024752304230553</c:v>
                </c:pt>
                <c:pt idx="6101">
                  <c:v>21.024752304230553</c:v>
                </c:pt>
                <c:pt idx="6102">
                  <c:v>21.024752304230553</c:v>
                </c:pt>
                <c:pt idx="6103">
                  <c:v>21.029367688200331</c:v>
                </c:pt>
                <c:pt idx="6104">
                  <c:v>21.029367688200331</c:v>
                </c:pt>
                <c:pt idx="6105">
                  <c:v>21.029367688200331</c:v>
                </c:pt>
                <c:pt idx="6106">
                  <c:v>21.029367688200331</c:v>
                </c:pt>
                <c:pt idx="6107">
                  <c:v>21.034122932290551</c:v>
                </c:pt>
                <c:pt idx="6108">
                  <c:v>21.034122932290551</c:v>
                </c:pt>
                <c:pt idx="6109">
                  <c:v>21.034122932290551</c:v>
                </c:pt>
                <c:pt idx="6110">
                  <c:v>21.034122932290551</c:v>
                </c:pt>
                <c:pt idx="6111">
                  <c:v>21.03887817638077</c:v>
                </c:pt>
                <c:pt idx="6112">
                  <c:v>21.03887817638077</c:v>
                </c:pt>
                <c:pt idx="6113">
                  <c:v>21.03887817638077</c:v>
                </c:pt>
                <c:pt idx="6114">
                  <c:v>21.043493560350548</c:v>
                </c:pt>
                <c:pt idx="6115">
                  <c:v>21.043493560350548</c:v>
                </c:pt>
                <c:pt idx="6116">
                  <c:v>21.043493560350548</c:v>
                </c:pt>
                <c:pt idx="6117">
                  <c:v>21.043493560350548</c:v>
                </c:pt>
                <c:pt idx="6118">
                  <c:v>21.043493560350548</c:v>
                </c:pt>
                <c:pt idx="6119">
                  <c:v>21.043493560350548</c:v>
                </c:pt>
                <c:pt idx="6120">
                  <c:v>21.048248804440767</c:v>
                </c:pt>
                <c:pt idx="6121">
                  <c:v>21.048248804440767</c:v>
                </c:pt>
                <c:pt idx="6122">
                  <c:v>21.048248804440767</c:v>
                </c:pt>
                <c:pt idx="6123">
                  <c:v>21.048248804440767</c:v>
                </c:pt>
                <c:pt idx="6124">
                  <c:v>21.053004048530983</c:v>
                </c:pt>
                <c:pt idx="6125">
                  <c:v>21.053004048530983</c:v>
                </c:pt>
                <c:pt idx="6126">
                  <c:v>21.057619432500886</c:v>
                </c:pt>
                <c:pt idx="6127">
                  <c:v>21.057619432500886</c:v>
                </c:pt>
                <c:pt idx="6128">
                  <c:v>21.057619432500886</c:v>
                </c:pt>
                <c:pt idx="6129">
                  <c:v>21.057619432500886</c:v>
                </c:pt>
                <c:pt idx="6130">
                  <c:v>21.062374676590981</c:v>
                </c:pt>
                <c:pt idx="6131">
                  <c:v>21.062374676590981</c:v>
                </c:pt>
                <c:pt idx="6132">
                  <c:v>21.062374676590981</c:v>
                </c:pt>
                <c:pt idx="6133">
                  <c:v>21.067129920681197</c:v>
                </c:pt>
                <c:pt idx="6134">
                  <c:v>21.067129920681197</c:v>
                </c:pt>
                <c:pt idx="6135">
                  <c:v>21.067129920681197</c:v>
                </c:pt>
                <c:pt idx="6136">
                  <c:v>21.067129920681197</c:v>
                </c:pt>
                <c:pt idx="6137">
                  <c:v>21.071745304651099</c:v>
                </c:pt>
                <c:pt idx="6138">
                  <c:v>21.071745304651099</c:v>
                </c:pt>
                <c:pt idx="6139">
                  <c:v>21.071745304651099</c:v>
                </c:pt>
                <c:pt idx="6140">
                  <c:v>21.071745304651099</c:v>
                </c:pt>
                <c:pt idx="6141">
                  <c:v>21.071745304651099</c:v>
                </c:pt>
                <c:pt idx="6142">
                  <c:v>21.071745304651099</c:v>
                </c:pt>
                <c:pt idx="6143">
                  <c:v>21.076500548741194</c:v>
                </c:pt>
                <c:pt idx="6144">
                  <c:v>21.076500548741194</c:v>
                </c:pt>
                <c:pt idx="6145">
                  <c:v>21.076500548741194</c:v>
                </c:pt>
                <c:pt idx="6146">
                  <c:v>21.076500548741194</c:v>
                </c:pt>
                <c:pt idx="6147">
                  <c:v>21.076500548741194</c:v>
                </c:pt>
                <c:pt idx="6148">
                  <c:v>21.076500548741194</c:v>
                </c:pt>
                <c:pt idx="6149">
                  <c:v>21.076500548741194</c:v>
                </c:pt>
                <c:pt idx="6150">
                  <c:v>21.076500548741194</c:v>
                </c:pt>
                <c:pt idx="6151">
                  <c:v>21.076500548741194</c:v>
                </c:pt>
                <c:pt idx="6152">
                  <c:v>21.081255792831413</c:v>
                </c:pt>
                <c:pt idx="6153">
                  <c:v>21.081255792831413</c:v>
                </c:pt>
                <c:pt idx="6154">
                  <c:v>21.081255792831413</c:v>
                </c:pt>
                <c:pt idx="6155">
                  <c:v>21.081255792831413</c:v>
                </c:pt>
                <c:pt idx="6156">
                  <c:v>21.081255792831413</c:v>
                </c:pt>
                <c:pt idx="6157">
                  <c:v>21.081255792831413</c:v>
                </c:pt>
                <c:pt idx="6158">
                  <c:v>21.081255792831413</c:v>
                </c:pt>
                <c:pt idx="6159">
                  <c:v>21.085871176801316</c:v>
                </c:pt>
                <c:pt idx="6160">
                  <c:v>21.085871176801316</c:v>
                </c:pt>
                <c:pt idx="6161">
                  <c:v>21.085871176801316</c:v>
                </c:pt>
                <c:pt idx="6162">
                  <c:v>21.085871176801316</c:v>
                </c:pt>
                <c:pt idx="6163">
                  <c:v>21.085871176801316</c:v>
                </c:pt>
                <c:pt idx="6164">
                  <c:v>21.090626420891411</c:v>
                </c:pt>
                <c:pt idx="6165">
                  <c:v>21.090626420891411</c:v>
                </c:pt>
                <c:pt idx="6166">
                  <c:v>21.090626420891411</c:v>
                </c:pt>
                <c:pt idx="6167">
                  <c:v>21.090626420891411</c:v>
                </c:pt>
                <c:pt idx="6168">
                  <c:v>21.090626420891411</c:v>
                </c:pt>
                <c:pt idx="6169">
                  <c:v>21.090626420891411</c:v>
                </c:pt>
                <c:pt idx="6170">
                  <c:v>21.090626420891411</c:v>
                </c:pt>
                <c:pt idx="6171">
                  <c:v>21.090626420891411</c:v>
                </c:pt>
                <c:pt idx="6172">
                  <c:v>21.090626420891411</c:v>
                </c:pt>
                <c:pt idx="6173">
                  <c:v>21.090626420891411</c:v>
                </c:pt>
                <c:pt idx="6174">
                  <c:v>21.090626420891411</c:v>
                </c:pt>
                <c:pt idx="6175">
                  <c:v>21.090626420891411</c:v>
                </c:pt>
                <c:pt idx="6176">
                  <c:v>21.09538166498163</c:v>
                </c:pt>
                <c:pt idx="6177">
                  <c:v>21.09538166498163</c:v>
                </c:pt>
                <c:pt idx="6178">
                  <c:v>21.09538166498163</c:v>
                </c:pt>
                <c:pt idx="6179">
                  <c:v>21.09538166498163</c:v>
                </c:pt>
                <c:pt idx="6180">
                  <c:v>21.09538166498163</c:v>
                </c:pt>
                <c:pt idx="6181">
                  <c:v>21.099997048951529</c:v>
                </c:pt>
                <c:pt idx="6182">
                  <c:v>21.099997048951529</c:v>
                </c:pt>
                <c:pt idx="6183">
                  <c:v>21.099997048951529</c:v>
                </c:pt>
                <c:pt idx="6184">
                  <c:v>21.099997048951529</c:v>
                </c:pt>
                <c:pt idx="6185">
                  <c:v>21.099997048951529</c:v>
                </c:pt>
                <c:pt idx="6186">
                  <c:v>21.099997048951529</c:v>
                </c:pt>
                <c:pt idx="6187">
                  <c:v>21.099997048951529</c:v>
                </c:pt>
                <c:pt idx="6188">
                  <c:v>21.099997048951529</c:v>
                </c:pt>
                <c:pt idx="6189">
                  <c:v>21.099997048951529</c:v>
                </c:pt>
                <c:pt idx="6190">
                  <c:v>21.104752293041749</c:v>
                </c:pt>
                <c:pt idx="6191">
                  <c:v>21.104752293041749</c:v>
                </c:pt>
                <c:pt idx="6192">
                  <c:v>21.104752293041749</c:v>
                </c:pt>
                <c:pt idx="6193">
                  <c:v>21.104752293041749</c:v>
                </c:pt>
                <c:pt idx="6194">
                  <c:v>21.109507537131844</c:v>
                </c:pt>
                <c:pt idx="6195">
                  <c:v>21.109507537131844</c:v>
                </c:pt>
                <c:pt idx="6196">
                  <c:v>21.109507537131844</c:v>
                </c:pt>
                <c:pt idx="6197">
                  <c:v>21.109507537131844</c:v>
                </c:pt>
                <c:pt idx="6198">
                  <c:v>21.114122921101742</c:v>
                </c:pt>
                <c:pt idx="6199">
                  <c:v>21.114122921101742</c:v>
                </c:pt>
                <c:pt idx="6200">
                  <c:v>21.114122921101742</c:v>
                </c:pt>
                <c:pt idx="6201">
                  <c:v>21.114122921101742</c:v>
                </c:pt>
                <c:pt idx="6202">
                  <c:v>21.114122921101742</c:v>
                </c:pt>
                <c:pt idx="6203">
                  <c:v>21.114122921101742</c:v>
                </c:pt>
                <c:pt idx="6204">
                  <c:v>21.114122921101742</c:v>
                </c:pt>
                <c:pt idx="6205">
                  <c:v>21.114122921101742</c:v>
                </c:pt>
                <c:pt idx="6206">
                  <c:v>21.114122921101742</c:v>
                </c:pt>
                <c:pt idx="6207">
                  <c:v>21.114122921101742</c:v>
                </c:pt>
                <c:pt idx="6208">
                  <c:v>21.114122921101742</c:v>
                </c:pt>
                <c:pt idx="6209">
                  <c:v>21.118878165191962</c:v>
                </c:pt>
                <c:pt idx="6210">
                  <c:v>21.118878165191962</c:v>
                </c:pt>
                <c:pt idx="6211">
                  <c:v>21.118878165191962</c:v>
                </c:pt>
                <c:pt idx="6212">
                  <c:v>21.118878165191962</c:v>
                </c:pt>
                <c:pt idx="6213">
                  <c:v>21.123633409282061</c:v>
                </c:pt>
                <c:pt idx="6214">
                  <c:v>21.123633409282061</c:v>
                </c:pt>
                <c:pt idx="6215">
                  <c:v>21.123633409282061</c:v>
                </c:pt>
                <c:pt idx="6216">
                  <c:v>21.123633409282061</c:v>
                </c:pt>
                <c:pt idx="6217">
                  <c:v>21.123633409282061</c:v>
                </c:pt>
                <c:pt idx="6218">
                  <c:v>21.123633409282061</c:v>
                </c:pt>
                <c:pt idx="6219">
                  <c:v>21.123633409282061</c:v>
                </c:pt>
                <c:pt idx="6220">
                  <c:v>21.123633409282061</c:v>
                </c:pt>
                <c:pt idx="6221">
                  <c:v>21.128248793251959</c:v>
                </c:pt>
                <c:pt idx="6222">
                  <c:v>21.128248793251959</c:v>
                </c:pt>
                <c:pt idx="6223">
                  <c:v>21.128248793251959</c:v>
                </c:pt>
                <c:pt idx="6224">
                  <c:v>21.133004037342179</c:v>
                </c:pt>
                <c:pt idx="6225">
                  <c:v>21.133004037342179</c:v>
                </c:pt>
                <c:pt idx="6226">
                  <c:v>21.133004037342179</c:v>
                </c:pt>
                <c:pt idx="6227">
                  <c:v>21.133004037342179</c:v>
                </c:pt>
                <c:pt idx="6228">
                  <c:v>21.133004037342179</c:v>
                </c:pt>
                <c:pt idx="6229">
                  <c:v>21.133004037342179</c:v>
                </c:pt>
                <c:pt idx="6230">
                  <c:v>21.137759281432274</c:v>
                </c:pt>
                <c:pt idx="6231">
                  <c:v>21.137759281432274</c:v>
                </c:pt>
                <c:pt idx="6232">
                  <c:v>21.137759281432274</c:v>
                </c:pt>
                <c:pt idx="6233">
                  <c:v>21.137759281432274</c:v>
                </c:pt>
                <c:pt idx="6234">
                  <c:v>21.137759281432274</c:v>
                </c:pt>
                <c:pt idx="6235">
                  <c:v>21.137759281432274</c:v>
                </c:pt>
                <c:pt idx="6236">
                  <c:v>21.137759281432274</c:v>
                </c:pt>
                <c:pt idx="6237">
                  <c:v>21.142374665402173</c:v>
                </c:pt>
                <c:pt idx="6238">
                  <c:v>21.142374665402173</c:v>
                </c:pt>
                <c:pt idx="6239">
                  <c:v>21.142374665402173</c:v>
                </c:pt>
                <c:pt idx="6240">
                  <c:v>21.142374665402173</c:v>
                </c:pt>
                <c:pt idx="6241">
                  <c:v>21.142374665402173</c:v>
                </c:pt>
                <c:pt idx="6242">
                  <c:v>21.142374665402173</c:v>
                </c:pt>
                <c:pt idx="6243">
                  <c:v>21.142374665402173</c:v>
                </c:pt>
                <c:pt idx="6244">
                  <c:v>21.142374665402173</c:v>
                </c:pt>
                <c:pt idx="6245">
                  <c:v>21.142374665402173</c:v>
                </c:pt>
                <c:pt idx="6246">
                  <c:v>21.142374665402173</c:v>
                </c:pt>
                <c:pt idx="6247">
                  <c:v>21.142374665402173</c:v>
                </c:pt>
                <c:pt idx="6248">
                  <c:v>21.142374665402173</c:v>
                </c:pt>
                <c:pt idx="6249">
                  <c:v>21.147129909492392</c:v>
                </c:pt>
                <c:pt idx="6250">
                  <c:v>21.147129909492392</c:v>
                </c:pt>
                <c:pt idx="6251">
                  <c:v>21.147129909492392</c:v>
                </c:pt>
                <c:pt idx="6252">
                  <c:v>21.147129909492392</c:v>
                </c:pt>
                <c:pt idx="6253">
                  <c:v>21.147129909492392</c:v>
                </c:pt>
                <c:pt idx="6254">
                  <c:v>21.147129909492392</c:v>
                </c:pt>
                <c:pt idx="6255">
                  <c:v>21.147129909492392</c:v>
                </c:pt>
                <c:pt idx="6256">
                  <c:v>21.147129909492392</c:v>
                </c:pt>
                <c:pt idx="6257">
                  <c:v>21.151885153582612</c:v>
                </c:pt>
                <c:pt idx="6258">
                  <c:v>21.151885153582612</c:v>
                </c:pt>
                <c:pt idx="6259">
                  <c:v>21.151885153582612</c:v>
                </c:pt>
                <c:pt idx="6260">
                  <c:v>21.151885153582612</c:v>
                </c:pt>
                <c:pt idx="6261">
                  <c:v>21.156500537552386</c:v>
                </c:pt>
                <c:pt idx="6262">
                  <c:v>21.156500537552386</c:v>
                </c:pt>
                <c:pt idx="6263">
                  <c:v>21.156500537552386</c:v>
                </c:pt>
                <c:pt idx="6264">
                  <c:v>21.156500537552386</c:v>
                </c:pt>
                <c:pt idx="6265">
                  <c:v>21.156500537552386</c:v>
                </c:pt>
                <c:pt idx="6266">
                  <c:v>21.156500537552386</c:v>
                </c:pt>
                <c:pt idx="6267">
                  <c:v>21.156500537552386</c:v>
                </c:pt>
                <c:pt idx="6268">
                  <c:v>21.161255781642605</c:v>
                </c:pt>
                <c:pt idx="6269">
                  <c:v>21.161255781642605</c:v>
                </c:pt>
                <c:pt idx="6270">
                  <c:v>21.161255781642605</c:v>
                </c:pt>
                <c:pt idx="6271">
                  <c:v>21.161255781642605</c:v>
                </c:pt>
                <c:pt idx="6272">
                  <c:v>21.161255781642605</c:v>
                </c:pt>
                <c:pt idx="6273">
                  <c:v>21.161255781642605</c:v>
                </c:pt>
                <c:pt idx="6274">
                  <c:v>21.166011025732825</c:v>
                </c:pt>
                <c:pt idx="6275">
                  <c:v>21.166011025732825</c:v>
                </c:pt>
                <c:pt idx="6276">
                  <c:v>21.166011025732825</c:v>
                </c:pt>
                <c:pt idx="6277">
                  <c:v>21.166011025732825</c:v>
                </c:pt>
                <c:pt idx="6278">
                  <c:v>21.166011025732825</c:v>
                </c:pt>
                <c:pt idx="6279">
                  <c:v>21.166011025732825</c:v>
                </c:pt>
                <c:pt idx="6280">
                  <c:v>21.166011025732825</c:v>
                </c:pt>
                <c:pt idx="6281">
                  <c:v>21.166011025732825</c:v>
                </c:pt>
                <c:pt idx="6282">
                  <c:v>21.170626409702603</c:v>
                </c:pt>
                <c:pt idx="6283">
                  <c:v>21.170626409702603</c:v>
                </c:pt>
                <c:pt idx="6284">
                  <c:v>21.170626409702603</c:v>
                </c:pt>
                <c:pt idx="6285">
                  <c:v>21.170626409702603</c:v>
                </c:pt>
                <c:pt idx="6286">
                  <c:v>21.170626409702603</c:v>
                </c:pt>
                <c:pt idx="6287">
                  <c:v>21.170626409702603</c:v>
                </c:pt>
                <c:pt idx="6288">
                  <c:v>21.170626409702603</c:v>
                </c:pt>
                <c:pt idx="6289">
                  <c:v>21.175381653792822</c:v>
                </c:pt>
                <c:pt idx="6290">
                  <c:v>21.175381653792822</c:v>
                </c:pt>
                <c:pt idx="6291">
                  <c:v>21.175381653792822</c:v>
                </c:pt>
                <c:pt idx="6292">
                  <c:v>21.175381653792822</c:v>
                </c:pt>
                <c:pt idx="6293">
                  <c:v>21.175381653792822</c:v>
                </c:pt>
                <c:pt idx="6294">
                  <c:v>21.175381653792822</c:v>
                </c:pt>
                <c:pt idx="6295">
                  <c:v>21.180136897883042</c:v>
                </c:pt>
                <c:pt idx="6296">
                  <c:v>21.180136897883042</c:v>
                </c:pt>
                <c:pt idx="6297">
                  <c:v>21.180136897883042</c:v>
                </c:pt>
                <c:pt idx="6298">
                  <c:v>21.180136897883042</c:v>
                </c:pt>
                <c:pt idx="6299">
                  <c:v>21.180136897883042</c:v>
                </c:pt>
                <c:pt idx="6300">
                  <c:v>21.180136897883042</c:v>
                </c:pt>
                <c:pt idx="6301">
                  <c:v>21.180136897883042</c:v>
                </c:pt>
                <c:pt idx="6302">
                  <c:v>21.180136897883042</c:v>
                </c:pt>
                <c:pt idx="6303">
                  <c:v>21.180136897883042</c:v>
                </c:pt>
                <c:pt idx="6304">
                  <c:v>21.180136897883042</c:v>
                </c:pt>
                <c:pt idx="6305">
                  <c:v>21.180136897883042</c:v>
                </c:pt>
                <c:pt idx="6306">
                  <c:v>21.180136897883042</c:v>
                </c:pt>
                <c:pt idx="6307">
                  <c:v>21.184752281852941</c:v>
                </c:pt>
                <c:pt idx="6308">
                  <c:v>21.184752281852941</c:v>
                </c:pt>
                <c:pt idx="6309">
                  <c:v>21.184752281852941</c:v>
                </c:pt>
                <c:pt idx="6310">
                  <c:v>21.184752281852941</c:v>
                </c:pt>
                <c:pt idx="6311">
                  <c:v>21.184752281852941</c:v>
                </c:pt>
                <c:pt idx="6312">
                  <c:v>21.184752281852941</c:v>
                </c:pt>
                <c:pt idx="6313">
                  <c:v>21.184752281852941</c:v>
                </c:pt>
                <c:pt idx="6314">
                  <c:v>21.184752281852941</c:v>
                </c:pt>
                <c:pt idx="6315">
                  <c:v>21.184752281852941</c:v>
                </c:pt>
                <c:pt idx="6316">
                  <c:v>21.184752281852941</c:v>
                </c:pt>
                <c:pt idx="6317">
                  <c:v>21.184752281852941</c:v>
                </c:pt>
                <c:pt idx="6318">
                  <c:v>21.184752281852941</c:v>
                </c:pt>
                <c:pt idx="6319">
                  <c:v>21.189507525943036</c:v>
                </c:pt>
                <c:pt idx="6320">
                  <c:v>21.189507525943036</c:v>
                </c:pt>
                <c:pt idx="6321">
                  <c:v>21.189507525943036</c:v>
                </c:pt>
                <c:pt idx="6322">
                  <c:v>21.189507525943036</c:v>
                </c:pt>
                <c:pt idx="6323">
                  <c:v>21.189507525943036</c:v>
                </c:pt>
                <c:pt idx="6324">
                  <c:v>21.194262770033255</c:v>
                </c:pt>
                <c:pt idx="6325">
                  <c:v>21.194262770033255</c:v>
                </c:pt>
                <c:pt idx="6326">
                  <c:v>21.194262770033255</c:v>
                </c:pt>
                <c:pt idx="6327">
                  <c:v>21.194262770033255</c:v>
                </c:pt>
                <c:pt idx="6328">
                  <c:v>21.199018014123347</c:v>
                </c:pt>
                <c:pt idx="6329">
                  <c:v>21.199018014123347</c:v>
                </c:pt>
                <c:pt idx="6330">
                  <c:v>21.199018014123347</c:v>
                </c:pt>
                <c:pt idx="6331">
                  <c:v>21.199018014123347</c:v>
                </c:pt>
                <c:pt idx="6332">
                  <c:v>21.199018014123347</c:v>
                </c:pt>
                <c:pt idx="6333">
                  <c:v>21.199018014123347</c:v>
                </c:pt>
                <c:pt idx="6334">
                  <c:v>21.199018014123347</c:v>
                </c:pt>
                <c:pt idx="6335">
                  <c:v>21.203633398093249</c:v>
                </c:pt>
                <c:pt idx="6336">
                  <c:v>21.203633398093249</c:v>
                </c:pt>
                <c:pt idx="6337">
                  <c:v>21.203633398093249</c:v>
                </c:pt>
                <c:pt idx="6338">
                  <c:v>21.203633398093249</c:v>
                </c:pt>
                <c:pt idx="6339">
                  <c:v>21.203633398093249</c:v>
                </c:pt>
                <c:pt idx="6340">
                  <c:v>21.203633398093249</c:v>
                </c:pt>
                <c:pt idx="6341">
                  <c:v>21.203633398093249</c:v>
                </c:pt>
                <c:pt idx="6342">
                  <c:v>21.208388642183472</c:v>
                </c:pt>
                <c:pt idx="6343">
                  <c:v>21.208388642183472</c:v>
                </c:pt>
                <c:pt idx="6344">
                  <c:v>21.208388642183472</c:v>
                </c:pt>
                <c:pt idx="6345">
                  <c:v>21.208388642183472</c:v>
                </c:pt>
                <c:pt idx="6346">
                  <c:v>21.208388642183472</c:v>
                </c:pt>
                <c:pt idx="6347">
                  <c:v>21.208388642183472</c:v>
                </c:pt>
                <c:pt idx="6348">
                  <c:v>21.208388642183472</c:v>
                </c:pt>
                <c:pt idx="6349">
                  <c:v>21.208388642183472</c:v>
                </c:pt>
                <c:pt idx="6350">
                  <c:v>21.208388642183472</c:v>
                </c:pt>
                <c:pt idx="6351">
                  <c:v>21.208388642183472</c:v>
                </c:pt>
                <c:pt idx="6352">
                  <c:v>21.208388642183472</c:v>
                </c:pt>
                <c:pt idx="6353">
                  <c:v>21.213143886273691</c:v>
                </c:pt>
                <c:pt idx="6354">
                  <c:v>21.213143886273691</c:v>
                </c:pt>
                <c:pt idx="6355">
                  <c:v>21.213143886273691</c:v>
                </c:pt>
                <c:pt idx="6356">
                  <c:v>21.213143886273691</c:v>
                </c:pt>
                <c:pt idx="6357">
                  <c:v>21.213143886273691</c:v>
                </c:pt>
                <c:pt idx="6358">
                  <c:v>21.213143886273691</c:v>
                </c:pt>
                <c:pt idx="6359">
                  <c:v>21.213143886273691</c:v>
                </c:pt>
                <c:pt idx="6360">
                  <c:v>21.213143886273691</c:v>
                </c:pt>
                <c:pt idx="6361">
                  <c:v>21.217759270243466</c:v>
                </c:pt>
                <c:pt idx="6362">
                  <c:v>21.217759270243466</c:v>
                </c:pt>
                <c:pt idx="6363">
                  <c:v>21.217759270243466</c:v>
                </c:pt>
                <c:pt idx="6364">
                  <c:v>21.217759270243466</c:v>
                </c:pt>
                <c:pt idx="6365">
                  <c:v>21.217759270243466</c:v>
                </c:pt>
                <c:pt idx="6366">
                  <c:v>21.217759270243466</c:v>
                </c:pt>
                <c:pt idx="6367">
                  <c:v>21.217759270243466</c:v>
                </c:pt>
                <c:pt idx="6368">
                  <c:v>21.217759270243466</c:v>
                </c:pt>
                <c:pt idx="6369">
                  <c:v>21.217759270243466</c:v>
                </c:pt>
                <c:pt idx="6370">
                  <c:v>21.217759270243466</c:v>
                </c:pt>
                <c:pt idx="6371">
                  <c:v>21.217759270243466</c:v>
                </c:pt>
                <c:pt idx="6372">
                  <c:v>21.217759270243466</c:v>
                </c:pt>
                <c:pt idx="6373">
                  <c:v>21.217759270243466</c:v>
                </c:pt>
                <c:pt idx="6374">
                  <c:v>21.217759270243466</c:v>
                </c:pt>
                <c:pt idx="6375">
                  <c:v>21.222514514333685</c:v>
                </c:pt>
                <c:pt idx="6376">
                  <c:v>21.222514514333685</c:v>
                </c:pt>
                <c:pt idx="6377">
                  <c:v>21.222514514333685</c:v>
                </c:pt>
                <c:pt idx="6378">
                  <c:v>21.222514514333685</c:v>
                </c:pt>
                <c:pt idx="6379">
                  <c:v>21.222514514333685</c:v>
                </c:pt>
                <c:pt idx="6380">
                  <c:v>21.222514514333685</c:v>
                </c:pt>
                <c:pt idx="6381">
                  <c:v>21.222514514333685</c:v>
                </c:pt>
                <c:pt idx="6382">
                  <c:v>21.227269758423905</c:v>
                </c:pt>
                <c:pt idx="6383">
                  <c:v>21.227269758423905</c:v>
                </c:pt>
                <c:pt idx="6384">
                  <c:v>21.227269758423905</c:v>
                </c:pt>
                <c:pt idx="6385">
                  <c:v>21.231885142393804</c:v>
                </c:pt>
                <c:pt idx="6386">
                  <c:v>21.231885142393804</c:v>
                </c:pt>
                <c:pt idx="6387">
                  <c:v>21.231885142393804</c:v>
                </c:pt>
                <c:pt idx="6388">
                  <c:v>21.231885142393804</c:v>
                </c:pt>
                <c:pt idx="6389">
                  <c:v>21.236640386483899</c:v>
                </c:pt>
                <c:pt idx="6390">
                  <c:v>21.236640386483899</c:v>
                </c:pt>
                <c:pt idx="6391">
                  <c:v>21.236640386483899</c:v>
                </c:pt>
                <c:pt idx="6392">
                  <c:v>21.236640386483899</c:v>
                </c:pt>
                <c:pt idx="6393">
                  <c:v>21.236640386483899</c:v>
                </c:pt>
                <c:pt idx="6394">
                  <c:v>21.241395630574118</c:v>
                </c:pt>
                <c:pt idx="6395">
                  <c:v>21.241395630574118</c:v>
                </c:pt>
                <c:pt idx="6396">
                  <c:v>21.241395630574118</c:v>
                </c:pt>
                <c:pt idx="6397">
                  <c:v>21.241395630574118</c:v>
                </c:pt>
                <c:pt idx="6398">
                  <c:v>21.241395630574118</c:v>
                </c:pt>
                <c:pt idx="6399">
                  <c:v>21.246011014544017</c:v>
                </c:pt>
                <c:pt idx="6400">
                  <c:v>21.246011014544017</c:v>
                </c:pt>
                <c:pt idx="6401">
                  <c:v>21.246011014544017</c:v>
                </c:pt>
                <c:pt idx="6402">
                  <c:v>21.246011014544017</c:v>
                </c:pt>
                <c:pt idx="6403">
                  <c:v>21.250766258634116</c:v>
                </c:pt>
                <c:pt idx="6404">
                  <c:v>21.250766258634116</c:v>
                </c:pt>
                <c:pt idx="6405">
                  <c:v>21.250766258634116</c:v>
                </c:pt>
                <c:pt idx="6406">
                  <c:v>21.250766258634116</c:v>
                </c:pt>
                <c:pt idx="6407">
                  <c:v>21.250766258634116</c:v>
                </c:pt>
                <c:pt idx="6408">
                  <c:v>21.250766258634116</c:v>
                </c:pt>
                <c:pt idx="6409">
                  <c:v>21.250766258634116</c:v>
                </c:pt>
                <c:pt idx="6410">
                  <c:v>21.250766258634116</c:v>
                </c:pt>
                <c:pt idx="6411">
                  <c:v>21.250766258634116</c:v>
                </c:pt>
                <c:pt idx="6412">
                  <c:v>21.255521502724335</c:v>
                </c:pt>
                <c:pt idx="6413">
                  <c:v>21.255521502724335</c:v>
                </c:pt>
                <c:pt idx="6414">
                  <c:v>21.255521502724335</c:v>
                </c:pt>
                <c:pt idx="6415">
                  <c:v>21.255521502724335</c:v>
                </c:pt>
                <c:pt idx="6416">
                  <c:v>21.255521502724335</c:v>
                </c:pt>
                <c:pt idx="6417">
                  <c:v>21.255521502724335</c:v>
                </c:pt>
                <c:pt idx="6418">
                  <c:v>21.255521502724335</c:v>
                </c:pt>
                <c:pt idx="6419">
                  <c:v>21.255521502724335</c:v>
                </c:pt>
                <c:pt idx="6420">
                  <c:v>21.260136886694234</c:v>
                </c:pt>
                <c:pt idx="6421">
                  <c:v>21.260136886694234</c:v>
                </c:pt>
                <c:pt idx="6422">
                  <c:v>21.260136886694234</c:v>
                </c:pt>
                <c:pt idx="6423">
                  <c:v>21.260136886694234</c:v>
                </c:pt>
                <c:pt idx="6424">
                  <c:v>21.260136886694234</c:v>
                </c:pt>
                <c:pt idx="6425">
                  <c:v>21.260136886694234</c:v>
                </c:pt>
                <c:pt idx="6426">
                  <c:v>21.260136886694234</c:v>
                </c:pt>
                <c:pt idx="6427">
                  <c:v>21.260136886694234</c:v>
                </c:pt>
                <c:pt idx="6428">
                  <c:v>21.260136886694234</c:v>
                </c:pt>
                <c:pt idx="6429">
                  <c:v>21.260136886694234</c:v>
                </c:pt>
                <c:pt idx="6430">
                  <c:v>21.260136886694234</c:v>
                </c:pt>
                <c:pt idx="6431">
                  <c:v>21.260136886694234</c:v>
                </c:pt>
                <c:pt idx="6432">
                  <c:v>21.260136886694234</c:v>
                </c:pt>
                <c:pt idx="6433">
                  <c:v>21.260136886694234</c:v>
                </c:pt>
                <c:pt idx="6434">
                  <c:v>21.260136886694234</c:v>
                </c:pt>
                <c:pt idx="6435">
                  <c:v>21.260136886694234</c:v>
                </c:pt>
                <c:pt idx="6436">
                  <c:v>21.260136886694234</c:v>
                </c:pt>
                <c:pt idx="6437">
                  <c:v>21.260136886694234</c:v>
                </c:pt>
                <c:pt idx="6438">
                  <c:v>21.260136886694234</c:v>
                </c:pt>
                <c:pt idx="6439">
                  <c:v>21.260136886694234</c:v>
                </c:pt>
                <c:pt idx="6440">
                  <c:v>21.260136886694234</c:v>
                </c:pt>
                <c:pt idx="6441">
                  <c:v>21.260136886694234</c:v>
                </c:pt>
                <c:pt idx="6442">
                  <c:v>21.260136886694234</c:v>
                </c:pt>
                <c:pt idx="6443">
                  <c:v>21.260136886694234</c:v>
                </c:pt>
                <c:pt idx="6444">
                  <c:v>21.260136886694234</c:v>
                </c:pt>
                <c:pt idx="6445">
                  <c:v>21.264892130784329</c:v>
                </c:pt>
                <c:pt idx="6446">
                  <c:v>21.264892130784329</c:v>
                </c:pt>
                <c:pt idx="6447">
                  <c:v>21.264892130784329</c:v>
                </c:pt>
                <c:pt idx="6448">
                  <c:v>21.264892130784329</c:v>
                </c:pt>
                <c:pt idx="6449">
                  <c:v>21.264892130784329</c:v>
                </c:pt>
                <c:pt idx="6450">
                  <c:v>21.269647374874548</c:v>
                </c:pt>
                <c:pt idx="6451">
                  <c:v>21.269647374874548</c:v>
                </c:pt>
                <c:pt idx="6452">
                  <c:v>21.269647374874548</c:v>
                </c:pt>
                <c:pt idx="6453">
                  <c:v>21.269647374874548</c:v>
                </c:pt>
                <c:pt idx="6454">
                  <c:v>21.274262758844447</c:v>
                </c:pt>
                <c:pt idx="6455">
                  <c:v>21.274262758844447</c:v>
                </c:pt>
                <c:pt idx="6456">
                  <c:v>21.279018002934542</c:v>
                </c:pt>
                <c:pt idx="6457">
                  <c:v>21.279018002934542</c:v>
                </c:pt>
                <c:pt idx="6458">
                  <c:v>21.279018002934542</c:v>
                </c:pt>
                <c:pt idx="6459">
                  <c:v>21.283773247024762</c:v>
                </c:pt>
                <c:pt idx="6460">
                  <c:v>21.283773247024762</c:v>
                </c:pt>
                <c:pt idx="6461">
                  <c:v>21.283773247024762</c:v>
                </c:pt>
                <c:pt idx="6462">
                  <c:v>21.283773247024762</c:v>
                </c:pt>
                <c:pt idx="6463">
                  <c:v>21.283773247024762</c:v>
                </c:pt>
                <c:pt idx="6464">
                  <c:v>21.28838863099466</c:v>
                </c:pt>
                <c:pt idx="6465">
                  <c:v>21.28838863099466</c:v>
                </c:pt>
                <c:pt idx="6466">
                  <c:v>21.28838863099466</c:v>
                </c:pt>
                <c:pt idx="6467">
                  <c:v>21.29314387508488</c:v>
                </c:pt>
                <c:pt idx="6468">
                  <c:v>21.29314387508488</c:v>
                </c:pt>
                <c:pt idx="6469">
                  <c:v>21.29314387508488</c:v>
                </c:pt>
                <c:pt idx="6470">
                  <c:v>21.29314387508488</c:v>
                </c:pt>
                <c:pt idx="6471">
                  <c:v>21.29314387508488</c:v>
                </c:pt>
                <c:pt idx="6472">
                  <c:v>21.297899119174978</c:v>
                </c:pt>
                <c:pt idx="6473">
                  <c:v>21.297899119174978</c:v>
                </c:pt>
                <c:pt idx="6474">
                  <c:v>21.297899119174978</c:v>
                </c:pt>
                <c:pt idx="6475">
                  <c:v>21.297899119174978</c:v>
                </c:pt>
                <c:pt idx="6476">
                  <c:v>21.297899119174978</c:v>
                </c:pt>
                <c:pt idx="6477">
                  <c:v>21.297899119174978</c:v>
                </c:pt>
                <c:pt idx="6478">
                  <c:v>21.297899119174978</c:v>
                </c:pt>
                <c:pt idx="6479">
                  <c:v>21.297899119174978</c:v>
                </c:pt>
                <c:pt idx="6480">
                  <c:v>21.297899119174978</c:v>
                </c:pt>
                <c:pt idx="6481">
                  <c:v>21.297899119174978</c:v>
                </c:pt>
                <c:pt idx="6482">
                  <c:v>21.297899119174978</c:v>
                </c:pt>
                <c:pt idx="6483">
                  <c:v>21.297899119174978</c:v>
                </c:pt>
                <c:pt idx="6484">
                  <c:v>21.297899119174978</c:v>
                </c:pt>
                <c:pt idx="6485">
                  <c:v>21.297899119174978</c:v>
                </c:pt>
                <c:pt idx="6486">
                  <c:v>21.297899119174978</c:v>
                </c:pt>
                <c:pt idx="6487">
                  <c:v>21.297899119174978</c:v>
                </c:pt>
                <c:pt idx="6488">
                  <c:v>21.302514503144877</c:v>
                </c:pt>
                <c:pt idx="6489">
                  <c:v>21.302514503144877</c:v>
                </c:pt>
                <c:pt idx="6490">
                  <c:v>21.302514503144877</c:v>
                </c:pt>
                <c:pt idx="6491">
                  <c:v>21.302514503144877</c:v>
                </c:pt>
                <c:pt idx="6492">
                  <c:v>21.302514503144877</c:v>
                </c:pt>
                <c:pt idx="6493">
                  <c:v>21.302514503144877</c:v>
                </c:pt>
                <c:pt idx="6494">
                  <c:v>21.302514503144877</c:v>
                </c:pt>
                <c:pt idx="6495">
                  <c:v>21.307269747235097</c:v>
                </c:pt>
                <c:pt idx="6496">
                  <c:v>21.307269747235097</c:v>
                </c:pt>
                <c:pt idx="6497">
                  <c:v>21.307269747235097</c:v>
                </c:pt>
                <c:pt idx="6498">
                  <c:v>21.307269747235097</c:v>
                </c:pt>
                <c:pt idx="6499">
                  <c:v>21.307269747235097</c:v>
                </c:pt>
                <c:pt idx="6500">
                  <c:v>21.307269747235097</c:v>
                </c:pt>
                <c:pt idx="6501">
                  <c:v>21.307269747235097</c:v>
                </c:pt>
                <c:pt idx="6502">
                  <c:v>21.307269747235097</c:v>
                </c:pt>
                <c:pt idx="6503">
                  <c:v>21.312024991325192</c:v>
                </c:pt>
                <c:pt idx="6504">
                  <c:v>21.312024991325192</c:v>
                </c:pt>
                <c:pt idx="6505">
                  <c:v>21.312024991325192</c:v>
                </c:pt>
                <c:pt idx="6506">
                  <c:v>21.312024991325192</c:v>
                </c:pt>
                <c:pt idx="6507">
                  <c:v>21.316640375295091</c:v>
                </c:pt>
                <c:pt idx="6508">
                  <c:v>21.316640375295091</c:v>
                </c:pt>
                <c:pt idx="6509">
                  <c:v>21.316640375295091</c:v>
                </c:pt>
                <c:pt idx="6510">
                  <c:v>21.316640375295091</c:v>
                </c:pt>
                <c:pt idx="6511">
                  <c:v>21.32139561938531</c:v>
                </c:pt>
                <c:pt idx="6512">
                  <c:v>21.32139561938531</c:v>
                </c:pt>
                <c:pt idx="6513">
                  <c:v>21.32139561938531</c:v>
                </c:pt>
                <c:pt idx="6514">
                  <c:v>21.32139561938531</c:v>
                </c:pt>
                <c:pt idx="6515">
                  <c:v>21.32139561938531</c:v>
                </c:pt>
                <c:pt idx="6516">
                  <c:v>21.32139561938531</c:v>
                </c:pt>
                <c:pt idx="6517">
                  <c:v>21.32139561938531</c:v>
                </c:pt>
                <c:pt idx="6518">
                  <c:v>21.326150863475405</c:v>
                </c:pt>
                <c:pt idx="6519">
                  <c:v>21.326150863475405</c:v>
                </c:pt>
                <c:pt idx="6520">
                  <c:v>21.326150863475405</c:v>
                </c:pt>
                <c:pt idx="6521">
                  <c:v>21.326150863475405</c:v>
                </c:pt>
                <c:pt idx="6522">
                  <c:v>21.326150863475405</c:v>
                </c:pt>
                <c:pt idx="6523">
                  <c:v>21.326150863475405</c:v>
                </c:pt>
                <c:pt idx="6524">
                  <c:v>21.330766247445304</c:v>
                </c:pt>
                <c:pt idx="6525">
                  <c:v>21.330766247445304</c:v>
                </c:pt>
                <c:pt idx="6526">
                  <c:v>21.330766247445304</c:v>
                </c:pt>
                <c:pt idx="6527">
                  <c:v>21.330766247445304</c:v>
                </c:pt>
                <c:pt idx="6528">
                  <c:v>21.330766247445304</c:v>
                </c:pt>
                <c:pt idx="6529">
                  <c:v>21.330766247445304</c:v>
                </c:pt>
                <c:pt idx="6530">
                  <c:v>21.335521491535523</c:v>
                </c:pt>
                <c:pt idx="6531">
                  <c:v>21.335521491535523</c:v>
                </c:pt>
                <c:pt idx="6532">
                  <c:v>21.335521491535523</c:v>
                </c:pt>
                <c:pt idx="6533">
                  <c:v>21.335521491535523</c:v>
                </c:pt>
                <c:pt idx="6534">
                  <c:v>21.335521491535523</c:v>
                </c:pt>
                <c:pt idx="6535">
                  <c:v>21.335521491535523</c:v>
                </c:pt>
                <c:pt idx="6536">
                  <c:v>21.335521491535523</c:v>
                </c:pt>
                <c:pt idx="6537">
                  <c:v>21.335521491535523</c:v>
                </c:pt>
                <c:pt idx="6538">
                  <c:v>21.340276735625746</c:v>
                </c:pt>
                <c:pt idx="6539">
                  <c:v>21.340276735625746</c:v>
                </c:pt>
                <c:pt idx="6540">
                  <c:v>21.340276735625746</c:v>
                </c:pt>
                <c:pt idx="6541">
                  <c:v>21.340276735625746</c:v>
                </c:pt>
                <c:pt idx="6542">
                  <c:v>21.340276735625746</c:v>
                </c:pt>
                <c:pt idx="6543">
                  <c:v>21.340276735625746</c:v>
                </c:pt>
                <c:pt idx="6544">
                  <c:v>21.340276735625746</c:v>
                </c:pt>
                <c:pt idx="6545">
                  <c:v>21.340276735625746</c:v>
                </c:pt>
                <c:pt idx="6546">
                  <c:v>21.340276735625746</c:v>
                </c:pt>
                <c:pt idx="6547">
                  <c:v>21.344892119595521</c:v>
                </c:pt>
                <c:pt idx="6548">
                  <c:v>21.344892119595521</c:v>
                </c:pt>
                <c:pt idx="6549">
                  <c:v>21.344892119595521</c:v>
                </c:pt>
                <c:pt idx="6550">
                  <c:v>21.344892119595521</c:v>
                </c:pt>
                <c:pt idx="6551">
                  <c:v>21.344892119595521</c:v>
                </c:pt>
                <c:pt idx="6552">
                  <c:v>21.344892119595521</c:v>
                </c:pt>
                <c:pt idx="6553">
                  <c:v>21.344892119595521</c:v>
                </c:pt>
                <c:pt idx="6554">
                  <c:v>21.344892119595521</c:v>
                </c:pt>
                <c:pt idx="6555">
                  <c:v>21.344892119595521</c:v>
                </c:pt>
                <c:pt idx="6556">
                  <c:v>21.344892119595521</c:v>
                </c:pt>
                <c:pt idx="6557">
                  <c:v>21.344892119595521</c:v>
                </c:pt>
                <c:pt idx="6558">
                  <c:v>21.34964736368574</c:v>
                </c:pt>
                <c:pt idx="6559">
                  <c:v>21.34964736368574</c:v>
                </c:pt>
                <c:pt idx="6560">
                  <c:v>21.34964736368574</c:v>
                </c:pt>
                <c:pt idx="6561">
                  <c:v>21.34964736368574</c:v>
                </c:pt>
                <c:pt idx="6562">
                  <c:v>21.34964736368574</c:v>
                </c:pt>
                <c:pt idx="6563">
                  <c:v>21.35440260777596</c:v>
                </c:pt>
                <c:pt idx="6564">
                  <c:v>21.35440260777596</c:v>
                </c:pt>
                <c:pt idx="6565">
                  <c:v>21.35440260777596</c:v>
                </c:pt>
                <c:pt idx="6566">
                  <c:v>21.35440260777596</c:v>
                </c:pt>
                <c:pt idx="6567">
                  <c:v>21.359017991745734</c:v>
                </c:pt>
                <c:pt idx="6568">
                  <c:v>21.359017991745734</c:v>
                </c:pt>
                <c:pt idx="6569">
                  <c:v>21.359017991745734</c:v>
                </c:pt>
                <c:pt idx="6570">
                  <c:v>21.359017991745734</c:v>
                </c:pt>
                <c:pt idx="6571">
                  <c:v>21.359017991745734</c:v>
                </c:pt>
                <c:pt idx="6572">
                  <c:v>21.359017991745734</c:v>
                </c:pt>
                <c:pt idx="6573">
                  <c:v>21.359017991745734</c:v>
                </c:pt>
                <c:pt idx="6574">
                  <c:v>21.359017991745734</c:v>
                </c:pt>
                <c:pt idx="6575">
                  <c:v>21.363773235835954</c:v>
                </c:pt>
                <c:pt idx="6576">
                  <c:v>21.363773235835954</c:v>
                </c:pt>
                <c:pt idx="6577">
                  <c:v>21.363773235835954</c:v>
                </c:pt>
                <c:pt idx="6578">
                  <c:v>21.363773235835954</c:v>
                </c:pt>
                <c:pt idx="6579">
                  <c:v>21.368528479926173</c:v>
                </c:pt>
                <c:pt idx="6580">
                  <c:v>21.368528479926173</c:v>
                </c:pt>
                <c:pt idx="6581">
                  <c:v>21.368528479926173</c:v>
                </c:pt>
                <c:pt idx="6582">
                  <c:v>21.373143863896072</c:v>
                </c:pt>
                <c:pt idx="6583">
                  <c:v>21.373143863896072</c:v>
                </c:pt>
                <c:pt idx="6584">
                  <c:v>21.373143863896072</c:v>
                </c:pt>
                <c:pt idx="6585">
                  <c:v>21.373143863896072</c:v>
                </c:pt>
                <c:pt idx="6586">
                  <c:v>21.373143863896072</c:v>
                </c:pt>
                <c:pt idx="6587">
                  <c:v>21.373143863896072</c:v>
                </c:pt>
                <c:pt idx="6588">
                  <c:v>21.373143863896072</c:v>
                </c:pt>
                <c:pt idx="6589">
                  <c:v>21.373143863896072</c:v>
                </c:pt>
                <c:pt idx="6590">
                  <c:v>21.373143863896072</c:v>
                </c:pt>
                <c:pt idx="6591">
                  <c:v>21.373143863896072</c:v>
                </c:pt>
                <c:pt idx="6592">
                  <c:v>21.373143863896072</c:v>
                </c:pt>
                <c:pt idx="6593">
                  <c:v>21.373143863896072</c:v>
                </c:pt>
                <c:pt idx="6594">
                  <c:v>21.373143863896072</c:v>
                </c:pt>
                <c:pt idx="6595">
                  <c:v>21.37789910798617</c:v>
                </c:pt>
                <c:pt idx="6596">
                  <c:v>21.37789910798617</c:v>
                </c:pt>
                <c:pt idx="6597">
                  <c:v>21.37789910798617</c:v>
                </c:pt>
                <c:pt idx="6598">
                  <c:v>21.37789910798617</c:v>
                </c:pt>
                <c:pt idx="6599">
                  <c:v>21.37789910798617</c:v>
                </c:pt>
                <c:pt idx="6600">
                  <c:v>21.37789910798617</c:v>
                </c:pt>
                <c:pt idx="6601">
                  <c:v>21.37789910798617</c:v>
                </c:pt>
                <c:pt idx="6602">
                  <c:v>21.37789910798617</c:v>
                </c:pt>
                <c:pt idx="6603">
                  <c:v>21.37789910798617</c:v>
                </c:pt>
                <c:pt idx="6604">
                  <c:v>21.37789910798617</c:v>
                </c:pt>
                <c:pt idx="6605">
                  <c:v>21.37789910798617</c:v>
                </c:pt>
                <c:pt idx="6606">
                  <c:v>21.37789910798617</c:v>
                </c:pt>
                <c:pt idx="6607">
                  <c:v>21.37789910798617</c:v>
                </c:pt>
                <c:pt idx="6608">
                  <c:v>21.37789910798617</c:v>
                </c:pt>
                <c:pt idx="6609">
                  <c:v>21.37789910798617</c:v>
                </c:pt>
                <c:pt idx="6610">
                  <c:v>21.38265435207639</c:v>
                </c:pt>
                <c:pt idx="6611">
                  <c:v>21.38265435207639</c:v>
                </c:pt>
                <c:pt idx="6612">
                  <c:v>21.38265435207639</c:v>
                </c:pt>
                <c:pt idx="6613">
                  <c:v>21.38265435207639</c:v>
                </c:pt>
                <c:pt idx="6614">
                  <c:v>21.387409596166609</c:v>
                </c:pt>
                <c:pt idx="6615">
                  <c:v>21.387409596166609</c:v>
                </c:pt>
                <c:pt idx="6616">
                  <c:v>21.387409596166609</c:v>
                </c:pt>
                <c:pt idx="6617">
                  <c:v>21.387409596166609</c:v>
                </c:pt>
                <c:pt idx="6618">
                  <c:v>21.387409596166609</c:v>
                </c:pt>
                <c:pt idx="6619">
                  <c:v>21.387409596166609</c:v>
                </c:pt>
                <c:pt idx="6620">
                  <c:v>21.392024980136384</c:v>
                </c:pt>
                <c:pt idx="6621">
                  <c:v>21.392024980136384</c:v>
                </c:pt>
                <c:pt idx="6622">
                  <c:v>21.392024980136384</c:v>
                </c:pt>
                <c:pt idx="6623">
                  <c:v>21.392024980136384</c:v>
                </c:pt>
                <c:pt idx="6624">
                  <c:v>21.392024980136384</c:v>
                </c:pt>
                <c:pt idx="6625">
                  <c:v>21.392024980136384</c:v>
                </c:pt>
                <c:pt idx="6626">
                  <c:v>21.392024980136384</c:v>
                </c:pt>
                <c:pt idx="6627">
                  <c:v>21.392024980136384</c:v>
                </c:pt>
                <c:pt idx="6628">
                  <c:v>21.392024980136384</c:v>
                </c:pt>
                <c:pt idx="6629">
                  <c:v>21.392024980136384</c:v>
                </c:pt>
                <c:pt idx="6630">
                  <c:v>21.392024980136384</c:v>
                </c:pt>
                <c:pt idx="6631">
                  <c:v>21.392024980136384</c:v>
                </c:pt>
                <c:pt idx="6632">
                  <c:v>21.396780224226603</c:v>
                </c:pt>
                <c:pt idx="6633">
                  <c:v>21.396780224226603</c:v>
                </c:pt>
                <c:pt idx="6634">
                  <c:v>21.396780224226603</c:v>
                </c:pt>
                <c:pt idx="6635">
                  <c:v>21.396780224226603</c:v>
                </c:pt>
                <c:pt idx="6636">
                  <c:v>21.396780224226603</c:v>
                </c:pt>
                <c:pt idx="6637">
                  <c:v>21.396780224226603</c:v>
                </c:pt>
                <c:pt idx="6638">
                  <c:v>21.396780224226603</c:v>
                </c:pt>
                <c:pt idx="6639">
                  <c:v>21.396780224226603</c:v>
                </c:pt>
                <c:pt idx="6640">
                  <c:v>21.401535468316823</c:v>
                </c:pt>
                <c:pt idx="6641">
                  <c:v>21.401535468316823</c:v>
                </c:pt>
                <c:pt idx="6642">
                  <c:v>21.401535468316823</c:v>
                </c:pt>
                <c:pt idx="6643">
                  <c:v>21.401535468316823</c:v>
                </c:pt>
                <c:pt idx="6644">
                  <c:v>21.401535468316823</c:v>
                </c:pt>
                <c:pt idx="6645">
                  <c:v>21.401535468316823</c:v>
                </c:pt>
                <c:pt idx="6646">
                  <c:v>21.401535468316823</c:v>
                </c:pt>
                <c:pt idx="6647">
                  <c:v>21.406150852286597</c:v>
                </c:pt>
                <c:pt idx="6648">
                  <c:v>21.406150852286597</c:v>
                </c:pt>
                <c:pt idx="6649">
                  <c:v>21.406150852286597</c:v>
                </c:pt>
                <c:pt idx="6650">
                  <c:v>21.406150852286597</c:v>
                </c:pt>
                <c:pt idx="6651">
                  <c:v>21.406150852286597</c:v>
                </c:pt>
                <c:pt idx="6652">
                  <c:v>21.410906096376817</c:v>
                </c:pt>
                <c:pt idx="6653">
                  <c:v>21.410906096376817</c:v>
                </c:pt>
                <c:pt idx="6654">
                  <c:v>21.410906096376817</c:v>
                </c:pt>
                <c:pt idx="6655">
                  <c:v>21.410906096376817</c:v>
                </c:pt>
                <c:pt idx="6656">
                  <c:v>21.410906096376817</c:v>
                </c:pt>
                <c:pt idx="6657">
                  <c:v>21.410906096376817</c:v>
                </c:pt>
                <c:pt idx="6658">
                  <c:v>21.410906096376817</c:v>
                </c:pt>
                <c:pt idx="6659">
                  <c:v>21.410906096376817</c:v>
                </c:pt>
                <c:pt idx="6660">
                  <c:v>21.410906096376817</c:v>
                </c:pt>
                <c:pt idx="6661">
                  <c:v>21.410906096376817</c:v>
                </c:pt>
                <c:pt idx="6662">
                  <c:v>21.410906096376817</c:v>
                </c:pt>
                <c:pt idx="6663">
                  <c:v>21.410906096376817</c:v>
                </c:pt>
                <c:pt idx="6664">
                  <c:v>21.415661340467036</c:v>
                </c:pt>
                <c:pt idx="6665">
                  <c:v>21.415661340467036</c:v>
                </c:pt>
                <c:pt idx="6666">
                  <c:v>21.415661340467036</c:v>
                </c:pt>
                <c:pt idx="6667">
                  <c:v>21.415661340467036</c:v>
                </c:pt>
                <c:pt idx="6668">
                  <c:v>21.415661340467036</c:v>
                </c:pt>
                <c:pt idx="6669">
                  <c:v>21.415661340467036</c:v>
                </c:pt>
                <c:pt idx="6670">
                  <c:v>21.420276724436935</c:v>
                </c:pt>
                <c:pt idx="6671">
                  <c:v>21.420276724436935</c:v>
                </c:pt>
                <c:pt idx="6672">
                  <c:v>21.420276724436935</c:v>
                </c:pt>
                <c:pt idx="6673">
                  <c:v>21.420276724436935</c:v>
                </c:pt>
                <c:pt idx="6674">
                  <c:v>21.420276724436935</c:v>
                </c:pt>
                <c:pt idx="6675">
                  <c:v>21.420276724436935</c:v>
                </c:pt>
                <c:pt idx="6676">
                  <c:v>21.420276724436935</c:v>
                </c:pt>
                <c:pt idx="6677">
                  <c:v>21.425031968527033</c:v>
                </c:pt>
                <c:pt idx="6678">
                  <c:v>21.425031968527033</c:v>
                </c:pt>
                <c:pt idx="6679">
                  <c:v>21.425031968527033</c:v>
                </c:pt>
                <c:pt idx="6680">
                  <c:v>21.425031968527033</c:v>
                </c:pt>
                <c:pt idx="6681">
                  <c:v>21.429787212617253</c:v>
                </c:pt>
                <c:pt idx="6682">
                  <c:v>21.429787212617253</c:v>
                </c:pt>
                <c:pt idx="6683">
                  <c:v>21.429787212617253</c:v>
                </c:pt>
                <c:pt idx="6684">
                  <c:v>21.434402596587152</c:v>
                </c:pt>
                <c:pt idx="6685">
                  <c:v>21.434402596587152</c:v>
                </c:pt>
                <c:pt idx="6686">
                  <c:v>21.434402596587152</c:v>
                </c:pt>
                <c:pt idx="6687">
                  <c:v>21.434402596587152</c:v>
                </c:pt>
                <c:pt idx="6688">
                  <c:v>21.434402596587152</c:v>
                </c:pt>
                <c:pt idx="6689">
                  <c:v>21.434402596587152</c:v>
                </c:pt>
                <c:pt idx="6690">
                  <c:v>21.434402596587152</c:v>
                </c:pt>
                <c:pt idx="6691">
                  <c:v>21.434402596587152</c:v>
                </c:pt>
                <c:pt idx="6692">
                  <c:v>21.434402596587152</c:v>
                </c:pt>
                <c:pt idx="6693">
                  <c:v>21.434402596587152</c:v>
                </c:pt>
                <c:pt idx="6694">
                  <c:v>21.434402596587152</c:v>
                </c:pt>
                <c:pt idx="6695">
                  <c:v>21.434402596587152</c:v>
                </c:pt>
                <c:pt idx="6696">
                  <c:v>21.434402596587152</c:v>
                </c:pt>
                <c:pt idx="6697">
                  <c:v>21.434402596587152</c:v>
                </c:pt>
                <c:pt idx="6698">
                  <c:v>21.434402596587152</c:v>
                </c:pt>
                <c:pt idx="6699">
                  <c:v>21.434402596587152</c:v>
                </c:pt>
                <c:pt idx="6700">
                  <c:v>21.434402596587152</c:v>
                </c:pt>
                <c:pt idx="6701">
                  <c:v>21.434402596587152</c:v>
                </c:pt>
                <c:pt idx="6702">
                  <c:v>21.434402596587152</c:v>
                </c:pt>
                <c:pt idx="6703">
                  <c:v>21.434402596587152</c:v>
                </c:pt>
                <c:pt idx="6704">
                  <c:v>21.434402596587152</c:v>
                </c:pt>
                <c:pt idx="6705">
                  <c:v>21.434402596587152</c:v>
                </c:pt>
                <c:pt idx="6706">
                  <c:v>21.434402596587152</c:v>
                </c:pt>
                <c:pt idx="6707">
                  <c:v>21.434402596587152</c:v>
                </c:pt>
                <c:pt idx="6708">
                  <c:v>21.434402596587152</c:v>
                </c:pt>
                <c:pt idx="6709">
                  <c:v>21.434402596587152</c:v>
                </c:pt>
                <c:pt idx="6710">
                  <c:v>21.439157840677247</c:v>
                </c:pt>
                <c:pt idx="6711">
                  <c:v>21.439157840677247</c:v>
                </c:pt>
                <c:pt idx="6712">
                  <c:v>21.439157840677247</c:v>
                </c:pt>
                <c:pt idx="6713">
                  <c:v>21.439157840677247</c:v>
                </c:pt>
                <c:pt idx="6714">
                  <c:v>21.439157840677247</c:v>
                </c:pt>
                <c:pt idx="6715">
                  <c:v>21.439157840677247</c:v>
                </c:pt>
                <c:pt idx="6716">
                  <c:v>21.439157840677247</c:v>
                </c:pt>
                <c:pt idx="6717">
                  <c:v>21.443913084767466</c:v>
                </c:pt>
                <c:pt idx="6718">
                  <c:v>21.443913084767466</c:v>
                </c:pt>
                <c:pt idx="6719">
                  <c:v>21.443913084767466</c:v>
                </c:pt>
                <c:pt idx="6720">
                  <c:v>21.443913084767466</c:v>
                </c:pt>
                <c:pt idx="6721">
                  <c:v>21.448528468737365</c:v>
                </c:pt>
                <c:pt idx="6722">
                  <c:v>21.448528468737365</c:v>
                </c:pt>
                <c:pt idx="6723">
                  <c:v>21.45328371282746</c:v>
                </c:pt>
                <c:pt idx="6724">
                  <c:v>21.45328371282746</c:v>
                </c:pt>
                <c:pt idx="6725">
                  <c:v>21.45328371282746</c:v>
                </c:pt>
                <c:pt idx="6726">
                  <c:v>21.45328371282746</c:v>
                </c:pt>
                <c:pt idx="6727">
                  <c:v>21.45328371282746</c:v>
                </c:pt>
                <c:pt idx="6728">
                  <c:v>21.45328371282746</c:v>
                </c:pt>
                <c:pt idx="6729">
                  <c:v>21.45328371282746</c:v>
                </c:pt>
                <c:pt idx="6730">
                  <c:v>21.45328371282746</c:v>
                </c:pt>
                <c:pt idx="6731">
                  <c:v>21.45328371282746</c:v>
                </c:pt>
                <c:pt idx="6732">
                  <c:v>21.45328371282746</c:v>
                </c:pt>
                <c:pt idx="6733">
                  <c:v>21.458038956917679</c:v>
                </c:pt>
                <c:pt idx="6734">
                  <c:v>21.458038956917679</c:v>
                </c:pt>
                <c:pt idx="6735">
                  <c:v>21.458038956917679</c:v>
                </c:pt>
                <c:pt idx="6736">
                  <c:v>21.458038956917679</c:v>
                </c:pt>
                <c:pt idx="6737">
                  <c:v>21.458038956917679</c:v>
                </c:pt>
                <c:pt idx="6738">
                  <c:v>21.458038956917679</c:v>
                </c:pt>
                <c:pt idx="6739">
                  <c:v>21.458038956917679</c:v>
                </c:pt>
                <c:pt idx="6740">
                  <c:v>21.458038956917679</c:v>
                </c:pt>
                <c:pt idx="6741">
                  <c:v>21.458038956917679</c:v>
                </c:pt>
                <c:pt idx="6742">
                  <c:v>21.458038956917679</c:v>
                </c:pt>
                <c:pt idx="6743">
                  <c:v>21.458038956917679</c:v>
                </c:pt>
                <c:pt idx="6744">
                  <c:v>21.458038956917679</c:v>
                </c:pt>
                <c:pt idx="6745">
                  <c:v>21.458038956917679</c:v>
                </c:pt>
                <c:pt idx="6746">
                  <c:v>21.458038956917679</c:v>
                </c:pt>
                <c:pt idx="6747">
                  <c:v>21.458038956917679</c:v>
                </c:pt>
                <c:pt idx="6748">
                  <c:v>21.458038956917679</c:v>
                </c:pt>
                <c:pt idx="6749">
                  <c:v>21.458038956917679</c:v>
                </c:pt>
                <c:pt idx="6750">
                  <c:v>21.462654340887578</c:v>
                </c:pt>
                <c:pt idx="6751">
                  <c:v>21.462654340887578</c:v>
                </c:pt>
                <c:pt idx="6752">
                  <c:v>21.462654340887578</c:v>
                </c:pt>
                <c:pt idx="6753">
                  <c:v>21.462654340887578</c:v>
                </c:pt>
                <c:pt idx="6754">
                  <c:v>21.462654340887578</c:v>
                </c:pt>
                <c:pt idx="6755">
                  <c:v>21.467409584977677</c:v>
                </c:pt>
                <c:pt idx="6756">
                  <c:v>21.467409584977677</c:v>
                </c:pt>
                <c:pt idx="6757">
                  <c:v>21.467409584977677</c:v>
                </c:pt>
                <c:pt idx="6758">
                  <c:v>21.467409584977677</c:v>
                </c:pt>
                <c:pt idx="6759">
                  <c:v>21.467409584977677</c:v>
                </c:pt>
                <c:pt idx="6760">
                  <c:v>21.467409584977677</c:v>
                </c:pt>
                <c:pt idx="6761">
                  <c:v>21.472164829067896</c:v>
                </c:pt>
                <c:pt idx="6762">
                  <c:v>21.472164829067896</c:v>
                </c:pt>
                <c:pt idx="6763">
                  <c:v>21.472164829067896</c:v>
                </c:pt>
                <c:pt idx="6764">
                  <c:v>21.476780213037795</c:v>
                </c:pt>
                <c:pt idx="6765">
                  <c:v>21.476780213037795</c:v>
                </c:pt>
                <c:pt idx="6766">
                  <c:v>21.476780213037795</c:v>
                </c:pt>
                <c:pt idx="6767">
                  <c:v>21.476780213037795</c:v>
                </c:pt>
                <c:pt idx="6768">
                  <c:v>21.481535457128015</c:v>
                </c:pt>
                <c:pt idx="6769">
                  <c:v>21.481535457128015</c:v>
                </c:pt>
                <c:pt idx="6770">
                  <c:v>21.481535457128015</c:v>
                </c:pt>
                <c:pt idx="6771">
                  <c:v>21.481535457128015</c:v>
                </c:pt>
                <c:pt idx="6772">
                  <c:v>21.481535457128015</c:v>
                </c:pt>
                <c:pt idx="6773">
                  <c:v>21.481535457128015</c:v>
                </c:pt>
                <c:pt idx="6774">
                  <c:v>21.481535457128015</c:v>
                </c:pt>
                <c:pt idx="6775">
                  <c:v>21.48629070121811</c:v>
                </c:pt>
                <c:pt idx="6776">
                  <c:v>21.48629070121811</c:v>
                </c:pt>
                <c:pt idx="6777">
                  <c:v>21.48629070121811</c:v>
                </c:pt>
                <c:pt idx="6778">
                  <c:v>21.48629070121811</c:v>
                </c:pt>
                <c:pt idx="6779">
                  <c:v>21.48629070121811</c:v>
                </c:pt>
                <c:pt idx="6780">
                  <c:v>21.48629070121811</c:v>
                </c:pt>
                <c:pt idx="6781">
                  <c:v>21.490906085188008</c:v>
                </c:pt>
                <c:pt idx="6782">
                  <c:v>21.490906085188008</c:v>
                </c:pt>
                <c:pt idx="6783">
                  <c:v>21.490906085188008</c:v>
                </c:pt>
                <c:pt idx="6784">
                  <c:v>21.490906085188008</c:v>
                </c:pt>
                <c:pt idx="6785">
                  <c:v>21.495661329278228</c:v>
                </c:pt>
                <c:pt idx="6786">
                  <c:v>21.495661329278228</c:v>
                </c:pt>
                <c:pt idx="6787">
                  <c:v>21.495661329278228</c:v>
                </c:pt>
                <c:pt idx="6788">
                  <c:v>21.495661329278228</c:v>
                </c:pt>
                <c:pt idx="6789">
                  <c:v>21.495661329278228</c:v>
                </c:pt>
                <c:pt idx="6790">
                  <c:v>21.495661329278228</c:v>
                </c:pt>
                <c:pt idx="6791">
                  <c:v>21.500416573368327</c:v>
                </c:pt>
                <c:pt idx="6792">
                  <c:v>21.500416573368327</c:v>
                </c:pt>
                <c:pt idx="6793">
                  <c:v>21.500416573368327</c:v>
                </c:pt>
                <c:pt idx="6794">
                  <c:v>21.500416573368327</c:v>
                </c:pt>
                <c:pt idx="6795">
                  <c:v>21.505031957338222</c:v>
                </c:pt>
                <c:pt idx="6796">
                  <c:v>21.505031957338222</c:v>
                </c:pt>
                <c:pt idx="6797">
                  <c:v>21.505031957338222</c:v>
                </c:pt>
                <c:pt idx="6798">
                  <c:v>21.505031957338222</c:v>
                </c:pt>
                <c:pt idx="6799">
                  <c:v>21.505031957338222</c:v>
                </c:pt>
                <c:pt idx="6800">
                  <c:v>21.505031957338222</c:v>
                </c:pt>
                <c:pt idx="6801">
                  <c:v>21.509787201428445</c:v>
                </c:pt>
                <c:pt idx="6802">
                  <c:v>21.509787201428445</c:v>
                </c:pt>
                <c:pt idx="6803">
                  <c:v>21.509787201428445</c:v>
                </c:pt>
                <c:pt idx="6804">
                  <c:v>21.509787201428445</c:v>
                </c:pt>
                <c:pt idx="6805">
                  <c:v>21.509787201428445</c:v>
                </c:pt>
                <c:pt idx="6806">
                  <c:v>21.509787201428445</c:v>
                </c:pt>
                <c:pt idx="6807">
                  <c:v>21.509787201428445</c:v>
                </c:pt>
                <c:pt idx="6808">
                  <c:v>21.509787201428445</c:v>
                </c:pt>
                <c:pt idx="6809">
                  <c:v>21.509787201428445</c:v>
                </c:pt>
                <c:pt idx="6810">
                  <c:v>21.509787201428445</c:v>
                </c:pt>
                <c:pt idx="6811">
                  <c:v>21.509787201428445</c:v>
                </c:pt>
                <c:pt idx="6812">
                  <c:v>21.509787201428445</c:v>
                </c:pt>
                <c:pt idx="6813">
                  <c:v>21.509787201428445</c:v>
                </c:pt>
                <c:pt idx="6814">
                  <c:v>21.509787201428445</c:v>
                </c:pt>
                <c:pt idx="6815">
                  <c:v>21.509787201428445</c:v>
                </c:pt>
                <c:pt idx="6816">
                  <c:v>21.509787201428445</c:v>
                </c:pt>
                <c:pt idx="6817">
                  <c:v>21.509787201428445</c:v>
                </c:pt>
                <c:pt idx="6818">
                  <c:v>21.509787201428445</c:v>
                </c:pt>
                <c:pt idx="6819">
                  <c:v>21.509787201428445</c:v>
                </c:pt>
                <c:pt idx="6820">
                  <c:v>21.51454244551854</c:v>
                </c:pt>
                <c:pt idx="6821">
                  <c:v>21.51454244551854</c:v>
                </c:pt>
                <c:pt idx="6822">
                  <c:v>21.51454244551854</c:v>
                </c:pt>
                <c:pt idx="6823">
                  <c:v>21.51454244551854</c:v>
                </c:pt>
                <c:pt idx="6824">
                  <c:v>21.51454244551854</c:v>
                </c:pt>
                <c:pt idx="6825">
                  <c:v>21.51454244551854</c:v>
                </c:pt>
                <c:pt idx="6826">
                  <c:v>21.519157829488439</c:v>
                </c:pt>
                <c:pt idx="6827">
                  <c:v>21.519157829488439</c:v>
                </c:pt>
                <c:pt idx="6828">
                  <c:v>21.519157829488439</c:v>
                </c:pt>
                <c:pt idx="6829">
                  <c:v>21.519157829488439</c:v>
                </c:pt>
                <c:pt idx="6830">
                  <c:v>21.519157829488439</c:v>
                </c:pt>
                <c:pt idx="6831">
                  <c:v>21.523913073578658</c:v>
                </c:pt>
                <c:pt idx="6832">
                  <c:v>21.523913073578658</c:v>
                </c:pt>
                <c:pt idx="6833">
                  <c:v>21.523913073578658</c:v>
                </c:pt>
                <c:pt idx="6834">
                  <c:v>21.523913073578658</c:v>
                </c:pt>
                <c:pt idx="6835">
                  <c:v>21.523913073578658</c:v>
                </c:pt>
                <c:pt idx="6836">
                  <c:v>21.523913073578658</c:v>
                </c:pt>
                <c:pt idx="6837">
                  <c:v>21.528668317668878</c:v>
                </c:pt>
                <c:pt idx="6838">
                  <c:v>21.528668317668878</c:v>
                </c:pt>
                <c:pt idx="6839">
                  <c:v>21.528668317668878</c:v>
                </c:pt>
                <c:pt idx="6840">
                  <c:v>21.528668317668878</c:v>
                </c:pt>
                <c:pt idx="6841">
                  <c:v>21.528668317668878</c:v>
                </c:pt>
                <c:pt idx="6842">
                  <c:v>21.533283701638652</c:v>
                </c:pt>
                <c:pt idx="6843">
                  <c:v>21.533283701638652</c:v>
                </c:pt>
                <c:pt idx="6844">
                  <c:v>21.533283701638652</c:v>
                </c:pt>
                <c:pt idx="6845">
                  <c:v>21.533283701638652</c:v>
                </c:pt>
                <c:pt idx="6846">
                  <c:v>21.533283701638652</c:v>
                </c:pt>
                <c:pt idx="6847">
                  <c:v>21.533283701638652</c:v>
                </c:pt>
                <c:pt idx="6848">
                  <c:v>21.533283701638652</c:v>
                </c:pt>
                <c:pt idx="6849">
                  <c:v>21.538038945728871</c:v>
                </c:pt>
                <c:pt idx="6850">
                  <c:v>21.538038945728871</c:v>
                </c:pt>
                <c:pt idx="6851">
                  <c:v>21.538038945728871</c:v>
                </c:pt>
                <c:pt idx="6852">
                  <c:v>21.538038945728871</c:v>
                </c:pt>
                <c:pt idx="6853">
                  <c:v>21.538038945728871</c:v>
                </c:pt>
                <c:pt idx="6854">
                  <c:v>21.538038945728871</c:v>
                </c:pt>
                <c:pt idx="6855">
                  <c:v>21.538038945728871</c:v>
                </c:pt>
                <c:pt idx="6856">
                  <c:v>21.538038945728871</c:v>
                </c:pt>
                <c:pt idx="6857">
                  <c:v>21.538038945728871</c:v>
                </c:pt>
                <c:pt idx="6858">
                  <c:v>21.538038945728871</c:v>
                </c:pt>
                <c:pt idx="6859">
                  <c:v>21.542794189819091</c:v>
                </c:pt>
                <c:pt idx="6860">
                  <c:v>21.542794189819091</c:v>
                </c:pt>
                <c:pt idx="6861">
                  <c:v>21.542794189819091</c:v>
                </c:pt>
                <c:pt idx="6862">
                  <c:v>21.542794189819091</c:v>
                </c:pt>
                <c:pt idx="6863">
                  <c:v>21.542794189819091</c:v>
                </c:pt>
                <c:pt idx="6864">
                  <c:v>21.542794189819091</c:v>
                </c:pt>
                <c:pt idx="6865">
                  <c:v>21.547409573788869</c:v>
                </c:pt>
                <c:pt idx="6866">
                  <c:v>21.547409573788869</c:v>
                </c:pt>
                <c:pt idx="6867">
                  <c:v>21.547409573788869</c:v>
                </c:pt>
                <c:pt idx="6868">
                  <c:v>21.547409573788869</c:v>
                </c:pt>
                <c:pt idx="6869">
                  <c:v>21.547409573788869</c:v>
                </c:pt>
                <c:pt idx="6870">
                  <c:v>21.552164817879088</c:v>
                </c:pt>
                <c:pt idx="6871">
                  <c:v>21.552164817879088</c:v>
                </c:pt>
                <c:pt idx="6872">
                  <c:v>21.552164817879088</c:v>
                </c:pt>
                <c:pt idx="6873">
                  <c:v>21.552164817879088</c:v>
                </c:pt>
                <c:pt idx="6874">
                  <c:v>21.552164817879088</c:v>
                </c:pt>
                <c:pt idx="6875">
                  <c:v>21.552164817879088</c:v>
                </c:pt>
                <c:pt idx="6876">
                  <c:v>21.552164817879088</c:v>
                </c:pt>
                <c:pt idx="6877">
                  <c:v>21.552164817879088</c:v>
                </c:pt>
                <c:pt idx="6878">
                  <c:v>21.552164817879088</c:v>
                </c:pt>
                <c:pt idx="6879">
                  <c:v>21.552164817879088</c:v>
                </c:pt>
                <c:pt idx="6880">
                  <c:v>21.552164817879088</c:v>
                </c:pt>
                <c:pt idx="6881">
                  <c:v>21.556920061969308</c:v>
                </c:pt>
                <c:pt idx="6882">
                  <c:v>21.556920061969308</c:v>
                </c:pt>
                <c:pt idx="6883">
                  <c:v>21.556920061969308</c:v>
                </c:pt>
                <c:pt idx="6884">
                  <c:v>21.556920061969308</c:v>
                </c:pt>
                <c:pt idx="6885">
                  <c:v>21.556920061969308</c:v>
                </c:pt>
                <c:pt idx="6886">
                  <c:v>21.556920061969308</c:v>
                </c:pt>
                <c:pt idx="6887">
                  <c:v>21.561675306059403</c:v>
                </c:pt>
                <c:pt idx="6888">
                  <c:v>21.561675306059403</c:v>
                </c:pt>
                <c:pt idx="6889">
                  <c:v>21.561675306059403</c:v>
                </c:pt>
                <c:pt idx="6890">
                  <c:v>21.561675306059403</c:v>
                </c:pt>
                <c:pt idx="6891">
                  <c:v>21.561675306059403</c:v>
                </c:pt>
                <c:pt idx="6892">
                  <c:v>21.561675306059403</c:v>
                </c:pt>
                <c:pt idx="6893">
                  <c:v>21.561675306059403</c:v>
                </c:pt>
                <c:pt idx="6894">
                  <c:v>21.561675306059403</c:v>
                </c:pt>
                <c:pt idx="6895">
                  <c:v>21.561675306059403</c:v>
                </c:pt>
                <c:pt idx="6896">
                  <c:v>21.561675306059403</c:v>
                </c:pt>
                <c:pt idx="6897">
                  <c:v>21.561675306059403</c:v>
                </c:pt>
                <c:pt idx="6898">
                  <c:v>21.561675306059403</c:v>
                </c:pt>
                <c:pt idx="6899">
                  <c:v>21.561675306059403</c:v>
                </c:pt>
                <c:pt idx="6900">
                  <c:v>21.561675306059403</c:v>
                </c:pt>
                <c:pt idx="6901">
                  <c:v>21.561675306059403</c:v>
                </c:pt>
                <c:pt idx="6902">
                  <c:v>21.561675306059403</c:v>
                </c:pt>
                <c:pt idx="6903">
                  <c:v>21.561675306059403</c:v>
                </c:pt>
                <c:pt idx="6904">
                  <c:v>21.561675306059403</c:v>
                </c:pt>
                <c:pt idx="6905">
                  <c:v>21.566290690029302</c:v>
                </c:pt>
                <c:pt idx="6906">
                  <c:v>21.566290690029302</c:v>
                </c:pt>
                <c:pt idx="6907">
                  <c:v>21.566290690029302</c:v>
                </c:pt>
                <c:pt idx="6908">
                  <c:v>21.566290690029302</c:v>
                </c:pt>
                <c:pt idx="6909">
                  <c:v>21.566290690029302</c:v>
                </c:pt>
                <c:pt idx="6910">
                  <c:v>21.566290690029302</c:v>
                </c:pt>
                <c:pt idx="6911">
                  <c:v>21.566290690029302</c:v>
                </c:pt>
                <c:pt idx="6912">
                  <c:v>21.566290690029302</c:v>
                </c:pt>
                <c:pt idx="6913">
                  <c:v>21.566290690029302</c:v>
                </c:pt>
                <c:pt idx="6914">
                  <c:v>21.566290690029302</c:v>
                </c:pt>
                <c:pt idx="6915">
                  <c:v>21.571045934119521</c:v>
                </c:pt>
                <c:pt idx="6916">
                  <c:v>21.575801178209741</c:v>
                </c:pt>
                <c:pt idx="6917">
                  <c:v>21.575801178209741</c:v>
                </c:pt>
                <c:pt idx="6918">
                  <c:v>21.580416562179515</c:v>
                </c:pt>
                <c:pt idx="6919">
                  <c:v>21.580416562179515</c:v>
                </c:pt>
                <c:pt idx="6920">
                  <c:v>21.585171806269734</c:v>
                </c:pt>
                <c:pt idx="6921">
                  <c:v>21.599297678419951</c:v>
                </c:pt>
                <c:pt idx="6922">
                  <c:v>21.589927050359957</c:v>
                </c:pt>
                <c:pt idx="6923">
                  <c:v>21.585171806269734</c:v>
                </c:pt>
                <c:pt idx="6924">
                  <c:v>21.580416562179515</c:v>
                </c:pt>
                <c:pt idx="6925">
                  <c:v>21.580416562179515</c:v>
                </c:pt>
                <c:pt idx="6926">
                  <c:v>21.580416562179515</c:v>
                </c:pt>
                <c:pt idx="6927">
                  <c:v>21.575801178209741</c:v>
                </c:pt>
                <c:pt idx="6928">
                  <c:v>21.575801178209741</c:v>
                </c:pt>
                <c:pt idx="6929">
                  <c:v>21.575801178209741</c:v>
                </c:pt>
                <c:pt idx="6930">
                  <c:v>21.575801178209741</c:v>
                </c:pt>
                <c:pt idx="6931">
                  <c:v>21.575801178209741</c:v>
                </c:pt>
                <c:pt idx="6932">
                  <c:v>21.575801178209741</c:v>
                </c:pt>
                <c:pt idx="6933">
                  <c:v>21.575801178209741</c:v>
                </c:pt>
                <c:pt idx="6934">
                  <c:v>21.575801178209741</c:v>
                </c:pt>
                <c:pt idx="6935">
                  <c:v>21.575801178209741</c:v>
                </c:pt>
                <c:pt idx="6936">
                  <c:v>21.580416562179515</c:v>
                </c:pt>
                <c:pt idx="6937">
                  <c:v>21.580416562179515</c:v>
                </c:pt>
                <c:pt idx="6938">
                  <c:v>21.580416562179515</c:v>
                </c:pt>
                <c:pt idx="6939">
                  <c:v>21.580416562179515</c:v>
                </c:pt>
                <c:pt idx="6940">
                  <c:v>21.575801178209741</c:v>
                </c:pt>
                <c:pt idx="6941">
                  <c:v>21.571045934119521</c:v>
                </c:pt>
                <c:pt idx="6942">
                  <c:v>21.571045934119521</c:v>
                </c:pt>
                <c:pt idx="6943">
                  <c:v>21.571045934119521</c:v>
                </c:pt>
                <c:pt idx="6944">
                  <c:v>21.571045934119521</c:v>
                </c:pt>
                <c:pt idx="6945">
                  <c:v>21.566290690029302</c:v>
                </c:pt>
                <c:pt idx="6946">
                  <c:v>21.556920061969308</c:v>
                </c:pt>
                <c:pt idx="6947">
                  <c:v>21.566290690029302</c:v>
                </c:pt>
                <c:pt idx="6948">
                  <c:v>21.571045934119521</c:v>
                </c:pt>
                <c:pt idx="6949">
                  <c:v>21.575801178209741</c:v>
                </c:pt>
                <c:pt idx="6950">
                  <c:v>21.580416562179515</c:v>
                </c:pt>
                <c:pt idx="6951">
                  <c:v>21.585171806269734</c:v>
                </c:pt>
                <c:pt idx="6952">
                  <c:v>21.585171806269734</c:v>
                </c:pt>
                <c:pt idx="6953">
                  <c:v>21.589927050359957</c:v>
                </c:pt>
                <c:pt idx="6954">
                  <c:v>21.589927050359957</c:v>
                </c:pt>
                <c:pt idx="6955">
                  <c:v>21.594542434329732</c:v>
                </c:pt>
                <c:pt idx="6956">
                  <c:v>21.594542434329732</c:v>
                </c:pt>
                <c:pt idx="6957">
                  <c:v>21.594542434329732</c:v>
                </c:pt>
                <c:pt idx="6958">
                  <c:v>21.594542434329732</c:v>
                </c:pt>
                <c:pt idx="6959">
                  <c:v>21.599297678419951</c:v>
                </c:pt>
                <c:pt idx="6960">
                  <c:v>21.599297678419951</c:v>
                </c:pt>
                <c:pt idx="6961">
                  <c:v>21.599297678419951</c:v>
                </c:pt>
                <c:pt idx="6962">
                  <c:v>21.594542434329732</c:v>
                </c:pt>
                <c:pt idx="6963">
                  <c:v>21.594542434329732</c:v>
                </c:pt>
                <c:pt idx="6964">
                  <c:v>21.594542434329732</c:v>
                </c:pt>
                <c:pt idx="6965">
                  <c:v>21.594542434329732</c:v>
                </c:pt>
                <c:pt idx="6966">
                  <c:v>21.608668306480073</c:v>
                </c:pt>
                <c:pt idx="6967">
                  <c:v>21.608668306480073</c:v>
                </c:pt>
                <c:pt idx="6968">
                  <c:v>21.608668306480073</c:v>
                </c:pt>
                <c:pt idx="6969">
                  <c:v>21.608668306480073</c:v>
                </c:pt>
                <c:pt idx="6970">
                  <c:v>21.608668306480073</c:v>
                </c:pt>
                <c:pt idx="6971">
                  <c:v>21.608668306480073</c:v>
                </c:pt>
                <c:pt idx="6972">
                  <c:v>21.608668306480073</c:v>
                </c:pt>
                <c:pt idx="6973">
                  <c:v>21.608668306480073</c:v>
                </c:pt>
                <c:pt idx="6974">
                  <c:v>21.613423550570165</c:v>
                </c:pt>
                <c:pt idx="6975">
                  <c:v>21.613423550570165</c:v>
                </c:pt>
                <c:pt idx="6976">
                  <c:v>21.613423550570165</c:v>
                </c:pt>
                <c:pt idx="6977">
                  <c:v>21.613423550570165</c:v>
                </c:pt>
                <c:pt idx="6978">
                  <c:v>21.618178794660384</c:v>
                </c:pt>
                <c:pt idx="6979">
                  <c:v>21.618178794660384</c:v>
                </c:pt>
                <c:pt idx="6980">
                  <c:v>21.618178794660384</c:v>
                </c:pt>
                <c:pt idx="6981">
                  <c:v>21.618178794660384</c:v>
                </c:pt>
                <c:pt idx="6982">
                  <c:v>21.618178794660384</c:v>
                </c:pt>
                <c:pt idx="6983">
                  <c:v>21.618178794660384</c:v>
                </c:pt>
                <c:pt idx="6984">
                  <c:v>21.618178794660384</c:v>
                </c:pt>
                <c:pt idx="6985">
                  <c:v>21.618178794660384</c:v>
                </c:pt>
                <c:pt idx="6986">
                  <c:v>21.622794178630286</c:v>
                </c:pt>
                <c:pt idx="6987">
                  <c:v>21.627549422720378</c:v>
                </c:pt>
                <c:pt idx="6988">
                  <c:v>21.627549422720378</c:v>
                </c:pt>
                <c:pt idx="6989">
                  <c:v>21.632304666810601</c:v>
                </c:pt>
                <c:pt idx="6990">
                  <c:v>21.632304666810601</c:v>
                </c:pt>
                <c:pt idx="6991">
                  <c:v>21.618178794660384</c:v>
                </c:pt>
                <c:pt idx="6992">
                  <c:v>21.618178794660384</c:v>
                </c:pt>
                <c:pt idx="6993">
                  <c:v>21.618178794660384</c:v>
                </c:pt>
                <c:pt idx="6994">
                  <c:v>21.622794178630286</c:v>
                </c:pt>
                <c:pt idx="6995">
                  <c:v>21.622794178630286</c:v>
                </c:pt>
                <c:pt idx="6996">
                  <c:v>21.622794178630286</c:v>
                </c:pt>
                <c:pt idx="6997">
                  <c:v>21.622794178630286</c:v>
                </c:pt>
                <c:pt idx="6998">
                  <c:v>21.622794178630286</c:v>
                </c:pt>
                <c:pt idx="6999">
                  <c:v>21.622794178630286</c:v>
                </c:pt>
                <c:pt idx="7000">
                  <c:v>21.622794178630286</c:v>
                </c:pt>
                <c:pt idx="7001">
                  <c:v>21.622794178630286</c:v>
                </c:pt>
                <c:pt idx="7002">
                  <c:v>21.622794178630286</c:v>
                </c:pt>
                <c:pt idx="7003">
                  <c:v>21.618178794660384</c:v>
                </c:pt>
                <c:pt idx="7004">
                  <c:v>21.618178794660384</c:v>
                </c:pt>
                <c:pt idx="7005">
                  <c:v>21.618178794660384</c:v>
                </c:pt>
                <c:pt idx="7006">
                  <c:v>21.618178794660384</c:v>
                </c:pt>
                <c:pt idx="7007">
                  <c:v>21.618178794660384</c:v>
                </c:pt>
                <c:pt idx="7008">
                  <c:v>21.618178794660384</c:v>
                </c:pt>
                <c:pt idx="7009">
                  <c:v>21.618178794660384</c:v>
                </c:pt>
                <c:pt idx="7010">
                  <c:v>21.618178794660384</c:v>
                </c:pt>
                <c:pt idx="7011">
                  <c:v>21.618178794660384</c:v>
                </c:pt>
                <c:pt idx="7012">
                  <c:v>21.618178794660384</c:v>
                </c:pt>
                <c:pt idx="7013">
                  <c:v>21.618178794660384</c:v>
                </c:pt>
                <c:pt idx="7014">
                  <c:v>21.618178794660384</c:v>
                </c:pt>
                <c:pt idx="7015">
                  <c:v>21.618178794660384</c:v>
                </c:pt>
                <c:pt idx="7016">
                  <c:v>21.618178794660384</c:v>
                </c:pt>
                <c:pt idx="7017">
                  <c:v>21.618178794660384</c:v>
                </c:pt>
                <c:pt idx="7018">
                  <c:v>21.618178794660384</c:v>
                </c:pt>
                <c:pt idx="7019">
                  <c:v>21.618178794660384</c:v>
                </c:pt>
                <c:pt idx="7020">
                  <c:v>21.618178794660384</c:v>
                </c:pt>
                <c:pt idx="7021">
                  <c:v>21.622794178630286</c:v>
                </c:pt>
                <c:pt idx="7022">
                  <c:v>21.622794178630286</c:v>
                </c:pt>
                <c:pt idx="7023">
                  <c:v>21.622794178630286</c:v>
                </c:pt>
                <c:pt idx="7024">
                  <c:v>21.622794178630286</c:v>
                </c:pt>
                <c:pt idx="7025">
                  <c:v>21.622794178630286</c:v>
                </c:pt>
                <c:pt idx="7026">
                  <c:v>21.622794178630286</c:v>
                </c:pt>
                <c:pt idx="7027">
                  <c:v>21.622794178630286</c:v>
                </c:pt>
                <c:pt idx="7028">
                  <c:v>21.627549422720378</c:v>
                </c:pt>
                <c:pt idx="7029">
                  <c:v>21.627549422720378</c:v>
                </c:pt>
                <c:pt idx="7030">
                  <c:v>21.627549422720378</c:v>
                </c:pt>
                <c:pt idx="7031">
                  <c:v>21.627549422720378</c:v>
                </c:pt>
                <c:pt idx="7032">
                  <c:v>21.627549422720378</c:v>
                </c:pt>
                <c:pt idx="7033">
                  <c:v>21.627549422720378</c:v>
                </c:pt>
                <c:pt idx="7034">
                  <c:v>21.627549422720378</c:v>
                </c:pt>
                <c:pt idx="7035">
                  <c:v>21.632304666810601</c:v>
                </c:pt>
                <c:pt idx="7036">
                  <c:v>21.632304666810601</c:v>
                </c:pt>
                <c:pt idx="7037">
                  <c:v>21.632304666810601</c:v>
                </c:pt>
                <c:pt idx="7038">
                  <c:v>21.632304666810601</c:v>
                </c:pt>
                <c:pt idx="7039">
                  <c:v>21.632304666810601</c:v>
                </c:pt>
                <c:pt idx="7040">
                  <c:v>21.632304666810601</c:v>
                </c:pt>
                <c:pt idx="7041">
                  <c:v>21.632304666810601</c:v>
                </c:pt>
                <c:pt idx="7042">
                  <c:v>21.632304666810601</c:v>
                </c:pt>
                <c:pt idx="7043">
                  <c:v>21.632304666810601</c:v>
                </c:pt>
                <c:pt idx="7044">
                  <c:v>21.632304666810601</c:v>
                </c:pt>
                <c:pt idx="7045">
                  <c:v>21.632304666810601</c:v>
                </c:pt>
                <c:pt idx="7046">
                  <c:v>21.636920050780503</c:v>
                </c:pt>
                <c:pt idx="7047">
                  <c:v>21.636920050780503</c:v>
                </c:pt>
                <c:pt idx="7048">
                  <c:v>21.636920050780503</c:v>
                </c:pt>
                <c:pt idx="7049">
                  <c:v>21.636920050780503</c:v>
                </c:pt>
                <c:pt idx="7050">
                  <c:v>21.636920050780503</c:v>
                </c:pt>
                <c:pt idx="7051">
                  <c:v>21.641675294870595</c:v>
                </c:pt>
                <c:pt idx="7052">
                  <c:v>21.641675294870595</c:v>
                </c:pt>
                <c:pt idx="7053">
                  <c:v>21.641675294870595</c:v>
                </c:pt>
                <c:pt idx="7054">
                  <c:v>21.641675294870595</c:v>
                </c:pt>
                <c:pt idx="7055">
                  <c:v>21.641675294870595</c:v>
                </c:pt>
                <c:pt idx="7056">
                  <c:v>21.646430538960814</c:v>
                </c:pt>
                <c:pt idx="7057">
                  <c:v>21.646430538960814</c:v>
                </c:pt>
                <c:pt idx="7058">
                  <c:v>21.646430538960814</c:v>
                </c:pt>
                <c:pt idx="7059">
                  <c:v>21.646430538960814</c:v>
                </c:pt>
                <c:pt idx="7060">
                  <c:v>21.646430538960814</c:v>
                </c:pt>
                <c:pt idx="7061">
                  <c:v>21.646430538960814</c:v>
                </c:pt>
                <c:pt idx="7062">
                  <c:v>21.646430538960814</c:v>
                </c:pt>
                <c:pt idx="7063">
                  <c:v>21.646430538960814</c:v>
                </c:pt>
                <c:pt idx="7064">
                  <c:v>21.646430538960814</c:v>
                </c:pt>
                <c:pt idx="7065">
                  <c:v>21.651045922930717</c:v>
                </c:pt>
                <c:pt idx="7066">
                  <c:v>21.651045922930717</c:v>
                </c:pt>
                <c:pt idx="7067">
                  <c:v>21.651045922930717</c:v>
                </c:pt>
                <c:pt idx="7068">
                  <c:v>21.651045922930717</c:v>
                </c:pt>
                <c:pt idx="7069">
                  <c:v>21.655801167020932</c:v>
                </c:pt>
                <c:pt idx="7070">
                  <c:v>21.655801167020932</c:v>
                </c:pt>
                <c:pt idx="7071">
                  <c:v>21.655801167020932</c:v>
                </c:pt>
                <c:pt idx="7072">
                  <c:v>21.655801167020932</c:v>
                </c:pt>
                <c:pt idx="7073">
                  <c:v>21.655801167020932</c:v>
                </c:pt>
                <c:pt idx="7074">
                  <c:v>21.655801167020932</c:v>
                </c:pt>
                <c:pt idx="7075">
                  <c:v>21.655801167020932</c:v>
                </c:pt>
                <c:pt idx="7076">
                  <c:v>21.655801167020932</c:v>
                </c:pt>
                <c:pt idx="7077">
                  <c:v>21.655801167020932</c:v>
                </c:pt>
                <c:pt idx="7078">
                  <c:v>21.655801167020932</c:v>
                </c:pt>
                <c:pt idx="7079">
                  <c:v>21.655801167020932</c:v>
                </c:pt>
                <c:pt idx="7080">
                  <c:v>21.655801167020932</c:v>
                </c:pt>
                <c:pt idx="7081">
                  <c:v>21.655801167020932</c:v>
                </c:pt>
                <c:pt idx="7082">
                  <c:v>21.660556411111028</c:v>
                </c:pt>
                <c:pt idx="7083">
                  <c:v>21.660556411111028</c:v>
                </c:pt>
                <c:pt idx="7084">
                  <c:v>21.660556411111028</c:v>
                </c:pt>
                <c:pt idx="7085">
                  <c:v>21.660556411111028</c:v>
                </c:pt>
                <c:pt idx="7086">
                  <c:v>21.660556411111028</c:v>
                </c:pt>
                <c:pt idx="7087">
                  <c:v>21.66517179508093</c:v>
                </c:pt>
                <c:pt idx="7088">
                  <c:v>21.66517179508093</c:v>
                </c:pt>
                <c:pt idx="7089">
                  <c:v>21.66517179508093</c:v>
                </c:pt>
                <c:pt idx="7090">
                  <c:v>21.66517179508093</c:v>
                </c:pt>
                <c:pt idx="7091">
                  <c:v>21.66517179508093</c:v>
                </c:pt>
                <c:pt idx="7092">
                  <c:v>21.66517179508093</c:v>
                </c:pt>
                <c:pt idx="7093">
                  <c:v>21.66517179508093</c:v>
                </c:pt>
                <c:pt idx="7094">
                  <c:v>21.66517179508093</c:v>
                </c:pt>
                <c:pt idx="7095">
                  <c:v>21.66517179508093</c:v>
                </c:pt>
                <c:pt idx="7096">
                  <c:v>21.669927039171146</c:v>
                </c:pt>
                <c:pt idx="7097">
                  <c:v>21.669927039171146</c:v>
                </c:pt>
                <c:pt idx="7098">
                  <c:v>21.669927039171146</c:v>
                </c:pt>
                <c:pt idx="7099">
                  <c:v>21.669927039171146</c:v>
                </c:pt>
                <c:pt idx="7100">
                  <c:v>21.669927039171146</c:v>
                </c:pt>
                <c:pt idx="7101">
                  <c:v>21.669927039171146</c:v>
                </c:pt>
                <c:pt idx="7102">
                  <c:v>21.669927039171146</c:v>
                </c:pt>
                <c:pt idx="7103">
                  <c:v>21.669927039171146</c:v>
                </c:pt>
                <c:pt idx="7104">
                  <c:v>21.669927039171146</c:v>
                </c:pt>
                <c:pt idx="7105">
                  <c:v>21.669927039171146</c:v>
                </c:pt>
                <c:pt idx="7106">
                  <c:v>21.669927039171146</c:v>
                </c:pt>
                <c:pt idx="7107">
                  <c:v>21.669927039171146</c:v>
                </c:pt>
                <c:pt idx="7108">
                  <c:v>21.669927039171146</c:v>
                </c:pt>
                <c:pt idx="7109">
                  <c:v>21.669927039171146</c:v>
                </c:pt>
                <c:pt idx="7110">
                  <c:v>21.669927039171146</c:v>
                </c:pt>
                <c:pt idx="7111">
                  <c:v>21.669927039171146</c:v>
                </c:pt>
                <c:pt idx="7112">
                  <c:v>21.669927039171146</c:v>
                </c:pt>
                <c:pt idx="7113">
                  <c:v>21.669927039171146</c:v>
                </c:pt>
                <c:pt idx="7114">
                  <c:v>21.674682283261244</c:v>
                </c:pt>
                <c:pt idx="7115">
                  <c:v>21.674682283261244</c:v>
                </c:pt>
                <c:pt idx="7116">
                  <c:v>21.674682283261244</c:v>
                </c:pt>
                <c:pt idx="7117">
                  <c:v>21.674682283261244</c:v>
                </c:pt>
                <c:pt idx="7118">
                  <c:v>21.674682283261244</c:v>
                </c:pt>
                <c:pt idx="7119">
                  <c:v>21.674682283261244</c:v>
                </c:pt>
                <c:pt idx="7120">
                  <c:v>21.679297667231147</c:v>
                </c:pt>
                <c:pt idx="7121">
                  <c:v>21.679297667231147</c:v>
                </c:pt>
                <c:pt idx="7122">
                  <c:v>21.679297667231147</c:v>
                </c:pt>
                <c:pt idx="7123">
                  <c:v>21.679297667231147</c:v>
                </c:pt>
                <c:pt idx="7124">
                  <c:v>21.679297667231147</c:v>
                </c:pt>
                <c:pt idx="7125">
                  <c:v>21.679297667231147</c:v>
                </c:pt>
                <c:pt idx="7126">
                  <c:v>21.679297667231147</c:v>
                </c:pt>
                <c:pt idx="7127">
                  <c:v>21.679297667231147</c:v>
                </c:pt>
                <c:pt idx="7128">
                  <c:v>21.679297667231147</c:v>
                </c:pt>
                <c:pt idx="7129">
                  <c:v>21.684052911321363</c:v>
                </c:pt>
                <c:pt idx="7130">
                  <c:v>21.684052911321363</c:v>
                </c:pt>
                <c:pt idx="7131">
                  <c:v>21.684052911321363</c:v>
                </c:pt>
                <c:pt idx="7132">
                  <c:v>21.684052911321363</c:v>
                </c:pt>
                <c:pt idx="7133">
                  <c:v>21.684052911321363</c:v>
                </c:pt>
                <c:pt idx="7134">
                  <c:v>21.684052911321363</c:v>
                </c:pt>
                <c:pt idx="7135">
                  <c:v>21.684052911321363</c:v>
                </c:pt>
                <c:pt idx="7136">
                  <c:v>21.684052911321363</c:v>
                </c:pt>
                <c:pt idx="7137">
                  <c:v>21.684052911321363</c:v>
                </c:pt>
                <c:pt idx="7138">
                  <c:v>21.684052911321363</c:v>
                </c:pt>
                <c:pt idx="7139">
                  <c:v>21.684052911321363</c:v>
                </c:pt>
                <c:pt idx="7140">
                  <c:v>21.684052911321363</c:v>
                </c:pt>
                <c:pt idx="7141">
                  <c:v>21.684052911321363</c:v>
                </c:pt>
                <c:pt idx="7142">
                  <c:v>21.684052911321363</c:v>
                </c:pt>
                <c:pt idx="7143">
                  <c:v>21.684052911321363</c:v>
                </c:pt>
                <c:pt idx="7144">
                  <c:v>21.684052911321363</c:v>
                </c:pt>
                <c:pt idx="7145">
                  <c:v>21.684052911321363</c:v>
                </c:pt>
                <c:pt idx="7146">
                  <c:v>21.684052911321363</c:v>
                </c:pt>
                <c:pt idx="7147">
                  <c:v>21.684052911321363</c:v>
                </c:pt>
                <c:pt idx="7148">
                  <c:v>21.684052911321363</c:v>
                </c:pt>
                <c:pt idx="7149">
                  <c:v>21.684052911321363</c:v>
                </c:pt>
                <c:pt idx="7150">
                  <c:v>21.684052911321363</c:v>
                </c:pt>
                <c:pt idx="7151">
                  <c:v>21.684052911321363</c:v>
                </c:pt>
                <c:pt idx="7152">
                  <c:v>21.684052911321363</c:v>
                </c:pt>
                <c:pt idx="7153">
                  <c:v>21.684052911321363</c:v>
                </c:pt>
                <c:pt idx="7154">
                  <c:v>21.684052911321363</c:v>
                </c:pt>
                <c:pt idx="7155">
                  <c:v>21.684052911321363</c:v>
                </c:pt>
                <c:pt idx="7156">
                  <c:v>21.684052911321363</c:v>
                </c:pt>
                <c:pt idx="7157">
                  <c:v>21.688808155411458</c:v>
                </c:pt>
                <c:pt idx="7158">
                  <c:v>21.688808155411458</c:v>
                </c:pt>
                <c:pt idx="7159">
                  <c:v>21.688808155411458</c:v>
                </c:pt>
                <c:pt idx="7160">
                  <c:v>21.688808155411458</c:v>
                </c:pt>
                <c:pt idx="7161">
                  <c:v>21.688808155411458</c:v>
                </c:pt>
                <c:pt idx="7162">
                  <c:v>21.688808155411458</c:v>
                </c:pt>
                <c:pt idx="7163">
                  <c:v>21.688808155411458</c:v>
                </c:pt>
                <c:pt idx="7164">
                  <c:v>21.688808155411458</c:v>
                </c:pt>
                <c:pt idx="7165">
                  <c:v>21.69342353938136</c:v>
                </c:pt>
                <c:pt idx="7166">
                  <c:v>21.69342353938136</c:v>
                </c:pt>
                <c:pt idx="7167">
                  <c:v>21.69342353938136</c:v>
                </c:pt>
                <c:pt idx="7168">
                  <c:v>21.69342353938136</c:v>
                </c:pt>
                <c:pt idx="7169">
                  <c:v>21.69342353938136</c:v>
                </c:pt>
                <c:pt idx="7170">
                  <c:v>21.69342353938136</c:v>
                </c:pt>
                <c:pt idx="7171">
                  <c:v>21.69342353938136</c:v>
                </c:pt>
                <c:pt idx="7172">
                  <c:v>21.69342353938136</c:v>
                </c:pt>
                <c:pt idx="7173">
                  <c:v>21.69342353938136</c:v>
                </c:pt>
                <c:pt idx="7174">
                  <c:v>21.69342353938136</c:v>
                </c:pt>
                <c:pt idx="7175">
                  <c:v>21.69342353938136</c:v>
                </c:pt>
                <c:pt idx="7176">
                  <c:v>21.69342353938136</c:v>
                </c:pt>
                <c:pt idx="7177">
                  <c:v>21.69342353938136</c:v>
                </c:pt>
                <c:pt idx="7178">
                  <c:v>21.698178783471576</c:v>
                </c:pt>
                <c:pt idx="7179">
                  <c:v>21.698178783471576</c:v>
                </c:pt>
                <c:pt idx="7180">
                  <c:v>21.698178783471576</c:v>
                </c:pt>
                <c:pt idx="7181">
                  <c:v>21.698178783471576</c:v>
                </c:pt>
                <c:pt idx="7182">
                  <c:v>21.698178783471576</c:v>
                </c:pt>
                <c:pt idx="7183">
                  <c:v>21.698178783471576</c:v>
                </c:pt>
                <c:pt idx="7184">
                  <c:v>21.698178783471576</c:v>
                </c:pt>
                <c:pt idx="7185">
                  <c:v>21.698178783471576</c:v>
                </c:pt>
                <c:pt idx="7186">
                  <c:v>21.698178783471576</c:v>
                </c:pt>
                <c:pt idx="7187">
                  <c:v>21.698178783471576</c:v>
                </c:pt>
                <c:pt idx="7188">
                  <c:v>21.698178783471576</c:v>
                </c:pt>
                <c:pt idx="7189">
                  <c:v>21.698178783471576</c:v>
                </c:pt>
                <c:pt idx="7190">
                  <c:v>21.698178783471576</c:v>
                </c:pt>
                <c:pt idx="7191">
                  <c:v>21.698178783471576</c:v>
                </c:pt>
                <c:pt idx="7192">
                  <c:v>21.698178783471576</c:v>
                </c:pt>
                <c:pt idx="7193">
                  <c:v>21.698178783471576</c:v>
                </c:pt>
                <c:pt idx="7194">
                  <c:v>21.702934027561671</c:v>
                </c:pt>
                <c:pt idx="7195">
                  <c:v>21.702934027561671</c:v>
                </c:pt>
                <c:pt idx="7196">
                  <c:v>21.702934027561671</c:v>
                </c:pt>
                <c:pt idx="7197">
                  <c:v>21.702934027561671</c:v>
                </c:pt>
                <c:pt idx="7198">
                  <c:v>21.707549411531573</c:v>
                </c:pt>
                <c:pt idx="7199">
                  <c:v>21.707549411531573</c:v>
                </c:pt>
                <c:pt idx="7200">
                  <c:v>21.707549411531573</c:v>
                </c:pt>
                <c:pt idx="7201">
                  <c:v>21.707549411531573</c:v>
                </c:pt>
                <c:pt idx="7202">
                  <c:v>21.707549411531573</c:v>
                </c:pt>
                <c:pt idx="7203">
                  <c:v>21.712304655621793</c:v>
                </c:pt>
                <c:pt idx="7204">
                  <c:v>21.712304655621793</c:v>
                </c:pt>
                <c:pt idx="7205">
                  <c:v>21.712304655621793</c:v>
                </c:pt>
                <c:pt idx="7206">
                  <c:v>21.717059899712009</c:v>
                </c:pt>
                <c:pt idx="7207">
                  <c:v>21.717059899712009</c:v>
                </c:pt>
                <c:pt idx="7208">
                  <c:v>21.717059899712009</c:v>
                </c:pt>
                <c:pt idx="7209">
                  <c:v>21.717059899712009</c:v>
                </c:pt>
                <c:pt idx="7210">
                  <c:v>21.717059899712009</c:v>
                </c:pt>
                <c:pt idx="7211">
                  <c:v>21.717059899712009</c:v>
                </c:pt>
                <c:pt idx="7212">
                  <c:v>21.717059899712009</c:v>
                </c:pt>
                <c:pt idx="7213">
                  <c:v>21.717059899712009</c:v>
                </c:pt>
                <c:pt idx="7214">
                  <c:v>21.717059899712009</c:v>
                </c:pt>
                <c:pt idx="7215">
                  <c:v>21.717059899712009</c:v>
                </c:pt>
                <c:pt idx="7216">
                  <c:v>21.72167528368179</c:v>
                </c:pt>
                <c:pt idx="7217">
                  <c:v>21.72167528368179</c:v>
                </c:pt>
                <c:pt idx="7218">
                  <c:v>21.72167528368179</c:v>
                </c:pt>
                <c:pt idx="7219">
                  <c:v>21.72167528368179</c:v>
                </c:pt>
                <c:pt idx="7220">
                  <c:v>21.72167528368179</c:v>
                </c:pt>
                <c:pt idx="7221">
                  <c:v>21.72167528368179</c:v>
                </c:pt>
                <c:pt idx="7222">
                  <c:v>21.72167528368179</c:v>
                </c:pt>
                <c:pt idx="7223">
                  <c:v>21.72167528368179</c:v>
                </c:pt>
                <c:pt idx="7224">
                  <c:v>21.72167528368179</c:v>
                </c:pt>
                <c:pt idx="7225">
                  <c:v>21.72167528368179</c:v>
                </c:pt>
                <c:pt idx="7226">
                  <c:v>21.72167528368179</c:v>
                </c:pt>
                <c:pt idx="7227">
                  <c:v>21.72167528368179</c:v>
                </c:pt>
                <c:pt idx="7228">
                  <c:v>21.72167528368179</c:v>
                </c:pt>
                <c:pt idx="7229">
                  <c:v>21.72167528368179</c:v>
                </c:pt>
                <c:pt idx="7230">
                  <c:v>21.717059899712009</c:v>
                </c:pt>
                <c:pt idx="7231">
                  <c:v>21.717059899712009</c:v>
                </c:pt>
                <c:pt idx="7232">
                  <c:v>21.717059899712009</c:v>
                </c:pt>
                <c:pt idx="7233">
                  <c:v>21.717059899712009</c:v>
                </c:pt>
                <c:pt idx="7234">
                  <c:v>21.72167528368179</c:v>
                </c:pt>
                <c:pt idx="7235">
                  <c:v>21.72167528368179</c:v>
                </c:pt>
                <c:pt idx="7236">
                  <c:v>21.72167528368179</c:v>
                </c:pt>
                <c:pt idx="7237">
                  <c:v>21.72167528368179</c:v>
                </c:pt>
                <c:pt idx="7238">
                  <c:v>21.72167528368179</c:v>
                </c:pt>
                <c:pt idx="7239">
                  <c:v>21.72643052777201</c:v>
                </c:pt>
                <c:pt idx="7240">
                  <c:v>21.72643052777201</c:v>
                </c:pt>
                <c:pt idx="7241">
                  <c:v>21.72643052777201</c:v>
                </c:pt>
                <c:pt idx="7242">
                  <c:v>21.72643052777201</c:v>
                </c:pt>
                <c:pt idx="7243">
                  <c:v>21.72643052777201</c:v>
                </c:pt>
                <c:pt idx="7244">
                  <c:v>21.72643052777201</c:v>
                </c:pt>
                <c:pt idx="7245">
                  <c:v>21.731185771862226</c:v>
                </c:pt>
                <c:pt idx="7246">
                  <c:v>21.731185771862226</c:v>
                </c:pt>
                <c:pt idx="7247">
                  <c:v>21.731185771862226</c:v>
                </c:pt>
                <c:pt idx="7248">
                  <c:v>21.731185771862226</c:v>
                </c:pt>
                <c:pt idx="7249">
                  <c:v>21.731185771862226</c:v>
                </c:pt>
                <c:pt idx="7250">
                  <c:v>21.731185771862226</c:v>
                </c:pt>
                <c:pt idx="7251">
                  <c:v>21.735801155832004</c:v>
                </c:pt>
                <c:pt idx="7252">
                  <c:v>21.735801155832004</c:v>
                </c:pt>
                <c:pt idx="7253">
                  <c:v>21.735801155832004</c:v>
                </c:pt>
                <c:pt idx="7254">
                  <c:v>21.735801155832004</c:v>
                </c:pt>
                <c:pt idx="7255">
                  <c:v>21.735801155832004</c:v>
                </c:pt>
                <c:pt idx="7256">
                  <c:v>21.735801155832004</c:v>
                </c:pt>
                <c:pt idx="7257">
                  <c:v>21.735801155832004</c:v>
                </c:pt>
                <c:pt idx="7258">
                  <c:v>21.740556399922223</c:v>
                </c:pt>
                <c:pt idx="7259">
                  <c:v>21.740556399922223</c:v>
                </c:pt>
                <c:pt idx="7260">
                  <c:v>21.740556399922223</c:v>
                </c:pt>
                <c:pt idx="7261">
                  <c:v>21.740556399922223</c:v>
                </c:pt>
                <c:pt idx="7262">
                  <c:v>21.740556399922223</c:v>
                </c:pt>
                <c:pt idx="7263">
                  <c:v>21.740556399922223</c:v>
                </c:pt>
                <c:pt idx="7264">
                  <c:v>21.740556399922223</c:v>
                </c:pt>
                <c:pt idx="7265">
                  <c:v>21.740556399922223</c:v>
                </c:pt>
                <c:pt idx="7266">
                  <c:v>21.740556399922223</c:v>
                </c:pt>
                <c:pt idx="7267">
                  <c:v>21.740556399922223</c:v>
                </c:pt>
                <c:pt idx="7268">
                  <c:v>21.740556399922223</c:v>
                </c:pt>
                <c:pt idx="7269">
                  <c:v>21.740556399922223</c:v>
                </c:pt>
                <c:pt idx="7270">
                  <c:v>21.740556399922223</c:v>
                </c:pt>
                <c:pt idx="7271">
                  <c:v>21.740556399922223</c:v>
                </c:pt>
                <c:pt idx="7272">
                  <c:v>21.740556399922223</c:v>
                </c:pt>
                <c:pt idx="7273">
                  <c:v>21.740556399922223</c:v>
                </c:pt>
                <c:pt idx="7274">
                  <c:v>21.740556399922223</c:v>
                </c:pt>
                <c:pt idx="7275">
                  <c:v>21.740556399922223</c:v>
                </c:pt>
                <c:pt idx="7276">
                  <c:v>21.745311644012439</c:v>
                </c:pt>
                <c:pt idx="7277">
                  <c:v>21.745311644012439</c:v>
                </c:pt>
                <c:pt idx="7278">
                  <c:v>21.745311644012439</c:v>
                </c:pt>
                <c:pt idx="7279">
                  <c:v>21.745311644012439</c:v>
                </c:pt>
                <c:pt idx="7280">
                  <c:v>21.745311644012439</c:v>
                </c:pt>
                <c:pt idx="7281">
                  <c:v>21.750066888102534</c:v>
                </c:pt>
                <c:pt idx="7282">
                  <c:v>21.750066888102534</c:v>
                </c:pt>
                <c:pt idx="7283">
                  <c:v>21.750066888102534</c:v>
                </c:pt>
                <c:pt idx="7284">
                  <c:v>21.750066888102534</c:v>
                </c:pt>
                <c:pt idx="7285">
                  <c:v>21.750066888102534</c:v>
                </c:pt>
                <c:pt idx="7286">
                  <c:v>21.750066888102534</c:v>
                </c:pt>
                <c:pt idx="7287">
                  <c:v>21.750066888102534</c:v>
                </c:pt>
                <c:pt idx="7288">
                  <c:v>21.750066888102534</c:v>
                </c:pt>
                <c:pt idx="7289">
                  <c:v>21.750066888102534</c:v>
                </c:pt>
                <c:pt idx="7290">
                  <c:v>21.750066888102534</c:v>
                </c:pt>
                <c:pt idx="7291">
                  <c:v>21.750066888102534</c:v>
                </c:pt>
                <c:pt idx="7292">
                  <c:v>21.750066888102534</c:v>
                </c:pt>
                <c:pt idx="7293">
                  <c:v>21.754682272072436</c:v>
                </c:pt>
                <c:pt idx="7294">
                  <c:v>21.754682272072436</c:v>
                </c:pt>
                <c:pt idx="7295">
                  <c:v>21.754682272072436</c:v>
                </c:pt>
                <c:pt idx="7296">
                  <c:v>21.754682272072436</c:v>
                </c:pt>
                <c:pt idx="7297">
                  <c:v>21.754682272072436</c:v>
                </c:pt>
                <c:pt idx="7298">
                  <c:v>21.754682272072436</c:v>
                </c:pt>
                <c:pt idx="7299">
                  <c:v>21.754682272072436</c:v>
                </c:pt>
                <c:pt idx="7300">
                  <c:v>21.759437516162656</c:v>
                </c:pt>
                <c:pt idx="7301">
                  <c:v>21.759437516162656</c:v>
                </c:pt>
                <c:pt idx="7302">
                  <c:v>21.759437516162656</c:v>
                </c:pt>
                <c:pt idx="7303">
                  <c:v>21.759437516162656</c:v>
                </c:pt>
                <c:pt idx="7304">
                  <c:v>21.754682272072436</c:v>
                </c:pt>
                <c:pt idx="7305">
                  <c:v>21.754682272072436</c:v>
                </c:pt>
                <c:pt idx="7306">
                  <c:v>21.759437516162656</c:v>
                </c:pt>
                <c:pt idx="7307">
                  <c:v>21.759437516162656</c:v>
                </c:pt>
                <c:pt idx="7308">
                  <c:v>21.759437516162656</c:v>
                </c:pt>
                <c:pt idx="7309">
                  <c:v>21.759437516162656</c:v>
                </c:pt>
                <c:pt idx="7310">
                  <c:v>21.759437516162656</c:v>
                </c:pt>
                <c:pt idx="7311">
                  <c:v>21.759437516162656</c:v>
                </c:pt>
                <c:pt idx="7312">
                  <c:v>21.759437516162656</c:v>
                </c:pt>
                <c:pt idx="7313">
                  <c:v>21.759437516162656</c:v>
                </c:pt>
                <c:pt idx="7314">
                  <c:v>21.759437516162656</c:v>
                </c:pt>
                <c:pt idx="7315">
                  <c:v>21.759437516162656</c:v>
                </c:pt>
                <c:pt idx="7316">
                  <c:v>21.759437516162656</c:v>
                </c:pt>
                <c:pt idx="7317">
                  <c:v>21.764192760252875</c:v>
                </c:pt>
                <c:pt idx="7318">
                  <c:v>21.764192760252875</c:v>
                </c:pt>
                <c:pt idx="7319">
                  <c:v>21.764192760252875</c:v>
                </c:pt>
                <c:pt idx="7320">
                  <c:v>21.764192760252875</c:v>
                </c:pt>
                <c:pt idx="7321">
                  <c:v>21.764192760252875</c:v>
                </c:pt>
                <c:pt idx="7322">
                  <c:v>21.764192760252875</c:v>
                </c:pt>
                <c:pt idx="7323">
                  <c:v>21.764192760252875</c:v>
                </c:pt>
                <c:pt idx="7324">
                  <c:v>21.764192760252875</c:v>
                </c:pt>
                <c:pt idx="7325">
                  <c:v>21.764192760252875</c:v>
                </c:pt>
                <c:pt idx="7326">
                  <c:v>21.768808144222653</c:v>
                </c:pt>
                <c:pt idx="7327">
                  <c:v>21.768808144222653</c:v>
                </c:pt>
                <c:pt idx="7328">
                  <c:v>21.768808144222653</c:v>
                </c:pt>
                <c:pt idx="7329">
                  <c:v>21.768808144222653</c:v>
                </c:pt>
                <c:pt idx="7330">
                  <c:v>21.773563388312869</c:v>
                </c:pt>
                <c:pt idx="7331">
                  <c:v>21.773563388312869</c:v>
                </c:pt>
                <c:pt idx="7332">
                  <c:v>21.773563388312869</c:v>
                </c:pt>
                <c:pt idx="7333">
                  <c:v>21.773563388312869</c:v>
                </c:pt>
                <c:pt idx="7334">
                  <c:v>21.778318632403089</c:v>
                </c:pt>
                <c:pt idx="7335">
                  <c:v>21.778318632403089</c:v>
                </c:pt>
                <c:pt idx="7336">
                  <c:v>21.778318632403089</c:v>
                </c:pt>
                <c:pt idx="7337">
                  <c:v>21.782934016372867</c:v>
                </c:pt>
                <c:pt idx="7338">
                  <c:v>21.782934016372867</c:v>
                </c:pt>
                <c:pt idx="7339">
                  <c:v>21.782934016372867</c:v>
                </c:pt>
                <c:pt idx="7340">
                  <c:v>21.782934016372867</c:v>
                </c:pt>
                <c:pt idx="7341">
                  <c:v>21.782934016372867</c:v>
                </c:pt>
                <c:pt idx="7342">
                  <c:v>21.787689260463083</c:v>
                </c:pt>
                <c:pt idx="7343">
                  <c:v>21.787689260463083</c:v>
                </c:pt>
                <c:pt idx="7344">
                  <c:v>21.787689260463083</c:v>
                </c:pt>
                <c:pt idx="7345">
                  <c:v>21.787689260463083</c:v>
                </c:pt>
                <c:pt idx="7346">
                  <c:v>21.787689260463083</c:v>
                </c:pt>
                <c:pt idx="7347">
                  <c:v>21.787689260463083</c:v>
                </c:pt>
                <c:pt idx="7348">
                  <c:v>21.787689260463083</c:v>
                </c:pt>
                <c:pt idx="7349">
                  <c:v>21.787689260463083</c:v>
                </c:pt>
                <c:pt idx="7350">
                  <c:v>21.787689260463083</c:v>
                </c:pt>
                <c:pt idx="7351">
                  <c:v>21.782934016372867</c:v>
                </c:pt>
                <c:pt idx="7352">
                  <c:v>21.787689260463083</c:v>
                </c:pt>
                <c:pt idx="7353">
                  <c:v>21.787689260463083</c:v>
                </c:pt>
                <c:pt idx="7354">
                  <c:v>21.787689260463083</c:v>
                </c:pt>
                <c:pt idx="7355">
                  <c:v>21.787689260463083</c:v>
                </c:pt>
                <c:pt idx="7356">
                  <c:v>21.787689260463083</c:v>
                </c:pt>
                <c:pt idx="7357">
                  <c:v>21.787689260463083</c:v>
                </c:pt>
                <c:pt idx="7358">
                  <c:v>21.782934016372867</c:v>
                </c:pt>
                <c:pt idx="7359">
                  <c:v>21.782934016372867</c:v>
                </c:pt>
                <c:pt idx="7360">
                  <c:v>21.782934016372867</c:v>
                </c:pt>
                <c:pt idx="7361">
                  <c:v>21.782934016372867</c:v>
                </c:pt>
                <c:pt idx="7362">
                  <c:v>21.782934016372867</c:v>
                </c:pt>
                <c:pt idx="7363">
                  <c:v>21.787689260463083</c:v>
                </c:pt>
                <c:pt idx="7364">
                  <c:v>21.787689260463083</c:v>
                </c:pt>
                <c:pt idx="7365">
                  <c:v>21.787689260463083</c:v>
                </c:pt>
                <c:pt idx="7366">
                  <c:v>21.787689260463083</c:v>
                </c:pt>
                <c:pt idx="7367">
                  <c:v>21.787689260463083</c:v>
                </c:pt>
                <c:pt idx="7368">
                  <c:v>21.787689260463083</c:v>
                </c:pt>
                <c:pt idx="7369">
                  <c:v>21.787689260463083</c:v>
                </c:pt>
                <c:pt idx="7370">
                  <c:v>21.787689260463083</c:v>
                </c:pt>
                <c:pt idx="7371">
                  <c:v>21.787689260463083</c:v>
                </c:pt>
                <c:pt idx="7372">
                  <c:v>21.787689260463083</c:v>
                </c:pt>
                <c:pt idx="7373">
                  <c:v>21.787689260463083</c:v>
                </c:pt>
                <c:pt idx="7374">
                  <c:v>21.792444504553302</c:v>
                </c:pt>
                <c:pt idx="7375">
                  <c:v>21.792444504553302</c:v>
                </c:pt>
                <c:pt idx="7376">
                  <c:v>21.792444504553302</c:v>
                </c:pt>
                <c:pt idx="7377">
                  <c:v>21.792444504553302</c:v>
                </c:pt>
                <c:pt idx="7378">
                  <c:v>21.792444504553302</c:v>
                </c:pt>
                <c:pt idx="7379">
                  <c:v>21.797059888523204</c:v>
                </c:pt>
                <c:pt idx="7380">
                  <c:v>21.797059888523204</c:v>
                </c:pt>
                <c:pt idx="7381">
                  <c:v>21.797059888523204</c:v>
                </c:pt>
                <c:pt idx="7382">
                  <c:v>21.797059888523204</c:v>
                </c:pt>
                <c:pt idx="7383">
                  <c:v>21.797059888523204</c:v>
                </c:pt>
                <c:pt idx="7384">
                  <c:v>21.797059888523204</c:v>
                </c:pt>
                <c:pt idx="7385">
                  <c:v>21.797059888523204</c:v>
                </c:pt>
                <c:pt idx="7386">
                  <c:v>21.797059888523204</c:v>
                </c:pt>
                <c:pt idx="7387">
                  <c:v>21.797059888523204</c:v>
                </c:pt>
                <c:pt idx="7388">
                  <c:v>21.797059888523204</c:v>
                </c:pt>
                <c:pt idx="7389">
                  <c:v>21.797059888523204</c:v>
                </c:pt>
                <c:pt idx="7390">
                  <c:v>21.797059888523204</c:v>
                </c:pt>
                <c:pt idx="7391">
                  <c:v>21.797059888523204</c:v>
                </c:pt>
                <c:pt idx="7392">
                  <c:v>21.797059888523204</c:v>
                </c:pt>
                <c:pt idx="7393">
                  <c:v>21.801815132613299</c:v>
                </c:pt>
                <c:pt idx="7394">
                  <c:v>21.801815132613299</c:v>
                </c:pt>
                <c:pt idx="7395">
                  <c:v>21.801815132613299</c:v>
                </c:pt>
                <c:pt idx="7396">
                  <c:v>21.806570376703519</c:v>
                </c:pt>
                <c:pt idx="7397">
                  <c:v>21.806570376703519</c:v>
                </c:pt>
                <c:pt idx="7398">
                  <c:v>21.806570376703519</c:v>
                </c:pt>
                <c:pt idx="7399">
                  <c:v>21.806570376703519</c:v>
                </c:pt>
                <c:pt idx="7400">
                  <c:v>21.806570376703519</c:v>
                </c:pt>
                <c:pt idx="7401">
                  <c:v>21.806570376703519</c:v>
                </c:pt>
                <c:pt idx="7402">
                  <c:v>21.806570376703519</c:v>
                </c:pt>
                <c:pt idx="7403">
                  <c:v>21.811185760673421</c:v>
                </c:pt>
                <c:pt idx="7404">
                  <c:v>21.811185760673421</c:v>
                </c:pt>
                <c:pt idx="7405">
                  <c:v>21.811185760673421</c:v>
                </c:pt>
                <c:pt idx="7406">
                  <c:v>21.811185760673421</c:v>
                </c:pt>
                <c:pt idx="7407">
                  <c:v>21.811185760673421</c:v>
                </c:pt>
                <c:pt idx="7408">
                  <c:v>21.815941004763513</c:v>
                </c:pt>
                <c:pt idx="7409">
                  <c:v>21.815941004763513</c:v>
                </c:pt>
                <c:pt idx="7410">
                  <c:v>21.815941004763513</c:v>
                </c:pt>
                <c:pt idx="7411">
                  <c:v>21.815941004763513</c:v>
                </c:pt>
                <c:pt idx="7412">
                  <c:v>21.815941004763513</c:v>
                </c:pt>
                <c:pt idx="7413">
                  <c:v>21.815941004763513</c:v>
                </c:pt>
                <c:pt idx="7414">
                  <c:v>21.820696248853732</c:v>
                </c:pt>
                <c:pt idx="7415">
                  <c:v>21.820696248853732</c:v>
                </c:pt>
                <c:pt idx="7416">
                  <c:v>21.820696248853732</c:v>
                </c:pt>
                <c:pt idx="7417">
                  <c:v>21.820696248853732</c:v>
                </c:pt>
                <c:pt idx="7418">
                  <c:v>21.820696248853732</c:v>
                </c:pt>
                <c:pt idx="7419">
                  <c:v>21.820696248853732</c:v>
                </c:pt>
                <c:pt idx="7420">
                  <c:v>21.820696248853732</c:v>
                </c:pt>
                <c:pt idx="7421">
                  <c:v>21.820696248853732</c:v>
                </c:pt>
                <c:pt idx="7422">
                  <c:v>21.820696248853732</c:v>
                </c:pt>
                <c:pt idx="7423">
                  <c:v>21.825311632823635</c:v>
                </c:pt>
                <c:pt idx="7424">
                  <c:v>21.825311632823635</c:v>
                </c:pt>
                <c:pt idx="7425">
                  <c:v>21.825311632823635</c:v>
                </c:pt>
                <c:pt idx="7426">
                  <c:v>21.825311632823635</c:v>
                </c:pt>
                <c:pt idx="7427">
                  <c:v>21.825311632823635</c:v>
                </c:pt>
                <c:pt idx="7428">
                  <c:v>21.825311632823635</c:v>
                </c:pt>
                <c:pt idx="7429">
                  <c:v>21.825311632823635</c:v>
                </c:pt>
                <c:pt idx="7430">
                  <c:v>21.825311632823635</c:v>
                </c:pt>
                <c:pt idx="7431">
                  <c:v>21.825311632823635</c:v>
                </c:pt>
                <c:pt idx="7432">
                  <c:v>21.825311632823635</c:v>
                </c:pt>
                <c:pt idx="7433">
                  <c:v>21.825311632823635</c:v>
                </c:pt>
                <c:pt idx="7434">
                  <c:v>21.825311632823635</c:v>
                </c:pt>
                <c:pt idx="7435">
                  <c:v>21.830066876913726</c:v>
                </c:pt>
                <c:pt idx="7436">
                  <c:v>21.830066876913726</c:v>
                </c:pt>
                <c:pt idx="7437">
                  <c:v>21.830066876913726</c:v>
                </c:pt>
                <c:pt idx="7438">
                  <c:v>21.830066876913726</c:v>
                </c:pt>
                <c:pt idx="7439">
                  <c:v>21.830066876913726</c:v>
                </c:pt>
                <c:pt idx="7440">
                  <c:v>21.830066876913726</c:v>
                </c:pt>
                <c:pt idx="7441">
                  <c:v>21.830066876913726</c:v>
                </c:pt>
                <c:pt idx="7442">
                  <c:v>21.830066876913726</c:v>
                </c:pt>
                <c:pt idx="7443">
                  <c:v>21.830066876913726</c:v>
                </c:pt>
                <c:pt idx="7444">
                  <c:v>21.830066876913726</c:v>
                </c:pt>
                <c:pt idx="7445">
                  <c:v>21.825311632823635</c:v>
                </c:pt>
                <c:pt idx="7446">
                  <c:v>21.825311632823635</c:v>
                </c:pt>
                <c:pt idx="7447">
                  <c:v>21.825311632823635</c:v>
                </c:pt>
                <c:pt idx="7448">
                  <c:v>21.825311632823635</c:v>
                </c:pt>
                <c:pt idx="7449">
                  <c:v>21.825311632823635</c:v>
                </c:pt>
                <c:pt idx="7450">
                  <c:v>21.825311632823635</c:v>
                </c:pt>
                <c:pt idx="7451">
                  <c:v>21.825311632823635</c:v>
                </c:pt>
                <c:pt idx="7452">
                  <c:v>21.825311632823635</c:v>
                </c:pt>
                <c:pt idx="7453">
                  <c:v>21.825311632823635</c:v>
                </c:pt>
                <c:pt idx="7454">
                  <c:v>21.830066876913726</c:v>
                </c:pt>
                <c:pt idx="7455">
                  <c:v>21.830066876913726</c:v>
                </c:pt>
                <c:pt idx="7456">
                  <c:v>21.830066876913726</c:v>
                </c:pt>
                <c:pt idx="7457">
                  <c:v>21.830066876913726</c:v>
                </c:pt>
                <c:pt idx="7458">
                  <c:v>21.834822121003945</c:v>
                </c:pt>
                <c:pt idx="7459">
                  <c:v>21.834822121003945</c:v>
                </c:pt>
                <c:pt idx="7460">
                  <c:v>21.834822121003945</c:v>
                </c:pt>
                <c:pt idx="7461">
                  <c:v>21.834822121003945</c:v>
                </c:pt>
                <c:pt idx="7462">
                  <c:v>21.834822121003945</c:v>
                </c:pt>
                <c:pt idx="7463">
                  <c:v>21.834822121003945</c:v>
                </c:pt>
                <c:pt idx="7464">
                  <c:v>21.834822121003945</c:v>
                </c:pt>
                <c:pt idx="7465">
                  <c:v>21.834822121003945</c:v>
                </c:pt>
                <c:pt idx="7466">
                  <c:v>21.834822121003945</c:v>
                </c:pt>
                <c:pt idx="7467">
                  <c:v>21.834822121003945</c:v>
                </c:pt>
                <c:pt idx="7468">
                  <c:v>21.834822121003945</c:v>
                </c:pt>
                <c:pt idx="7469">
                  <c:v>21.834822121003945</c:v>
                </c:pt>
                <c:pt idx="7470">
                  <c:v>21.834822121003945</c:v>
                </c:pt>
                <c:pt idx="7471">
                  <c:v>21.839437504973848</c:v>
                </c:pt>
                <c:pt idx="7472">
                  <c:v>21.839437504973848</c:v>
                </c:pt>
                <c:pt idx="7473">
                  <c:v>21.839437504973848</c:v>
                </c:pt>
                <c:pt idx="7474">
                  <c:v>21.839437504973848</c:v>
                </c:pt>
                <c:pt idx="7475">
                  <c:v>21.839437504973848</c:v>
                </c:pt>
                <c:pt idx="7476">
                  <c:v>21.839437504973848</c:v>
                </c:pt>
                <c:pt idx="7477">
                  <c:v>21.839437504973848</c:v>
                </c:pt>
                <c:pt idx="7478">
                  <c:v>21.839437504973848</c:v>
                </c:pt>
                <c:pt idx="7479">
                  <c:v>21.844192749064067</c:v>
                </c:pt>
                <c:pt idx="7480">
                  <c:v>21.844192749064067</c:v>
                </c:pt>
                <c:pt idx="7481">
                  <c:v>21.844192749064067</c:v>
                </c:pt>
                <c:pt idx="7482">
                  <c:v>21.844192749064067</c:v>
                </c:pt>
                <c:pt idx="7483">
                  <c:v>21.844192749064067</c:v>
                </c:pt>
                <c:pt idx="7484">
                  <c:v>21.844192749064067</c:v>
                </c:pt>
                <c:pt idx="7485">
                  <c:v>21.844192749064067</c:v>
                </c:pt>
                <c:pt idx="7486">
                  <c:v>21.844192749064067</c:v>
                </c:pt>
                <c:pt idx="7487">
                  <c:v>21.844192749064067</c:v>
                </c:pt>
                <c:pt idx="7488">
                  <c:v>21.848947993154162</c:v>
                </c:pt>
                <c:pt idx="7489">
                  <c:v>21.848947993154162</c:v>
                </c:pt>
                <c:pt idx="7490">
                  <c:v>21.848947993154162</c:v>
                </c:pt>
                <c:pt idx="7491">
                  <c:v>21.848947993154162</c:v>
                </c:pt>
                <c:pt idx="7492">
                  <c:v>21.853563377124065</c:v>
                </c:pt>
                <c:pt idx="7493">
                  <c:v>21.853563377124065</c:v>
                </c:pt>
                <c:pt idx="7494">
                  <c:v>21.853563377124065</c:v>
                </c:pt>
                <c:pt idx="7495">
                  <c:v>21.853563377124065</c:v>
                </c:pt>
                <c:pt idx="7496">
                  <c:v>21.853563377124065</c:v>
                </c:pt>
                <c:pt idx="7497">
                  <c:v>21.858318621214284</c:v>
                </c:pt>
                <c:pt idx="7498">
                  <c:v>21.858318621214284</c:v>
                </c:pt>
                <c:pt idx="7499">
                  <c:v>21.858318621214284</c:v>
                </c:pt>
                <c:pt idx="7500">
                  <c:v>21.858318621214284</c:v>
                </c:pt>
                <c:pt idx="7501">
                  <c:v>21.858318621214284</c:v>
                </c:pt>
                <c:pt idx="7502">
                  <c:v>21.863073865304376</c:v>
                </c:pt>
                <c:pt idx="7503">
                  <c:v>21.863073865304376</c:v>
                </c:pt>
                <c:pt idx="7504">
                  <c:v>21.863073865304376</c:v>
                </c:pt>
                <c:pt idx="7505">
                  <c:v>21.863073865304376</c:v>
                </c:pt>
                <c:pt idx="7506">
                  <c:v>21.863073865304376</c:v>
                </c:pt>
                <c:pt idx="7507">
                  <c:v>21.867689249274278</c:v>
                </c:pt>
                <c:pt idx="7508">
                  <c:v>21.867689249274278</c:v>
                </c:pt>
                <c:pt idx="7509">
                  <c:v>21.867689249274278</c:v>
                </c:pt>
                <c:pt idx="7510">
                  <c:v>21.867689249274278</c:v>
                </c:pt>
                <c:pt idx="7511">
                  <c:v>21.867689249274278</c:v>
                </c:pt>
                <c:pt idx="7512">
                  <c:v>21.867689249274278</c:v>
                </c:pt>
                <c:pt idx="7513">
                  <c:v>21.867689249274278</c:v>
                </c:pt>
                <c:pt idx="7514">
                  <c:v>21.867689249274278</c:v>
                </c:pt>
                <c:pt idx="7515">
                  <c:v>21.867689249274278</c:v>
                </c:pt>
                <c:pt idx="7516">
                  <c:v>21.867689249274278</c:v>
                </c:pt>
                <c:pt idx="7517">
                  <c:v>21.867689249274278</c:v>
                </c:pt>
                <c:pt idx="7518">
                  <c:v>21.867689249274278</c:v>
                </c:pt>
                <c:pt idx="7519">
                  <c:v>21.867689249274278</c:v>
                </c:pt>
                <c:pt idx="7520">
                  <c:v>21.872444493364497</c:v>
                </c:pt>
                <c:pt idx="7521">
                  <c:v>21.872444493364497</c:v>
                </c:pt>
                <c:pt idx="7522">
                  <c:v>21.872444493364497</c:v>
                </c:pt>
                <c:pt idx="7523">
                  <c:v>21.867689249274278</c:v>
                </c:pt>
                <c:pt idx="7524">
                  <c:v>21.867689249274278</c:v>
                </c:pt>
                <c:pt idx="7525">
                  <c:v>21.867689249274278</c:v>
                </c:pt>
                <c:pt idx="7526">
                  <c:v>21.867689249274278</c:v>
                </c:pt>
                <c:pt idx="7527">
                  <c:v>21.867689249274278</c:v>
                </c:pt>
                <c:pt idx="7528">
                  <c:v>21.867689249274278</c:v>
                </c:pt>
                <c:pt idx="7529">
                  <c:v>21.867689249274278</c:v>
                </c:pt>
                <c:pt idx="7530">
                  <c:v>21.867689249274278</c:v>
                </c:pt>
                <c:pt idx="7531">
                  <c:v>21.867689249274278</c:v>
                </c:pt>
                <c:pt idx="7532">
                  <c:v>21.867689249274278</c:v>
                </c:pt>
                <c:pt idx="7533">
                  <c:v>21.867689249274278</c:v>
                </c:pt>
                <c:pt idx="7534">
                  <c:v>21.867689249274278</c:v>
                </c:pt>
                <c:pt idx="7535">
                  <c:v>21.867689249274278</c:v>
                </c:pt>
                <c:pt idx="7536">
                  <c:v>21.872444493364497</c:v>
                </c:pt>
                <c:pt idx="7537">
                  <c:v>21.872444493364497</c:v>
                </c:pt>
                <c:pt idx="7538">
                  <c:v>21.872444493364497</c:v>
                </c:pt>
                <c:pt idx="7539">
                  <c:v>21.872444493364497</c:v>
                </c:pt>
                <c:pt idx="7540">
                  <c:v>21.872444493364497</c:v>
                </c:pt>
                <c:pt idx="7541">
                  <c:v>21.872444493364497</c:v>
                </c:pt>
                <c:pt idx="7542">
                  <c:v>21.872444493364497</c:v>
                </c:pt>
                <c:pt idx="7543">
                  <c:v>21.872444493364497</c:v>
                </c:pt>
                <c:pt idx="7544">
                  <c:v>21.877199737454589</c:v>
                </c:pt>
                <c:pt idx="7545">
                  <c:v>21.877199737454589</c:v>
                </c:pt>
                <c:pt idx="7546">
                  <c:v>21.877199737454589</c:v>
                </c:pt>
                <c:pt idx="7547">
                  <c:v>21.881815121424491</c:v>
                </c:pt>
                <c:pt idx="7548">
                  <c:v>21.881815121424491</c:v>
                </c:pt>
                <c:pt idx="7549">
                  <c:v>21.881815121424491</c:v>
                </c:pt>
                <c:pt idx="7550">
                  <c:v>21.881815121424491</c:v>
                </c:pt>
                <c:pt idx="7551">
                  <c:v>21.886570365514711</c:v>
                </c:pt>
                <c:pt idx="7552">
                  <c:v>21.886570365514711</c:v>
                </c:pt>
                <c:pt idx="7553">
                  <c:v>21.886570365514711</c:v>
                </c:pt>
                <c:pt idx="7554">
                  <c:v>21.891325609604806</c:v>
                </c:pt>
                <c:pt idx="7555">
                  <c:v>21.891325609604806</c:v>
                </c:pt>
                <c:pt idx="7556">
                  <c:v>21.891325609604806</c:v>
                </c:pt>
                <c:pt idx="7557">
                  <c:v>21.891325609604806</c:v>
                </c:pt>
                <c:pt idx="7558">
                  <c:v>21.895940993574708</c:v>
                </c:pt>
                <c:pt idx="7559">
                  <c:v>21.895940993574708</c:v>
                </c:pt>
                <c:pt idx="7560">
                  <c:v>21.895940993574708</c:v>
                </c:pt>
                <c:pt idx="7561">
                  <c:v>21.895940993574708</c:v>
                </c:pt>
                <c:pt idx="7562">
                  <c:v>21.895940993574708</c:v>
                </c:pt>
                <c:pt idx="7563">
                  <c:v>21.895940993574708</c:v>
                </c:pt>
                <c:pt idx="7564">
                  <c:v>21.895940993574708</c:v>
                </c:pt>
                <c:pt idx="7565">
                  <c:v>21.895940993574708</c:v>
                </c:pt>
                <c:pt idx="7566">
                  <c:v>21.900696237664928</c:v>
                </c:pt>
                <c:pt idx="7567">
                  <c:v>21.900696237664928</c:v>
                </c:pt>
                <c:pt idx="7568">
                  <c:v>21.900696237664928</c:v>
                </c:pt>
                <c:pt idx="7569">
                  <c:v>21.900696237664928</c:v>
                </c:pt>
                <c:pt idx="7570">
                  <c:v>21.900696237664928</c:v>
                </c:pt>
                <c:pt idx="7571">
                  <c:v>21.900696237664928</c:v>
                </c:pt>
                <c:pt idx="7572">
                  <c:v>21.900696237664928</c:v>
                </c:pt>
                <c:pt idx="7573">
                  <c:v>21.900696237664928</c:v>
                </c:pt>
                <c:pt idx="7574">
                  <c:v>21.900696237664928</c:v>
                </c:pt>
                <c:pt idx="7575">
                  <c:v>21.900696237664928</c:v>
                </c:pt>
                <c:pt idx="7576">
                  <c:v>21.900696237664928</c:v>
                </c:pt>
                <c:pt idx="7577">
                  <c:v>21.900696237664928</c:v>
                </c:pt>
                <c:pt idx="7578">
                  <c:v>21.900696237664928</c:v>
                </c:pt>
                <c:pt idx="7579">
                  <c:v>21.900696237664928</c:v>
                </c:pt>
                <c:pt idx="7580">
                  <c:v>21.900696237664928</c:v>
                </c:pt>
                <c:pt idx="7581">
                  <c:v>21.900696237664928</c:v>
                </c:pt>
                <c:pt idx="7582">
                  <c:v>21.895940993574708</c:v>
                </c:pt>
                <c:pt idx="7583">
                  <c:v>21.895940993574708</c:v>
                </c:pt>
                <c:pt idx="7584">
                  <c:v>21.900696237664928</c:v>
                </c:pt>
                <c:pt idx="7585">
                  <c:v>21.900696237664928</c:v>
                </c:pt>
                <c:pt idx="7586">
                  <c:v>21.900696237664928</c:v>
                </c:pt>
                <c:pt idx="7587">
                  <c:v>21.900696237664928</c:v>
                </c:pt>
                <c:pt idx="7588">
                  <c:v>21.900696237664928</c:v>
                </c:pt>
                <c:pt idx="7589">
                  <c:v>21.900696237664928</c:v>
                </c:pt>
                <c:pt idx="7590">
                  <c:v>21.900696237664928</c:v>
                </c:pt>
                <c:pt idx="7591">
                  <c:v>21.900696237664928</c:v>
                </c:pt>
                <c:pt idx="7592">
                  <c:v>21.905451481755147</c:v>
                </c:pt>
                <c:pt idx="7593">
                  <c:v>21.905451481755147</c:v>
                </c:pt>
                <c:pt idx="7594">
                  <c:v>21.905451481755147</c:v>
                </c:pt>
                <c:pt idx="7595">
                  <c:v>21.905451481755147</c:v>
                </c:pt>
                <c:pt idx="7596">
                  <c:v>21.905451481755147</c:v>
                </c:pt>
                <c:pt idx="7597">
                  <c:v>21.905451481755147</c:v>
                </c:pt>
                <c:pt idx="7598">
                  <c:v>21.905451481755147</c:v>
                </c:pt>
                <c:pt idx="7599">
                  <c:v>21.905451481755147</c:v>
                </c:pt>
                <c:pt idx="7600">
                  <c:v>21.905451481755147</c:v>
                </c:pt>
                <c:pt idx="7601">
                  <c:v>21.905451481755147</c:v>
                </c:pt>
                <c:pt idx="7602">
                  <c:v>21.905451481755147</c:v>
                </c:pt>
                <c:pt idx="7603">
                  <c:v>21.905451481755147</c:v>
                </c:pt>
                <c:pt idx="7604">
                  <c:v>21.905451481755147</c:v>
                </c:pt>
                <c:pt idx="7605">
                  <c:v>21.910066865724922</c:v>
                </c:pt>
                <c:pt idx="7606">
                  <c:v>21.910066865724922</c:v>
                </c:pt>
                <c:pt idx="7607">
                  <c:v>21.910066865724922</c:v>
                </c:pt>
                <c:pt idx="7608">
                  <c:v>21.910066865724922</c:v>
                </c:pt>
                <c:pt idx="7609">
                  <c:v>21.910066865724922</c:v>
                </c:pt>
                <c:pt idx="7610">
                  <c:v>21.910066865724922</c:v>
                </c:pt>
                <c:pt idx="7611">
                  <c:v>21.910066865724922</c:v>
                </c:pt>
                <c:pt idx="7612">
                  <c:v>21.910066865724922</c:v>
                </c:pt>
                <c:pt idx="7613">
                  <c:v>21.910066865724922</c:v>
                </c:pt>
                <c:pt idx="7614">
                  <c:v>21.910066865724922</c:v>
                </c:pt>
                <c:pt idx="7615">
                  <c:v>21.914822109815141</c:v>
                </c:pt>
                <c:pt idx="7616">
                  <c:v>21.914822109815141</c:v>
                </c:pt>
                <c:pt idx="7617">
                  <c:v>21.914822109815141</c:v>
                </c:pt>
                <c:pt idx="7618">
                  <c:v>21.914822109815141</c:v>
                </c:pt>
                <c:pt idx="7619">
                  <c:v>21.914822109815141</c:v>
                </c:pt>
                <c:pt idx="7620">
                  <c:v>21.91957735390536</c:v>
                </c:pt>
                <c:pt idx="7621">
                  <c:v>21.91957735390536</c:v>
                </c:pt>
                <c:pt idx="7622">
                  <c:v>21.91957735390536</c:v>
                </c:pt>
                <c:pt idx="7623">
                  <c:v>21.91957735390536</c:v>
                </c:pt>
                <c:pt idx="7624">
                  <c:v>21.91957735390536</c:v>
                </c:pt>
                <c:pt idx="7625">
                  <c:v>21.924332597995456</c:v>
                </c:pt>
                <c:pt idx="7626">
                  <c:v>21.924332597995456</c:v>
                </c:pt>
                <c:pt idx="7627">
                  <c:v>21.924332597995456</c:v>
                </c:pt>
                <c:pt idx="7628">
                  <c:v>21.924332597995456</c:v>
                </c:pt>
                <c:pt idx="7629">
                  <c:v>21.928947981965358</c:v>
                </c:pt>
                <c:pt idx="7630">
                  <c:v>21.928947981965358</c:v>
                </c:pt>
                <c:pt idx="7631">
                  <c:v>21.928947981965358</c:v>
                </c:pt>
                <c:pt idx="7632">
                  <c:v>21.928947981965358</c:v>
                </c:pt>
                <c:pt idx="7633">
                  <c:v>21.928947981965358</c:v>
                </c:pt>
                <c:pt idx="7634">
                  <c:v>21.928947981965358</c:v>
                </c:pt>
                <c:pt idx="7635">
                  <c:v>21.928947981965358</c:v>
                </c:pt>
                <c:pt idx="7636">
                  <c:v>21.928947981965358</c:v>
                </c:pt>
                <c:pt idx="7637">
                  <c:v>21.928947981965358</c:v>
                </c:pt>
                <c:pt idx="7638">
                  <c:v>21.928947981965358</c:v>
                </c:pt>
                <c:pt idx="7639">
                  <c:v>21.924332597995456</c:v>
                </c:pt>
                <c:pt idx="7640">
                  <c:v>21.924332597995456</c:v>
                </c:pt>
                <c:pt idx="7641">
                  <c:v>21.924332597995456</c:v>
                </c:pt>
                <c:pt idx="7642">
                  <c:v>21.924332597995456</c:v>
                </c:pt>
                <c:pt idx="7643">
                  <c:v>21.924332597995456</c:v>
                </c:pt>
                <c:pt idx="7644">
                  <c:v>21.924332597995456</c:v>
                </c:pt>
                <c:pt idx="7645">
                  <c:v>21.924332597995456</c:v>
                </c:pt>
                <c:pt idx="7646">
                  <c:v>21.924332597995456</c:v>
                </c:pt>
                <c:pt idx="7647">
                  <c:v>21.924332597995456</c:v>
                </c:pt>
                <c:pt idx="7648">
                  <c:v>21.924332597995456</c:v>
                </c:pt>
                <c:pt idx="7649">
                  <c:v>21.924332597995456</c:v>
                </c:pt>
                <c:pt idx="7650">
                  <c:v>21.924332597995456</c:v>
                </c:pt>
                <c:pt idx="7651">
                  <c:v>21.91957735390536</c:v>
                </c:pt>
                <c:pt idx="7652">
                  <c:v>21.91957735390536</c:v>
                </c:pt>
                <c:pt idx="7653">
                  <c:v>21.91957735390536</c:v>
                </c:pt>
                <c:pt idx="7654">
                  <c:v>21.924332597995456</c:v>
                </c:pt>
                <c:pt idx="7655">
                  <c:v>21.924332597995456</c:v>
                </c:pt>
                <c:pt idx="7656">
                  <c:v>21.924332597995456</c:v>
                </c:pt>
                <c:pt idx="7657">
                  <c:v>21.924332597995456</c:v>
                </c:pt>
                <c:pt idx="7658">
                  <c:v>21.928947981965358</c:v>
                </c:pt>
                <c:pt idx="7659">
                  <c:v>21.928947981965358</c:v>
                </c:pt>
                <c:pt idx="7660">
                  <c:v>21.928947981965358</c:v>
                </c:pt>
                <c:pt idx="7661">
                  <c:v>21.928947981965358</c:v>
                </c:pt>
                <c:pt idx="7662">
                  <c:v>21.928947981965358</c:v>
                </c:pt>
                <c:pt idx="7663">
                  <c:v>21.933703226055577</c:v>
                </c:pt>
                <c:pt idx="7664">
                  <c:v>21.933703226055577</c:v>
                </c:pt>
                <c:pt idx="7665">
                  <c:v>21.933703226055577</c:v>
                </c:pt>
                <c:pt idx="7666">
                  <c:v>21.933703226055577</c:v>
                </c:pt>
                <c:pt idx="7667">
                  <c:v>21.933703226055577</c:v>
                </c:pt>
                <c:pt idx="7668">
                  <c:v>21.933703226055577</c:v>
                </c:pt>
                <c:pt idx="7669">
                  <c:v>21.933703226055577</c:v>
                </c:pt>
                <c:pt idx="7670">
                  <c:v>21.933703226055577</c:v>
                </c:pt>
                <c:pt idx="7671">
                  <c:v>21.933703226055577</c:v>
                </c:pt>
                <c:pt idx="7672">
                  <c:v>21.933703226055577</c:v>
                </c:pt>
                <c:pt idx="7673">
                  <c:v>21.933703226055577</c:v>
                </c:pt>
                <c:pt idx="7674">
                  <c:v>21.933703226055577</c:v>
                </c:pt>
                <c:pt idx="7675">
                  <c:v>21.933703226055577</c:v>
                </c:pt>
                <c:pt idx="7676">
                  <c:v>21.933703226055577</c:v>
                </c:pt>
                <c:pt idx="7677">
                  <c:v>21.933703226055577</c:v>
                </c:pt>
                <c:pt idx="7678">
                  <c:v>21.933703226055577</c:v>
                </c:pt>
                <c:pt idx="7679">
                  <c:v>21.928947981965358</c:v>
                </c:pt>
                <c:pt idx="7680">
                  <c:v>21.928947981965358</c:v>
                </c:pt>
                <c:pt idx="7681">
                  <c:v>21.928947981965358</c:v>
                </c:pt>
                <c:pt idx="7682">
                  <c:v>21.928947981965358</c:v>
                </c:pt>
                <c:pt idx="7683">
                  <c:v>21.928947981965358</c:v>
                </c:pt>
                <c:pt idx="7684">
                  <c:v>21.928947981965358</c:v>
                </c:pt>
                <c:pt idx="7685">
                  <c:v>21.928947981965358</c:v>
                </c:pt>
                <c:pt idx="7686">
                  <c:v>21.928947981965358</c:v>
                </c:pt>
                <c:pt idx="7687">
                  <c:v>21.928947981965358</c:v>
                </c:pt>
                <c:pt idx="7688">
                  <c:v>21.928947981965358</c:v>
                </c:pt>
                <c:pt idx="7689">
                  <c:v>21.933703226055577</c:v>
                </c:pt>
                <c:pt idx="7690">
                  <c:v>21.933703226055577</c:v>
                </c:pt>
                <c:pt idx="7691">
                  <c:v>21.933703226055577</c:v>
                </c:pt>
                <c:pt idx="7692">
                  <c:v>21.933703226055577</c:v>
                </c:pt>
                <c:pt idx="7693">
                  <c:v>21.938458470145669</c:v>
                </c:pt>
                <c:pt idx="7694">
                  <c:v>21.938458470145669</c:v>
                </c:pt>
                <c:pt idx="7695">
                  <c:v>21.938458470145669</c:v>
                </c:pt>
                <c:pt idx="7696">
                  <c:v>21.938458470145669</c:v>
                </c:pt>
                <c:pt idx="7697">
                  <c:v>21.938458470145669</c:v>
                </c:pt>
                <c:pt idx="7698">
                  <c:v>21.943073854115571</c:v>
                </c:pt>
                <c:pt idx="7699">
                  <c:v>21.943073854115571</c:v>
                </c:pt>
                <c:pt idx="7700">
                  <c:v>21.943073854115571</c:v>
                </c:pt>
                <c:pt idx="7701">
                  <c:v>21.943073854115571</c:v>
                </c:pt>
                <c:pt idx="7702">
                  <c:v>21.943073854115571</c:v>
                </c:pt>
                <c:pt idx="7703">
                  <c:v>21.943073854115571</c:v>
                </c:pt>
                <c:pt idx="7704">
                  <c:v>21.943073854115571</c:v>
                </c:pt>
                <c:pt idx="7705">
                  <c:v>21.947829098205791</c:v>
                </c:pt>
                <c:pt idx="7706">
                  <c:v>21.947829098205791</c:v>
                </c:pt>
                <c:pt idx="7707">
                  <c:v>21.947829098205791</c:v>
                </c:pt>
                <c:pt idx="7708">
                  <c:v>21.947829098205791</c:v>
                </c:pt>
                <c:pt idx="7709">
                  <c:v>21.947829098205791</c:v>
                </c:pt>
                <c:pt idx="7710">
                  <c:v>21.947829098205791</c:v>
                </c:pt>
                <c:pt idx="7711">
                  <c:v>21.947829098205791</c:v>
                </c:pt>
                <c:pt idx="7712">
                  <c:v>21.947829098205791</c:v>
                </c:pt>
                <c:pt idx="7713">
                  <c:v>21.947829098205791</c:v>
                </c:pt>
                <c:pt idx="7714">
                  <c:v>21.947829098205791</c:v>
                </c:pt>
                <c:pt idx="7715">
                  <c:v>21.947829098205791</c:v>
                </c:pt>
                <c:pt idx="7716">
                  <c:v>21.947829098205791</c:v>
                </c:pt>
                <c:pt idx="7717">
                  <c:v>21.947829098205791</c:v>
                </c:pt>
                <c:pt idx="7718">
                  <c:v>21.947829098205791</c:v>
                </c:pt>
                <c:pt idx="7719">
                  <c:v>21.943073854115571</c:v>
                </c:pt>
                <c:pt idx="7720">
                  <c:v>21.947829098205791</c:v>
                </c:pt>
                <c:pt idx="7721">
                  <c:v>21.947829098205791</c:v>
                </c:pt>
                <c:pt idx="7722">
                  <c:v>21.947829098205791</c:v>
                </c:pt>
                <c:pt idx="7723">
                  <c:v>21.947829098205791</c:v>
                </c:pt>
                <c:pt idx="7724">
                  <c:v>21.947829098205791</c:v>
                </c:pt>
                <c:pt idx="7725">
                  <c:v>21.947829098205791</c:v>
                </c:pt>
                <c:pt idx="7726">
                  <c:v>21.947829098205791</c:v>
                </c:pt>
                <c:pt idx="7727">
                  <c:v>21.947829098205791</c:v>
                </c:pt>
                <c:pt idx="7728">
                  <c:v>21.952584342296007</c:v>
                </c:pt>
                <c:pt idx="7729">
                  <c:v>21.952584342296007</c:v>
                </c:pt>
                <c:pt idx="7730">
                  <c:v>21.952584342296007</c:v>
                </c:pt>
                <c:pt idx="7731">
                  <c:v>21.952584342296007</c:v>
                </c:pt>
                <c:pt idx="7732">
                  <c:v>21.952584342296007</c:v>
                </c:pt>
                <c:pt idx="7733">
                  <c:v>21.952584342296007</c:v>
                </c:pt>
                <c:pt idx="7734">
                  <c:v>21.952584342296007</c:v>
                </c:pt>
                <c:pt idx="7735">
                  <c:v>21.957199726265785</c:v>
                </c:pt>
                <c:pt idx="7736">
                  <c:v>21.957199726265785</c:v>
                </c:pt>
                <c:pt idx="7737">
                  <c:v>21.957199726265785</c:v>
                </c:pt>
                <c:pt idx="7738">
                  <c:v>21.957199726265785</c:v>
                </c:pt>
                <c:pt idx="7739">
                  <c:v>21.957199726265785</c:v>
                </c:pt>
                <c:pt idx="7740">
                  <c:v>21.957199726265785</c:v>
                </c:pt>
                <c:pt idx="7741">
                  <c:v>21.957199726265785</c:v>
                </c:pt>
                <c:pt idx="7742">
                  <c:v>21.957199726265785</c:v>
                </c:pt>
                <c:pt idx="7743">
                  <c:v>21.957199726265785</c:v>
                </c:pt>
                <c:pt idx="7744">
                  <c:v>21.957199726265785</c:v>
                </c:pt>
                <c:pt idx="7745">
                  <c:v>21.961954970356004</c:v>
                </c:pt>
                <c:pt idx="7746">
                  <c:v>21.961954970356004</c:v>
                </c:pt>
                <c:pt idx="7747">
                  <c:v>21.961954970356004</c:v>
                </c:pt>
                <c:pt idx="7748">
                  <c:v>21.961954970356004</c:v>
                </c:pt>
                <c:pt idx="7749">
                  <c:v>21.961954970356004</c:v>
                </c:pt>
                <c:pt idx="7750">
                  <c:v>21.961954970356004</c:v>
                </c:pt>
                <c:pt idx="7751">
                  <c:v>21.961954970356004</c:v>
                </c:pt>
                <c:pt idx="7752">
                  <c:v>21.961954970356004</c:v>
                </c:pt>
                <c:pt idx="7753">
                  <c:v>21.961954970356004</c:v>
                </c:pt>
                <c:pt idx="7754">
                  <c:v>21.961954970356004</c:v>
                </c:pt>
                <c:pt idx="7755">
                  <c:v>21.961954970356004</c:v>
                </c:pt>
                <c:pt idx="7756">
                  <c:v>21.961954970356004</c:v>
                </c:pt>
                <c:pt idx="7757">
                  <c:v>21.961954970356004</c:v>
                </c:pt>
                <c:pt idx="7758">
                  <c:v>21.961954970356004</c:v>
                </c:pt>
                <c:pt idx="7759">
                  <c:v>21.961954970356004</c:v>
                </c:pt>
                <c:pt idx="7760">
                  <c:v>21.96671021444622</c:v>
                </c:pt>
                <c:pt idx="7761">
                  <c:v>21.96671021444622</c:v>
                </c:pt>
                <c:pt idx="7762">
                  <c:v>21.96671021444622</c:v>
                </c:pt>
                <c:pt idx="7763">
                  <c:v>21.96671021444622</c:v>
                </c:pt>
                <c:pt idx="7764">
                  <c:v>21.96671021444622</c:v>
                </c:pt>
                <c:pt idx="7765">
                  <c:v>21.96671021444622</c:v>
                </c:pt>
                <c:pt idx="7766">
                  <c:v>21.971325598416001</c:v>
                </c:pt>
                <c:pt idx="7767">
                  <c:v>21.971325598416001</c:v>
                </c:pt>
                <c:pt idx="7768">
                  <c:v>21.971325598416001</c:v>
                </c:pt>
                <c:pt idx="7769">
                  <c:v>21.971325598416001</c:v>
                </c:pt>
                <c:pt idx="7770">
                  <c:v>21.971325598416001</c:v>
                </c:pt>
                <c:pt idx="7771">
                  <c:v>21.971325598416001</c:v>
                </c:pt>
                <c:pt idx="7772">
                  <c:v>21.971325598416001</c:v>
                </c:pt>
                <c:pt idx="7773">
                  <c:v>21.971325598416001</c:v>
                </c:pt>
                <c:pt idx="7774">
                  <c:v>21.971325598416001</c:v>
                </c:pt>
                <c:pt idx="7775">
                  <c:v>21.971325598416001</c:v>
                </c:pt>
                <c:pt idx="7776">
                  <c:v>21.971325598416001</c:v>
                </c:pt>
                <c:pt idx="7777">
                  <c:v>21.971325598416001</c:v>
                </c:pt>
                <c:pt idx="7778">
                  <c:v>21.971325598416001</c:v>
                </c:pt>
                <c:pt idx="7779">
                  <c:v>21.971325598416001</c:v>
                </c:pt>
                <c:pt idx="7780">
                  <c:v>21.971325598416001</c:v>
                </c:pt>
                <c:pt idx="7781">
                  <c:v>21.971325598416001</c:v>
                </c:pt>
                <c:pt idx="7782">
                  <c:v>21.971325598416001</c:v>
                </c:pt>
                <c:pt idx="7783">
                  <c:v>21.976080842506221</c:v>
                </c:pt>
                <c:pt idx="7784">
                  <c:v>21.976080842506221</c:v>
                </c:pt>
                <c:pt idx="7785">
                  <c:v>21.976080842506221</c:v>
                </c:pt>
                <c:pt idx="7786">
                  <c:v>21.976080842506221</c:v>
                </c:pt>
                <c:pt idx="7787">
                  <c:v>21.976080842506221</c:v>
                </c:pt>
                <c:pt idx="7788">
                  <c:v>21.976080842506221</c:v>
                </c:pt>
                <c:pt idx="7789">
                  <c:v>21.976080842506221</c:v>
                </c:pt>
                <c:pt idx="7790">
                  <c:v>21.976080842506221</c:v>
                </c:pt>
                <c:pt idx="7791">
                  <c:v>21.980836086596437</c:v>
                </c:pt>
                <c:pt idx="7792">
                  <c:v>21.980836086596437</c:v>
                </c:pt>
                <c:pt idx="7793">
                  <c:v>21.980836086596437</c:v>
                </c:pt>
                <c:pt idx="7794">
                  <c:v>21.980836086596437</c:v>
                </c:pt>
                <c:pt idx="7795">
                  <c:v>21.980836086596437</c:v>
                </c:pt>
                <c:pt idx="7796">
                  <c:v>21.985451470566339</c:v>
                </c:pt>
                <c:pt idx="7797">
                  <c:v>21.985451470566339</c:v>
                </c:pt>
                <c:pt idx="7798">
                  <c:v>21.990206714656434</c:v>
                </c:pt>
                <c:pt idx="7799">
                  <c:v>21.990206714656434</c:v>
                </c:pt>
                <c:pt idx="7800">
                  <c:v>21.994961958746654</c:v>
                </c:pt>
                <c:pt idx="7801">
                  <c:v>21.994961958746654</c:v>
                </c:pt>
                <c:pt idx="7802">
                  <c:v>21.994961958746654</c:v>
                </c:pt>
                <c:pt idx="7803">
                  <c:v>21.994961958746654</c:v>
                </c:pt>
                <c:pt idx="7804">
                  <c:v>21.994961958746654</c:v>
                </c:pt>
                <c:pt idx="7805">
                  <c:v>21.994961958746654</c:v>
                </c:pt>
                <c:pt idx="7806">
                  <c:v>21.999577342716552</c:v>
                </c:pt>
                <c:pt idx="7807">
                  <c:v>21.999577342716552</c:v>
                </c:pt>
                <c:pt idx="7808">
                  <c:v>21.999577342716552</c:v>
                </c:pt>
                <c:pt idx="7809">
                  <c:v>21.999577342716552</c:v>
                </c:pt>
                <c:pt idx="7810">
                  <c:v>21.999577342716552</c:v>
                </c:pt>
                <c:pt idx="7811">
                  <c:v>21.999577342716552</c:v>
                </c:pt>
                <c:pt idx="7812">
                  <c:v>21.999577342716552</c:v>
                </c:pt>
                <c:pt idx="7813">
                  <c:v>21.999577342716552</c:v>
                </c:pt>
                <c:pt idx="7814">
                  <c:v>21.999577342716552</c:v>
                </c:pt>
                <c:pt idx="7815">
                  <c:v>21.999577342716552</c:v>
                </c:pt>
                <c:pt idx="7816">
                  <c:v>21.999577342716552</c:v>
                </c:pt>
                <c:pt idx="7817">
                  <c:v>21.999577342716552</c:v>
                </c:pt>
                <c:pt idx="7818">
                  <c:v>21.999577342716552</c:v>
                </c:pt>
                <c:pt idx="7819">
                  <c:v>21.999577342716552</c:v>
                </c:pt>
                <c:pt idx="7820">
                  <c:v>21.999577342716552</c:v>
                </c:pt>
                <c:pt idx="7821">
                  <c:v>21.999577342716552</c:v>
                </c:pt>
                <c:pt idx="7822">
                  <c:v>21.994961958746654</c:v>
                </c:pt>
                <c:pt idx="7823">
                  <c:v>21.994961958746654</c:v>
                </c:pt>
                <c:pt idx="7824">
                  <c:v>21.990206714656434</c:v>
                </c:pt>
                <c:pt idx="7825">
                  <c:v>21.990206714656434</c:v>
                </c:pt>
                <c:pt idx="7826">
                  <c:v>21.990206714656434</c:v>
                </c:pt>
                <c:pt idx="7827">
                  <c:v>21.990206714656434</c:v>
                </c:pt>
                <c:pt idx="7828">
                  <c:v>21.985451470566339</c:v>
                </c:pt>
                <c:pt idx="7829">
                  <c:v>21.990206714656434</c:v>
                </c:pt>
                <c:pt idx="7830">
                  <c:v>21.990206714656434</c:v>
                </c:pt>
                <c:pt idx="7831">
                  <c:v>21.990206714656434</c:v>
                </c:pt>
                <c:pt idx="7832">
                  <c:v>21.990206714656434</c:v>
                </c:pt>
                <c:pt idx="7833">
                  <c:v>21.990206714656434</c:v>
                </c:pt>
                <c:pt idx="7834">
                  <c:v>21.990206714656434</c:v>
                </c:pt>
                <c:pt idx="7835">
                  <c:v>21.990206714656434</c:v>
                </c:pt>
                <c:pt idx="7836">
                  <c:v>21.990206714656434</c:v>
                </c:pt>
                <c:pt idx="7837">
                  <c:v>21.990206714656434</c:v>
                </c:pt>
                <c:pt idx="7838">
                  <c:v>21.990206714656434</c:v>
                </c:pt>
                <c:pt idx="7839">
                  <c:v>21.990206714656434</c:v>
                </c:pt>
                <c:pt idx="7840">
                  <c:v>21.990206714656434</c:v>
                </c:pt>
                <c:pt idx="7841">
                  <c:v>21.994961958746654</c:v>
                </c:pt>
                <c:pt idx="7842">
                  <c:v>21.994961958746654</c:v>
                </c:pt>
                <c:pt idx="7843">
                  <c:v>21.994961958746654</c:v>
                </c:pt>
                <c:pt idx="7844">
                  <c:v>21.994961958746654</c:v>
                </c:pt>
                <c:pt idx="7845">
                  <c:v>21.994961958746654</c:v>
                </c:pt>
                <c:pt idx="7846">
                  <c:v>21.994961958746654</c:v>
                </c:pt>
                <c:pt idx="7847">
                  <c:v>21.994961958746654</c:v>
                </c:pt>
                <c:pt idx="7848">
                  <c:v>21.994961958746654</c:v>
                </c:pt>
                <c:pt idx="7849">
                  <c:v>21.994961958746654</c:v>
                </c:pt>
                <c:pt idx="7850">
                  <c:v>21.999577342716552</c:v>
                </c:pt>
                <c:pt idx="7851">
                  <c:v>21.999577342716552</c:v>
                </c:pt>
                <c:pt idx="7852">
                  <c:v>21.999577342716552</c:v>
                </c:pt>
                <c:pt idx="7853">
                  <c:v>21.999577342716552</c:v>
                </c:pt>
                <c:pt idx="7854">
                  <c:v>21.999577342716552</c:v>
                </c:pt>
                <c:pt idx="7855">
                  <c:v>21.999577342716552</c:v>
                </c:pt>
                <c:pt idx="7856">
                  <c:v>21.999577342716552</c:v>
                </c:pt>
                <c:pt idx="7857">
                  <c:v>21.999577342716552</c:v>
                </c:pt>
                <c:pt idx="7858">
                  <c:v>21.994961958746654</c:v>
                </c:pt>
                <c:pt idx="7859">
                  <c:v>21.994961958746654</c:v>
                </c:pt>
                <c:pt idx="7860">
                  <c:v>21.999577342716552</c:v>
                </c:pt>
                <c:pt idx="7861">
                  <c:v>21.999577342716552</c:v>
                </c:pt>
                <c:pt idx="7862">
                  <c:v>21.999577342716552</c:v>
                </c:pt>
                <c:pt idx="7863">
                  <c:v>21.994961958746654</c:v>
                </c:pt>
                <c:pt idx="7864">
                  <c:v>21.994961958746654</c:v>
                </c:pt>
                <c:pt idx="7865">
                  <c:v>21.994961958746654</c:v>
                </c:pt>
                <c:pt idx="7866">
                  <c:v>21.994961958746654</c:v>
                </c:pt>
                <c:pt idx="7867">
                  <c:v>21.994961958746654</c:v>
                </c:pt>
                <c:pt idx="7868">
                  <c:v>21.994961958746654</c:v>
                </c:pt>
                <c:pt idx="7869">
                  <c:v>21.999577342716552</c:v>
                </c:pt>
                <c:pt idx="7870">
                  <c:v>21.999577342716552</c:v>
                </c:pt>
                <c:pt idx="7871">
                  <c:v>21.999577342716552</c:v>
                </c:pt>
                <c:pt idx="7872">
                  <c:v>21.999577342716552</c:v>
                </c:pt>
                <c:pt idx="7873">
                  <c:v>21.999577342716552</c:v>
                </c:pt>
                <c:pt idx="7874">
                  <c:v>21.999577342716552</c:v>
                </c:pt>
                <c:pt idx="7875">
                  <c:v>21.999577342716552</c:v>
                </c:pt>
                <c:pt idx="7876">
                  <c:v>21.999577342716552</c:v>
                </c:pt>
                <c:pt idx="7877">
                  <c:v>21.999577342716552</c:v>
                </c:pt>
                <c:pt idx="7878">
                  <c:v>21.999577342716552</c:v>
                </c:pt>
                <c:pt idx="7879">
                  <c:v>21.999577342716552</c:v>
                </c:pt>
                <c:pt idx="7880">
                  <c:v>21.999577342716552</c:v>
                </c:pt>
                <c:pt idx="7881">
                  <c:v>21.999577342716552</c:v>
                </c:pt>
                <c:pt idx="7882">
                  <c:v>21.999577342716552</c:v>
                </c:pt>
                <c:pt idx="7883">
                  <c:v>22.004332586806647</c:v>
                </c:pt>
                <c:pt idx="7884">
                  <c:v>22.004332586806647</c:v>
                </c:pt>
                <c:pt idx="7885">
                  <c:v>22.004332586806647</c:v>
                </c:pt>
                <c:pt idx="7886">
                  <c:v>22.004332586806647</c:v>
                </c:pt>
                <c:pt idx="7887">
                  <c:v>22.004332586806647</c:v>
                </c:pt>
                <c:pt idx="7888">
                  <c:v>22.004332586806647</c:v>
                </c:pt>
                <c:pt idx="7889">
                  <c:v>22.004332586806647</c:v>
                </c:pt>
                <c:pt idx="7890">
                  <c:v>22.004332586806647</c:v>
                </c:pt>
                <c:pt idx="7891">
                  <c:v>22.004332586806647</c:v>
                </c:pt>
                <c:pt idx="7892">
                  <c:v>22.004332586806647</c:v>
                </c:pt>
                <c:pt idx="7893">
                  <c:v>22.004332586806647</c:v>
                </c:pt>
                <c:pt idx="7894">
                  <c:v>22.004332586806647</c:v>
                </c:pt>
                <c:pt idx="7895">
                  <c:v>22.004332586806647</c:v>
                </c:pt>
                <c:pt idx="7896">
                  <c:v>22.004332586806647</c:v>
                </c:pt>
                <c:pt idx="7897">
                  <c:v>22.004332586806647</c:v>
                </c:pt>
                <c:pt idx="7898">
                  <c:v>22.009087830896867</c:v>
                </c:pt>
                <c:pt idx="7899">
                  <c:v>22.009087830896867</c:v>
                </c:pt>
                <c:pt idx="7900">
                  <c:v>22.009087830896867</c:v>
                </c:pt>
                <c:pt idx="7901">
                  <c:v>22.009087830896867</c:v>
                </c:pt>
                <c:pt idx="7902">
                  <c:v>22.009087830896867</c:v>
                </c:pt>
                <c:pt idx="7903">
                  <c:v>22.009087830896867</c:v>
                </c:pt>
                <c:pt idx="7904">
                  <c:v>22.009087830896867</c:v>
                </c:pt>
                <c:pt idx="7905">
                  <c:v>22.009087830896867</c:v>
                </c:pt>
                <c:pt idx="7906">
                  <c:v>22.009087830896867</c:v>
                </c:pt>
                <c:pt idx="7907">
                  <c:v>22.009087830896867</c:v>
                </c:pt>
                <c:pt idx="7908">
                  <c:v>22.013703214866766</c:v>
                </c:pt>
                <c:pt idx="7909">
                  <c:v>22.013703214866766</c:v>
                </c:pt>
                <c:pt idx="7910">
                  <c:v>22.013703214866766</c:v>
                </c:pt>
                <c:pt idx="7911">
                  <c:v>22.013703214866766</c:v>
                </c:pt>
                <c:pt idx="7912">
                  <c:v>22.013703214866766</c:v>
                </c:pt>
                <c:pt idx="7913">
                  <c:v>22.013703214866766</c:v>
                </c:pt>
                <c:pt idx="7914">
                  <c:v>22.013703214866766</c:v>
                </c:pt>
                <c:pt idx="7915">
                  <c:v>22.013703214866766</c:v>
                </c:pt>
                <c:pt idx="7916">
                  <c:v>22.013703214866766</c:v>
                </c:pt>
                <c:pt idx="7917">
                  <c:v>22.013703214866766</c:v>
                </c:pt>
                <c:pt idx="7918">
                  <c:v>22.013703214866766</c:v>
                </c:pt>
                <c:pt idx="7919">
                  <c:v>22.013703214866766</c:v>
                </c:pt>
                <c:pt idx="7920">
                  <c:v>22.013703214866766</c:v>
                </c:pt>
                <c:pt idx="7921">
                  <c:v>22.013703214866766</c:v>
                </c:pt>
                <c:pt idx="7922">
                  <c:v>22.013703214866766</c:v>
                </c:pt>
                <c:pt idx="7923">
                  <c:v>22.013703214866766</c:v>
                </c:pt>
                <c:pt idx="7924">
                  <c:v>22.013703214866766</c:v>
                </c:pt>
                <c:pt idx="7925">
                  <c:v>22.013703214866766</c:v>
                </c:pt>
                <c:pt idx="7926">
                  <c:v>22.013703214866766</c:v>
                </c:pt>
                <c:pt idx="7927">
                  <c:v>22.013703214866766</c:v>
                </c:pt>
                <c:pt idx="7928">
                  <c:v>22.013703214866766</c:v>
                </c:pt>
                <c:pt idx="7929">
                  <c:v>22.013703214866766</c:v>
                </c:pt>
                <c:pt idx="7930">
                  <c:v>22.013703214866766</c:v>
                </c:pt>
                <c:pt idx="7931">
                  <c:v>22.013703214866766</c:v>
                </c:pt>
                <c:pt idx="7932">
                  <c:v>22.013703214866766</c:v>
                </c:pt>
                <c:pt idx="7933">
                  <c:v>22.013703214866766</c:v>
                </c:pt>
                <c:pt idx="7934">
                  <c:v>22.013703214866766</c:v>
                </c:pt>
                <c:pt idx="7935">
                  <c:v>22.013703214866766</c:v>
                </c:pt>
                <c:pt idx="7936">
                  <c:v>22.013703214866766</c:v>
                </c:pt>
                <c:pt idx="7937">
                  <c:v>22.018458458956864</c:v>
                </c:pt>
                <c:pt idx="7938">
                  <c:v>22.018458458956864</c:v>
                </c:pt>
                <c:pt idx="7939">
                  <c:v>22.018458458956864</c:v>
                </c:pt>
                <c:pt idx="7940">
                  <c:v>22.018458458956864</c:v>
                </c:pt>
                <c:pt idx="7941">
                  <c:v>22.018458458956864</c:v>
                </c:pt>
                <c:pt idx="7942">
                  <c:v>22.018458458956864</c:v>
                </c:pt>
                <c:pt idx="7943">
                  <c:v>22.013703214866766</c:v>
                </c:pt>
                <c:pt idx="7944">
                  <c:v>22.013703214866766</c:v>
                </c:pt>
                <c:pt idx="7945">
                  <c:v>22.013703214866766</c:v>
                </c:pt>
                <c:pt idx="7946">
                  <c:v>22.013703214866766</c:v>
                </c:pt>
                <c:pt idx="7947">
                  <c:v>22.013703214866766</c:v>
                </c:pt>
                <c:pt idx="7948">
                  <c:v>22.013703214866766</c:v>
                </c:pt>
                <c:pt idx="7949">
                  <c:v>22.009087830896867</c:v>
                </c:pt>
                <c:pt idx="7950">
                  <c:v>22.009087830896867</c:v>
                </c:pt>
                <c:pt idx="7951">
                  <c:v>22.009087830896867</c:v>
                </c:pt>
                <c:pt idx="7952">
                  <c:v>22.009087830896867</c:v>
                </c:pt>
                <c:pt idx="7953">
                  <c:v>22.009087830896867</c:v>
                </c:pt>
                <c:pt idx="7954">
                  <c:v>22.009087830896867</c:v>
                </c:pt>
                <c:pt idx="7955">
                  <c:v>22.009087830896867</c:v>
                </c:pt>
                <c:pt idx="7956">
                  <c:v>22.009087830896867</c:v>
                </c:pt>
                <c:pt idx="7957">
                  <c:v>22.009087830896867</c:v>
                </c:pt>
                <c:pt idx="7958">
                  <c:v>22.009087830896867</c:v>
                </c:pt>
                <c:pt idx="7959">
                  <c:v>22.009087830896867</c:v>
                </c:pt>
                <c:pt idx="7960">
                  <c:v>22.013703214866766</c:v>
                </c:pt>
                <c:pt idx="7961">
                  <c:v>22.013703214866766</c:v>
                </c:pt>
                <c:pt idx="7962">
                  <c:v>22.013703214866766</c:v>
                </c:pt>
                <c:pt idx="7963">
                  <c:v>22.013703214866766</c:v>
                </c:pt>
                <c:pt idx="7964">
                  <c:v>22.013703214866766</c:v>
                </c:pt>
                <c:pt idx="7965">
                  <c:v>22.018458458956864</c:v>
                </c:pt>
                <c:pt idx="7966">
                  <c:v>22.018458458956864</c:v>
                </c:pt>
                <c:pt idx="7967">
                  <c:v>22.018458458956864</c:v>
                </c:pt>
                <c:pt idx="7968">
                  <c:v>22.018458458956864</c:v>
                </c:pt>
                <c:pt idx="7969">
                  <c:v>22.023213703047084</c:v>
                </c:pt>
                <c:pt idx="7970">
                  <c:v>22.023213703047084</c:v>
                </c:pt>
                <c:pt idx="7971">
                  <c:v>22.023213703047084</c:v>
                </c:pt>
                <c:pt idx="7972">
                  <c:v>22.023213703047084</c:v>
                </c:pt>
                <c:pt idx="7973">
                  <c:v>22.023213703047084</c:v>
                </c:pt>
                <c:pt idx="7974">
                  <c:v>22.023213703047084</c:v>
                </c:pt>
                <c:pt idx="7975">
                  <c:v>22.023213703047084</c:v>
                </c:pt>
                <c:pt idx="7976">
                  <c:v>22.023213703047084</c:v>
                </c:pt>
                <c:pt idx="7977">
                  <c:v>22.023213703047084</c:v>
                </c:pt>
                <c:pt idx="7978">
                  <c:v>22.023213703047084</c:v>
                </c:pt>
                <c:pt idx="7979">
                  <c:v>22.023213703047084</c:v>
                </c:pt>
                <c:pt idx="7980">
                  <c:v>22.023213703047084</c:v>
                </c:pt>
                <c:pt idx="7981">
                  <c:v>22.023213703047084</c:v>
                </c:pt>
                <c:pt idx="7982">
                  <c:v>22.023213703047084</c:v>
                </c:pt>
                <c:pt idx="7983">
                  <c:v>22.018458458956864</c:v>
                </c:pt>
                <c:pt idx="7984">
                  <c:v>22.018458458956864</c:v>
                </c:pt>
                <c:pt idx="7985">
                  <c:v>22.013703214866766</c:v>
                </c:pt>
                <c:pt idx="7986">
                  <c:v>22.013703214866766</c:v>
                </c:pt>
                <c:pt idx="7987">
                  <c:v>22.013703214866766</c:v>
                </c:pt>
                <c:pt idx="7988">
                  <c:v>22.009087830896867</c:v>
                </c:pt>
                <c:pt idx="7989">
                  <c:v>22.009087830896867</c:v>
                </c:pt>
                <c:pt idx="7990">
                  <c:v>22.009087830896867</c:v>
                </c:pt>
                <c:pt idx="7991">
                  <c:v>22.009087830896867</c:v>
                </c:pt>
                <c:pt idx="7992">
                  <c:v>22.009087830896867</c:v>
                </c:pt>
                <c:pt idx="7993">
                  <c:v>22.004332586806647</c:v>
                </c:pt>
                <c:pt idx="7994">
                  <c:v>22.004332586806647</c:v>
                </c:pt>
                <c:pt idx="7995">
                  <c:v>22.004332586806647</c:v>
                </c:pt>
                <c:pt idx="7996">
                  <c:v>22.004332586806647</c:v>
                </c:pt>
                <c:pt idx="7997">
                  <c:v>22.004332586806647</c:v>
                </c:pt>
                <c:pt idx="7998">
                  <c:v>22.004332586806647</c:v>
                </c:pt>
                <c:pt idx="7999">
                  <c:v>22.004332586806647</c:v>
                </c:pt>
                <c:pt idx="8000">
                  <c:v>22.004332586806647</c:v>
                </c:pt>
                <c:pt idx="8001">
                  <c:v>22.004332586806647</c:v>
                </c:pt>
                <c:pt idx="8002">
                  <c:v>22.004332586806647</c:v>
                </c:pt>
                <c:pt idx="8003">
                  <c:v>22.004332586806647</c:v>
                </c:pt>
                <c:pt idx="8004">
                  <c:v>22.004332586806647</c:v>
                </c:pt>
                <c:pt idx="8005">
                  <c:v>22.004332586806647</c:v>
                </c:pt>
                <c:pt idx="8006">
                  <c:v>22.009087830896867</c:v>
                </c:pt>
                <c:pt idx="8007">
                  <c:v>22.009087830896867</c:v>
                </c:pt>
                <c:pt idx="8008">
                  <c:v>22.009087830896867</c:v>
                </c:pt>
                <c:pt idx="8009">
                  <c:v>22.009087830896867</c:v>
                </c:pt>
                <c:pt idx="8010">
                  <c:v>22.009087830896867</c:v>
                </c:pt>
                <c:pt idx="8011">
                  <c:v>22.009087830896867</c:v>
                </c:pt>
                <c:pt idx="8012">
                  <c:v>22.009087830896867</c:v>
                </c:pt>
                <c:pt idx="8013">
                  <c:v>22.009087830896867</c:v>
                </c:pt>
                <c:pt idx="8014">
                  <c:v>22.009087830896867</c:v>
                </c:pt>
                <c:pt idx="8015">
                  <c:v>22.009087830896867</c:v>
                </c:pt>
                <c:pt idx="8016">
                  <c:v>22.009087830896867</c:v>
                </c:pt>
                <c:pt idx="8017">
                  <c:v>22.009087830896867</c:v>
                </c:pt>
                <c:pt idx="8018">
                  <c:v>22.009087830896867</c:v>
                </c:pt>
                <c:pt idx="8019">
                  <c:v>22.013703214866766</c:v>
                </c:pt>
                <c:pt idx="8020">
                  <c:v>22.013703214866766</c:v>
                </c:pt>
                <c:pt idx="8021">
                  <c:v>22.013703214866766</c:v>
                </c:pt>
                <c:pt idx="8022">
                  <c:v>22.018458458956864</c:v>
                </c:pt>
                <c:pt idx="8023">
                  <c:v>22.018458458956864</c:v>
                </c:pt>
                <c:pt idx="8024">
                  <c:v>22.023213703047084</c:v>
                </c:pt>
                <c:pt idx="8025">
                  <c:v>22.023213703047084</c:v>
                </c:pt>
                <c:pt idx="8026">
                  <c:v>22.023213703047084</c:v>
                </c:pt>
                <c:pt idx="8027">
                  <c:v>22.018458458956864</c:v>
                </c:pt>
                <c:pt idx="8028">
                  <c:v>22.018458458956864</c:v>
                </c:pt>
                <c:pt idx="8029">
                  <c:v>22.018458458956864</c:v>
                </c:pt>
                <c:pt idx="8030">
                  <c:v>22.018458458956864</c:v>
                </c:pt>
                <c:pt idx="8031">
                  <c:v>22.018458458956864</c:v>
                </c:pt>
                <c:pt idx="8032">
                  <c:v>22.018458458956864</c:v>
                </c:pt>
                <c:pt idx="8033">
                  <c:v>22.018458458956864</c:v>
                </c:pt>
                <c:pt idx="8034">
                  <c:v>22.018458458956864</c:v>
                </c:pt>
                <c:pt idx="8035">
                  <c:v>22.018458458956864</c:v>
                </c:pt>
                <c:pt idx="8036">
                  <c:v>22.018458458956864</c:v>
                </c:pt>
                <c:pt idx="8037">
                  <c:v>22.018458458956864</c:v>
                </c:pt>
                <c:pt idx="8038">
                  <c:v>22.023213703047084</c:v>
                </c:pt>
                <c:pt idx="8039">
                  <c:v>22.023213703047084</c:v>
                </c:pt>
                <c:pt idx="8040">
                  <c:v>22.023213703047084</c:v>
                </c:pt>
                <c:pt idx="8041">
                  <c:v>22.023213703047084</c:v>
                </c:pt>
                <c:pt idx="8042">
                  <c:v>22.023213703047084</c:v>
                </c:pt>
                <c:pt idx="8043">
                  <c:v>22.023213703047084</c:v>
                </c:pt>
                <c:pt idx="8044">
                  <c:v>22.023213703047084</c:v>
                </c:pt>
                <c:pt idx="8045">
                  <c:v>22.023213703047084</c:v>
                </c:pt>
                <c:pt idx="8046">
                  <c:v>22.023213703047084</c:v>
                </c:pt>
                <c:pt idx="8047">
                  <c:v>22.018458458956864</c:v>
                </c:pt>
                <c:pt idx="8048">
                  <c:v>22.018458458956864</c:v>
                </c:pt>
                <c:pt idx="8049">
                  <c:v>22.013703214866766</c:v>
                </c:pt>
                <c:pt idx="8050">
                  <c:v>22.013703214866766</c:v>
                </c:pt>
                <c:pt idx="8051">
                  <c:v>22.013703214866766</c:v>
                </c:pt>
                <c:pt idx="8052">
                  <c:v>22.013703214866766</c:v>
                </c:pt>
                <c:pt idx="8053">
                  <c:v>22.013703214866766</c:v>
                </c:pt>
                <c:pt idx="8054">
                  <c:v>22.013703214866766</c:v>
                </c:pt>
                <c:pt idx="8055">
                  <c:v>22.018458458956864</c:v>
                </c:pt>
                <c:pt idx="8056">
                  <c:v>22.018458458956864</c:v>
                </c:pt>
                <c:pt idx="8057">
                  <c:v>22.018458458956864</c:v>
                </c:pt>
                <c:pt idx="8058">
                  <c:v>22.023213703047084</c:v>
                </c:pt>
                <c:pt idx="8059">
                  <c:v>22.023213703047084</c:v>
                </c:pt>
                <c:pt idx="8060">
                  <c:v>22.023213703047084</c:v>
                </c:pt>
                <c:pt idx="8061">
                  <c:v>22.023213703047084</c:v>
                </c:pt>
                <c:pt idx="8062">
                  <c:v>22.018458458956864</c:v>
                </c:pt>
                <c:pt idx="8063">
                  <c:v>22.018458458956864</c:v>
                </c:pt>
                <c:pt idx="8064">
                  <c:v>22.018458458956864</c:v>
                </c:pt>
                <c:pt idx="8065">
                  <c:v>22.018458458956864</c:v>
                </c:pt>
                <c:pt idx="8066">
                  <c:v>22.018458458956864</c:v>
                </c:pt>
                <c:pt idx="8067">
                  <c:v>22.013703214866766</c:v>
                </c:pt>
                <c:pt idx="8068">
                  <c:v>22.013703214866766</c:v>
                </c:pt>
                <c:pt idx="8069">
                  <c:v>22.013703214866766</c:v>
                </c:pt>
                <c:pt idx="8070">
                  <c:v>22.013703214866766</c:v>
                </c:pt>
                <c:pt idx="8071">
                  <c:v>22.013703214866766</c:v>
                </c:pt>
                <c:pt idx="8072">
                  <c:v>22.013703214866766</c:v>
                </c:pt>
                <c:pt idx="8073">
                  <c:v>22.013703214866766</c:v>
                </c:pt>
                <c:pt idx="8074">
                  <c:v>22.013703214866766</c:v>
                </c:pt>
                <c:pt idx="8075">
                  <c:v>22.013703214866766</c:v>
                </c:pt>
                <c:pt idx="8076">
                  <c:v>22.013703214866766</c:v>
                </c:pt>
                <c:pt idx="8077">
                  <c:v>22.013703214866766</c:v>
                </c:pt>
                <c:pt idx="8078">
                  <c:v>22.013703214866766</c:v>
                </c:pt>
                <c:pt idx="8079">
                  <c:v>22.013703214866766</c:v>
                </c:pt>
                <c:pt idx="8080">
                  <c:v>22.013703214866766</c:v>
                </c:pt>
                <c:pt idx="8081">
                  <c:v>22.013703214866766</c:v>
                </c:pt>
                <c:pt idx="8082">
                  <c:v>22.013703214866766</c:v>
                </c:pt>
                <c:pt idx="8083">
                  <c:v>22.013703214866766</c:v>
                </c:pt>
                <c:pt idx="8084">
                  <c:v>22.013703214866766</c:v>
                </c:pt>
                <c:pt idx="8085">
                  <c:v>22.013703214866766</c:v>
                </c:pt>
                <c:pt idx="8086">
                  <c:v>22.013703214866766</c:v>
                </c:pt>
                <c:pt idx="8087">
                  <c:v>22.013703214866766</c:v>
                </c:pt>
                <c:pt idx="8088">
                  <c:v>22.013703214866766</c:v>
                </c:pt>
                <c:pt idx="8089">
                  <c:v>22.013703214866766</c:v>
                </c:pt>
                <c:pt idx="8090">
                  <c:v>22.013703214866766</c:v>
                </c:pt>
                <c:pt idx="8091">
                  <c:v>22.013703214866766</c:v>
                </c:pt>
                <c:pt idx="8092">
                  <c:v>22.013703214866766</c:v>
                </c:pt>
                <c:pt idx="8093">
                  <c:v>22.013703214866766</c:v>
                </c:pt>
                <c:pt idx="8094">
                  <c:v>22.013703214866766</c:v>
                </c:pt>
                <c:pt idx="8095">
                  <c:v>22.013703214866766</c:v>
                </c:pt>
                <c:pt idx="8096">
                  <c:v>22.013703214866766</c:v>
                </c:pt>
                <c:pt idx="8097">
                  <c:v>22.013703214866766</c:v>
                </c:pt>
                <c:pt idx="8098">
                  <c:v>22.013703214866766</c:v>
                </c:pt>
                <c:pt idx="8099">
                  <c:v>22.013703214866766</c:v>
                </c:pt>
                <c:pt idx="8100">
                  <c:v>22.009087830896867</c:v>
                </c:pt>
                <c:pt idx="8101">
                  <c:v>22.013703214866766</c:v>
                </c:pt>
                <c:pt idx="8102">
                  <c:v>22.013703214866766</c:v>
                </c:pt>
                <c:pt idx="8103">
                  <c:v>22.009087830896867</c:v>
                </c:pt>
                <c:pt idx="8104">
                  <c:v>22.009087830896867</c:v>
                </c:pt>
                <c:pt idx="8105">
                  <c:v>22.009087830896867</c:v>
                </c:pt>
                <c:pt idx="8106">
                  <c:v>22.009087830896867</c:v>
                </c:pt>
                <c:pt idx="8107">
                  <c:v>22.009087830896867</c:v>
                </c:pt>
                <c:pt idx="8108">
                  <c:v>22.009087830896867</c:v>
                </c:pt>
                <c:pt idx="8109">
                  <c:v>22.009087830896867</c:v>
                </c:pt>
                <c:pt idx="8110">
                  <c:v>22.009087830896867</c:v>
                </c:pt>
                <c:pt idx="8111">
                  <c:v>22.009087830896867</c:v>
                </c:pt>
                <c:pt idx="8112">
                  <c:v>22.009087830896867</c:v>
                </c:pt>
                <c:pt idx="8113">
                  <c:v>22.009087830896867</c:v>
                </c:pt>
                <c:pt idx="8114">
                  <c:v>22.009087830896867</c:v>
                </c:pt>
                <c:pt idx="8115">
                  <c:v>22.009087830896867</c:v>
                </c:pt>
                <c:pt idx="8116">
                  <c:v>22.009087830896867</c:v>
                </c:pt>
                <c:pt idx="8117">
                  <c:v>22.013703214866766</c:v>
                </c:pt>
                <c:pt idx="8118">
                  <c:v>22.013703214866766</c:v>
                </c:pt>
                <c:pt idx="8119">
                  <c:v>22.013703214866766</c:v>
                </c:pt>
                <c:pt idx="8120">
                  <c:v>22.013703214866766</c:v>
                </c:pt>
                <c:pt idx="8121">
                  <c:v>22.013703214866766</c:v>
                </c:pt>
                <c:pt idx="8122">
                  <c:v>22.018458458956864</c:v>
                </c:pt>
                <c:pt idx="8123">
                  <c:v>22.018458458956864</c:v>
                </c:pt>
                <c:pt idx="8124">
                  <c:v>22.018458458956864</c:v>
                </c:pt>
                <c:pt idx="8125">
                  <c:v>22.023213703047084</c:v>
                </c:pt>
                <c:pt idx="8126">
                  <c:v>22.023213703047084</c:v>
                </c:pt>
                <c:pt idx="8127">
                  <c:v>22.023213703047084</c:v>
                </c:pt>
                <c:pt idx="8128">
                  <c:v>22.023213703047084</c:v>
                </c:pt>
                <c:pt idx="8129">
                  <c:v>22.023213703047084</c:v>
                </c:pt>
                <c:pt idx="8130">
                  <c:v>22.023213703047084</c:v>
                </c:pt>
                <c:pt idx="8131">
                  <c:v>22.023213703047084</c:v>
                </c:pt>
                <c:pt idx="8132">
                  <c:v>22.023213703047084</c:v>
                </c:pt>
                <c:pt idx="8133">
                  <c:v>22.023213703047084</c:v>
                </c:pt>
                <c:pt idx="8134">
                  <c:v>22.023213703047084</c:v>
                </c:pt>
                <c:pt idx="8135">
                  <c:v>22.027829087016983</c:v>
                </c:pt>
                <c:pt idx="8136">
                  <c:v>22.027829087016983</c:v>
                </c:pt>
                <c:pt idx="8137">
                  <c:v>22.027829087016983</c:v>
                </c:pt>
                <c:pt idx="8138">
                  <c:v>22.027829087016983</c:v>
                </c:pt>
                <c:pt idx="8139">
                  <c:v>22.027829087016983</c:v>
                </c:pt>
                <c:pt idx="8140">
                  <c:v>22.027829087016983</c:v>
                </c:pt>
                <c:pt idx="8141">
                  <c:v>22.027829087016983</c:v>
                </c:pt>
                <c:pt idx="8142">
                  <c:v>22.027829087016983</c:v>
                </c:pt>
                <c:pt idx="8143">
                  <c:v>22.027829087016983</c:v>
                </c:pt>
                <c:pt idx="8144">
                  <c:v>22.023213703047084</c:v>
                </c:pt>
                <c:pt idx="8145">
                  <c:v>22.023213703047084</c:v>
                </c:pt>
                <c:pt idx="8146">
                  <c:v>22.023213703047084</c:v>
                </c:pt>
                <c:pt idx="8147">
                  <c:v>22.023213703047084</c:v>
                </c:pt>
                <c:pt idx="8148">
                  <c:v>22.023213703047084</c:v>
                </c:pt>
                <c:pt idx="8149">
                  <c:v>22.023213703047084</c:v>
                </c:pt>
                <c:pt idx="8150">
                  <c:v>22.018458458956864</c:v>
                </c:pt>
                <c:pt idx="8151">
                  <c:v>22.018458458956864</c:v>
                </c:pt>
                <c:pt idx="8152">
                  <c:v>22.018458458956864</c:v>
                </c:pt>
                <c:pt idx="8153">
                  <c:v>22.018458458956864</c:v>
                </c:pt>
                <c:pt idx="8154">
                  <c:v>22.018458458956864</c:v>
                </c:pt>
                <c:pt idx="8155">
                  <c:v>22.018458458956864</c:v>
                </c:pt>
                <c:pt idx="8156">
                  <c:v>22.018458458956864</c:v>
                </c:pt>
                <c:pt idx="8157">
                  <c:v>22.018458458956864</c:v>
                </c:pt>
                <c:pt idx="8158">
                  <c:v>22.018458458956864</c:v>
                </c:pt>
                <c:pt idx="8159">
                  <c:v>22.018458458956864</c:v>
                </c:pt>
                <c:pt idx="8160">
                  <c:v>22.018458458956864</c:v>
                </c:pt>
                <c:pt idx="8161">
                  <c:v>22.018458458956864</c:v>
                </c:pt>
                <c:pt idx="8162">
                  <c:v>22.018458458956864</c:v>
                </c:pt>
                <c:pt idx="8163">
                  <c:v>22.018458458956864</c:v>
                </c:pt>
                <c:pt idx="8164">
                  <c:v>22.018458458956864</c:v>
                </c:pt>
                <c:pt idx="8165">
                  <c:v>22.013703214866766</c:v>
                </c:pt>
                <c:pt idx="8166">
                  <c:v>22.013703214866766</c:v>
                </c:pt>
                <c:pt idx="8167">
                  <c:v>22.013703214866766</c:v>
                </c:pt>
                <c:pt idx="8168">
                  <c:v>22.013703214866766</c:v>
                </c:pt>
                <c:pt idx="8169">
                  <c:v>22.009087830896867</c:v>
                </c:pt>
                <c:pt idx="8170">
                  <c:v>22.009087830896867</c:v>
                </c:pt>
                <c:pt idx="8171">
                  <c:v>22.009087830896867</c:v>
                </c:pt>
                <c:pt idx="8172">
                  <c:v>22.009087830896867</c:v>
                </c:pt>
                <c:pt idx="8173">
                  <c:v>22.009087830896867</c:v>
                </c:pt>
                <c:pt idx="8174">
                  <c:v>22.009087830896867</c:v>
                </c:pt>
                <c:pt idx="8175">
                  <c:v>22.009087830896867</c:v>
                </c:pt>
                <c:pt idx="8176">
                  <c:v>22.009087830896867</c:v>
                </c:pt>
                <c:pt idx="8177">
                  <c:v>22.009087830896867</c:v>
                </c:pt>
                <c:pt idx="8178">
                  <c:v>22.009087830896867</c:v>
                </c:pt>
                <c:pt idx="8179">
                  <c:v>22.009087830896867</c:v>
                </c:pt>
                <c:pt idx="8180">
                  <c:v>22.009087830896867</c:v>
                </c:pt>
                <c:pt idx="8181">
                  <c:v>22.009087830896867</c:v>
                </c:pt>
                <c:pt idx="8182">
                  <c:v>22.004332586806647</c:v>
                </c:pt>
                <c:pt idx="8183">
                  <c:v>22.004332586806647</c:v>
                </c:pt>
                <c:pt idx="8184">
                  <c:v>22.004332586806647</c:v>
                </c:pt>
                <c:pt idx="8185">
                  <c:v>22.004332586806647</c:v>
                </c:pt>
                <c:pt idx="8186">
                  <c:v>22.004332586806647</c:v>
                </c:pt>
                <c:pt idx="8187">
                  <c:v>22.004332586806647</c:v>
                </c:pt>
                <c:pt idx="8188">
                  <c:v>22.009087830896867</c:v>
                </c:pt>
                <c:pt idx="8189">
                  <c:v>22.009087830896867</c:v>
                </c:pt>
                <c:pt idx="8190">
                  <c:v>22.009087830896867</c:v>
                </c:pt>
                <c:pt idx="8191">
                  <c:v>22.013703214866766</c:v>
                </c:pt>
                <c:pt idx="8192">
                  <c:v>22.013703214866766</c:v>
                </c:pt>
                <c:pt idx="8193">
                  <c:v>22.013703214866766</c:v>
                </c:pt>
                <c:pt idx="8194">
                  <c:v>22.013703214866766</c:v>
                </c:pt>
                <c:pt idx="8195">
                  <c:v>22.018458458956864</c:v>
                </c:pt>
                <c:pt idx="8196">
                  <c:v>22.018458458956864</c:v>
                </c:pt>
                <c:pt idx="8197">
                  <c:v>22.018458458956864</c:v>
                </c:pt>
                <c:pt idx="8198">
                  <c:v>22.023213703047084</c:v>
                </c:pt>
                <c:pt idx="8199">
                  <c:v>22.023213703047084</c:v>
                </c:pt>
                <c:pt idx="8200">
                  <c:v>22.023213703047084</c:v>
                </c:pt>
                <c:pt idx="8201">
                  <c:v>22.023213703047084</c:v>
                </c:pt>
                <c:pt idx="8202">
                  <c:v>22.023213703047084</c:v>
                </c:pt>
                <c:pt idx="8203">
                  <c:v>22.023213703047084</c:v>
                </c:pt>
                <c:pt idx="8204">
                  <c:v>22.023213703047084</c:v>
                </c:pt>
                <c:pt idx="8205">
                  <c:v>22.027829087016983</c:v>
                </c:pt>
                <c:pt idx="8206">
                  <c:v>22.027829087016983</c:v>
                </c:pt>
                <c:pt idx="8207">
                  <c:v>22.027829087016983</c:v>
                </c:pt>
                <c:pt idx="8208">
                  <c:v>22.027829087016983</c:v>
                </c:pt>
                <c:pt idx="8209">
                  <c:v>22.027829087016983</c:v>
                </c:pt>
                <c:pt idx="8210">
                  <c:v>22.032584331107202</c:v>
                </c:pt>
                <c:pt idx="8211">
                  <c:v>22.032584331107202</c:v>
                </c:pt>
                <c:pt idx="8212">
                  <c:v>22.032584331107202</c:v>
                </c:pt>
                <c:pt idx="8213">
                  <c:v>22.032584331107202</c:v>
                </c:pt>
                <c:pt idx="8214">
                  <c:v>22.032584331107202</c:v>
                </c:pt>
                <c:pt idx="8215">
                  <c:v>22.032584331107202</c:v>
                </c:pt>
                <c:pt idx="8216">
                  <c:v>22.032584331107202</c:v>
                </c:pt>
                <c:pt idx="8217">
                  <c:v>22.032584331107202</c:v>
                </c:pt>
                <c:pt idx="8218">
                  <c:v>22.032584331107202</c:v>
                </c:pt>
                <c:pt idx="8219">
                  <c:v>22.032584331107202</c:v>
                </c:pt>
                <c:pt idx="8220">
                  <c:v>22.032584331107202</c:v>
                </c:pt>
                <c:pt idx="8221">
                  <c:v>22.032584331107202</c:v>
                </c:pt>
                <c:pt idx="8222">
                  <c:v>22.032584331107202</c:v>
                </c:pt>
                <c:pt idx="8223">
                  <c:v>22.032584331107202</c:v>
                </c:pt>
                <c:pt idx="8224">
                  <c:v>22.032584331107202</c:v>
                </c:pt>
                <c:pt idx="8225">
                  <c:v>22.032584331107202</c:v>
                </c:pt>
                <c:pt idx="8226">
                  <c:v>22.032584331107202</c:v>
                </c:pt>
                <c:pt idx="8227">
                  <c:v>22.032584331107202</c:v>
                </c:pt>
                <c:pt idx="8228">
                  <c:v>22.032584331107202</c:v>
                </c:pt>
                <c:pt idx="8229">
                  <c:v>22.032584331107202</c:v>
                </c:pt>
                <c:pt idx="8230">
                  <c:v>22.037339575197297</c:v>
                </c:pt>
                <c:pt idx="8231">
                  <c:v>22.037339575197297</c:v>
                </c:pt>
                <c:pt idx="8232">
                  <c:v>22.037339575197297</c:v>
                </c:pt>
                <c:pt idx="8233">
                  <c:v>22.037339575197297</c:v>
                </c:pt>
                <c:pt idx="8234">
                  <c:v>22.037339575197297</c:v>
                </c:pt>
                <c:pt idx="8235">
                  <c:v>22.037339575197297</c:v>
                </c:pt>
                <c:pt idx="8236">
                  <c:v>22.037339575197297</c:v>
                </c:pt>
                <c:pt idx="8237">
                  <c:v>22.032584331107202</c:v>
                </c:pt>
                <c:pt idx="8238">
                  <c:v>22.032584331107202</c:v>
                </c:pt>
                <c:pt idx="8239">
                  <c:v>22.032584331107202</c:v>
                </c:pt>
                <c:pt idx="8240">
                  <c:v>22.032584331107202</c:v>
                </c:pt>
                <c:pt idx="8241">
                  <c:v>22.032584331107202</c:v>
                </c:pt>
                <c:pt idx="8242">
                  <c:v>22.032584331107202</c:v>
                </c:pt>
                <c:pt idx="8243">
                  <c:v>22.027829087016983</c:v>
                </c:pt>
                <c:pt idx="8244">
                  <c:v>22.027829087016983</c:v>
                </c:pt>
                <c:pt idx="8245">
                  <c:v>22.027829087016983</c:v>
                </c:pt>
                <c:pt idx="8246">
                  <c:v>22.027829087016983</c:v>
                </c:pt>
                <c:pt idx="8247">
                  <c:v>22.027829087016983</c:v>
                </c:pt>
                <c:pt idx="8248">
                  <c:v>22.027829087016983</c:v>
                </c:pt>
                <c:pt idx="8249">
                  <c:v>22.027829087016983</c:v>
                </c:pt>
                <c:pt idx="8250">
                  <c:v>22.027829087016983</c:v>
                </c:pt>
                <c:pt idx="8251">
                  <c:v>22.032584331107202</c:v>
                </c:pt>
                <c:pt idx="8252">
                  <c:v>22.032584331107202</c:v>
                </c:pt>
                <c:pt idx="8253">
                  <c:v>22.032584331107202</c:v>
                </c:pt>
                <c:pt idx="8254">
                  <c:v>22.032584331107202</c:v>
                </c:pt>
                <c:pt idx="8255">
                  <c:v>22.032584331107202</c:v>
                </c:pt>
                <c:pt idx="8256">
                  <c:v>22.032584331107202</c:v>
                </c:pt>
                <c:pt idx="8257">
                  <c:v>22.032584331107202</c:v>
                </c:pt>
                <c:pt idx="8258">
                  <c:v>22.037339575197297</c:v>
                </c:pt>
                <c:pt idx="8259">
                  <c:v>22.037339575197297</c:v>
                </c:pt>
                <c:pt idx="8260">
                  <c:v>22.037339575197297</c:v>
                </c:pt>
                <c:pt idx="8261">
                  <c:v>22.037339575197297</c:v>
                </c:pt>
                <c:pt idx="8262">
                  <c:v>22.037339575197297</c:v>
                </c:pt>
                <c:pt idx="8263">
                  <c:v>22.037339575197297</c:v>
                </c:pt>
                <c:pt idx="8264">
                  <c:v>22.037339575197297</c:v>
                </c:pt>
                <c:pt idx="8265">
                  <c:v>22.041954959167196</c:v>
                </c:pt>
                <c:pt idx="8266">
                  <c:v>22.041954959167196</c:v>
                </c:pt>
                <c:pt idx="8267">
                  <c:v>22.041954959167196</c:v>
                </c:pt>
                <c:pt idx="8268">
                  <c:v>22.046710203257415</c:v>
                </c:pt>
                <c:pt idx="8269">
                  <c:v>22.046710203257415</c:v>
                </c:pt>
                <c:pt idx="8270">
                  <c:v>22.051465447347514</c:v>
                </c:pt>
                <c:pt idx="8271">
                  <c:v>22.051465447347514</c:v>
                </c:pt>
                <c:pt idx="8272">
                  <c:v>22.051465447347514</c:v>
                </c:pt>
                <c:pt idx="8273">
                  <c:v>22.051465447347514</c:v>
                </c:pt>
                <c:pt idx="8274">
                  <c:v>22.051465447347514</c:v>
                </c:pt>
                <c:pt idx="8275">
                  <c:v>22.051465447347514</c:v>
                </c:pt>
                <c:pt idx="8276">
                  <c:v>22.046710203257415</c:v>
                </c:pt>
                <c:pt idx="8277">
                  <c:v>22.046710203257415</c:v>
                </c:pt>
                <c:pt idx="8278">
                  <c:v>22.046710203257415</c:v>
                </c:pt>
                <c:pt idx="8279">
                  <c:v>22.046710203257415</c:v>
                </c:pt>
                <c:pt idx="8280">
                  <c:v>22.046710203257415</c:v>
                </c:pt>
                <c:pt idx="8281">
                  <c:v>22.046710203257415</c:v>
                </c:pt>
                <c:pt idx="8282">
                  <c:v>22.046710203257415</c:v>
                </c:pt>
                <c:pt idx="8283">
                  <c:v>22.041954959167196</c:v>
                </c:pt>
                <c:pt idx="8284">
                  <c:v>22.041954959167196</c:v>
                </c:pt>
                <c:pt idx="8285">
                  <c:v>22.046710203257415</c:v>
                </c:pt>
                <c:pt idx="8286">
                  <c:v>22.041954959167196</c:v>
                </c:pt>
                <c:pt idx="8287">
                  <c:v>22.041954959167196</c:v>
                </c:pt>
                <c:pt idx="8288">
                  <c:v>22.041954959167196</c:v>
                </c:pt>
                <c:pt idx="8289">
                  <c:v>22.041954959167196</c:v>
                </c:pt>
                <c:pt idx="8290">
                  <c:v>22.041954959167196</c:v>
                </c:pt>
                <c:pt idx="8291">
                  <c:v>22.041954959167196</c:v>
                </c:pt>
                <c:pt idx="8292">
                  <c:v>22.041954959167196</c:v>
                </c:pt>
                <c:pt idx="8293">
                  <c:v>22.041954959167196</c:v>
                </c:pt>
                <c:pt idx="8294">
                  <c:v>22.041954959167196</c:v>
                </c:pt>
                <c:pt idx="8295">
                  <c:v>22.041954959167196</c:v>
                </c:pt>
                <c:pt idx="8296">
                  <c:v>22.041954959167196</c:v>
                </c:pt>
                <c:pt idx="8297">
                  <c:v>22.041954959167196</c:v>
                </c:pt>
                <c:pt idx="8298">
                  <c:v>22.041954959167196</c:v>
                </c:pt>
                <c:pt idx="8299">
                  <c:v>22.041954959167196</c:v>
                </c:pt>
                <c:pt idx="8300">
                  <c:v>22.041954959167196</c:v>
                </c:pt>
                <c:pt idx="8301">
                  <c:v>22.041954959167196</c:v>
                </c:pt>
                <c:pt idx="8302">
                  <c:v>22.041954959167196</c:v>
                </c:pt>
                <c:pt idx="8303">
                  <c:v>22.046710203257415</c:v>
                </c:pt>
                <c:pt idx="8304">
                  <c:v>22.046710203257415</c:v>
                </c:pt>
                <c:pt idx="8305">
                  <c:v>22.046710203257415</c:v>
                </c:pt>
                <c:pt idx="8306">
                  <c:v>22.046710203257415</c:v>
                </c:pt>
                <c:pt idx="8307">
                  <c:v>22.046710203257415</c:v>
                </c:pt>
                <c:pt idx="8308">
                  <c:v>22.046710203257415</c:v>
                </c:pt>
                <c:pt idx="8309">
                  <c:v>22.046710203257415</c:v>
                </c:pt>
                <c:pt idx="8310">
                  <c:v>22.046710203257415</c:v>
                </c:pt>
                <c:pt idx="8311">
                  <c:v>22.046710203257415</c:v>
                </c:pt>
                <c:pt idx="8312">
                  <c:v>22.046710203257415</c:v>
                </c:pt>
                <c:pt idx="8313">
                  <c:v>22.046710203257415</c:v>
                </c:pt>
                <c:pt idx="8314">
                  <c:v>22.051465447347514</c:v>
                </c:pt>
                <c:pt idx="8315">
                  <c:v>22.051465447347514</c:v>
                </c:pt>
                <c:pt idx="8316">
                  <c:v>22.051465447347514</c:v>
                </c:pt>
                <c:pt idx="8317">
                  <c:v>22.051465447347514</c:v>
                </c:pt>
                <c:pt idx="8318">
                  <c:v>22.051465447347514</c:v>
                </c:pt>
                <c:pt idx="8319">
                  <c:v>22.051465447347514</c:v>
                </c:pt>
                <c:pt idx="8320">
                  <c:v>22.051465447347514</c:v>
                </c:pt>
                <c:pt idx="8321">
                  <c:v>22.051465447347514</c:v>
                </c:pt>
                <c:pt idx="8322">
                  <c:v>22.051465447347514</c:v>
                </c:pt>
                <c:pt idx="8323">
                  <c:v>22.051465447347514</c:v>
                </c:pt>
                <c:pt idx="8324">
                  <c:v>22.051465447347514</c:v>
                </c:pt>
                <c:pt idx="8325">
                  <c:v>22.051465447347514</c:v>
                </c:pt>
                <c:pt idx="8326">
                  <c:v>22.051465447347514</c:v>
                </c:pt>
                <c:pt idx="8327">
                  <c:v>22.051465447347514</c:v>
                </c:pt>
                <c:pt idx="8328">
                  <c:v>22.051465447347514</c:v>
                </c:pt>
                <c:pt idx="8329">
                  <c:v>22.051465447347514</c:v>
                </c:pt>
                <c:pt idx="8330">
                  <c:v>22.051465447347514</c:v>
                </c:pt>
                <c:pt idx="8331">
                  <c:v>22.051465447347514</c:v>
                </c:pt>
                <c:pt idx="8332">
                  <c:v>22.051465447347514</c:v>
                </c:pt>
                <c:pt idx="8333">
                  <c:v>22.051465447347514</c:v>
                </c:pt>
                <c:pt idx="8334">
                  <c:v>22.051465447347514</c:v>
                </c:pt>
                <c:pt idx="8335">
                  <c:v>22.051465447347514</c:v>
                </c:pt>
                <c:pt idx="8336">
                  <c:v>22.051465447347514</c:v>
                </c:pt>
                <c:pt idx="8337">
                  <c:v>22.051465447347514</c:v>
                </c:pt>
                <c:pt idx="8338">
                  <c:v>22.051465447347514</c:v>
                </c:pt>
                <c:pt idx="8339">
                  <c:v>22.051465447347514</c:v>
                </c:pt>
                <c:pt idx="8340">
                  <c:v>22.051465447347514</c:v>
                </c:pt>
                <c:pt idx="8341">
                  <c:v>22.051465447347514</c:v>
                </c:pt>
                <c:pt idx="8342">
                  <c:v>22.051465447347514</c:v>
                </c:pt>
                <c:pt idx="8343">
                  <c:v>22.051465447347514</c:v>
                </c:pt>
                <c:pt idx="8344">
                  <c:v>22.051465447347514</c:v>
                </c:pt>
                <c:pt idx="8345">
                  <c:v>22.051465447347514</c:v>
                </c:pt>
                <c:pt idx="8346">
                  <c:v>22.051465447347514</c:v>
                </c:pt>
                <c:pt idx="8347">
                  <c:v>22.051465447347514</c:v>
                </c:pt>
                <c:pt idx="8348">
                  <c:v>22.051465447347514</c:v>
                </c:pt>
                <c:pt idx="8349">
                  <c:v>22.051465447347514</c:v>
                </c:pt>
                <c:pt idx="8350">
                  <c:v>22.051465447347514</c:v>
                </c:pt>
                <c:pt idx="8351">
                  <c:v>22.051465447347514</c:v>
                </c:pt>
                <c:pt idx="8352">
                  <c:v>22.051465447347514</c:v>
                </c:pt>
                <c:pt idx="8353">
                  <c:v>22.051465447347514</c:v>
                </c:pt>
                <c:pt idx="8354">
                  <c:v>22.051465447347514</c:v>
                </c:pt>
                <c:pt idx="8355">
                  <c:v>22.051465447347514</c:v>
                </c:pt>
                <c:pt idx="8356">
                  <c:v>22.051465447347514</c:v>
                </c:pt>
                <c:pt idx="8357">
                  <c:v>22.051465447347514</c:v>
                </c:pt>
                <c:pt idx="8358">
                  <c:v>22.051465447347514</c:v>
                </c:pt>
                <c:pt idx="8359">
                  <c:v>22.051465447347514</c:v>
                </c:pt>
                <c:pt idx="8360">
                  <c:v>22.051465447347514</c:v>
                </c:pt>
                <c:pt idx="8361">
                  <c:v>22.051465447347514</c:v>
                </c:pt>
                <c:pt idx="8362">
                  <c:v>22.051465447347514</c:v>
                </c:pt>
                <c:pt idx="8363">
                  <c:v>22.056080831317413</c:v>
                </c:pt>
                <c:pt idx="8364">
                  <c:v>22.056080831317413</c:v>
                </c:pt>
                <c:pt idx="8365">
                  <c:v>22.056080831317413</c:v>
                </c:pt>
                <c:pt idx="8366">
                  <c:v>22.056080831317413</c:v>
                </c:pt>
                <c:pt idx="8367">
                  <c:v>22.060836075407632</c:v>
                </c:pt>
                <c:pt idx="8368">
                  <c:v>22.060836075407632</c:v>
                </c:pt>
                <c:pt idx="8369">
                  <c:v>22.060836075407632</c:v>
                </c:pt>
                <c:pt idx="8370">
                  <c:v>22.060836075407632</c:v>
                </c:pt>
                <c:pt idx="8371">
                  <c:v>22.060836075407632</c:v>
                </c:pt>
                <c:pt idx="8372">
                  <c:v>22.060836075407632</c:v>
                </c:pt>
                <c:pt idx="8373">
                  <c:v>22.065591319497727</c:v>
                </c:pt>
                <c:pt idx="8374">
                  <c:v>22.065591319497727</c:v>
                </c:pt>
                <c:pt idx="8375">
                  <c:v>22.065591319497727</c:v>
                </c:pt>
                <c:pt idx="8376">
                  <c:v>22.060836075407632</c:v>
                </c:pt>
                <c:pt idx="8377">
                  <c:v>22.060836075407632</c:v>
                </c:pt>
                <c:pt idx="8378">
                  <c:v>22.060836075407632</c:v>
                </c:pt>
                <c:pt idx="8379">
                  <c:v>22.060836075407632</c:v>
                </c:pt>
                <c:pt idx="8380">
                  <c:v>22.060836075407632</c:v>
                </c:pt>
                <c:pt idx="8381">
                  <c:v>22.060836075407632</c:v>
                </c:pt>
                <c:pt idx="8382">
                  <c:v>22.065591319497727</c:v>
                </c:pt>
                <c:pt idx="8383">
                  <c:v>22.065591319497727</c:v>
                </c:pt>
                <c:pt idx="8384">
                  <c:v>22.060836075407632</c:v>
                </c:pt>
                <c:pt idx="8385">
                  <c:v>22.060836075407632</c:v>
                </c:pt>
                <c:pt idx="8386">
                  <c:v>22.060836075407632</c:v>
                </c:pt>
                <c:pt idx="8387">
                  <c:v>22.060836075407632</c:v>
                </c:pt>
                <c:pt idx="8388">
                  <c:v>22.060836075407632</c:v>
                </c:pt>
                <c:pt idx="8389">
                  <c:v>22.060836075407632</c:v>
                </c:pt>
                <c:pt idx="8390">
                  <c:v>22.060836075407632</c:v>
                </c:pt>
                <c:pt idx="8391">
                  <c:v>22.060836075407632</c:v>
                </c:pt>
                <c:pt idx="8392">
                  <c:v>22.060836075407632</c:v>
                </c:pt>
                <c:pt idx="8393">
                  <c:v>22.060836075407632</c:v>
                </c:pt>
                <c:pt idx="8394">
                  <c:v>22.060836075407632</c:v>
                </c:pt>
                <c:pt idx="8395">
                  <c:v>22.060836075407632</c:v>
                </c:pt>
                <c:pt idx="8396">
                  <c:v>22.060836075407632</c:v>
                </c:pt>
                <c:pt idx="8397">
                  <c:v>22.056080831317413</c:v>
                </c:pt>
                <c:pt idx="8398">
                  <c:v>22.056080831317413</c:v>
                </c:pt>
                <c:pt idx="8399">
                  <c:v>22.056080831317413</c:v>
                </c:pt>
                <c:pt idx="8400">
                  <c:v>22.060836075407632</c:v>
                </c:pt>
                <c:pt idx="8401">
                  <c:v>22.060836075407632</c:v>
                </c:pt>
                <c:pt idx="8402">
                  <c:v>22.060836075407632</c:v>
                </c:pt>
                <c:pt idx="8403">
                  <c:v>22.060836075407632</c:v>
                </c:pt>
                <c:pt idx="8404">
                  <c:v>22.060836075407632</c:v>
                </c:pt>
                <c:pt idx="8405">
                  <c:v>22.060836075407632</c:v>
                </c:pt>
                <c:pt idx="8406">
                  <c:v>22.065591319497727</c:v>
                </c:pt>
                <c:pt idx="8407">
                  <c:v>22.065591319497727</c:v>
                </c:pt>
                <c:pt idx="8408">
                  <c:v>22.065591319497727</c:v>
                </c:pt>
                <c:pt idx="8409">
                  <c:v>22.070206703467626</c:v>
                </c:pt>
                <c:pt idx="8410">
                  <c:v>22.070206703467626</c:v>
                </c:pt>
                <c:pt idx="8411">
                  <c:v>22.070206703467626</c:v>
                </c:pt>
                <c:pt idx="8412">
                  <c:v>22.070206703467626</c:v>
                </c:pt>
                <c:pt idx="8413">
                  <c:v>22.070206703467626</c:v>
                </c:pt>
                <c:pt idx="8414">
                  <c:v>22.065591319497727</c:v>
                </c:pt>
                <c:pt idx="8415">
                  <c:v>22.065591319497727</c:v>
                </c:pt>
                <c:pt idx="8416">
                  <c:v>22.065591319497727</c:v>
                </c:pt>
                <c:pt idx="8417">
                  <c:v>22.065591319497727</c:v>
                </c:pt>
                <c:pt idx="8418">
                  <c:v>22.065591319497727</c:v>
                </c:pt>
                <c:pt idx="8419">
                  <c:v>22.065591319497727</c:v>
                </c:pt>
                <c:pt idx="8420">
                  <c:v>22.065591319497727</c:v>
                </c:pt>
                <c:pt idx="8421">
                  <c:v>22.065591319497727</c:v>
                </c:pt>
                <c:pt idx="8422">
                  <c:v>22.065591319497727</c:v>
                </c:pt>
                <c:pt idx="8423">
                  <c:v>22.065591319497727</c:v>
                </c:pt>
                <c:pt idx="8424">
                  <c:v>22.060836075407632</c:v>
                </c:pt>
                <c:pt idx="8425">
                  <c:v>22.060836075407632</c:v>
                </c:pt>
                <c:pt idx="8426">
                  <c:v>22.060836075407632</c:v>
                </c:pt>
                <c:pt idx="8427">
                  <c:v>22.060836075407632</c:v>
                </c:pt>
                <c:pt idx="8428">
                  <c:v>22.060836075407632</c:v>
                </c:pt>
                <c:pt idx="8429">
                  <c:v>22.060836075407632</c:v>
                </c:pt>
                <c:pt idx="8430">
                  <c:v>22.060836075407632</c:v>
                </c:pt>
                <c:pt idx="8431">
                  <c:v>22.056080831317413</c:v>
                </c:pt>
                <c:pt idx="8432">
                  <c:v>22.056080831317413</c:v>
                </c:pt>
                <c:pt idx="8433">
                  <c:v>22.056080831317413</c:v>
                </c:pt>
                <c:pt idx="8434">
                  <c:v>22.056080831317413</c:v>
                </c:pt>
                <c:pt idx="8435">
                  <c:v>22.056080831317413</c:v>
                </c:pt>
                <c:pt idx="8436">
                  <c:v>22.056080831317413</c:v>
                </c:pt>
                <c:pt idx="8437">
                  <c:v>22.056080831317413</c:v>
                </c:pt>
                <c:pt idx="8438">
                  <c:v>22.060836075407632</c:v>
                </c:pt>
                <c:pt idx="8439">
                  <c:v>22.060836075407632</c:v>
                </c:pt>
                <c:pt idx="8440">
                  <c:v>22.060836075407632</c:v>
                </c:pt>
                <c:pt idx="8441">
                  <c:v>22.060836075407632</c:v>
                </c:pt>
                <c:pt idx="8442">
                  <c:v>22.065591319497727</c:v>
                </c:pt>
                <c:pt idx="8443">
                  <c:v>22.065591319497727</c:v>
                </c:pt>
                <c:pt idx="8444">
                  <c:v>22.065591319497727</c:v>
                </c:pt>
                <c:pt idx="8445">
                  <c:v>22.070206703467626</c:v>
                </c:pt>
                <c:pt idx="8446">
                  <c:v>22.070206703467626</c:v>
                </c:pt>
                <c:pt idx="8447">
                  <c:v>22.070206703467626</c:v>
                </c:pt>
                <c:pt idx="8448">
                  <c:v>22.070206703467626</c:v>
                </c:pt>
                <c:pt idx="8449">
                  <c:v>22.074961947557846</c:v>
                </c:pt>
                <c:pt idx="8450">
                  <c:v>22.074961947557846</c:v>
                </c:pt>
                <c:pt idx="8451">
                  <c:v>22.074961947557846</c:v>
                </c:pt>
                <c:pt idx="8452">
                  <c:v>22.079717191647941</c:v>
                </c:pt>
                <c:pt idx="8453">
                  <c:v>22.079717191647941</c:v>
                </c:pt>
                <c:pt idx="8454">
                  <c:v>22.079717191647941</c:v>
                </c:pt>
                <c:pt idx="8455">
                  <c:v>22.079717191647941</c:v>
                </c:pt>
                <c:pt idx="8456">
                  <c:v>22.084332575617839</c:v>
                </c:pt>
                <c:pt idx="8457">
                  <c:v>22.084332575617839</c:v>
                </c:pt>
                <c:pt idx="8458">
                  <c:v>22.084332575617839</c:v>
                </c:pt>
                <c:pt idx="8459">
                  <c:v>22.084332575617839</c:v>
                </c:pt>
                <c:pt idx="8460">
                  <c:v>22.084332575617839</c:v>
                </c:pt>
                <c:pt idx="8461">
                  <c:v>22.084332575617839</c:v>
                </c:pt>
                <c:pt idx="8462">
                  <c:v>22.084332575617839</c:v>
                </c:pt>
                <c:pt idx="8463">
                  <c:v>22.084332575617839</c:v>
                </c:pt>
                <c:pt idx="8464">
                  <c:v>22.089087819708059</c:v>
                </c:pt>
                <c:pt idx="8465">
                  <c:v>22.089087819708059</c:v>
                </c:pt>
                <c:pt idx="8466">
                  <c:v>22.084332575617839</c:v>
                </c:pt>
                <c:pt idx="8467">
                  <c:v>22.084332575617839</c:v>
                </c:pt>
                <c:pt idx="8468">
                  <c:v>22.084332575617839</c:v>
                </c:pt>
                <c:pt idx="8469">
                  <c:v>22.084332575617839</c:v>
                </c:pt>
                <c:pt idx="8470">
                  <c:v>22.084332575617839</c:v>
                </c:pt>
                <c:pt idx="8471">
                  <c:v>22.084332575617839</c:v>
                </c:pt>
                <c:pt idx="8472">
                  <c:v>22.079717191647941</c:v>
                </c:pt>
                <c:pt idx="8473">
                  <c:v>22.079717191647941</c:v>
                </c:pt>
                <c:pt idx="8474">
                  <c:v>22.079717191647941</c:v>
                </c:pt>
                <c:pt idx="8475">
                  <c:v>22.079717191647941</c:v>
                </c:pt>
                <c:pt idx="8476">
                  <c:v>22.079717191647941</c:v>
                </c:pt>
                <c:pt idx="8477">
                  <c:v>22.079717191647941</c:v>
                </c:pt>
                <c:pt idx="8478">
                  <c:v>22.079717191647941</c:v>
                </c:pt>
                <c:pt idx="8479">
                  <c:v>22.079717191647941</c:v>
                </c:pt>
                <c:pt idx="8480">
                  <c:v>22.079717191647941</c:v>
                </c:pt>
                <c:pt idx="8481">
                  <c:v>22.079717191647941</c:v>
                </c:pt>
                <c:pt idx="8482">
                  <c:v>22.079717191647941</c:v>
                </c:pt>
                <c:pt idx="8483">
                  <c:v>22.079717191647941</c:v>
                </c:pt>
                <c:pt idx="8484">
                  <c:v>22.079717191647941</c:v>
                </c:pt>
                <c:pt idx="8485">
                  <c:v>22.079717191647941</c:v>
                </c:pt>
                <c:pt idx="8486">
                  <c:v>22.079717191647941</c:v>
                </c:pt>
                <c:pt idx="8487">
                  <c:v>22.079717191647941</c:v>
                </c:pt>
                <c:pt idx="8488">
                  <c:v>22.079717191647941</c:v>
                </c:pt>
                <c:pt idx="8489">
                  <c:v>22.079717191647941</c:v>
                </c:pt>
                <c:pt idx="8490">
                  <c:v>22.079717191647941</c:v>
                </c:pt>
                <c:pt idx="8491">
                  <c:v>22.084332575617839</c:v>
                </c:pt>
                <c:pt idx="8492">
                  <c:v>22.084332575617839</c:v>
                </c:pt>
                <c:pt idx="8493">
                  <c:v>22.084332575617839</c:v>
                </c:pt>
                <c:pt idx="8494">
                  <c:v>22.084332575617839</c:v>
                </c:pt>
                <c:pt idx="8495">
                  <c:v>22.084332575617839</c:v>
                </c:pt>
                <c:pt idx="8496">
                  <c:v>22.084332575617839</c:v>
                </c:pt>
                <c:pt idx="8497">
                  <c:v>22.089087819708059</c:v>
                </c:pt>
                <c:pt idx="8498">
                  <c:v>22.089087819708059</c:v>
                </c:pt>
                <c:pt idx="8499">
                  <c:v>22.089087819708059</c:v>
                </c:pt>
                <c:pt idx="8500">
                  <c:v>22.089087819708059</c:v>
                </c:pt>
                <c:pt idx="8501">
                  <c:v>22.089087819708059</c:v>
                </c:pt>
                <c:pt idx="8502">
                  <c:v>22.089087819708059</c:v>
                </c:pt>
                <c:pt idx="8503">
                  <c:v>22.089087819708059</c:v>
                </c:pt>
                <c:pt idx="8504">
                  <c:v>22.093843063798278</c:v>
                </c:pt>
                <c:pt idx="8505">
                  <c:v>22.093843063798278</c:v>
                </c:pt>
                <c:pt idx="8506">
                  <c:v>22.093843063798278</c:v>
                </c:pt>
                <c:pt idx="8507">
                  <c:v>22.093843063798278</c:v>
                </c:pt>
                <c:pt idx="8508">
                  <c:v>22.093843063798278</c:v>
                </c:pt>
                <c:pt idx="8509">
                  <c:v>22.093843063798278</c:v>
                </c:pt>
                <c:pt idx="8510">
                  <c:v>22.093843063798278</c:v>
                </c:pt>
                <c:pt idx="8511">
                  <c:v>22.098458447768056</c:v>
                </c:pt>
                <c:pt idx="8512">
                  <c:v>22.098458447768056</c:v>
                </c:pt>
                <c:pt idx="8513">
                  <c:v>22.098458447768056</c:v>
                </c:pt>
                <c:pt idx="8514">
                  <c:v>22.098458447768056</c:v>
                </c:pt>
                <c:pt idx="8515">
                  <c:v>22.093843063798278</c:v>
                </c:pt>
                <c:pt idx="8516">
                  <c:v>22.093843063798278</c:v>
                </c:pt>
                <c:pt idx="8517">
                  <c:v>22.098458447768056</c:v>
                </c:pt>
                <c:pt idx="8518">
                  <c:v>22.093843063798278</c:v>
                </c:pt>
                <c:pt idx="8519">
                  <c:v>22.093843063798278</c:v>
                </c:pt>
                <c:pt idx="8520">
                  <c:v>22.093843063798278</c:v>
                </c:pt>
                <c:pt idx="8521">
                  <c:v>22.093843063798278</c:v>
                </c:pt>
                <c:pt idx="8522">
                  <c:v>22.093843063798278</c:v>
                </c:pt>
                <c:pt idx="8523">
                  <c:v>22.093843063798278</c:v>
                </c:pt>
                <c:pt idx="8524">
                  <c:v>22.093843063798278</c:v>
                </c:pt>
                <c:pt idx="8525">
                  <c:v>22.093843063798278</c:v>
                </c:pt>
                <c:pt idx="8526">
                  <c:v>22.093843063798278</c:v>
                </c:pt>
                <c:pt idx="8527">
                  <c:v>22.093843063798278</c:v>
                </c:pt>
                <c:pt idx="8528">
                  <c:v>22.093843063798278</c:v>
                </c:pt>
                <c:pt idx="8529">
                  <c:v>22.093843063798278</c:v>
                </c:pt>
                <c:pt idx="8530">
                  <c:v>22.093843063798278</c:v>
                </c:pt>
                <c:pt idx="8531">
                  <c:v>22.093843063798278</c:v>
                </c:pt>
                <c:pt idx="8532">
                  <c:v>22.093843063798278</c:v>
                </c:pt>
                <c:pt idx="8533">
                  <c:v>22.093843063798278</c:v>
                </c:pt>
                <c:pt idx="8534">
                  <c:v>22.093843063798278</c:v>
                </c:pt>
                <c:pt idx="8535">
                  <c:v>22.093843063798278</c:v>
                </c:pt>
                <c:pt idx="8536">
                  <c:v>22.093843063798278</c:v>
                </c:pt>
                <c:pt idx="8537">
                  <c:v>22.093843063798278</c:v>
                </c:pt>
                <c:pt idx="8538">
                  <c:v>22.098458447768056</c:v>
                </c:pt>
                <c:pt idx="8539">
                  <c:v>22.098458447768056</c:v>
                </c:pt>
                <c:pt idx="8540">
                  <c:v>22.098458447768056</c:v>
                </c:pt>
                <c:pt idx="8541">
                  <c:v>22.098458447768056</c:v>
                </c:pt>
                <c:pt idx="8542">
                  <c:v>22.098458447768056</c:v>
                </c:pt>
                <c:pt idx="8543">
                  <c:v>22.098458447768056</c:v>
                </c:pt>
                <c:pt idx="8544">
                  <c:v>22.098458447768056</c:v>
                </c:pt>
                <c:pt idx="8545">
                  <c:v>22.103213691858276</c:v>
                </c:pt>
                <c:pt idx="8546">
                  <c:v>22.103213691858276</c:v>
                </c:pt>
                <c:pt idx="8547">
                  <c:v>22.103213691858276</c:v>
                </c:pt>
                <c:pt idx="8548">
                  <c:v>22.103213691858276</c:v>
                </c:pt>
                <c:pt idx="8549">
                  <c:v>22.103213691858276</c:v>
                </c:pt>
                <c:pt idx="8550">
                  <c:v>22.103213691858276</c:v>
                </c:pt>
                <c:pt idx="8551">
                  <c:v>22.103213691858276</c:v>
                </c:pt>
                <c:pt idx="8552">
                  <c:v>22.103213691858276</c:v>
                </c:pt>
                <c:pt idx="8553">
                  <c:v>22.103213691858276</c:v>
                </c:pt>
                <c:pt idx="8554">
                  <c:v>22.103213691858276</c:v>
                </c:pt>
                <c:pt idx="8555">
                  <c:v>22.103213691858276</c:v>
                </c:pt>
                <c:pt idx="8556">
                  <c:v>22.103213691858276</c:v>
                </c:pt>
                <c:pt idx="8557">
                  <c:v>22.103213691858276</c:v>
                </c:pt>
                <c:pt idx="8558">
                  <c:v>22.103213691858276</c:v>
                </c:pt>
                <c:pt idx="8559">
                  <c:v>22.103213691858276</c:v>
                </c:pt>
                <c:pt idx="8560">
                  <c:v>22.103213691858276</c:v>
                </c:pt>
                <c:pt idx="8561">
                  <c:v>22.098458447768056</c:v>
                </c:pt>
                <c:pt idx="8562">
                  <c:v>22.098458447768056</c:v>
                </c:pt>
                <c:pt idx="8563">
                  <c:v>22.098458447768056</c:v>
                </c:pt>
                <c:pt idx="8564">
                  <c:v>22.098458447768056</c:v>
                </c:pt>
                <c:pt idx="8565">
                  <c:v>22.098458447768056</c:v>
                </c:pt>
                <c:pt idx="8566">
                  <c:v>22.098458447768056</c:v>
                </c:pt>
                <c:pt idx="8567">
                  <c:v>22.098458447768056</c:v>
                </c:pt>
                <c:pt idx="8568">
                  <c:v>22.098458447768056</c:v>
                </c:pt>
                <c:pt idx="8569">
                  <c:v>22.098458447768056</c:v>
                </c:pt>
                <c:pt idx="8570">
                  <c:v>22.098458447768056</c:v>
                </c:pt>
                <c:pt idx="8571">
                  <c:v>22.098458447768056</c:v>
                </c:pt>
                <c:pt idx="8572">
                  <c:v>22.098458447768056</c:v>
                </c:pt>
                <c:pt idx="8573">
                  <c:v>22.098458447768056</c:v>
                </c:pt>
                <c:pt idx="8574">
                  <c:v>22.098458447768056</c:v>
                </c:pt>
                <c:pt idx="8575">
                  <c:v>22.098458447768056</c:v>
                </c:pt>
                <c:pt idx="8576">
                  <c:v>22.098458447768056</c:v>
                </c:pt>
                <c:pt idx="8577">
                  <c:v>22.098458447768056</c:v>
                </c:pt>
                <c:pt idx="8578">
                  <c:v>22.098458447768056</c:v>
                </c:pt>
                <c:pt idx="8579">
                  <c:v>22.098458447768056</c:v>
                </c:pt>
                <c:pt idx="8580">
                  <c:v>22.098458447768056</c:v>
                </c:pt>
                <c:pt idx="8581">
                  <c:v>22.098458447768056</c:v>
                </c:pt>
                <c:pt idx="8582">
                  <c:v>22.098458447768056</c:v>
                </c:pt>
                <c:pt idx="8583">
                  <c:v>22.098458447768056</c:v>
                </c:pt>
                <c:pt idx="8584">
                  <c:v>22.098458447768056</c:v>
                </c:pt>
                <c:pt idx="8585">
                  <c:v>22.098458447768056</c:v>
                </c:pt>
                <c:pt idx="8586">
                  <c:v>22.098458447768056</c:v>
                </c:pt>
                <c:pt idx="8587">
                  <c:v>22.098458447768056</c:v>
                </c:pt>
                <c:pt idx="8588">
                  <c:v>22.103213691858276</c:v>
                </c:pt>
                <c:pt idx="8589">
                  <c:v>22.103213691858276</c:v>
                </c:pt>
                <c:pt idx="8590">
                  <c:v>22.103213691858276</c:v>
                </c:pt>
                <c:pt idx="8591">
                  <c:v>22.103213691858276</c:v>
                </c:pt>
                <c:pt idx="8592">
                  <c:v>22.103213691858276</c:v>
                </c:pt>
                <c:pt idx="8593">
                  <c:v>22.103213691858276</c:v>
                </c:pt>
                <c:pt idx="8594">
                  <c:v>22.103213691858276</c:v>
                </c:pt>
                <c:pt idx="8595">
                  <c:v>22.103213691858276</c:v>
                </c:pt>
                <c:pt idx="8596">
                  <c:v>22.103213691858276</c:v>
                </c:pt>
                <c:pt idx="8597">
                  <c:v>22.103213691858276</c:v>
                </c:pt>
                <c:pt idx="8598">
                  <c:v>22.103213691858276</c:v>
                </c:pt>
                <c:pt idx="8599">
                  <c:v>22.103213691858276</c:v>
                </c:pt>
                <c:pt idx="8600">
                  <c:v>22.103213691858276</c:v>
                </c:pt>
                <c:pt idx="8601">
                  <c:v>22.103213691858276</c:v>
                </c:pt>
                <c:pt idx="8602">
                  <c:v>22.103213691858276</c:v>
                </c:pt>
                <c:pt idx="8603">
                  <c:v>22.103213691858276</c:v>
                </c:pt>
                <c:pt idx="8604">
                  <c:v>22.103213691858276</c:v>
                </c:pt>
                <c:pt idx="8605">
                  <c:v>22.103213691858276</c:v>
                </c:pt>
                <c:pt idx="8606">
                  <c:v>22.107968935948495</c:v>
                </c:pt>
                <c:pt idx="8607">
                  <c:v>22.107968935948495</c:v>
                </c:pt>
                <c:pt idx="8608">
                  <c:v>22.107968935948495</c:v>
                </c:pt>
                <c:pt idx="8609">
                  <c:v>22.107968935948495</c:v>
                </c:pt>
                <c:pt idx="8610">
                  <c:v>22.107968935948495</c:v>
                </c:pt>
                <c:pt idx="8611">
                  <c:v>22.107968935948495</c:v>
                </c:pt>
                <c:pt idx="8612">
                  <c:v>22.107968935948495</c:v>
                </c:pt>
                <c:pt idx="8613">
                  <c:v>22.107968935948495</c:v>
                </c:pt>
                <c:pt idx="8614">
                  <c:v>22.107968935948495</c:v>
                </c:pt>
                <c:pt idx="8615">
                  <c:v>22.107968935948495</c:v>
                </c:pt>
                <c:pt idx="8616">
                  <c:v>22.107968935948495</c:v>
                </c:pt>
                <c:pt idx="8617">
                  <c:v>22.107968935948495</c:v>
                </c:pt>
                <c:pt idx="8618">
                  <c:v>22.112724180038587</c:v>
                </c:pt>
                <c:pt idx="8619">
                  <c:v>22.112724180038587</c:v>
                </c:pt>
                <c:pt idx="8620">
                  <c:v>22.112724180038587</c:v>
                </c:pt>
                <c:pt idx="8621">
                  <c:v>22.107968935948495</c:v>
                </c:pt>
                <c:pt idx="8622">
                  <c:v>22.112724180038587</c:v>
                </c:pt>
                <c:pt idx="8623">
                  <c:v>22.112724180038587</c:v>
                </c:pt>
                <c:pt idx="8624">
                  <c:v>22.112724180038587</c:v>
                </c:pt>
                <c:pt idx="8625">
                  <c:v>22.112724180038587</c:v>
                </c:pt>
                <c:pt idx="8626">
                  <c:v>22.112724180038587</c:v>
                </c:pt>
                <c:pt idx="8627">
                  <c:v>22.112724180038587</c:v>
                </c:pt>
                <c:pt idx="8628">
                  <c:v>22.112724180038587</c:v>
                </c:pt>
                <c:pt idx="8629">
                  <c:v>22.112724180038587</c:v>
                </c:pt>
                <c:pt idx="8630">
                  <c:v>22.112724180038587</c:v>
                </c:pt>
                <c:pt idx="8631">
                  <c:v>22.112724180038587</c:v>
                </c:pt>
                <c:pt idx="8632">
                  <c:v>22.112724180038587</c:v>
                </c:pt>
                <c:pt idx="8633">
                  <c:v>22.112724180038587</c:v>
                </c:pt>
                <c:pt idx="8634">
                  <c:v>22.112724180038587</c:v>
                </c:pt>
                <c:pt idx="8635">
                  <c:v>22.112724180038587</c:v>
                </c:pt>
                <c:pt idx="8636">
                  <c:v>22.112724180038587</c:v>
                </c:pt>
                <c:pt idx="8637">
                  <c:v>22.112724180038587</c:v>
                </c:pt>
                <c:pt idx="8638">
                  <c:v>22.112724180038587</c:v>
                </c:pt>
                <c:pt idx="8639">
                  <c:v>22.112724180038587</c:v>
                </c:pt>
                <c:pt idx="8640">
                  <c:v>22.112724180038587</c:v>
                </c:pt>
                <c:pt idx="8641">
                  <c:v>22.112724180038587</c:v>
                </c:pt>
                <c:pt idx="8642">
                  <c:v>22.112724180038587</c:v>
                </c:pt>
                <c:pt idx="8643">
                  <c:v>22.112724180038587</c:v>
                </c:pt>
                <c:pt idx="8644">
                  <c:v>22.112724180038587</c:v>
                </c:pt>
                <c:pt idx="8645">
                  <c:v>22.112724180038587</c:v>
                </c:pt>
                <c:pt idx="8646">
                  <c:v>22.117339564008489</c:v>
                </c:pt>
                <c:pt idx="8647">
                  <c:v>22.117339564008489</c:v>
                </c:pt>
                <c:pt idx="8648">
                  <c:v>22.117339564008489</c:v>
                </c:pt>
                <c:pt idx="8649">
                  <c:v>22.117339564008489</c:v>
                </c:pt>
                <c:pt idx="8650">
                  <c:v>22.117339564008489</c:v>
                </c:pt>
                <c:pt idx="8651">
                  <c:v>22.117339564008489</c:v>
                </c:pt>
                <c:pt idx="8652">
                  <c:v>22.117339564008489</c:v>
                </c:pt>
                <c:pt idx="8653">
                  <c:v>22.117339564008489</c:v>
                </c:pt>
                <c:pt idx="8654">
                  <c:v>22.117339564008489</c:v>
                </c:pt>
                <c:pt idx="8655">
                  <c:v>22.117339564008489</c:v>
                </c:pt>
                <c:pt idx="8656">
                  <c:v>22.117339564008489</c:v>
                </c:pt>
                <c:pt idx="8657">
                  <c:v>22.117339564008489</c:v>
                </c:pt>
                <c:pt idx="8658">
                  <c:v>22.117339564008489</c:v>
                </c:pt>
                <c:pt idx="8659">
                  <c:v>22.122094808098709</c:v>
                </c:pt>
                <c:pt idx="8660">
                  <c:v>22.122094808098709</c:v>
                </c:pt>
                <c:pt idx="8661">
                  <c:v>22.117339564008489</c:v>
                </c:pt>
                <c:pt idx="8662">
                  <c:v>22.117339564008489</c:v>
                </c:pt>
                <c:pt idx="8663">
                  <c:v>22.117339564008489</c:v>
                </c:pt>
                <c:pt idx="8664">
                  <c:v>22.117339564008489</c:v>
                </c:pt>
                <c:pt idx="8665">
                  <c:v>22.117339564008489</c:v>
                </c:pt>
                <c:pt idx="8666">
                  <c:v>22.117339564008489</c:v>
                </c:pt>
                <c:pt idx="8667">
                  <c:v>22.117339564008489</c:v>
                </c:pt>
                <c:pt idx="8668">
                  <c:v>22.117339564008489</c:v>
                </c:pt>
                <c:pt idx="8669">
                  <c:v>22.117339564008489</c:v>
                </c:pt>
                <c:pt idx="8670">
                  <c:v>22.117339564008489</c:v>
                </c:pt>
                <c:pt idx="8671">
                  <c:v>22.117339564008489</c:v>
                </c:pt>
                <c:pt idx="8672">
                  <c:v>22.117339564008489</c:v>
                </c:pt>
                <c:pt idx="8673">
                  <c:v>22.117339564008489</c:v>
                </c:pt>
                <c:pt idx="8674">
                  <c:v>22.117339564008489</c:v>
                </c:pt>
                <c:pt idx="8675">
                  <c:v>22.117339564008489</c:v>
                </c:pt>
                <c:pt idx="8676">
                  <c:v>22.117339564008489</c:v>
                </c:pt>
                <c:pt idx="8677">
                  <c:v>22.117339564008489</c:v>
                </c:pt>
                <c:pt idx="8678">
                  <c:v>22.122094808098709</c:v>
                </c:pt>
                <c:pt idx="8679">
                  <c:v>22.122094808098709</c:v>
                </c:pt>
                <c:pt idx="8680">
                  <c:v>22.122094808098709</c:v>
                </c:pt>
                <c:pt idx="8681">
                  <c:v>22.122094808098709</c:v>
                </c:pt>
                <c:pt idx="8682">
                  <c:v>22.122094808098709</c:v>
                </c:pt>
                <c:pt idx="8683">
                  <c:v>22.126850052188804</c:v>
                </c:pt>
                <c:pt idx="8684">
                  <c:v>22.126850052188804</c:v>
                </c:pt>
                <c:pt idx="8685">
                  <c:v>22.126850052188804</c:v>
                </c:pt>
                <c:pt idx="8686">
                  <c:v>22.126850052188804</c:v>
                </c:pt>
                <c:pt idx="8687">
                  <c:v>22.126850052188804</c:v>
                </c:pt>
                <c:pt idx="8688">
                  <c:v>22.131465436158702</c:v>
                </c:pt>
                <c:pt idx="8689">
                  <c:v>22.131465436158702</c:v>
                </c:pt>
                <c:pt idx="8690">
                  <c:v>22.131465436158702</c:v>
                </c:pt>
                <c:pt idx="8691">
                  <c:v>22.131465436158702</c:v>
                </c:pt>
                <c:pt idx="8692">
                  <c:v>22.131465436158702</c:v>
                </c:pt>
                <c:pt idx="8693">
                  <c:v>22.136220680248922</c:v>
                </c:pt>
                <c:pt idx="8694">
                  <c:v>22.136220680248922</c:v>
                </c:pt>
                <c:pt idx="8695">
                  <c:v>22.136220680248922</c:v>
                </c:pt>
                <c:pt idx="8696">
                  <c:v>22.136220680248922</c:v>
                </c:pt>
                <c:pt idx="8697">
                  <c:v>22.136220680248922</c:v>
                </c:pt>
                <c:pt idx="8698">
                  <c:v>22.136220680248922</c:v>
                </c:pt>
                <c:pt idx="8699">
                  <c:v>22.136220680248922</c:v>
                </c:pt>
                <c:pt idx="8700">
                  <c:v>22.136220680248922</c:v>
                </c:pt>
                <c:pt idx="8701">
                  <c:v>22.136220680248922</c:v>
                </c:pt>
                <c:pt idx="8702">
                  <c:v>22.136220680248922</c:v>
                </c:pt>
                <c:pt idx="8703">
                  <c:v>22.131465436158702</c:v>
                </c:pt>
                <c:pt idx="8704">
                  <c:v>22.131465436158702</c:v>
                </c:pt>
                <c:pt idx="8705">
                  <c:v>22.131465436158702</c:v>
                </c:pt>
                <c:pt idx="8706">
                  <c:v>22.131465436158702</c:v>
                </c:pt>
                <c:pt idx="8707">
                  <c:v>22.131465436158702</c:v>
                </c:pt>
                <c:pt idx="8708">
                  <c:v>22.131465436158702</c:v>
                </c:pt>
                <c:pt idx="8709">
                  <c:v>22.136220680248922</c:v>
                </c:pt>
                <c:pt idx="8710">
                  <c:v>22.136220680248922</c:v>
                </c:pt>
                <c:pt idx="8711">
                  <c:v>22.136220680248922</c:v>
                </c:pt>
                <c:pt idx="8712">
                  <c:v>22.136220680248922</c:v>
                </c:pt>
                <c:pt idx="8713">
                  <c:v>22.136220680248922</c:v>
                </c:pt>
                <c:pt idx="8714">
                  <c:v>22.136220680248922</c:v>
                </c:pt>
                <c:pt idx="8715">
                  <c:v>22.136220680248922</c:v>
                </c:pt>
                <c:pt idx="8716">
                  <c:v>22.136220680248922</c:v>
                </c:pt>
                <c:pt idx="8717">
                  <c:v>22.136220680248922</c:v>
                </c:pt>
                <c:pt idx="8718">
                  <c:v>22.136220680248922</c:v>
                </c:pt>
                <c:pt idx="8719">
                  <c:v>22.136220680248922</c:v>
                </c:pt>
                <c:pt idx="8720">
                  <c:v>22.136220680248922</c:v>
                </c:pt>
                <c:pt idx="8721">
                  <c:v>22.140975924339145</c:v>
                </c:pt>
                <c:pt idx="8722">
                  <c:v>22.140975924339145</c:v>
                </c:pt>
                <c:pt idx="8723">
                  <c:v>22.140975924339145</c:v>
                </c:pt>
                <c:pt idx="8724">
                  <c:v>22.140975924339145</c:v>
                </c:pt>
                <c:pt idx="8725">
                  <c:v>22.140975924339145</c:v>
                </c:pt>
                <c:pt idx="8726">
                  <c:v>22.145591308308919</c:v>
                </c:pt>
                <c:pt idx="8727">
                  <c:v>22.145591308308919</c:v>
                </c:pt>
                <c:pt idx="8728">
                  <c:v>22.145591308308919</c:v>
                </c:pt>
                <c:pt idx="8729">
                  <c:v>22.145591308308919</c:v>
                </c:pt>
                <c:pt idx="8730">
                  <c:v>22.145591308308919</c:v>
                </c:pt>
                <c:pt idx="8731">
                  <c:v>22.145591308308919</c:v>
                </c:pt>
                <c:pt idx="8732">
                  <c:v>22.145591308308919</c:v>
                </c:pt>
                <c:pt idx="8733">
                  <c:v>22.150346552399139</c:v>
                </c:pt>
                <c:pt idx="8734">
                  <c:v>22.150346552399139</c:v>
                </c:pt>
                <c:pt idx="8735">
                  <c:v>22.150346552399139</c:v>
                </c:pt>
                <c:pt idx="8736">
                  <c:v>22.150346552399139</c:v>
                </c:pt>
                <c:pt idx="8737">
                  <c:v>22.150346552399139</c:v>
                </c:pt>
                <c:pt idx="8738">
                  <c:v>22.145591308308919</c:v>
                </c:pt>
                <c:pt idx="8739">
                  <c:v>22.145591308308919</c:v>
                </c:pt>
                <c:pt idx="8740">
                  <c:v>22.145591308308919</c:v>
                </c:pt>
                <c:pt idx="8741">
                  <c:v>22.145591308308919</c:v>
                </c:pt>
                <c:pt idx="8742">
                  <c:v>22.145591308308919</c:v>
                </c:pt>
                <c:pt idx="8743">
                  <c:v>22.145591308308919</c:v>
                </c:pt>
                <c:pt idx="8744">
                  <c:v>22.145591308308919</c:v>
                </c:pt>
                <c:pt idx="8745">
                  <c:v>22.145591308308919</c:v>
                </c:pt>
                <c:pt idx="8746">
                  <c:v>22.145591308308919</c:v>
                </c:pt>
                <c:pt idx="8747">
                  <c:v>22.145591308308919</c:v>
                </c:pt>
                <c:pt idx="8748">
                  <c:v>22.140975924339145</c:v>
                </c:pt>
                <c:pt idx="8749">
                  <c:v>22.145591308308919</c:v>
                </c:pt>
                <c:pt idx="8750">
                  <c:v>22.145591308308919</c:v>
                </c:pt>
                <c:pt idx="8751">
                  <c:v>22.145591308308919</c:v>
                </c:pt>
                <c:pt idx="8752">
                  <c:v>22.145591308308919</c:v>
                </c:pt>
                <c:pt idx="8753">
                  <c:v>22.145591308308919</c:v>
                </c:pt>
                <c:pt idx="8754">
                  <c:v>22.145591308308919</c:v>
                </c:pt>
                <c:pt idx="8755">
                  <c:v>22.145591308308919</c:v>
                </c:pt>
                <c:pt idx="8756">
                  <c:v>22.145591308308919</c:v>
                </c:pt>
                <c:pt idx="8757">
                  <c:v>22.145591308308919</c:v>
                </c:pt>
                <c:pt idx="8758">
                  <c:v>22.140975924339145</c:v>
                </c:pt>
                <c:pt idx="8759">
                  <c:v>22.140975924339145</c:v>
                </c:pt>
                <c:pt idx="8760">
                  <c:v>22.140975924339145</c:v>
                </c:pt>
                <c:pt idx="8761">
                  <c:v>22.140975924339145</c:v>
                </c:pt>
                <c:pt idx="8762">
                  <c:v>22.140975924339145</c:v>
                </c:pt>
                <c:pt idx="8763">
                  <c:v>22.140975924339145</c:v>
                </c:pt>
                <c:pt idx="8764">
                  <c:v>22.140975924339145</c:v>
                </c:pt>
                <c:pt idx="8765">
                  <c:v>22.145591308308919</c:v>
                </c:pt>
                <c:pt idx="8766">
                  <c:v>22.145591308308919</c:v>
                </c:pt>
                <c:pt idx="8767">
                  <c:v>22.145591308308919</c:v>
                </c:pt>
                <c:pt idx="8768">
                  <c:v>22.145591308308919</c:v>
                </c:pt>
                <c:pt idx="8769">
                  <c:v>22.150346552399139</c:v>
                </c:pt>
                <c:pt idx="8770">
                  <c:v>22.150346552399139</c:v>
                </c:pt>
                <c:pt idx="8771">
                  <c:v>22.150346552399139</c:v>
                </c:pt>
                <c:pt idx="8772">
                  <c:v>22.150346552399139</c:v>
                </c:pt>
                <c:pt idx="8773">
                  <c:v>22.155101796489358</c:v>
                </c:pt>
                <c:pt idx="8774">
                  <c:v>22.155101796489358</c:v>
                </c:pt>
                <c:pt idx="8775">
                  <c:v>22.155101796489358</c:v>
                </c:pt>
                <c:pt idx="8776">
                  <c:v>22.155101796489358</c:v>
                </c:pt>
                <c:pt idx="8777">
                  <c:v>22.155101796489358</c:v>
                </c:pt>
                <c:pt idx="8778">
                  <c:v>22.155101796489358</c:v>
                </c:pt>
                <c:pt idx="8779">
                  <c:v>22.159717180459133</c:v>
                </c:pt>
                <c:pt idx="8780">
                  <c:v>22.159717180459133</c:v>
                </c:pt>
                <c:pt idx="8781">
                  <c:v>22.159717180459133</c:v>
                </c:pt>
                <c:pt idx="8782">
                  <c:v>22.159717180459133</c:v>
                </c:pt>
                <c:pt idx="8783">
                  <c:v>22.159717180459133</c:v>
                </c:pt>
                <c:pt idx="8784">
                  <c:v>22.159717180459133</c:v>
                </c:pt>
                <c:pt idx="8785">
                  <c:v>22.159717180459133</c:v>
                </c:pt>
                <c:pt idx="8786">
                  <c:v>22.164472424549352</c:v>
                </c:pt>
                <c:pt idx="8787">
                  <c:v>22.164472424549352</c:v>
                </c:pt>
                <c:pt idx="8788">
                  <c:v>22.164472424549352</c:v>
                </c:pt>
                <c:pt idx="8789">
                  <c:v>22.164472424549352</c:v>
                </c:pt>
                <c:pt idx="8790">
                  <c:v>22.164472424549352</c:v>
                </c:pt>
                <c:pt idx="8791">
                  <c:v>22.164472424549352</c:v>
                </c:pt>
                <c:pt idx="8792">
                  <c:v>22.164472424549352</c:v>
                </c:pt>
                <c:pt idx="8793">
                  <c:v>22.164472424549352</c:v>
                </c:pt>
                <c:pt idx="8794">
                  <c:v>22.164472424549352</c:v>
                </c:pt>
                <c:pt idx="8795">
                  <c:v>22.164472424549352</c:v>
                </c:pt>
                <c:pt idx="8796">
                  <c:v>22.169227668639572</c:v>
                </c:pt>
                <c:pt idx="8797">
                  <c:v>22.169227668639572</c:v>
                </c:pt>
                <c:pt idx="8798">
                  <c:v>22.169227668639572</c:v>
                </c:pt>
                <c:pt idx="8799">
                  <c:v>22.169227668639572</c:v>
                </c:pt>
                <c:pt idx="8800">
                  <c:v>22.169227668639572</c:v>
                </c:pt>
                <c:pt idx="8801">
                  <c:v>22.169227668639572</c:v>
                </c:pt>
                <c:pt idx="8802">
                  <c:v>22.169227668639572</c:v>
                </c:pt>
                <c:pt idx="8803">
                  <c:v>22.169227668639572</c:v>
                </c:pt>
                <c:pt idx="8804">
                  <c:v>22.164472424549352</c:v>
                </c:pt>
                <c:pt idx="8805">
                  <c:v>22.164472424549352</c:v>
                </c:pt>
                <c:pt idx="8806">
                  <c:v>22.164472424549352</c:v>
                </c:pt>
                <c:pt idx="8807">
                  <c:v>22.164472424549352</c:v>
                </c:pt>
                <c:pt idx="8808">
                  <c:v>22.164472424549352</c:v>
                </c:pt>
                <c:pt idx="8809">
                  <c:v>22.169227668639572</c:v>
                </c:pt>
                <c:pt idx="8810">
                  <c:v>22.169227668639572</c:v>
                </c:pt>
                <c:pt idx="8811">
                  <c:v>22.169227668639572</c:v>
                </c:pt>
                <c:pt idx="8812">
                  <c:v>22.169227668639572</c:v>
                </c:pt>
                <c:pt idx="8813">
                  <c:v>22.169227668639572</c:v>
                </c:pt>
                <c:pt idx="8814">
                  <c:v>22.169227668639572</c:v>
                </c:pt>
                <c:pt idx="8815">
                  <c:v>22.164472424549352</c:v>
                </c:pt>
                <c:pt idx="8816">
                  <c:v>22.164472424549352</c:v>
                </c:pt>
                <c:pt idx="8817">
                  <c:v>22.164472424549352</c:v>
                </c:pt>
                <c:pt idx="8818">
                  <c:v>22.164472424549352</c:v>
                </c:pt>
                <c:pt idx="8819">
                  <c:v>22.164472424549352</c:v>
                </c:pt>
                <c:pt idx="8820">
                  <c:v>22.164472424549352</c:v>
                </c:pt>
                <c:pt idx="8821">
                  <c:v>22.164472424549352</c:v>
                </c:pt>
                <c:pt idx="8822">
                  <c:v>22.164472424549352</c:v>
                </c:pt>
                <c:pt idx="8823">
                  <c:v>22.164472424549352</c:v>
                </c:pt>
                <c:pt idx="8824">
                  <c:v>22.164472424549352</c:v>
                </c:pt>
                <c:pt idx="8825">
                  <c:v>22.164472424549352</c:v>
                </c:pt>
                <c:pt idx="8826">
                  <c:v>22.164472424549352</c:v>
                </c:pt>
                <c:pt idx="8827">
                  <c:v>22.164472424549352</c:v>
                </c:pt>
                <c:pt idx="8828">
                  <c:v>22.164472424549352</c:v>
                </c:pt>
                <c:pt idx="8829">
                  <c:v>22.169227668639572</c:v>
                </c:pt>
                <c:pt idx="8830">
                  <c:v>22.169227668639572</c:v>
                </c:pt>
                <c:pt idx="8831">
                  <c:v>22.169227668639572</c:v>
                </c:pt>
                <c:pt idx="8832">
                  <c:v>22.169227668639572</c:v>
                </c:pt>
                <c:pt idx="8833">
                  <c:v>22.169227668639572</c:v>
                </c:pt>
                <c:pt idx="8834">
                  <c:v>22.169227668639572</c:v>
                </c:pt>
                <c:pt idx="8835">
                  <c:v>22.169227668639572</c:v>
                </c:pt>
                <c:pt idx="8836">
                  <c:v>22.169227668639572</c:v>
                </c:pt>
                <c:pt idx="8837">
                  <c:v>22.169227668639572</c:v>
                </c:pt>
                <c:pt idx="8838">
                  <c:v>22.169227668639572</c:v>
                </c:pt>
                <c:pt idx="8839">
                  <c:v>22.169227668639572</c:v>
                </c:pt>
                <c:pt idx="8840">
                  <c:v>22.17384305260947</c:v>
                </c:pt>
                <c:pt idx="8841">
                  <c:v>22.17384305260947</c:v>
                </c:pt>
                <c:pt idx="8842">
                  <c:v>22.17384305260947</c:v>
                </c:pt>
                <c:pt idx="8843">
                  <c:v>22.17384305260947</c:v>
                </c:pt>
                <c:pt idx="8844">
                  <c:v>22.178598296699569</c:v>
                </c:pt>
                <c:pt idx="8845">
                  <c:v>22.178598296699569</c:v>
                </c:pt>
                <c:pt idx="8846">
                  <c:v>22.178598296699569</c:v>
                </c:pt>
                <c:pt idx="8847">
                  <c:v>22.178598296699569</c:v>
                </c:pt>
                <c:pt idx="8848">
                  <c:v>22.178598296699569</c:v>
                </c:pt>
                <c:pt idx="8849">
                  <c:v>22.178598296699569</c:v>
                </c:pt>
                <c:pt idx="8850">
                  <c:v>22.178598296699569</c:v>
                </c:pt>
                <c:pt idx="8851">
                  <c:v>22.178598296699569</c:v>
                </c:pt>
                <c:pt idx="8852">
                  <c:v>22.178598296699569</c:v>
                </c:pt>
                <c:pt idx="8853">
                  <c:v>22.17384305260947</c:v>
                </c:pt>
                <c:pt idx="8854">
                  <c:v>22.17384305260947</c:v>
                </c:pt>
                <c:pt idx="8855">
                  <c:v>22.17384305260947</c:v>
                </c:pt>
                <c:pt idx="8856">
                  <c:v>22.17384305260947</c:v>
                </c:pt>
                <c:pt idx="8857">
                  <c:v>22.17384305260947</c:v>
                </c:pt>
                <c:pt idx="8858">
                  <c:v>22.17384305260947</c:v>
                </c:pt>
                <c:pt idx="8859">
                  <c:v>22.17384305260947</c:v>
                </c:pt>
                <c:pt idx="8860">
                  <c:v>22.178598296699569</c:v>
                </c:pt>
                <c:pt idx="8861">
                  <c:v>22.178598296699569</c:v>
                </c:pt>
                <c:pt idx="8862">
                  <c:v>22.178598296699569</c:v>
                </c:pt>
                <c:pt idx="8863">
                  <c:v>22.178598296699569</c:v>
                </c:pt>
                <c:pt idx="8864">
                  <c:v>22.178598296699569</c:v>
                </c:pt>
                <c:pt idx="8865">
                  <c:v>22.178598296699569</c:v>
                </c:pt>
                <c:pt idx="8866">
                  <c:v>22.178598296699569</c:v>
                </c:pt>
                <c:pt idx="8867">
                  <c:v>22.178598296699569</c:v>
                </c:pt>
                <c:pt idx="8868">
                  <c:v>22.178598296699569</c:v>
                </c:pt>
                <c:pt idx="8869">
                  <c:v>22.178598296699569</c:v>
                </c:pt>
                <c:pt idx="8870">
                  <c:v>22.178598296699569</c:v>
                </c:pt>
                <c:pt idx="8871">
                  <c:v>22.178598296699569</c:v>
                </c:pt>
                <c:pt idx="8872">
                  <c:v>22.178598296699569</c:v>
                </c:pt>
                <c:pt idx="8873">
                  <c:v>22.178598296699569</c:v>
                </c:pt>
                <c:pt idx="8874">
                  <c:v>22.178598296699569</c:v>
                </c:pt>
                <c:pt idx="8875">
                  <c:v>22.178598296699569</c:v>
                </c:pt>
                <c:pt idx="8876">
                  <c:v>22.183353540789788</c:v>
                </c:pt>
                <c:pt idx="8877">
                  <c:v>22.183353540789788</c:v>
                </c:pt>
                <c:pt idx="8878">
                  <c:v>22.183353540789788</c:v>
                </c:pt>
                <c:pt idx="8879">
                  <c:v>22.183353540789788</c:v>
                </c:pt>
                <c:pt idx="8880">
                  <c:v>22.187968924759687</c:v>
                </c:pt>
                <c:pt idx="8881">
                  <c:v>22.187968924759687</c:v>
                </c:pt>
                <c:pt idx="8882">
                  <c:v>22.187968924759687</c:v>
                </c:pt>
                <c:pt idx="8883">
                  <c:v>22.187968924759687</c:v>
                </c:pt>
                <c:pt idx="8884">
                  <c:v>22.187968924759687</c:v>
                </c:pt>
                <c:pt idx="8885">
                  <c:v>22.187968924759687</c:v>
                </c:pt>
                <c:pt idx="8886">
                  <c:v>22.187968924759687</c:v>
                </c:pt>
                <c:pt idx="8887">
                  <c:v>22.187968924759687</c:v>
                </c:pt>
                <c:pt idx="8888">
                  <c:v>22.187968924759687</c:v>
                </c:pt>
                <c:pt idx="8889">
                  <c:v>22.187968924759687</c:v>
                </c:pt>
                <c:pt idx="8890">
                  <c:v>22.187968924759687</c:v>
                </c:pt>
                <c:pt idx="8891">
                  <c:v>22.187968924759687</c:v>
                </c:pt>
                <c:pt idx="8892">
                  <c:v>22.187968924759687</c:v>
                </c:pt>
                <c:pt idx="8893">
                  <c:v>22.192724168849782</c:v>
                </c:pt>
                <c:pt idx="8894">
                  <c:v>22.192724168849782</c:v>
                </c:pt>
                <c:pt idx="8895">
                  <c:v>22.192724168849782</c:v>
                </c:pt>
                <c:pt idx="8896">
                  <c:v>22.192724168849782</c:v>
                </c:pt>
                <c:pt idx="8897">
                  <c:v>22.197479412940002</c:v>
                </c:pt>
                <c:pt idx="8898">
                  <c:v>22.197479412940002</c:v>
                </c:pt>
                <c:pt idx="8899">
                  <c:v>22.197479412940002</c:v>
                </c:pt>
                <c:pt idx="8900">
                  <c:v>22.197479412940002</c:v>
                </c:pt>
                <c:pt idx="8901">
                  <c:v>22.197479412940002</c:v>
                </c:pt>
                <c:pt idx="8902">
                  <c:v>22.197479412940002</c:v>
                </c:pt>
                <c:pt idx="8903">
                  <c:v>22.197479412940002</c:v>
                </c:pt>
                <c:pt idx="8904">
                  <c:v>22.202094796909901</c:v>
                </c:pt>
                <c:pt idx="8905">
                  <c:v>22.202094796909901</c:v>
                </c:pt>
                <c:pt idx="8906">
                  <c:v>22.202094796909901</c:v>
                </c:pt>
                <c:pt idx="8907">
                  <c:v>22.202094796909901</c:v>
                </c:pt>
                <c:pt idx="8908">
                  <c:v>22.202094796909901</c:v>
                </c:pt>
                <c:pt idx="8909">
                  <c:v>22.202094796909901</c:v>
                </c:pt>
                <c:pt idx="8910">
                  <c:v>22.206850040999996</c:v>
                </c:pt>
                <c:pt idx="8911">
                  <c:v>22.206850040999996</c:v>
                </c:pt>
                <c:pt idx="8912">
                  <c:v>22.206850040999996</c:v>
                </c:pt>
                <c:pt idx="8913">
                  <c:v>22.206850040999996</c:v>
                </c:pt>
                <c:pt idx="8914">
                  <c:v>22.211605285090215</c:v>
                </c:pt>
                <c:pt idx="8915">
                  <c:v>22.211605285090215</c:v>
                </c:pt>
                <c:pt idx="8916">
                  <c:v>22.211605285090215</c:v>
                </c:pt>
                <c:pt idx="8917">
                  <c:v>22.211605285090215</c:v>
                </c:pt>
                <c:pt idx="8918">
                  <c:v>22.211605285090215</c:v>
                </c:pt>
                <c:pt idx="8919">
                  <c:v>22.211605285090215</c:v>
                </c:pt>
                <c:pt idx="8920">
                  <c:v>22.211605285090215</c:v>
                </c:pt>
                <c:pt idx="8921">
                  <c:v>22.211605285090215</c:v>
                </c:pt>
                <c:pt idx="8922">
                  <c:v>22.211605285090215</c:v>
                </c:pt>
                <c:pt idx="8923">
                  <c:v>22.211605285090215</c:v>
                </c:pt>
                <c:pt idx="8924">
                  <c:v>22.211605285090215</c:v>
                </c:pt>
                <c:pt idx="8925">
                  <c:v>22.211605285090215</c:v>
                </c:pt>
                <c:pt idx="8926">
                  <c:v>22.211605285090215</c:v>
                </c:pt>
                <c:pt idx="8927">
                  <c:v>22.211605285090215</c:v>
                </c:pt>
                <c:pt idx="8928">
                  <c:v>22.211605285090215</c:v>
                </c:pt>
                <c:pt idx="8929">
                  <c:v>22.211605285090215</c:v>
                </c:pt>
                <c:pt idx="8930">
                  <c:v>22.211605285090215</c:v>
                </c:pt>
                <c:pt idx="8931">
                  <c:v>22.211605285090215</c:v>
                </c:pt>
                <c:pt idx="8932">
                  <c:v>22.211605285090215</c:v>
                </c:pt>
                <c:pt idx="8933">
                  <c:v>22.211605285090215</c:v>
                </c:pt>
                <c:pt idx="8934">
                  <c:v>22.211605285090215</c:v>
                </c:pt>
                <c:pt idx="8935">
                  <c:v>22.211605285090215</c:v>
                </c:pt>
                <c:pt idx="8936">
                  <c:v>22.211605285090215</c:v>
                </c:pt>
                <c:pt idx="8937">
                  <c:v>22.211605285090215</c:v>
                </c:pt>
                <c:pt idx="8938">
                  <c:v>22.211605285090215</c:v>
                </c:pt>
                <c:pt idx="8939">
                  <c:v>22.211605285090215</c:v>
                </c:pt>
                <c:pt idx="8940">
                  <c:v>22.211605285090215</c:v>
                </c:pt>
                <c:pt idx="8941">
                  <c:v>22.211605285090215</c:v>
                </c:pt>
                <c:pt idx="8942">
                  <c:v>22.216220669060114</c:v>
                </c:pt>
                <c:pt idx="8943">
                  <c:v>22.216220669060114</c:v>
                </c:pt>
                <c:pt idx="8944">
                  <c:v>22.216220669060114</c:v>
                </c:pt>
                <c:pt idx="8945">
                  <c:v>22.216220669060114</c:v>
                </c:pt>
                <c:pt idx="8946">
                  <c:v>22.216220669060114</c:v>
                </c:pt>
                <c:pt idx="8947">
                  <c:v>22.216220669060114</c:v>
                </c:pt>
                <c:pt idx="8948">
                  <c:v>22.216220669060114</c:v>
                </c:pt>
                <c:pt idx="8949">
                  <c:v>22.216220669060114</c:v>
                </c:pt>
                <c:pt idx="8950">
                  <c:v>22.220975913150333</c:v>
                </c:pt>
                <c:pt idx="8951">
                  <c:v>22.220975913150333</c:v>
                </c:pt>
                <c:pt idx="8952">
                  <c:v>22.220975913150333</c:v>
                </c:pt>
                <c:pt idx="8953">
                  <c:v>22.220975913150333</c:v>
                </c:pt>
                <c:pt idx="8954">
                  <c:v>22.220975913150333</c:v>
                </c:pt>
                <c:pt idx="8955">
                  <c:v>22.225731157240432</c:v>
                </c:pt>
                <c:pt idx="8956">
                  <c:v>22.225731157240432</c:v>
                </c:pt>
                <c:pt idx="8957">
                  <c:v>22.225731157240432</c:v>
                </c:pt>
                <c:pt idx="8958">
                  <c:v>22.225731157240432</c:v>
                </c:pt>
                <c:pt idx="8959">
                  <c:v>22.225731157240432</c:v>
                </c:pt>
                <c:pt idx="8960">
                  <c:v>22.225731157240432</c:v>
                </c:pt>
                <c:pt idx="8961">
                  <c:v>22.225731157240432</c:v>
                </c:pt>
                <c:pt idx="8962">
                  <c:v>22.225731157240432</c:v>
                </c:pt>
                <c:pt idx="8963">
                  <c:v>22.225731157240432</c:v>
                </c:pt>
                <c:pt idx="8964">
                  <c:v>22.225731157240432</c:v>
                </c:pt>
                <c:pt idx="8965">
                  <c:v>22.220975913150333</c:v>
                </c:pt>
                <c:pt idx="8966">
                  <c:v>22.220975913150333</c:v>
                </c:pt>
                <c:pt idx="8967">
                  <c:v>22.220975913150333</c:v>
                </c:pt>
                <c:pt idx="8968">
                  <c:v>22.220975913150333</c:v>
                </c:pt>
                <c:pt idx="8969">
                  <c:v>22.225731157240432</c:v>
                </c:pt>
                <c:pt idx="8970">
                  <c:v>22.225731157240432</c:v>
                </c:pt>
                <c:pt idx="8971">
                  <c:v>22.225731157240432</c:v>
                </c:pt>
                <c:pt idx="8972">
                  <c:v>22.230346541210331</c:v>
                </c:pt>
                <c:pt idx="8973">
                  <c:v>22.230346541210331</c:v>
                </c:pt>
                <c:pt idx="8974">
                  <c:v>22.230346541210331</c:v>
                </c:pt>
                <c:pt idx="8975">
                  <c:v>22.230346541210331</c:v>
                </c:pt>
                <c:pt idx="8976">
                  <c:v>22.23510178530055</c:v>
                </c:pt>
                <c:pt idx="8977">
                  <c:v>22.23510178530055</c:v>
                </c:pt>
                <c:pt idx="8978">
                  <c:v>22.23510178530055</c:v>
                </c:pt>
                <c:pt idx="8979">
                  <c:v>22.23510178530055</c:v>
                </c:pt>
                <c:pt idx="8980">
                  <c:v>22.23510178530055</c:v>
                </c:pt>
                <c:pt idx="8981">
                  <c:v>22.239857029390645</c:v>
                </c:pt>
                <c:pt idx="8982">
                  <c:v>22.239857029390645</c:v>
                </c:pt>
                <c:pt idx="8983">
                  <c:v>22.239857029390645</c:v>
                </c:pt>
                <c:pt idx="8984">
                  <c:v>22.244472413360544</c:v>
                </c:pt>
                <c:pt idx="8985">
                  <c:v>22.244472413360544</c:v>
                </c:pt>
                <c:pt idx="8986">
                  <c:v>22.244472413360544</c:v>
                </c:pt>
                <c:pt idx="8987">
                  <c:v>22.244472413360544</c:v>
                </c:pt>
                <c:pt idx="8988">
                  <c:v>22.249227657450763</c:v>
                </c:pt>
                <c:pt idx="8989">
                  <c:v>22.249227657450763</c:v>
                </c:pt>
                <c:pt idx="8990">
                  <c:v>22.253982901540859</c:v>
                </c:pt>
                <c:pt idx="8991">
                  <c:v>22.253982901540859</c:v>
                </c:pt>
                <c:pt idx="8992">
                  <c:v>22.253982901540859</c:v>
                </c:pt>
                <c:pt idx="8993">
                  <c:v>22.253982901540859</c:v>
                </c:pt>
                <c:pt idx="8994">
                  <c:v>22.253982901540859</c:v>
                </c:pt>
                <c:pt idx="8995">
                  <c:v>22.253982901540859</c:v>
                </c:pt>
                <c:pt idx="8996">
                  <c:v>22.253982901540859</c:v>
                </c:pt>
                <c:pt idx="8997">
                  <c:v>22.253982901540859</c:v>
                </c:pt>
                <c:pt idx="8998">
                  <c:v>22.253982901540859</c:v>
                </c:pt>
                <c:pt idx="8999">
                  <c:v>22.253982901540859</c:v>
                </c:pt>
                <c:pt idx="9000">
                  <c:v>22.253982901540859</c:v>
                </c:pt>
                <c:pt idx="9001">
                  <c:v>22.253982901540859</c:v>
                </c:pt>
                <c:pt idx="9002">
                  <c:v>22.253982901540859</c:v>
                </c:pt>
                <c:pt idx="9003">
                  <c:v>22.253982901540859</c:v>
                </c:pt>
                <c:pt idx="9004">
                  <c:v>22.253982901540859</c:v>
                </c:pt>
                <c:pt idx="9005">
                  <c:v>22.253982901540859</c:v>
                </c:pt>
                <c:pt idx="9006">
                  <c:v>22.253982901540859</c:v>
                </c:pt>
                <c:pt idx="9007">
                  <c:v>22.253982901540859</c:v>
                </c:pt>
                <c:pt idx="9008">
                  <c:v>22.253982901540859</c:v>
                </c:pt>
                <c:pt idx="9009">
                  <c:v>22.253982901540859</c:v>
                </c:pt>
                <c:pt idx="9010">
                  <c:v>22.253982901540859</c:v>
                </c:pt>
                <c:pt idx="9011">
                  <c:v>22.253982901540859</c:v>
                </c:pt>
                <c:pt idx="9012">
                  <c:v>22.253982901540859</c:v>
                </c:pt>
                <c:pt idx="9013">
                  <c:v>22.253982901540859</c:v>
                </c:pt>
                <c:pt idx="9014">
                  <c:v>22.253982901540859</c:v>
                </c:pt>
                <c:pt idx="9015">
                  <c:v>22.253982901540859</c:v>
                </c:pt>
                <c:pt idx="9016">
                  <c:v>22.253982901540859</c:v>
                </c:pt>
                <c:pt idx="9017">
                  <c:v>22.253982901540859</c:v>
                </c:pt>
                <c:pt idx="9018">
                  <c:v>22.253982901540859</c:v>
                </c:pt>
                <c:pt idx="9019">
                  <c:v>22.258598285510757</c:v>
                </c:pt>
                <c:pt idx="9020">
                  <c:v>22.258598285510757</c:v>
                </c:pt>
                <c:pt idx="9021">
                  <c:v>22.258598285510757</c:v>
                </c:pt>
                <c:pt idx="9022">
                  <c:v>22.258598285510757</c:v>
                </c:pt>
                <c:pt idx="9023">
                  <c:v>22.258598285510757</c:v>
                </c:pt>
                <c:pt idx="9024">
                  <c:v>22.258598285510757</c:v>
                </c:pt>
                <c:pt idx="9025">
                  <c:v>22.258598285510757</c:v>
                </c:pt>
                <c:pt idx="9026">
                  <c:v>22.258598285510757</c:v>
                </c:pt>
                <c:pt idx="9027">
                  <c:v>22.263353529600977</c:v>
                </c:pt>
                <c:pt idx="9028">
                  <c:v>22.263353529600977</c:v>
                </c:pt>
                <c:pt idx="9029">
                  <c:v>22.263353529600977</c:v>
                </c:pt>
                <c:pt idx="9030">
                  <c:v>22.263353529600977</c:v>
                </c:pt>
                <c:pt idx="9031">
                  <c:v>22.263353529600977</c:v>
                </c:pt>
                <c:pt idx="9032">
                  <c:v>22.263353529600977</c:v>
                </c:pt>
                <c:pt idx="9033">
                  <c:v>22.263353529600977</c:v>
                </c:pt>
                <c:pt idx="9034">
                  <c:v>22.263353529600977</c:v>
                </c:pt>
                <c:pt idx="9035">
                  <c:v>22.263353529600977</c:v>
                </c:pt>
                <c:pt idx="9036">
                  <c:v>22.2681087736912</c:v>
                </c:pt>
                <c:pt idx="9037">
                  <c:v>22.2681087736912</c:v>
                </c:pt>
                <c:pt idx="9038">
                  <c:v>22.2681087736912</c:v>
                </c:pt>
                <c:pt idx="9039">
                  <c:v>22.2681087736912</c:v>
                </c:pt>
                <c:pt idx="9040">
                  <c:v>22.2681087736912</c:v>
                </c:pt>
                <c:pt idx="9041">
                  <c:v>22.2681087736912</c:v>
                </c:pt>
                <c:pt idx="9042">
                  <c:v>22.2681087736912</c:v>
                </c:pt>
                <c:pt idx="9043">
                  <c:v>22.272724157660974</c:v>
                </c:pt>
                <c:pt idx="9044">
                  <c:v>22.272724157660974</c:v>
                </c:pt>
                <c:pt idx="9045">
                  <c:v>22.272724157660974</c:v>
                </c:pt>
                <c:pt idx="9046">
                  <c:v>22.272724157660974</c:v>
                </c:pt>
                <c:pt idx="9047">
                  <c:v>22.272724157660974</c:v>
                </c:pt>
                <c:pt idx="9048">
                  <c:v>22.272724157660974</c:v>
                </c:pt>
                <c:pt idx="9049">
                  <c:v>22.272724157660974</c:v>
                </c:pt>
                <c:pt idx="9050">
                  <c:v>22.272724157660974</c:v>
                </c:pt>
                <c:pt idx="9051">
                  <c:v>22.272724157660974</c:v>
                </c:pt>
                <c:pt idx="9052">
                  <c:v>22.272724157660974</c:v>
                </c:pt>
                <c:pt idx="9053">
                  <c:v>22.277479401751194</c:v>
                </c:pt>
                <c:pt idx="9054">
                  <c:v>22.277479401751194</c:v>
                </c:pt>
                <c:pt idx="9055">
                  <c:v>22.277479401751194</c:v>
                </c:pt>
                <c:pt idx="9056">
                  <c:v>22.277479401751194</c:v>
                </c:pt>
                <c:pt idx="9057">
                  <c:v>22.277479401751194</c:v>
                </c:pt>
                <c:pt idx="9058">
                  <c:v>22.277479401751194</c:v>
                </c:pt>
                <c:pt idx="9059">
                  <c:v>22.277479401751194</c:v>
                </c:pt>
                <c:pt idx="9060">
                  <c:v>22.277479401751194</c:v>
                </c:pt>
                <c:pt idx="9061">
                  <c:v>22.272724157660974</c:v>
                </c:pt>
                <c:pt idx="9062">
                  <c:v>22.272724157660974</c:v>
                </c:pt>
                <c:pt idx="9063">
                  <c:v>22.272724157660974</c:v>
                </c:pt>
                <c:pt idx="9064">
                  <c:v>22.272724157660974</c:v>
                </c:pt>
                <c:pt idx="9065">
                  <c:v>22.272724157660974</c:v>
                </c:pt>
                <c:pt idx="9066">
                  <c:v>22.272724157660974</c:v>
                </c:pt>
                <c:pt idx="9067">
                  <c:v>22.272724157660974</c:v>
                </c:pt>
                <c:pt idx="9068">
                  <c:v>22.272724157660974</c:v>
                </c:pt>
                <c:pt idx="9069">
                  <c:v>22.277479401751194</c:v>
                </c:pt>
                <c:pt idx="9070">
                  <c:v>22.277479401751194</c:v>
                </c:pt>
                <c:pt idx="9071">
                  <c:v>22.277479401751194</c:v>
                </c:pt>
                <c:pt idx="9072">
                  <c:v>22.277479401751194</c:v>
                </c:pt>
                <c:pt idx="9073">
                  <c:v>22.277479401751194</c:v>
                </c:pt>
                <c:pt idx="9074">
                  <c:v>22.277479401751194</c:v>
                </c:pt>
                <c:pt idx="9075">
                  <c:v>22.277479401751194</c:v>
                </c:pt>
                <c:pt idx="9076">
                  <c:v>22.277479401751194</c:v>
                </c:pt>
                <c:pt idx="9077">
                  <c:v>22.277479401751194</c:v>
                </c:pt>
                <c:pt idx="9078">
                  <c:v>22.277479401751194</c:v>
                </c:pt>
                <c:pt idx="9079">
                  <c:v>22.277479401751194</c:v>
                </c:pt>
                <c:pt idx="9080">
                  <c:v>22.277479401751194</c:v>
                </c:pt>
                <c:pt idx="9081">
                  <c:v>22.277479401751194</c:v>
                </c:pt>
                <c:pt idx="9082">
                  <c:v>22.277479401751194</c:v>
                </c:pt>
                <c:pt idx="9083">
                  <c:v>22.282234645841413</c:v>
                </c:pt>
                <c:pt idx="9084">
                  <c:v>22.282234645841413</c:v>
                </c:pt>
                <c:pt idx="9085">
                  <c:v>22.282234645841413</c:v>
                </c:pt>
                <c:pt idx="9086">
                  <c:v>22.286850029811188</c:v>
                </c:pt>
                <c:pt idx="9087">
                  <c:v>22.286850029811188</c:v>
                </c:pt>
                <c:pt idx="9088">
                  <c:v>22.286850029811188</c:v>
                </c:pt>
                <c:pt idx="9089">
                  <c:v>22.291605273901407</c:v>
                </c:pt>
                <c:pt idx="9090">
                  <c:v>22.291605273901407</c:v>
                </c:pt>
                <c:pt idx="9091">
                  <c:v>22.291605273901407</c:v>
                </c:pt>
                <c:pt idx="9092">
                  <c:v>22.291605273901407</c:v>
                </c:pt>
                <c:pt idx="9093">
                  <c:v>22.291605273901407</c:v>
                </c:pt>
                <c:pt idx="9094">
                  <c:v>22.291605273901407</c:v>
                </c:pt>
                <c:pt idx="9095">
                  <c:v>22.291605273901407</c:v>
                </c:pt>
                <c:pt idx="9096">
                  <c:v>22.291605273901407</c:v>
                </c:pt>
                <c:pt idx="9097">
                  <c:v>22.291605273901407</c:v>
                </c:pt>
                <c:pt idx="9098">
                  <c:v>22.291605273901407</c:v>
                </c:pt>
                <c:pt idx="9099">
                  <c:v>22.291605273901407</c:v>
                </c:pt>
                <c:pt idx="9100">
                  <c:v>22.291605273901407</c:v>
                </c:pt>
                <c:pt idx="9101">
                  <c:v>22.291605273901407</c:v>
                </c:pt>
                <c:pt idx="9102">
                  <c:v>22.291605273901407</c:v>
                </c:pt>
                <c:pt idx="9103">
                  <c:v>22.291605273901407</c:v>
                </c:pt>
                <c:pt idx="9104">
                  <c:v>22.291605273901407</c:v>
                </c:pt>
                <c:pt idx="9105">
                  <c:v>22.291605273901407</c:v>
                </c:pt>
                <c:pt idx="9106">
                  <c:v>22.291605273901407</c:v>
                </c:pt>
                <c:pt idx="9107">
                  <c:v>22.291605273901407</c:v>
                </c:pt>
                <c:pt idx="9108">
                  <c:v>22.291605273901407</c:v>
                </c:pt>
                <c:pt idx="9109">
                  <c:v>22.291605273901407</c:v>
                </c:pt>
                <c:pt idx="9110">
                  <c:v>22.291605273901407</c:v>
                </c:pt>
                <c:pt idx="9111">
                  <c:v>22.291605273901407</c:v>
                </c:pt>
                <c:pt idx="9112">
                  <c:v>22.286850029811188</c:v>
                </c:pt>
                <c:pt idx="9113">
                  <c:v>22.286850029811188</c:v>
                </c:pt>
                <c:pt idx="9114">
                  <c:v>22.286850029811188</c:v>
                </c:pt>
                <c:pt idx="9115">
                  <c:v>22.286850029811188</c:v>
                </c:pt>
                <c:pt idx="9116">
                  <c:v>22.286850029811188</c:v>
                </c:pt>
                <c:pt idx="9117">
                  <c:v>22.286850029811188</c:v>
                </c:pt>
                <c:pt idx="9118">
                  <c:v>22.282234645841413</c:v>
                </c:pt>
                <c:pt idx="9119">
                  <c:v>22.282234645841413</c:v>
                </c:pt>
                <c:pt idx="9120">
                  <c:v>22.282234645841413</c:v>
                </c:pt>
                <c:pt idx="9121">
                  <c:v>22.282234645841413</c:v>
                </c:pt>
                <c:pt idx="9122">
                  <c:v>22.282234645841413</c:v>
                </c:pt>
                <c:pt idx="9123">
                  <c:v>22.282234645841413</c:v>
                </c:pt>
                <c:pt idx="9124">
                  <c:v>22.286850029811188</c:v>
                </c:pt>
                <c:pt idx="9125">
                  <c:v>22.286850029811188</c:v>
                </c:pt>
                <c:pt idx="9126">
                  <c:v>22.286850029811188</c:v>
                </c:pt>
                <c:pt idx="9127">
                  <c:v>22.286850029811188</c:v>
                </c:pt>
                <c:pt idx="9128">
                  <c:v>22.286850029811188</c:v>
                </c:pt>
                <c:pt idx="9129">
                  <c:v>22.286850029811188</c:v>
                </c:pt>
                <c:pt idx="9130">
                  <c:v>22.286850029811188</c:v>
                </c:pt>
                <c:pt idx="9131">
                  <c:v>22.291605273901407</c:v>
                </c:pt>
                <c:pt idx="9132">
                  <c:v>22.291605273901407</c:v>
                </c:pt>
                <c:pt idx="9133">
                  <c:v>22.291605273901407</c:v>
                </c:pt>
                <c:pt idx="9134">
                  <c:v>22.291605273901407</c:v>
                </c:pt>
                <c:pt idx="9135">
                  <c:v>22.291605273901407</c:v>
                </c:pt>
                <c:pt idx="9136">
                  <c:v>22.291605273901407</c:v>
                </c:pt>
                <c:pt idx="9137">
                  <c:v>22.291605273901407</c:v>
                </c:pt>
                <c:pt idx="9138">
                  <c:v>22.296360517991626</c:v>
                </c:pt>
                <c:pt idx="9139">
                  <c:v>22.296360517991626</c:v>
                </c:pt>
                <c:pt idx="9140">
                  <c:v>22.296360517991626</c:v>
                </c:pt>
                <c:pt idx="9141">
                  <c:v>22.301115762081722</c:v>
                </c:pt>
                <c:pt idx="9142">
                  <c:v>22.301115762081722</c:v>
                </c:pt>
                <c:pt idx="9143">
                  <c:v>22.301115762081722</c:v>
                </c:pt>
                <c:pt idx="9144">
                  <c:v>22.30573114605162</c:v>
                </c:pt>
                <c:pt idx="9145">
                  <c:v>22.30573114605162</c:v>
                </c:pt>
                <c:pt idx="9146">
                  <c:v>22.310486390141843</c:v>
                </c:pt>
                <c:pt idx="9147">
                  <c:v>22.310486390141843</c:v>
                </c:pt>
                <c:pt idx="9148">
                  <c:v>22.315241634231938</c:v>
                </c:pt>
                <c:pt idx="9149">
                  <c:v>22.315241634231938</c:v>
                </c:pt>
                <c:pt idx="9150">
                  <c:v>22.315241634231938</c:v>
                </c:pt>
                <c:pt idx="9151">
                  <c:v>22.319857018201837</c:v>
                </c:pt>
                <c:pt idx="9152">
                  <c:v>22.319857018201837</c:v>
                </c:pt>
                <c:pt idx="9153">
                  <c:v>22.319857018201837</c:v>
                </c:pt>
                <c:pt idx="9154">
                  <c:v>22.319857018201837</c:v>
                </c:pt>
                <c:pt idx="9155">
                  <c:v>22.319857018201837</c:v>
                </c:pt>
                <c:pt idx="9156">
                  <c:v>22.319857018201837</c:v>
                </c:pt>
                <c:pt idx="9157">
                  <c:v>22.319857018201837</c:v>
                </c:pt>
                <c:pt idx="9158">
                  <c:v>22.319857018201837</c:v>
                </c:pt>
                <c:pt idx="9159">
                  <c:v>22.319857018201837</c:v>
                </c:pt>
                <c:pt idx="9160">
                  <c:v>22.324612262292057</c:v>
                </c:pt>
                <c:pt idx="9161">
                  <c:v>22.324612262292057</c:v>
                </c:pt>
                <c:pt idx="9162">
                  <c:v>22.324612262292057</c:v>
                </c:pt>
                <c:pt idx="9163">
                  <c:v>22.324612262292057</c:v>
                </c:pt>
                <c:pt idx="9164">
                  <c:v>22.329367506382276</c:v>
                </c:pt>
                <c:pt idx="9165">
                  <c:v>22.329367506382276</c:v>
                </c:pt>
                <c:pt idx="9166">
                  <c:v>22.329367506382276</c:v>
                </c:pt>
                <c:pt idx="9167">
                  <c:v>22.329367506382276</c:v>
                </c:pt>
                <c:pt idx="9168">
                  <c:v>22.329367506382276</c:v>
                </c:pt>
                <c:pt idx="9169">
                  <c:v>22.329367506382276</c:v>
                </c:pt>
                <c:pt idx="9170">
                  <c:v>22.329367506382276</c:v>
                </c:pt>
                <c:pt idx="9171">
                  <c:v>22.324612262292057</c:v>
                </c:pt>
                <c:pt idx="9172">
                  <c:v>22.324612262292057</c:v>
                </c:pt>
                <c:pt idx="9173">
                  <c:v>22.324612262292057</c:v>
                </c:pt>
                <c:pt idx="9174">
                  <c:v>22.319857018201837</c:v>
                </c:pt>
                <c:pt idx="9175">
                  <c:v>22.319857018201837</c:v>
                </c:pt>
                <c:pt idx="9176">
                  <c:v>22.319857018201837</c:v>
                </c:pt>
                <c:pt idx="9177">
                  <c:v>22.319857018201837</c:v>
                </c:pt>
                <c:pt idx="9178">
                  <c:v>22.319857018201837</c:v>
                </c:pt>
                <c:pt idx="9179">
                  <c:v>22.319857018201837</c:v>
                </c:pt>
                <c:pt idx="9180">
                  <c:v>22.319857018201837</c:v>
                </c:pt>
                <c:pt idx="9181">
                  <c:v>22.324612262292057</c:v>
                </c:pt>
                <c:pt idx="9182">
                  <c:v>22.324612262292057</c:v>
                </c:pt>
                <c:pt idx="9183">
                  <c:v>22.324612262292057</c:v>
                </c:pt>
                <c:pt idx="9184">
                  <c:v>22.324612262292057</c:v>
                </c:pt>
                <c:pt idx="9185">
                  <c:v>22.324612262292057</c:v>
                </c:pt>
                <c:pt idx="9186">
                  <c:v>22.324612262292057</c:v>
                </c:pt>
                <c:pt idx="9187">
                  <c:v>22.324612262292057</c:v>
                </c:pt>
                <c:pt idx="9188">
                  <c:v>22.324612262292057</c:v>
                </c:pt>
                <c:pt idx="9189">
                  <c:v>22.324612262292057</c:v>
                </c:pt>
                <c:pt idx="9190">
                  <c:v>22.324612262292057</c:v>
                </c:pt>
                <c:pt idx="9191">
                  <c:v>22.324612262292057</c:v>
                </c:pt>
                <c:pt idx="9192">
                  <c:v>22.324612262292057</c:v>
                </c:pt>
                <c:pt idx="9193">
                  <c:v>22.324612262292057</c:v>
                </c:pt>
                <c:pt idx="9194">
                  <c:v>22.324612262292057</c:v>
                </c:pt>
                <c:pt idx="9195">
                  <c:v>22.324612262292057</c:v>
                </c:pt>
                <c:pt idx="9196">
                  <c:v>22.329367506382276</c:v>
                </c:pt>
                <c:pt idx="9197">
                  <c:v>22.329367506382276</c:v>
                </c:pt>
                <c:pt idx="9198">
                  <c:v>22.329367506382276</c:v>
                </c:pt>
                <c:pt idx="9199">
                  <c:v>22.329367506382276</c:v>
                </c:pt>
                <c:pt idx="9200">
                  <c:v>22.329367506382276</c:v>
                </c:pt>
                <c:pt idx="9201">
                  <c:v>22.329367506382276</c:v>
                </c:pt>
                <c:pt idx="9202">
                  <c:v>22.329367506382276</c:v>
                </c:pt>
                <c:pt idx="9203">
                  <c:v>22.329367506382276</c:v>
                </c:pt>
                <c:pt idx="9204">
                  <c:v>22.329367506382276</c:v>
                </c:pt>
                <c:pt idx="9205">
                  <c:v>22.329367506382276</c:v>
                </c:pt>
                <c:pt idx="9206">
                  <c:v>22.329367506382276</c:v>
                </c:pt>
                <c:pt idx="9207">
                  <c:v>22.329367506382276</c:v>
                </c:pt>
                <c:pt idx="9208">
                  <c:v>22.329367506382276</c:v>
                </c:pt>
                <c:pt idx="9209">
                  <c:v>22.329367506382276</c:v>
                </c:pt>
                <c:pt idx="9210">
                  <c:v>22.329367506382276</c:v>
                </c:pt>
                <c:pt idx="9211">
                  <c:v>22.329367506382276</c:v>
                </c:pt>
                <c:pt idx="9212">
                  <c:v>22.333982890352051</c:v>
                </c:pt>
                <c:pt idx="9213">
                  <c:v>22.333982890352051</c:v>
                </c:pt>
                <c:pt idx="9214">
                  <c:v>22.333982890352051</c:v>
                </c:pt>
                <c:pt idx="9215">
                  <c:v>22.333982890352051</c:v>
                </c:pt>
                <c:pt idx="9216">
                  <c:v>22.333982890352051</c:v>
                </c:pt>
                <c:pt idx="9217">
                  <c:v>22.333982890352051</c:v>
                </c:pt>
                <c:pt idx="9218">
                  <c:v>22.333982890352051</c:v>
                </c:pt>
                <c:pt idx="9219">
                  <c:v>22.333982890352051</c:v>
                </c:pt>
                <c:pt idx="9220">
                  <c:v>22.333982890352051</c:v>
                </c:pt>
                <c:pt idx="9221">
                  <c:v>22.333982890352051</c:v>
                </c:pt>
                <c:pt idx="9222">
                  <c:v>22.333982890352051</c:v>
                </c:pt>
                <c:pt idx="9223">
                  <c:v>22.333982890352051</c:v>
                </c:pt>
                <c:pt idx="9224">
                  <c:v>22.333982890352051</c:v>
                </c:pt>
                <c:pt idx="9225">
                  <c:v>22.333982890352051</c:v>
                </c:pt>
                <c:pt idx="9226">
                  <c:v>22.333982890352051</c:v>
                </c:pt>
                <c:pt idx="9227">
                  <c:v>22.333982890352051</c:v>
                </c:pt>
                <c:pt idx="9228">
                  <c:v>22.333982890352051</c:v>
                </c:pt>
                <c:pt idx="9229">
                  <c:v>22.333982890352051</c:v>
                </c:pt>
                <c:pt idx="9230">
                  <c:v>22.333982890352051</c:v>
                </c:pt>
                <c:pt idx="9231">
                  <c:v>22.333982890352051</c:v>
                </c:pt>
                <c:pt idx="9232">
                  <c:v>22.333982890352051</c:v>
                </c:pt>
                <c:pt idx="9233">
                  <c:v>22.333982890352051</c:v>
                </c:pt>
                <c:pt idx="9234">
                  <c:v>22.333982890352051</c:v>
                </c:pt>
                <c:pt idx="9235">
                  <c:v>22.333982890352051</c:v>
                </c:pt>
                <c:pt idx="9236">
                  <c:v>22.333982890352051</c:v>
                </c:pt>
                <c:pt idx="9237">
                  <c:v>22.333982890352051</c:v>
                </c:pt>
                <c:pt idx="9238">
                  <c:v>22.333982890352051</c:v>
                </c:pt>
                <c:pt idx="9239">
                  <c:v>22.333982890352051</c:v>
                </c:pt>
                <c:pt idx="9240">
                  <c:v>22.333982890352051</c:v>
                </c:pt>
                <c:pt idx="9241">
                  <c:v>22.333982890352051</c:v>
                </c:pt>
                <c:pt idx="9242">
                  <c:v>22.333982890352051</c:v>
                </c:pt>
                <c:pt idx="9243">
                  <c:v>22.333982890352051</c:v>
                </c:pt>
                <c:pt idx="9244">
                  <c:v>22.333982890352051</c:v>
                </c:pt>
                <c:pt idx="9245">
                  <c:v>22.333982890352051</c:v>
                </c:pt>
                <c:pt idx="9246">
                  <c:v>22.333982890352051</c:v>
                </c:pt>
                <c:pt idx="9247">
                  <c:v>22.333982890352051</c:v>
                </c:pt>
                <c:pt idx="9248">
                  <c:v>22.333982890352051</c:v>
                </c:pt>
                <c:pt idx="9249">
                  <c:v>22.333982890352051</c:v>
                </c:pt>
                <c:pt idx="9250">
                  <c:v>22.33873813444227</c:v>
                </c:pt>
                <c:pt idx="9251">
                  <c:v>22.33873813444227</c:v>
                </c:pt>
                <c:pt idx="9252">
                  <c:v>22.33873813444227</c:v>
                </c:pt>
                <c:pt idx="9253">
                  <c:v>22.33873813444227</c:v>
                </c:pt>
                <c:pt idx="9254">
                  <c:v>22.33873813444227</c:v>
                </c:pt>
                <c:pt idx="9255">
                  <c:v>22.33873813444227</c:v>
                </c:pt>
                <c:pt idx="9256">
                  <c:v>22.343493378532489</c:v>
                </c:pt>
                <c:pt idx="9257">
                  <c:v>22.343493378532489</c:v>
                </c:pt>
                <c:pt idx="9258">
                  <c:v>22.343493378532489</c:v>
                </c:pt>
                <c:pt idx="9259">
                  <c:v>22.343493378532489</c:v>
                </c:pt>
                <c:pt idx="9260">
                  <c:v>22.343493378532489</c:v>
                </c:pt>
                <c:pt idx="9261">
                  <c:v>22.343493378532489</c:v>
                </c:pt>
                <c:pt idx="9262">
                  <c:v>22.348108762502267</c:v>
                </c:pt>
                <c:pt idx="9263">
                  <c:v>22.348108762502267</c:v>
                </c:pt>
                <c:pt idx="9264">
                  <c:v>22.348108762502267</c:v>
                </c:pt>
                <c:pt idx="9265">
                  <c:v>22.348108762502267</c:v>
                </c:pt>
                <c:pt idx="9266">
                  <c:v>22.348108762502267</c:v>
                </c:pt>
                <c:pt idx="9267">
                  <c:v>22.348108762502267</c:v>
                </c:pt>
                <c:pt idx="9268">
                  <c:v>22.348108762502267</c:v>
                </c:pt>
                <c:pt idx="9269">
                  <c:v>22.348108762502267</c:v>
                </c:pt>
                <c:pt idx="9270">
                  <c:v>22.348108762502267</c:v>
                </c:pt>
                <c:pt idx="9271">
                  <c:v>22.348108762502267</c:v>
                </c:pt>
                <c:pt idx="9272">
                  <c:v>22.352864006592487</c:v>
                </c:pt>
                <c:pt idx="9273">
                  <c:v>22.352864006592487</c:v>
                </c:pt>
                <c:pt idx="9274">
                  <c:v>22.352864006592487</c:v>
                </c:pt>
                <c:pt idx="9275">
                  <c:v>22.352864006592487</c:v>
                </c:pt>
                <c:pt idx="9276">
                  <c:v>22.352864006592487</c:v>
                </c:pt>
                <c:pt idx="9277">
                  <c:v>22.352864006592487</c:v>
                </c:pt>
                <c:pt idx="9278">
                  <c:v>22.352864006592487</c:v>
                </c:pt>
                <c:pt idx="9279">
                  <c:v>22.352864006592487</c:v>
                </c:pt>
                <c:pt idx="9280">
                  <c:v>22.357619250682706</c:v>
                </c:pt>
                <c:pt idx="9281">
                  <c:v>22.357619250682706</c:v>
                </c:pt>
                <c:pt idx="9282">
                  <c:v>22.357619250682706</c:v>
                </c:pt>
                <c:pt idx="9283">
                  <c:v>22.357619250682706</c:v>
                </c:pt>
                <c:pt idx="9284">
                  <c:v>22.357619250682706</c:v>
                </c:pt>
                <c:pt idx="9285">
                  <c:v>22.362234634652605</c:v>
                </c:pt>
                <c:pt idx="9286">
                  <c:v>22.362234634652605</c:v>
                </c:pt>
                <c:pt idx="9287">
                  <c:v>22.357619250682706</c:v>
                </c:pt>
                <c:pt idx="9288">
                  <c:v>22.357619250682706</c:v>
                </c:pt>
                <c:pt idx="9289">
                  <c:v>22.357619250682706</c:v>
                </c:pt>
                <c:pt idx="9290">
                  <c:v>22.357619250682706</c:v>
                </c:pt>
                <c:pt idx="9291">
                  <c:v>22.357619250682706</c:v>
                </c:pt>
                <c:pt idx="9292">
                  <c:v>22.362234634652605</c:v>
                </c:pt>
                <c:pt idx="9293">
                  <c:v>22.362234634652605</c:v>
                </c:pt>
                <c:pt idx="9294">
                  <c:v>22.362234634652605</c:v>
                </c:pt>
                <c:pt idx="9295">
                  <c:v>22.362234634652605</c:v>
                </c:pt>
                <c:pt idx="9296">
                  <c:v>22.3669898787427</c:v>
                </c:pt>
                <c:pt idx="9297">
                  <c:v>22.3669898787427</c:v>
                </c:pt>
                <c:pt idx="9298">
                  <c:v>22.3669898787427</c:v>
                </c:pt>
                <c:pt idx="9299">
                  <c:v>22.3669898787427</c:v>
                </c:pt>
                <c:pt idx="9300">
                  <c:v>22.3669898787427</c:v>
                </c:pt>
                <c:pt idx="9301">
                  <c:v>22.3669898787427</c:v>
                </c:pt>
                <c:pt idx="9302">
                  <c:v>22.37174512283292</c:v>
                </c:pt>
                <c:pt idx="9303">
                  <c:v>22.37174512283292</c:v>
                </c:pt>
                <c:pt idx="9304">
                  <c:v>22.37174512283292</c:v>
                </c:pt>
                <c:pt idx="9305">
                  <c:v>22.37174512283292</c:v>
                </c:pt>
                <c:pt idx="9306">
                  <c:v>22.37174512283292</c:v>
                </c:pt>
                <c:pt idx="9307">
                  <c:v>22.37174512283292</c:v>
                </c:pt>
                <c:pt idx="9308">
                  <c:v>22.37174512283292</c:v>
                </c:pt>
                <c:pt idx="9309">
                  <c:v>22.37174512283292</c:v>
                </c:pt>
                <c:pt idx="9310">
                  <c:v>22.37174512283292</c:v>
                </c:pt>
                <c:pt idx="9311">
                  <c:v>22.37174512283292</c:v>
                </c:pt>
                <c:pt idx="9312">
                  <c:v>22.376360506802818</c:v>
                </c:pt>
                <c:pt idx="9313">
                  <c:v>22.376360506802818</c:v>
                </c:pt>
                <c:pt idx="9314">
                  <c:v>22.376360506802818</c:v>
                </c:pt>
                <c:pt idx="9315">
                  <c:v>22.376360506802818</c:v>
                </c:pt>
                <c:pt idx="9316">
                  <c:v>22.376360506802818</c:v>
                </c:pt>
                <c:pt idx="9317">
                  <c:v>22.376360506802818</c:v>
                </c:pt>
                <c:pt idx="9318">
                  <c:v>22.376360506802818</c:v>
                </c:pt>
                <c:pt idx="9319">
                  <c:v>22.37174512283292</c:v>
                </c:pt>
                <c:pt idx="9320">
                  <c:v>22.37174512283292</c:v>
                </c:pt>
                <c:pt idx="9321">
                  <c:v>22.37174512283292</c:v>
                </c:pt>
                <c:pt idx="9322">
                  <c:v>22.37174512283292</c:v>
                </c:pt>
                <c:pt idx="9323">
                  <c:v>22.37174512283292</c:v>
                </c:pt>
                <c:pt idx="9324">
                  <c:v>22.37174512283292</c:v>
                </c:pt>
                <c:pt idx="9325">
                  <c:v>22.37174512283292</c:v>
                </c:pt>
                <c:pt idx="9326">
                  <c:v>22.37174512283292</c:v>
                </c:pt>
                <c:pt idx="9327">
                  <c:v>22.37174512283292</c:v>
                </c:pt>
                <c:pt idx="9328">
                  <c:v>22.37174512283292</c:v>
                </c:pt>
                <c:pt idx="9329">
                  <c:v>22.37174512283292</c:v>
                </c:pt>
                <c:pt idx="9330">
                  <c:v>22.37174512283292</c:v>
                </c:pt>
                <c:pt idx="9331">
                  <c:v>22.376360506802818</c:v>
                </c:pt>
                <c:pt idx="9332">
                  <c:v>22.376360506802818</c:v>
                </c:pt>
                <c:pt idx="9333">
                  <c:v>22.376360506802818</c:v>
                </c:pt>
                <c:pt idx="9334">
                  <c:v>22.376360506802818</c:v>
                </c:pt>
                <c:pt idx="9335">
                  <c:v>22.376360506802818</c:v>
                </c:pt>
                <c:pt idx="9336">
                  <c:v>22.376360506802818</c:v>
                </c:pt>
                <c:pt idx="9337">
                  <c:v>22.376360506802818</c:v>
                </c:pt>
                <c:pt idx="9338">
                  <c:v>22.376360506802818</c:v>
                </c:pt>
                <c:pt idx="9339">
                  <c:v>22.376360506802818</c:v>
                </c:pt>
                <c:pt idx="9340">
                  <c:v>22.376360506802818</c:v>
                </c:pt>
                <c:pt idx="9341">
                  <c:v>22.376360506802818</c:v>
                </c:pt>
                <c:pt idx="9342">
                  <c:v>22.381115750892913</c:v>
                </c:pt>
                <c:pt idx="9343">
                  <c:v>22.381115750892913</c:v>
                </c:pt>
                <c:pt idx="9344">
                  <c:v>22.381115750892913</c:v>
                </c:pt>
                <c:pt idx="9345">
                  <c:v>22.381115750892913</c:v>
                </c:pt>
                <c:pt idx="9346">
                  <c:v>22.381115750892913</c:v>
                </c:pt>
                <c:pt idx="9347">
                  <c:v>22.385870994983133</c:v>
                </c:pt>
                <c:pt idx="9348">
                  <c:v>22.385870994983133</c:v>
                </c:pt>
                <c:pt idx="9349">
                  <c:v>22.385870994983133</c:v>
                </c:pt>
                <c:pt idx="9350">
                  <c:v>22.385870994983133</c:v>
                </c:pt>
                <c:pt idx="9351">
                  <c:v>22.385870994983133</c:v>
                </c:pt>
                <c:pt idx="9352">
                  <c:v>22.385870994983133</c:v>
                </c:pt>
                <c:pt idx="9353">
                  <c:v>22.385870994983133</c:v>
                </c:pt>
                <c:pt idx="9354">
                  <c:v>22.385870994983133</c:v>
                </c:pt>
                <c:pt idx="9355">
                  <c:v>22.385870994983133</c:v>
                </c:pt>
                <c:pt idx="9356">
                  <c:v>22.385870994983133</c:v>
                </c:pt>
                <c:pt idx="9357">
                  <c:v>22.381115750892913</c:v>
                </c:pt>
                <c:pt idx="9358">
                  <c:v>22.381115750892913</c:v>
                </c:pt>
                <c:pt idx="9359">
                  <c:v>22.381115750892913</c:v>
                </c:pt>
                <c:pt idx="9360">
                  <c:v>22.385870994983133</c:v>
                </c:pt>
                <c:pt idx="9361">
                  <c:v>22.381115750892913</c:v>
                </c:pt>
                <c:pt idx="9362">
                  <c:v>22.385870994983133</c:v>
                </c:pt>
                <c:pt idx="9363">
                  <c:v>22.385870994983133</c:v>
                </c:pt>
                <c:pt idx="9364">
                  <c:v>22.381115750892913</c:v>
                </c:pt>
                <c:pt idx="9365">
                  <c:v>22.381115750892913</c:v>
                </c:pt>
                <c:pt idx="9366">
                  <c:v>22.381115750892913</c:v>
                </c:pt>
                <c:pt idx="9367">
                  <c:v>22.381115750892913</c:v>
                </c:pt>
                <c:pt idx="9368">
                  <c:v>22.381115750892913</c:v>
                </c:pt>
                <c:pt idx="9369">
                  <c:v>22.381115750892913</c:v>
                </c:pt>
                <c:pt idx="9370">
                  <c:v>22.381115750892913</c:v>
                </c:pt>
                <c:pt idx="9371">
                  <c:v>22.376360506802818</c:v>
                </c:pt>
                <c:pt idx="9372">
                  <c:v>22.376360506802818</c:v>
                </c:pt>
                <c:pt idx="9373">
                  <c:v>22.376360506802818</c:v>
                </c:pt>
                <c:pt idx="9374">
                  <c:v>22.376360506802818</c:v>
                </c:pt>
                <c:pt idx="9375">
                  <c:v>22.381115750892913</c:v>
                </c:pt>
                <c:pt idx="9376">
                  <c:v>22.381115750892913</c:v>
                </c:pt>
                <c:pt idx="9377">
                  <c:v>22.381115750892913</c:v>
                </c:pt>
                <c:pt idx="9378">
                  <c:v>22.381115750892913</c:v>
                </c:pt>
                <c:pt idx="9379">
                  <c:v>22.381115750892913</c:v>
                </c:pt>
                <c:pt idx="9380">
                  <c:v>22.381115750892913</c:v>
                </c:pt>
                <c:pt idx="9381">
                  <c:v>22.385870994983133</c:v>
                </c:pt>
                <c:pt idx="9382">
                  <c:v>22.385870994983133</c:v>
                </c:pt>
                <c:pt idx="9383">
                  <c:v>22.385870994983133</c:v>
                </c:pt>
                <c:pt idx="9384">
                  <c:v>22.385870994983133</c:v>
                </c:pt>
                <c:pt idx="9385">
                  <c:v>22.385870994983133</c:v>
                </c:pt>
                <c:pt idx="9386">
                  <c:v>22.385870994983133</c:v>
                </c:pt>
                <c:pt idx="9387">
                  <c:v>22.385870994983133</c:v>
                </c:pt>
                <c:pt idx="9388">
                  <c:v>22.390486378953032</c:v>
                </c:pt>
                <c:pt idx="9389">
                  <c:v>22.390486378953032</c:v>
                </c:pt>
                <c:pt idx="9390">
                  <c:v>22.390486378953032</c:v>
                </c:pt>
                <c:pt idx="9391">
                  <c:v>22.39524162304313</c:v>
                </c:pt>
                <c:pt idx="9392">
                  <c:v>22.39524162304313</c:v>
                </c:pt>
                <c:pt idx="9393">
                  <c:v>22.39999686713335</c:v>
                </c:pt>
                <c:pt idx="9394">
                  <c:v>22.39999686713335</c:v>
                </c:pt>
                <c:pt idx="9395">
                  <c:v>22.404612251103249</c:v>
                </c:pt>
                <c:pt idx="9396">
                  <c:v>22.404612251103249</c:v>
                </c:pt>
                <c:pt idx="9397">
                  <c:v>22.404612251103249</c:v>
                </c:pt>
                <c:pt idx="9398">
                  <c:v>22.409367495193468</c:v>
                </c:pt>
                <c:pt idx="9399">
                  <c:v>22.409367495193468</c:v>
                </c:pt>
                <c:pt idx="9400">
                  <c:v>22.409367495193468</c:v>
                </c:pt>
                <c:pt idx="9401">
                  <c:v>22.409367495193468</c:v>
                </c:pt>
                <c:pt idx="9402">
                  <c:v>22.414122739283563</c:v>
                </c:pt>
                <c:pt idx="9403">
                  <c:v>22.414122739283563</c:v>
                </c:pt>
                <c:pt idx="9404">
                  <c:v>22.414122739283563</c:v>
                </c:pt>
                <c:pt idx="9405">
                  <c:v>22.414122739283563</c:v>
                </c:pt>
                <c:pt idx="9406">
                  <c:v>22.414122739283563</c:v>
                </c:pt>
                <c:pt idx="9407">
                  <c:v>22.414122739283563</c:v>
                </c:pt>
                <c:pt idx="9408">
                  <c:v>22.414122739283563</c:v>
                </c:pt>
                <c:pt idx="9409">
                  <c:v>22.414122739283563</c:v>
                </c:pt>
                <c:pt idx="9410">
                  <c:v>22.414122739283563</c:v>
                </c:pt>
                <c:pt idx="9411">
                  <c:v>22.414122739283563</c:v>
                </c:pt>
                <c:pt idx="9412">
                  <c:v>22.414122739283563</c:v>
                </c:pt>
                <c:pt idx="9413">
                  <c:v>22.414122739283563</c:v>
                </c:pt>
                <c:pt idx="9414">
                  <c:v>22.414122739283563</c:v>
                </c:pt>
                <c:pt idx="9415">
                  <c:v>22.414122739283563</c:v>
                </c:pt>
                <c:pt idx="9416">
                  <c:v>22.414122739283563</c:v>
                </c:pt>
                <c:pt idx="9417">
                  <c:v>22.414122739283563</c:v>
                </c:pt>
                <c:pt idx="9418">
                  <c:v>22.414122739283563</c:v>
                </c:pt>
                <c:pt idx="9419">
                  <c:v>22.409367495193468</c:v>
                </c:pt>
                <c:pt idx="9420">
                  <c:v>22.409367495193468</c:v>
                </c:pt>
                <c:pt idx="9421">
                  <c:v>22.409367495193468</c:v>
                </c:pt>
                <c:pt idx="9422">
                  <c:v>22.409367495193468</c:v>
                </c:pt>
                <c:pt idx="9423">
                  <c:v>22.409367495193468</c:v>
                </c:pt>
                <c:pt idx="9424">
                  <c:v>22.409367495193468</c:v>
                </c:pt>
                <c:pt idx="9425">
                  <c:v>22.409367495193468</c:v>
                </c:pt>
                <c:pt idx="9426">
                  <c:v>22.409367495193468</c:v>
                </c:pt>
                <c:pt idx="9427">
                  <c:v>22.409367495193468</c:v>
                </c:pt>
                <c:pt idx="9428">
                  <c:v>22.409367495193468</c:v>
                </c:pt>
                <c:pt idx="9429">
                  <c:v>22.409367495193468</c:v>
                </c:pt>
                <c:pt idx="9430">
                  <c:v>22.409367495193468</c:v>
                </c:pt>
                <c:pt idx="9431">
                  <c:v>22.409367495193468</c:v>
                </c:pt>
                <c:pt idx="9432">
                  <c:v>22.409367495193468</c:v>
                </c:pt>
                <c:pt idx="9433">
                  <c:v>22.409367495193468</c:v>
                </c:pt>
                <c:pt idx="9434">
                  <c:v>22.414122739283563</c:v>
                </c:pt>
                <c:pt idx="9435">
                  <c:v>22.414122739283563</c:v>
                </c:pt>
                <c:pt idx="9436">
                  <c:v>22.414122739283563</c:v>
                </c:pt>
                <c:pt idx="9437">
                  <c:v>22.414122739283563</c:v>
                </c:pt>
                <c:pt idx="9438">
                  <c:v>22.414122739283563</c:v>
                </c:pt>
                <c:pt idx="9439">
                  <c:v>22.409367495193468</c:v>
                </c:pt>
                <c:pt idx="9440">
                  <c:v>22.409367495193468</c:v>
                </c:pt>
                <c:pt idx="9441">
                  <c:v>22.409367495193468</c:v>
                </c:pt>
                <c:pt idx="9442">
                  <c:v>22.409367495193468</c:v>
                </c:pt>
                <c:pt idx="9443">
                  <c:v>22.409367495193468</c:v>
                </c:pt>
                <c:pt idx="9444">
                  <c:v>22.409367495193468</c:v>
                </c:pt>
                <c:pt idx="9445">
                  <c:v>22.409367495193468</c:v>
                </c:pt>
                <c:pt idx="9446">
                  <c:v>22.414122739283563</c:v>
                </c:pt>
                <c:pt idx="9447">
                  <c:v>22.414122739283563</c:v>
                </c:pt>
                <c:pt idx="9448">
                  <c:v>22.414122739283563</c:v>
                </c:pt>
                <c:pt idx="9449">
                  <c:v>22.414122739283563</c:v>
                </c:pt>
                <c:pt idx="9450">
                  <c:v>22.414122739283563</c:v>
                </c:pt>
                <c:pt idx="9451">
                  <c:v>22.414122739283563</c:v>
                </c:pt>
                <c:pt idx="9452">
                  <c:v>22.414122739283563</c:v>
                </c:pt>
                <c:pt idx="9453">
                  <c:v>22.414122739283563</c:v>
                </c:pt>
                <c:pt idx="9454">
                  <c:v>22.414122739283563</c:v>
                </c:pt>
                <c:pt idx="9455">
                  <c:v>22.418738123253462</c:v>
                </c:pt>
                <c:pt idx="9456">
                  <c:v>22.418738123253462</c:v>
                </c:pt>
                <c:pt idx="9457">
                  <c:v>22.418738123253462</c:v>
                </c:pt>
                <c:pt idx="9458">
                  <c:v>22.418738123253462</c:v>
                </c:pt>
                <c:pt idx="9459">
                  <c:v>22.423493367343681</c:v>
                </c:pt>
                <c:pt idx="9460">
                  <c:v>22.423493367343681</c:v>
                </c:pt>
                <c:pt idx="9461">
                  <c:v>22.423493367343681</c:v>
                </c:pt>
                <c:pt idx="9462">
                  <c:v>22.423493367343681</c:v>
                </c:pt>
                <c:pt idx="9463">
                  <c:v>22.423493367343681</c:v>
                </c:pt>
                <c:pt idx="9464">
                  <c:v>22.423493367343681</c:v>
                </c:pt>
                <c:pt idx="9465">
                  <c:v>22.423493367343681</c:v>
                </c:pt>
                <c:pt idx="9466">
                  <c:v>22.423493367343681</c:v>
                </c:pt>
                <c:pt idx="9467">
                  <c:v>22.428248611433776</c:v>
                </c:pt>
                <c:pt idx="9468">
                  <c:v>22.428248611433776</c:v>
                </c:pt>
                <c:pt idx="9469">
                  <c:v>22.428248611433776</c:v>
                </c:pt>
                <c:pt idx="9470">
                  <c:v>22.428248611433776</c:v>
                </c:pt>
                <c:pt idx="9471">
                  <c:v>22.428248611433776</c:v>
                </c:pt>
                <c:pt idx="9472">
                  <c:v>22.428248611433776</c:v>
                </c:pt>
                <c:pt idx="9473">
                  <c:v>22.428248611433776</c:v>
                </c:pt>
                <c:pt idx="9474">
                  <c:v>22.428248611433776</c:v>
                </c:pt>
                <c:pt idx="9475">
                  <c:v>22.428248611433776</c:v>
                </c:pt>
                <c:pt idx="9476">
                  <c:v>22.428248611433776</c:v>
                </c:pt>
                <c:pt idx="9477">
                  <c:v>22.428248611433776</c:v>
                </c:pt>
                <c:pt idx="9478">
                  <c:v>22.428248611433776</c:v>
                </c:pt>
                <c:pt idx="9479">
                  <c:v>22.428248611433776</c:v>
                </c:pt>
                <c:pt idx="9480">
                  <c:v>22.428248611433776</c:v>
                </c:pt>
                <c:pt idx="9481">
                  <c:v>22.428248611433776</c:v>
                </c:pt>
                <c:pt idx="9482">
                  <c:v>22.428248611433776</c:v>
                </c:pt>
                <c:pt idx="9483">
                  <c:v>22.423493367343681</c:v>
                </c:pt>
                <c:pt idx="9484">
                  <c:v>22.423493367343681</c:v>
                </c:pt>
                <c:pt idx="9485">
                  <c:v>22.423493367343681</c:v>
                </c:pt>
                <c:pt idx="9486">
                  <c:v>22.428248611433776</c:v>
                </c:pt>
                <c:pt idx="9487">
                  <c:v>22.428248611433776</c:v>
                </c:pt>
                <c:pt idx="9488">
                  <c:v>22.428248611433776</c:v>
                </c:pt>
                <c:pt idx="9489">
                  <c:v>22.428248611433776</c:v>
                </c:pt>
                <c:pt idx="9490">
                  <c:v>22.428248611433776</c:v>
                </c:pt>
                <c:pt idx="9491">
                  <c:v>22.432863995403675</c:v>
                </c:pt>
                <c:pt idx="9492">
                  <c:v>22.432863995403675</c:v>
                </c:pt>
                <c:pt idx="9493">
                  <c:v>22.432863995403675</c:v>
                </c:pt>
                <c:pt idx="9494">
                  <c:v>22.432863995403675</c:v>
                </c:pt>
                <c:pt idx="9495">
                  <c:v>22.432863995403675</c:v>
                </c:pt>
                <c:pt idx="9496">
                  <c:v>22.432863995403675</c:v>
                </c:pt>
                <c:pt idx="9497">
                  <c:v>22.432863995403675</c:v>
                </c:pt>
                <c:pt idx="9498">
                  <c:v>22.432863995403675</c:v>
                </c:pt>
                <c:pt idx="9499">
                  <c:v>22.432863995403675</c:v>
                </c:pt>
                <c:pt idx="9500">
                  <c:v>22.432863995403675</c:v>
                </c:pt>
                <c:pt idx="9501">
                  <c:v>22.432863995403675</c:v>
                </c:pt>
                <c:pt idx="9502">
                  <c:v>22.432863995403675</c:v>
                </c:pt>
                <c:pt idx="9503">
                  <c:v>22.432863995403675</c:v>
                </c:pt>
                <c:pt idx="9504">
                  <c:v>22.432863995403675</c:v>
                </c:pt>
                <c:pt idx="9505">
                  <c:v>22.432863995403675</c:v>
                </c:pt>
                <c:pt idx="9506">
                  <c:v>22.432863995403675</c:v>
                </c:pt>
                <c:pt idx="9507">
                  <c:v>22.432863995403675</c:v>
                </c:pt>
                <c:pt idx="9508">
                  <c:v>22.432863995403675</c:v>
                </c:pt>
                <c:pt idx="9509">
                  <c:v>22.437619239493898</c:v>
                </c:pt>
                <c:pt idx="9510">
                  <c:v>22.437619239493898</c:v>
                </c:pt>
                <c:pt idx="9511">
                  <c:v>22.437619239493898</c:v>
                </c:pt>
                <c:pt idx="9512">
                  <c:v>22.437619239493898</c:v>
                </c:pt>
                <c:pt idx="9513">
                  <c:v>22.432863995403675</c:v>
                </c:pt>
                <c:pt idx="9514">
                  <c:v>22.432863995403675</c:v>
                </c:pt>
                <c:pt idx="9515">
                  <c:v>22.432863995403675</c:v>
                </c:pt>
                <c:pt idx="9516">
                  <c:v>22.432863995403675</c:v>
                </c:pt>
                <c:pt idx="9517">
                  <c:v>22.437619239493898</c:v>
                </c:pt>
                <c:pt idx="9518">
                  <c:v>22.437619239493898</c:v>
                </c:pt>
                <c:pt idx="9519">
                  <c:v>22.437619239493898</c:v>
                </c:pt>
                <c:pt idx="9520">
                  <c:v>22.437619239493898</c:v>
                </c:pt>
                <c:pt idx="9521">
                  <c:v>22.437619239493898</c:v>
                </c:pt>
                <c:pt idx="9522">
                  <c:v>22.437619239493898</c:v>
                </c:pt>
                <c:pt idx="9523">
                  <c:v>22.437619239493898</c:v>
                </c:pt>
                <c:pt idx="9524">
                  <c:v>22.437619239493898</c:v>
                </c:pt>
                <c:pt idx="9525">
                  <c:v>22.437619239493898</c:v>
                </c:pt>
                <c:pt idx="9526">
                  <c:v>22.437619239493898</c:v>
                </c:pt>
                <c:pt idx="9527">
                  <c:v>22.437619239493898</c:v>
                </c:pt>
                <c:pt idx="9528">
                  <c:v>22.437619239493898</c:v>
                </c:pt>
                <c:pt idx="9529">
                  <c:v>22.432863995403675</c:v>
                </c:pt>
                <c:pt idx="9530">
                  <c:v>22.432863995403675</c:v>
                </c:pt>
                <c:pt idx="9531">
                  <c:v>22.437619239493898</c:v>
                </c:pt>
                <c:pt idx="9532">
                  <c:v>22.437619239493898</c:v>
                </c:pt>
                <c:pt idx="9533">
                  <c:v>22.437619239493898</c:v>
                </c:pt>
                <c:pt idx="9534">
                  <c:v>22.437619239493898</c:v>
                </c:pt>
                <c:pt idx="9535">
                  <c:v>22.437619239493898</c:v>
                </c:pt>
                <c:pt idx="9536">
                  <c:v>22.437619239493898</c:v>
                </c:pt>
                <c:pt idx="9537">
                  <c:v>22.437619239493898</c:v>
                </c:pt>
                <c:pt idx="9538">
                  <c:v>22.437619239493898</c:v>
                </c:pt>
                <c:pt idx="9539">
                  <c:v>22.437619239493898</c:v>
                </c:pt>
                <c:pt idx="9540">
                  <c:v>22.437619239493898</c:v>
                </c:pt>
                <c:pt idx="9541">
                  <c:v>22.437619239493898</c:v>
                </c:pt>
                <c:pt idx="9542">
                  <c:v>22.437619239493898</c:v>
                </c:pt>
                <c:pt idx="9543">
                  <c:v>22.437619239493898</c:v>
                </c:pt>
                <c:pt idx="9544">
                  <c:v>22.437619239493898</c:v>
                </c:pt>
                <c:pt idx="9545">
                  <c:v>22.432863995403675</c:v>
                </c:pt>
                <c:pt idx="9546">
                  <c:v>22.432863995403675</c:v>
                </c:pt>
                <c:pt idx="9547">
                  <c:v>22.432863995403675</c:v>
                </c:pt>
                <c:pt idx="9548">
                  <c:v>22.432863995403675</c:v>
                </c:pt>
                <c:pt idx="9549">
                  <c:v>22.432863995403675</c:v>
                </c:pt>
                <c:pt idx="9550">
                  <c:v>22.432863995403675</c:v>
                </c:pt>
                <c:pt idx="9551">
                  <c:v>22.432863995403675</c:v>
                </c:pt>
                <c:pt idx="9552">
                  <c:v>22.432863995403675</c:v>
                </c:pt>
                <c:pt idx="9553">
                  <c:v>22.432863995403675</c:v>
                </c:pt>
                <c:pt idx="9554">
                  <c:v>22.432863995403675</c:v>
                </c:pt>
                <c:pt idx="9555">
                  <c:v>22.432863995403675</c:v>
                </c:pt>
                <c:pt idx="9556">
                  <c:v>22.437619239493898</c:v>
                </c:pt>
                <c:pt idx="9557">
                  <c:v>22.437619239493898</c:v>
                </c:pt>
                <c:pt idx="9558">
                  <c:v>22.437619239493898</c:v>
                </c:pt>
                <c:pt idx="9559">
                  <c:v>22.437619239493898</c:v>
                </c:pt>
                <c:pt idx="9560">
                  <c:v>22.437619239493898</c:v>
                </c:pt>
                <c:pt idx="9561">
                  <c:v>22.437619239493898</c:v>
                </c:pt>
                <c:pt idx="9562">
                  <c:v>22.437619239493898</c:v>
                </c:pt>
                <c:pt idx="9563">
                  <c:v>22.437619239493898</c:v>
                </c:pt>
                <c:pt idx="9564">
                  <c:v>22.437619239493898</c:v>
                </c:pt>
                <c:pt idx="9565">
                  <c:v>22.437619239493898</c:v>
                </c:pt>
                <c:pt idx="9566">
                  <c:v>22.442374483583993</c:v>
                </c:pt>
                <c:pt idx="9567">
                  <c:v>22.442374483583993</c:v>
                </c:pt>
                <c:pt idx="9568">
                  <c:v>22.442374483583993</c:v>
                </c:pt>
                <c:pt idx="9569">
                  <c:v>22.442374483583993</c:v>
                </c:pt>
                <c:pt idx="9570">
                  <c:v>22.442374483583993</c:v>
                </c:pt>
                <c:pt idx="9571">
                  <c:v>22.442374483583993</c:v>
                </c:pt>
                <c:pt idx="9572">
                  <c:v>22.442374483583993</c:v>
                </c:pt>
                <c:pt idx="9573">
                  <c:v>22.446989867553892</c:v>
                </c:pt>
                <c:pt idx="9574">
                  <c:v>22.446989867553892</c:v>
                </c:pt>
                <c:pt idx="9575">
                  <c:v>22.446989867553892</c:v>
                </c:pt>
                <c:pt idx="9576">
                  <c:v>22.446989867553892</c:v>
                </c:pt>
                <c:pt idx="9577">
                  <c:v>22.446989867553892</c:v>
                </c:pt>
                <c:pt idx="9578">
                  <c:v>22.446989867553892</c:v>
                </c:pt>
                <c:pt idx="9579">
                  <c:v>22.446989867553892</c:v>
                </c:pt>
                <c:pt idx="9580">
                  <c:v>22.446989867553892</c:v>
                </c:pt>
                <c:pt idx="9581">
                  <c:v>22.446989867553892</c:v>
                </c:pt>
                <c:pt idx="9582">
                  <c:v>22.446989867553892</c:v>
                </c:pt>
                <c:pt idx="9583">
                  <c:v>22.446989867553892</c:v>
                </c:pt>
                <c:pt idx="9584">
                  <c:v>22.446989867553892</c:v>
                </c:pt>
                <c:pt idx="9585">
                  <c:v>22.446989867553892</c:v>
                </c:pt>
                <c:pt idx="9586">
                  <c:v>22.446989867553892</c:v>
                </c:pt>
                <c:pt idx="9587">
                  <c:v>22.446989867553892</c:v>
                </c:pt>
                <c:pt idx="9588">
                  <c:v>22.446989867553892</c:v>
                </c:pt>
                <c:pt idx="9589">
                  <c:v>22.446989867553892</c:v>
                </c:pt>
                <c:pt idx="9590">
                  <c:v>22.446989867553892</c:v>
                </c:pt>
                <c:pt idx="9591">
                  <c:v>22.446989867553892</c:v>
                </c:pt>
                <c:pt idx="9592">
                  <c:v>22.446989867553892</c:v>
                </c:pt>
                <c:pt idx="9593">
                  <c:v>22.446989867553892</c:v>
                </c:pt>
                <c:pt idx="9594">
                  <c:v>22.446989867553892</c:v>
                </c:pt>
                <c:pt idx="9595">
                  <c:v>22.446989867553892</c:v>
                </c:pt>
                <c:pt idx="9596">
                  <c:v>22.446989867553892</c:v>
                </c:pt>
                <c:pt idx="9597">
                  <c:v>22.446989867553892</c:v>
                </c:pt>
                <c:pt idx="9598">
                  <c:v>22.446989867553892</c:v>
                </c:pt>
                <c:pt idx="9599">
                  <c:v>22.446989867553892</c:v>
                </c:pt>
                <c:pt idx="9600">
                  <c:v>22.442374483583993</c:v>
                </c:pt>
                <c:pt idx="9601">
                  <c:v>22.442374483583993</c:v>
                </c:pt>
                <c:pt idx="9602">
                  <c:v>22.442374483583993</c:v>
                </c:pt>
                <c:pt idx="9603">
                  <c:v>22.442374483583993</c:v>
                </c:pt>
                <c:pt idx="9604">
                  <c:v>22.446989867553892</c:v>
                </c:pt>
                <c:pt idx="9605">
                  <c:v>22.446989867553892</c:v>
                </c:pt>
                <c:pt idx="9606">
                  <c:v>22.446989867553892</c:v>
                </c:pt>
                <c:pt idx="9607">
                  <c:v>22.446989867553892</c:v>
                </c:pt>
                <c:pt idx="9608">
                  <c:v>22.446989867553892</c:v>
                </c:pt>
                <c:pt idx="9609">
                  <c:v>22.446989867553892</c:v>
                </c:pt>
                <c:pt idx="9610">
                  <c:v>22.446989867553892</c:v>
                </c:pt>
                <c:pt idx="9611">
                  <c:v>22.446989867553892</c:v>
                </c:pt>
                <c:pt idx="9612">
                  <c:v>22.446989867553892</c:v>
                </c:pt>
                <c:pt idx="9613">
                  <c:v>22.446989867553892</c:v>
                </c:pt>
                <c:pt idx="9614">
                  <c:v>22.446989867553892</c:v>
                </c:pt>
                <c:pt idx="9615">
                  <c:v>22.446989867553892</c:v>
                </c:pt>
                <c:pt idx="9616">
                  <c:v>22.451745111644112</c:v>
                </c:pt>
                <c:pt idx="9617">
                  <c:v>22.451745111644112</c:v>
                </c:pt>
                <c:pt idx="9618">
                  <c:v>22.456500355734331</c:v>
                </c:pt>
                <c:pt idx="9619">
                  <c:v>22.456500355734331</c:v>
                </c:pt>
                <c:pt idx="9620">
                  <c:v>22.456500355734331</c:v>
                </c:pt>
                <c:pt idx="9621">
                  <c:v>22.456500355734331</c:v>
                </c:pt>
                <c:pt idx="9622">
                  <c:v>22.456500355734331</c:v>
                </c:pt>
                <c:pt idx="9623">
                  <c:v>22.456500355734331</c:v>
                </c:pt>
                <c:pt idx="9624">
                  <c:v>22.461115739704105</c:v>
                </c:pt>
                <c:pt idx="9625">
                  <c:v>22.461115739704105</c:v>
                </c:pt>
                <c:pt idx="9626">
                  <c:v>22.461115739704105</c:v>
                </c:pt>
                <c:pt idx="9627">
                  <c:v>22.461115739704105</c:v>
                </c:pt>
                <c:pt idx="9628">
                  <c:v>22.465870983794325</c:v>
                </c:pt>
                <c:pt idx="9629">
                  <c:v>22.465870983794325</c:v>
                </c:pt>
                <c:pt idx="9630">
                  <c:v>22.465870983794325</c:v>
                </c:pt>
                <c:pt idx="9631">
                  <c:v>22.465870983794325</c:v>
                </c:pt>
                <c:pt idx="9632">
                  <c:v>22.465870983794325</c:v>
                </c:pt>
                <c:pt idx="9633">
                  <c:v>22.465870983794325</c:v>
                </c:pt>
                <c:pt idx="9634">
                  <c:v>22.465870983794325</c:v>
                </c:pt>
                <c:pt idx="9635">
                  <c:v>22.470626227884544</c:v>
                </c:pt>
                <c:pt idx="9636">
                  <c:v>22.470626227884544</c:v>
                </c:pt>
                <c:pt idx="9637">
                  <c:v>22.470626227884544</c:v>
                </c:pt>
                <c:pt idx="9638">
                  <c:v>22.470626227884544</c:v>
                </c:pt>
                <c:pt idx="9639">
                  <c:v>22.470626227884544</c:v>
                </c:pt>
                <c:pt idx="9640">
                  <c:v>22.475381471974643</c:v>
                </c:pt>
                <c:pt idx="9641">
                  <c:v>22.470626227884544</c:v>
                </c:pt>
                <c:pt idx="9642">
                  <c:v>22.470626227884544</c:v>
                </c:pt>
                <c:pt idx="9643">
                  <c:v>22.470626227884544</c:v>
                </c:pt>
                <c:pt idx="9644">
                  <c:v>22.470626227884544</c:v>
                </c:pt>
                <c:pt idx="9645">
                  <c:v>22.470626227884544</c:v>
                </c:pt>
                <c:pt idx="9646">
                  <c:v>22.470626227884544</c:v>
                </c:pt>
                <c:pt idx="9647">
                  <c:v>22.470626227884544</c:v>
                </c:pt>
                <c:pt idx="9648">
                  <c:v>22.470626227884544</c:v>
                </c:pt>
                <c:pt idx="9649">
                  <c:v>22.470626227884544</c:v>
                </c:pt>
                <c:pt idx="9650">
                  <c:v>22.470626227884544</c:v>
                </c:pt>
                <c:pt idx="9651">
                  <c:v>22.470626227884544</c:v>
                </c:pt>
                <c:pt idx="9652">
                  <c:v>22.470626227884544</c:v>
                </c:pt>
                <c:pt idx="9653">
                  <c:v>22.470626227884544</c:v>
                </c:pt>
                <c:pt idx="9654">
                  <c:v>22.470626227884544</c:v>
                </c:pt>
                <c:pt idx="9655">
                  <c:v>22.470626227884544</c:v>
                </c:pt>
                <c:pt idx="9656">
                  <c:v>22.475381471974643</c:v>
                </c:pt>
                <c:pt idx="9657">
                  <c:v>22.475381471974643</c:v>
                </c:pt>
                <c:pt idx="9658">
                  <c:v>22.475381471974643</c:v>
                </c:pt>
                <c:pt idx="9659">
                  <c:v>22.475381471974643</c:v>
                </c:pt>
                <c:pt idx="9660">
                  <c:v>22.475381471974643</c:v>
                </c:pt>
                <c:pt idx="9661">
                  <c:v>22.475381471974643</c:v>
                </c:pt>
                <c:pt idx="9662">
                  <c:v>22.475381471974643</c:v>
                </c:pt>
                <c:pt idx="9663">
                  <c:v>22.475381471974643</c:v>
                </c:pt>
                <c:pt idx="9664">
                  <c:v>22.475381471974643</c:v>
                </c:pt>
                <c:pt idx="9665">
                  <c:v>22.475381471974643</c:v>
                </c:pt>
                <c:pt idx="9666">
                  <c:v>22.475381471974643</c:v>
                </c:pt>
                <c:pt idx="9667">
                  <c:v>22.475381471974643</c:v>
                </c:pt>
                <c:pt idx="9668">
                  <c:v>22.475381471974643</c:v>
                </c:pt>
                <c:pt idx="9669">
                  <c:v>22.475381471974643</c:v>
                </c:pt>
                <c:pt idx="9670">
                  <c:v>22.475381471974643</c:v>
                </c:pt>
                <c:pt idx="9671">
                  <c:v>22.475381471974643</c:v>
                </c:pt>
                <c:pt idx="9672">
                  <c:v>22.475381471974643</c:v>
                </c:pt>
                <c:pt idx="9673">
                  <c:v>22.475381471974643</c:v>
                </c:pt>
                <c:pt idx="9674">
                  <c:v>22.475381471974643</c:v>
                </c:pt>
                <c:pt idx="9675">
                  <c:v>22.475381471974643</c:v>
                </c:pt>
                <c:pt idx="9676">
                  <c:v>22.479996855944542</c:v>
                </c:pt>
                <c:pt idx="9677">
                  <c:v>22.479996855944542</c:v>
                </c:pt>
                <c:pt idx="9678">
                  <c:v>22.479996855944542</c:v>
                </c:pt>
                <c:pt idx="9679">
                  <c:v>22.479996855944542</c:v>
                </c:pt>
                <c:pt idx="9680">
                  <c:v>22.479996855944542</c:v>
                </c:pt>
                <c:pt idx="9681">
                  <c:v>22.479996855944542</c:v>
                </c:pt>
                <c:pt idx="9682">
                  <c:v>22.479996855944542</c:v>
                </c:pt>
                <c:pt idx="9683">
                  <c:v>22.475381471974643</c:v>
                </c:pt>
                <c:pt idx="9684">
                  <c:v>22.479996855944542</c:v>
                </c:pt>
                <c:pt idx="9685">
                  <c:v>22.479996855944542</c:v>
                </c:pt>
                <c:pt idx="9686">
                  <c:v>22.479996855944542</c:v>
                </c:pt>
                <c:pt idx="9687">
                  <c:v>22.479996855944542</c:v>
                </c:pt>
                <c:pt idx="9688">
                  <c:v>22.479996855944542</c:v>
                </c:pt>
                <c:pt idx="9689">
                  <c:v>22.479996855944542</c:v>
                </c:pt>
                <c:pt idx="9690">
                  <c:v>22.479996855944542</c:v>
                </c:pt>
                <c:pt idx="9691">
                  <c:v>22.479996855944542</c:v>
                </c:pt>
                <c:pt idx="9692">
                  <c:v>22.479996855944542</c:v>
                </c:pt>
                <c:pt idx="9693">
                  <c:v>22.479996855944542</c:v>
                </c:pt>
                <c:pt idx="9694">
                  <c:v>22.479996855944542</c:v>
                </c:pt>
                <c:pt idx="9695">
                  <c:v>22.479996855944542</c:v>
                </c:pt>
                <c:pt idx="9696">
                  <c:v>22.479996855944542</c:v>
                </c:pt>
                <c:pt idx="9697">
                  <c:v>22.484752100034761</c:v>
                </c:pt>
                <c:pt idx="9698">
                  <c:v>22.484752100034761</c:v>
                </c:pt>
                <c:pt idx="9699">
                  <c:v>22.484752100034761</c:v>
                </c:pt>
                <c:pt idx="9700">
                  <c:v>22.484752100034761</c:v>
                </c:pt>
                <c:pt idx="9701">
                  <c:v>22.484752100034761</c:v>
                </c:pt>
                <c:pt idx="9702">
                  <c:v>22.484752100034761</c:v>
                </c:pt>
                <c:pt idx="9703">
                  <c:v>22.489507344124856</c:v>
                </c:pt>
                <c:pt idx="9704">
                  <c:v>22.489507344124856</c:v>
                </c:pt>
                <c:pt idx="9705">
                  <c:v>22.489507344124856</c:v>
                </c:pt>
                <c:pt idx="9706">
                  <c:v>22.489507344124856</c:v>
                </c:pt>
                <c:pt idx="9707">
                  <c:v>22.489507344124856</c:v>
                </c:pt>
                <c:pt idx="9708">
                  <c:v>22.489507344124856</c:v>
                </c:pt>
                <c:pt idx="9709">
                  <c:v>22.489507344124856</c:v>
                </c:pt>
                <c:pt idx="9710">
                  <c:v>22.489507344124856</c:v>
                </c:pt>
                <c:pt idx="9711">
                  <c:v>22.489507344124856</c:v>
                </c:pt>
                <c:pt idx="9712">
                  <c:v>22.489507344124856</c:v>
                </c:pt>
                <c:pt idx="9713">
                  <c:v>22.489507344124856</c:v>
                </c:pt>
                <c:pt idx="9714">
                  <c:v>22.489507344124856</c:v>
                </c:pt>
                <c:pt idx="9715">
                  <c:v>22.489507344124856</c:v>
                </c:pt>
                <c:pt idx="9716">
                  <c:v>22.489507344124856</c:v>
                </c:pt>
                <c:pt idx="9717">
                  <c:v>22.489507344124856</c:v>
                </c:pt>
                <c:pt idx="9718">
                  <c:v>22.489507344124856</c:v>
                </c:pt>
                <c:pt idx="9719">
                  <c:v>22.489507344124856</c:v>
                </c:pt>
                <c:pt idx="9720">
                  <c:v>22.489507344124856</c:v>
                </c:pt>
                <c:pt idx="9721">
                  <c:v>22.489507344124856</c:v>
                </c:pt>
                <c:pt idx="9722">
                  <c:v>22.489507344124856</c:v>
                </c:pt>
                <c:pt idx="9723">
                  <c:v>22.484752100034761</c:v>
                </c:pt>
                <c:pt idx="9724">
                  <c:v>22.484752100034761</c:v>
                </c:pt>
                <c:pt idx="9725">
                  <c:v>22.484752100034761</c:v>
                </c:pt>
                <c:pt idx="9726">
                  <c:v>22.484752100034761</c:v>
                </c:pt>
                <c:pt idx="9727">
                  <c:v>22.484752100034761</c:v>
                </c:pt>
                <c:pt idx="9728">
                  <c:v>22.484752100034761</c:v>
                </c:pt>
                <c:pt idx="9729">
                  <c:v>22.484752100034761</c:v>
                </c:pt>
                <c:pt idx="9730">
                  <c:v>22.489507344124856</c:v>
                </c:pt>
                <c:pt idx="9731">
                  <c:v>22.489507344124856</c:v>
                </c:pt>
                <c:pt idx="9732">
                  <c:v>22.489507344124856</c:v>
                </c:pt>
                <c:pt idx="9733">
                  <c:v>22.489507344124856</c:v>
                </c:pt>
                <c:pt idx="9734">
                  <c:v>22.489507344124856</c:v>
                </c:pt>
                <c:pt idx="9735">
                  <c:v>22.489507344124856</c:v>
                </c:pt>
                <c:pt idx="9736">
                  <c:v>22.489507344124856</c:v>
                </c:pt>
                <c:pt idx="9737">
                  <c:v>22.494122728094755</c:v>
                </c:pt>
                <c:pt idx="9738">
                  <c:v>22.494122728094755</c:v>
                </c:pt>
                <c:pt idx="9739">
                  <c:v>22.494122728094755</c:v>
                </c:pt>
                <c:pt idx="9740">
                  <c:v>22.494122728094755</c:v>
                </c:pt>
                <c:pt idx="9741">
                  <c:v>22.494122728094755</c:v>
                </c:pt>
                <c:pt idx="9742">
                  <c:v>22.494122728094755</c:v>
                </c:pt>
                <c:pt idx="9743">
                  <c:v>22.494122728094755</c:v>
                </c:pt>
                <c:pt idx="9744">
                  <c:v>22.494122728094755</c:v>
                </c:pt>
                <c:pt idx="9745">
                  <c:v>22.498877972184975</c:v>
                </c:pt>
                <c:pt idx="9746">
                  <c:v>22.498877972184975</c:v>
                </c:pt>
                <c:pt idx="9747">
                  <c:v>22.50363321627507</c:v>
                </c:pt>
                <c:pt idx="9748">
                  <c:v>22.50363321627507</c:v>
                </c:pt>
                <c:pt idx="9749">
                  <c:v>22.50363321627507</c:v>
                </c:pt>
                <c:pt idx="9750">
                  <c:v>22.508248600244968</c:v>
                </c:pt>
                <c:pt idx="9751">
                  <c:v>22.508248600244968</c:v>
                </c:pt>
                <c:pt idx="9752">
                  <c:v>22.508248600244968</c:v>
                </c:pt>
                <c:pt idx="9753">
                  <c:v>22.508248600244968</c:v>
                </c:pt>
                <c:pt idx="9754">
                  <c:v>22.513003844335188</c:v>
                </c:pt>
                <c:pt idx="9755">
                  <c:v>22.513003844335188</c:v>
                </c:pt>
                <c:pt idx="9756">
                  <c:v>22.513003844335188</c:v>
                </c:pt>
                <c:pt idx="9757">
                  <c:v>22.513003844335188</c:v>
                </c:pt>
                <c:pt idx="9758">
                  <c:v>22.517759088425407</c:v>
                </c:pt>
                <c:pt idx="9759">
                  <c:v>22.517759088425407</c:v>
                </c:pt>
                <c:pt idx="9760">
                  <c:v>22.517759088425407</c:v>
                </c:pt>
                <c:pt idx="9761">
                  <c:v>22.517759088425407</c:v>
                </c:pt>
                <c:pt idx="9762">
                  <c:v>22.517759088425407</c:v>
                </c:pt>
                <c:pt idx="9763">
                  <c:v>22.517759088425407</c:v>
                </c:pt>
                <c:pt idx="9764">
                  <c:v>22.517759088425407</c:v>
                </c:pt>
                <c:pt idx="9765">
                  <c:v>22.517759088425407</c:v>
                </c:pt>
                <c:pt idx="9766">
                  <c:v>22.517759088425407</c:v>
                </c:pt>
                <c:pt idx="9767">
                  <c:v>22.517759088425407</c:v>
                </c:pt>
                <c:pt idx="9768">
                  <c:v>22.517759088425407</c:v>
                </c:pt>
                <c:pt idx="9769">
                  <c:v>22.517759088425407</c:v>
                </c:pt>
                <c:pt idx="9770">
                  <c:v>22.517759088425407</c:v>
                </c:pt>
                <c:pt idx="9771">
                  <c:v>22.513003844335188</c:v>
                </c:pt>
                <c:pt idx="9772">
                  <c:v>22.513003844335188</c:v>
                </c:pt>
                <c:pt idx="9773">
                  <c:v>22.513003844335188</c:v>
                </c:pt>
                <c:pt idx="9774">
                  <c:v>22.513003844335188</c:v>
                </c:pt>
                <c:pt idx="9775">
                  <c:v>22.513003844335188</c:v>
                </c:pt>
                <c:pt idx="9776">
                  <c:v>22.513003844335188</c:v>
                </c:pt>
                <c:pt idx="9777">
                  <c:v>22.513003844335188</c:v>
                </c:pt>
                <c:pt idx="9778">
                  <c:v>22.508248600244968</c:v>
                </c:pt>
                <c:pt idx="9779">
                  <c:v>22.508248600244968</c:v>
                </c:pt>
                <c:pt idx="9780">
                  <c:v>22.508248600244968</c:v>
                </c:pt>
                <c:pt idx="9781">
                  <c:v>22.508248600244968</c:v>
                </c:pt>
                <c:pt idx="9782">
                  <c:v>22.508248600244968</c:v>
                </c:pt>
                <c:pt idx="9783">
                  <c:v>22.508248600244968</c:v>
                </c:pt>
                <c:pt idx="9784">
                  <c:v>22.508248600244968</c:v>
                </c:pt>
                <c:pt idx="9785">
                  <c:v>22.508248600244968</c:v>
                </c:pt>
                <c:pt idx="9786">
                  <c:v>22.508248600244968</c:v>
                </c:pt>
                <c:pt idx="9787">
                  <c:v>22.508248600244968</c:v>
                </c:pt>
                <c:pt idx="9788">
                  <c:v>22.508248600244968</c:v>
                </c:pt>
                <c:pt idx="9789">
                  <c:v>22.513003844335188</c:v>
                </c:pt>
                <c:pt idx="9790">
                  <c:v>22.513003844335188</c:v>
                </c:pt>
                <c:pt idx="9791">
                  <c:v>22.513003844335188</c:v>
                </c:pt>
                <c:pt idx="9792">
                  <c:v>22.513003844335188</c:v>
                </c:pt>
                <c:pt idx="9793">
                  <c:v>22.517759088425407</c:v>
                </c:pt>
                <c:pt idx="9794">
                  <c:v>22.517759088425407</c:v>
                </c:pt>
                <c:pt idx="9795">
                  <c:v>22.517759088425407</c:v>
                </c:pt>
                <c:pt idx="9796">
                  <c:v>22.517759088425407</c:v>
                </c:pt>
                <c:pt idx="9797">
                  <c:v>22.522374472395185</c:v>
                </c:pt>
                <c:pt idx="9798">
                  <c:v>22.522374472395185</c:v>
                </c:pt>
                <c:pt idx="9799">
                  <c:v>22.522374472395185</c:v>
                </c:pt>
                <c:pt idx="9800">
                  <c:v>22.522374472395185</c:v>
                </c:pt>
                <c:pt idx="9801">
                  <c:v>22.522374472395185</c:v>
                </c:pt>
                <c:pt idx="9802">
                  <c:v>22.522374472395185</c:v>
                </c:pt>
                <c:pt idx="9803">
                  <c:v>22.522374472395185</c:v>
                </c:pt>
                <c:pt idx="9804">
                  <c:v>22.522374472395185</c:v>
                </c:pt>
                <c:pt idx="9805">
                  <c:v>22.522374472395185</c:v>
                </c:pt>
                <c:pt idx="9806">
                  <c:v>22.522374472395185</c:v>
                </c:pt>
                <c:pt idx="9807">
                  <c:v>22.522374472395185</c:v>
                </c:pt>
                <c:pt idx="9808">
                  <c:v>22.522374472395185</c:v>
                </c:pt>
                <c:pt idx="9809">
                  <c:v>22.522374472395185</c:v>
                </c:pt>
                <c:pt idx="9810">
                  <c:v>22.522374472395185</c:v>
                </c:pt>
                <c:pt idx="9811">
                  <c:v>22.522374472395185</c:v>
                </c:pt>
                <c:pt idx="9812">
                  <c:v>22.522374472395185</c:v>
                </c:pt>
                <c:pt idx="9813">
                  <c:v>22.522374472395185</c:v>
                </c:pt>
                <c:pt idx="9814">
                  <c:v>22.522374472395185</c:v>
                </c:pt>
                <c:pt idx="9815">
                  <c:v>22.522374472395185</c:v>
                </c:pt>
                <c:pt idx="9816">
                  <c:v>22.522374472395185</c:v>
                </c:pt>
                <c:pt idx="9817">
                  <c:v>22.522374472395185</c:v>
                </c:pt>
                <c:pt idx="9818">
                  <c:v>22.522374472395185</c:v>
                </c:pt>
                <c:pt idx="9819">
                  <c:v>22.522374472395185</c:v>
                </c:pt>
                <c:pt idx="9820">
                  <c:v>22.522374472395185</c:v>
                </c:pt>
                <c:pt idx="9821">
                  <c:v>22.522374472395185</c:v>
                </c:pt>
                <c:pt idx="9822">
                  <c:v>22.522374472395185</c:v>
                </c:pt>
                <c:pt idx="9823">
                  <c:v>22.522374472395185</c:v>
                </c:pt>
                <c:pt idx="9824">
                  <c:v>22.527129716485405</c:v>
                </c:pt>
                <c:pt idx="9825">
                  <c:v>22.527129716485405</c:v>
                </c:pt>
                <c:pt idx="9826">
                  <c:v>22.527129716485405</c:v>
                </c:pt>
                <c:pt idx="9827">
                  <c:v>22.527129716485405</c:v>
                </c:pt>
                <c:pt idx="9828">
                  <c:v>22.531884960575624</c:v>
                </c:pt>
                <c:pt idx="9829">
                  <c:v>22.531884960575624</c:v>
                </c:pt>
                <c:pt idx="9830">
                  <c:v>22.531884960575624</c:v>
                </c:pt>
                <c:pt idx="9831">
                  <c:v>22.531884960575624</c:v>
                </c:pt>
                <c:pt idx="9832">
                  <c:v>22.531884960575624</c:v>
                </c:pt>
                <c:pt idx="9833">
                  <c:v>22.536500344545527</c:v>
                </c:pt>
                <c:pt idx="9834">
                  <c:v>22.536500344545527</c:v>
                </c:pt>
                <c:pt idx="9835">
                  <c:v>22.536500344545527</c:v>
                </c:pt>
                <c:pt idx="9836">
                  <c:v>22.536500344545527</c:v>
                </c:pt>
                <c:pt idx="9837">
                  <c:v>22.536500344545527</c:v>
                </c:pt>
                <c:pt idx="9838">
                  <c:v>22.536500344545527</c:v>
                </c:pt>
                <c:pt idx="9839">
                  <c:v>22.541255588635618</c:v>
                </c:pt>
                <c:pt idx="9840">
                  <c:v>22.541255588635618</c:v>
                </c:pt>
                <c:pt idx="9841">
                  <c:v>22.541255588635618</c:v>
                </c:pt>
                <c:pt idx="9842">
                  <c:v>22.541255588635618</c:v>
                </c:pt>
                <c:pt idx="9843">
                  <c:v>22.541255588635618</c:v>
                </c:pt>
                <c:pt idx="9844">
                  <c:v>22.541255588635618</c:v>
                </c:pt>
                <c:pt idx="9845">
                  <c:v>22.541255588635618</c:v>
                </c:pt>
                <c:pt idx="9846">
                  <c:v>22.541255588635618</c:v>
                </c:pt>
                <c:pt idx="9847">
                  <c:v>22.541255588635618</c:v>
                </c:pt>
                <c:pt idx="9848">
                  <c:v>22.541255588635618</c:v>
                </c:pt>
                <c:pt idx="9849">
                  <c:v>22.541255588635618</c:v>
                </c:pt>
                <c:pt idx="9850">
                  <c:v>22.541255588635618</c:v>
                </c:pt>
                <c:pt idx="9851">
                  <c:v>22.541255588635618</c:v>
                </c:pt>
                <c:pt idx="9852">
                  <c:v>22.541255588635618</c:v>
                </c:pt>
                <c:pt idx="9853">
                  <c:v>22.541255588635618</c:v>
                </c:pt>
                <c:pt idx="9854">
                  <c:v>22.541255588635618</c:v>
                </c:pt>
                <c:pt idx="9855">
                  <c:v>22.546010832725838</c:v>
                </c:pt>
                <c:pt idx="9856">
                  <c:v>22.546010832725838</c:v>
                </c:pt>
                <c:pt idx="9857">
                  <c:v>22.546010832725838</c:v>
                </c:pt>
                <c:pt idx="9858">
                  <c:v>22.546010832725838</c:v>
                </c:pt>
                <c:pt idx="9859">
                  <c:v>22.546010832725838</c:v>
                </c:pt>
                <c:pt idx="9860">
                  <c:v>22.546010832725838</c:v>
                </c:pt>
                <c:pt idx="9861">
                  <c:v>22.546010832725838</c:v>
                </c:pt>
                <c:pt idx="9862">
                  <c:v>22.546010832725838</c:v>
                </c:pt>
                <c:pt idx="9863">
                  <c:v>22.546010832725838</c:v>
                </c:pt>
                <c:pt idx="9864">
                  <c:v>22.546010832725838</c:v>
                </c:pt>
                <c:pt idx="9865">
                  <c:v>22.546010832725838</c:v>
                </c:pt>
                <c:pt idx="9866">
                  <c:v>22.546010832725838</c:v>
                </c:pt>
                <c:pt idx="9867">
                  <c:v>22.546010832725838</c:v>
                </c:pt>
                <c:pt idx="9868">
                  <c:v>22.546010832725838</c:v>
                </c:pt>
                <c:pt idx="9869">
                  <c:v>22.546010832725838</c:v>
                </c:pt>
                <c:pt idx="9870">
                  <c:v>22.546010832725838</c:v>
                </c:pt>
                <c:pt idx="9871">
                  <c:v>22.546010832725838</c:v>
                </c:pt>
                <c:pt idx="9872">
                  <c:v>22.546010832725838</c:v>
                </c:pt>
                <c:pt idx="9873">
                  <c:v>22.546010832725838</c:v>
                </c:pt>
                <c:pt idx="9874">
                  <c:v>22.541255588635618</c:v>
                </c:pt>
                <c:pt idx="9875">
                  <c:v>22.541255588635618</c:v>
                </c:pt>
                <c:pt idx="9876">
                  <c:v>22.541255588635618</c:v>
                </c:pt>
                <c:pt idx="9877">
                  <c:v>22.541255588635618</c:v>
                </c:pt>
                <c:pt idx="9878">
                  <c:v>22.541255588635618</c:v>
                </c:pt>
                <c:pt idx="9879">
                  <c:v>22.536500344545527</c:v>
                </c:pt>
                <c:pt idx="9880">
                  <c:v>22.536500344545527</c:v>
                </c:pt>
                <c:pt idx="9881">
                  <c:v>22.536500344545527</c:v>
                </c:pt>
                <c:pt idx="9882">
                  <c:v>22.536500344545527</c:v>
                </c:pt>
                <c:pt idx="9883">
                  <c:v>22.536500344545527</c:v>
                </c:pt>
                <c:pt idx="9884">
                  <c:v>22.536500344545527</c:v>
                </c:pt>
                <c:pt idx="9885">
                  <c:v>22.536500344545527</c:v>
                </c:pt>
                <c:pt idx="9886">
                  <c:v>22.536500344545527</c:v>
                </c:pt>
                <c:pt idx="9887">
                  <c:v>22.536500344545527</c:v>
                </c:pt>
                <c:pt idx="9888">
                  <c:v>22.536500344545527</c:v>
                </c:pt>
                <c:pt idx="9889">
                  <c:v>22.536500344545527</c:v>
                </c:pt>
                <c:pt idx="9890">
                  <c:v>22.536500344545527</c:v>
                </c:pt>
                <c:pt idx="9891">
                  <c:v>22.536500344545527</c:v>
                </c:pt>
                <c:pt idx="9892">
                  <c:v>22.536500344545527</c:v>
                </c:pt>
                <c:pt idx="9893">
                  <c:v>22.536500344545527</c:v>
                </c:pt>
                <c:pt idx="9894">
                  <c:v>22.536500344545527</c:v>
                </c:pt>
                <c:pt idx="9895">
                  <c:v>22.536500344545527</c:v>
                </c:pt>
                <c:pt idx="9896">
                  <c:v>22.536500344545527</c:v>
                </c:pt>
                <c:pt idx="9897">
                  <c:v>22.536500344545527</c:v>
                </c:pt>
                <c:pt idx="9898">
                  <c:v>22.541255588635618</c:v>
                </c:pt>
                <c:pt idx="9899">
                  <c:v>22.541255588635618</c:v>
                </c:pt>
                <c:pt idx="9900">
                  <c:v>22.541255588635618</c:v>
                </c:pt>
                <c:pt idx="9901">
                  <c:v>22.541255588635618</c:v>
                </c:pt>
                <c:pt idx="9902">
                  <c:v>22.541255588635618</c:v>
                </c:pt>
                <c:pt idx="9903">
                  <c:v>22.546010832725838</c:v>
                </c:pt>
                <c:pt idx="9904">
                  <c:v>22.546010832725838</c:v>
                </c:pt>
                <c:pt idx="9905">
                  <c:v>22.546010832725838</c:v>
                </c:pt>
                <c:pt idx="9906">
                  <c:v>22.546010832725838</c:v>
                </c:pt>
                <c:pt idx="9907">
                  <c:v>22.546010832725838</c:v>
                </c:pt>
                <c:pt idx="9908">
                  <c:v>22.546010832725838</c:v>
                </c:pt>
                <c:pt idx="9909">
                  <c:v>22.546010832725838</c:v>
                </c:pt>
                <c:pt idx="9910">
                  <c:v>22.546010832725838</c:v>
                </c:pt>
                <c:pt idx="9911">
                  <c:v>22.546010832725838</c:v>
                </c:pt>
                <c:pt idx="9912">
                  <c:v>22.546010832725838</c:v>
                </c:pt>
                <c:pt idx="9913">
                  <c:v>22.546010832725838</c:v>
                </c:pt>
                <c:pt idx="9914">
                  <c:v>22.546010832725838</c:v>
                </c:pt>
                <c:pt idx="9915">
                  <c:v>22.546010832725838</c:v>
                </c:pt>
                <c:pt idx="9916">
                  <c:v>22.546010832725838</c:v>
                </c:pt>
                <c:pt idx="9917">
                  <c:v>22.546010832725838</c:v>
                </c:pt>
                <c:pt idx="9918">
                  <c:v>22.55062621669574</c:v>
                </c:pt>
                <c:pt idx="9919">
                  <c:v>22.55062621669574</c:v>
                </c:pt>
                <c:pt idx="9920">
                  <c:v>22.55062621669574</c:v>
                </c:pt>
                <c:pt idx="9921">
                  <c:v>22.55062621669574</c:v>
                </c:pt>
                <c:pt idx="9922">
                  <c:v>22.55062621669574</c:v>
                </c:pt>
                <c:pt idx="9923">
                  <c:v>22.55062621669574</c:v>
                </c:pt>
                <c:pt idx="9924">
                  <c:v>22.55062621669574</c:v>
                </c:pt>
                <c:pt idx="9925">
                  <c:v>22.55062621669574</c:v>
                </c:pt>
                <c:pt idx="9926">
                  <c:v>22.55062621669574</c:v>
                </c:pt>
                <c:pt idx="9927">
                  <c:v>22.555381460785831</c:v>
                </c:pt>
                <c:pt idx="9928">
                  <c:v>22.555381460785831</c:v>
                </c:pt>
                <c:pt idx="9929">
                  <c:v>22.555381460785831</c:v>
                </c:pt>
                <c:pt idx="9930">
                  <c:v>22.555381460785831</c:v>
                </c:pt>
                <c:pt idx="9931">
                  <c:v>22.555381460785831</c:v>
                </c:pt>
                <c:pt idx="9932">
                  <c:v>22.555381460785831</c:v>
                </c:pt>
                <c:pt idx="9933">
                  <c:v>22.555381460785831</c:v>
                </c:pt>
                <c:pt idx="9934">
                  <c:v>22.555381460785831</c:v>
                </c:pt>
                <c:pt idx="9935">
                  <c:v>22.560136704876054</c:v>
                </c:pt>
                <c:pt idx="9936">
                  <c:v>22.560136704876054</c:v>
                </c:pt>
                <c:pt idx="9937">
                  <c:v>22.560136704876054</c:v>
                </c:pt>
                <c:pt idx="9938">
                  <c:v>22.560136704876054</c:v>
                </c:pt>
                <c:pt idx="9939">
                  <c:v>22.560136704876054</c:v>
                </c:pt>
                <c:pt idx="9940">
                  <c:v>22.560136704876054</c:v>
                </c:pt>
                <c:pt idx="9941">
                  <c:v>22.560136704876054</c:v>
                </c:pt>
                <c:pt idx="9942">
                  <c:v>22.555381460785831</c:v>
                </c:pt>
                <c:pt idx="9943">
                  <c:v>22.555381460785831</c:v>
                </c:pt>
                <c:pt idx="9944">
                  <c:v>22.555381460785831</c:v>
                </c:pt>
                <c:pt idx="9945">
                  <c:v>22.555381460785831</c:v>
                </c:pt>
                <c:pt idx="9946">
                  <c:v>22.555381460785831</c:v>
                </c:pt>
                <c:pt idx="9947">
                  <c:v>22.555381460785831</c:v>
                </c:pt>
                <c:pt idx="9948">
                  <c:v>22.555381460785831</c:v>
                </c:pt>
                <c:pt idx="9949">
                  <c:v>22.555381460785831</c:v>
                </c:pt>
                <c:pt idx="9950">
                  <c:v>22.555381460785831</c:v>
                </c:pt>
                <c:pt idx="9951">
                  <c:v>22.555381460785831</c:v>
                </c:pt>
                <c:pt idx="9952">
                  <c:v>22.555381460785831</c:v>
                </c:pt>
                <c:pt idx="9953">
                  <c:v>22.555381460785831</c:v>
                </c:pt>
                <c:pt idx="9954">
                  <c:v>22.555381460785831</c:v>
                </c:pt>
                <c:pt idx="9955">
                  <c:v>22.555381460785831</c:v>
                </c:pt>
                <c:pt idx="9956">
                  <c:v>22.555381460785831</c:v>
                </c:pt>
                <c:pt idx="9957">
                  <c:v>22.555381460785831</c:v>
                </c:pt>
                <c:pt idx="9958">
                  <c:v>22.555381460785831</c:v>
                </c:pt>
                <c:pt idx="9959">
                  <c:v>22.560136704876054</c:v>
                </c:pt>
                <c:pt idx="9960">
                  <c:v>22.560136704876054</c:v>
                </c:pt>
                <c:pt idx="9961">
                  <c:v>22.560136704876054</c:v>
                </c:pt>
                <c:pt idx="9962">
                  <c:v>22.560136704876054</c:v>
                </c:pt>
                <c:pt idx="9963">
                  <c:v>22.560136704876054</c:v>
                </c:pt>
                <c:pt idx="9964">
                  <c:v>22.564752088845953</c:v>
                </c:pt>
                <c:pt idx="9965">
                  <c:v>22.564752088845953</c:v>
                </c:pt>
                <c:pt idx="9966">
                  <c:v>22.564752088845953</c:v>
                </c:pt>
                <c:pt idx="9967">
                  <c:v>22.564752088845953</c:v>
                </c:pt>
                <c:pt idx="9968">
                  <c:v>22.564752088845953</c:v>
                </c:pt>
                <c:pt idx="9969">
                  <c:v>22.564752088845953</c:v>
                </c:pt>
                <c:pt idx="9970">
                  <c:v>22.564752088845953</c:v>
                </c:pt>
                <c:pt idx="9971">
                  <c:v>22.564752088845953</c:v>
                </c:pt>
                <c:pt idx="9972">
                  <c:v>22.564752088845953</c:v>
                </c:pt>
                <c:pt idx="9973">
                  <c:v>22.564752088845953</c:v>
                </c:pt>
                <c:pt idx="9974">
                  <c:v>22.564752088845953</c:v>
                </c:pt>
                <c:pt idx="9975">
                  <c:v>22.564752088845953</c:v>
                </c:pt>
                <c:pt idx="9976">
                  <c:v>22.564752088845953</c:v>
                </c:pt>
                <c:pt idx="9977">
                  <c:v>22.564752088845953</c:v>
                </c:pt>
                <c:pt idx="9978">
                  <c:v>22.564752088845953</c:v>
                </c:pt>
                <c:pt idx="9979">
                  <c:v>22.564752088845953</c:v>
                </c:pt>
                <c:pt idx="9980">
                  <c:v>22.560136704876054</c:v>
                </c:pt>
                <c:pt idx="9981">
                  <c:v>22.560136704876054</c:v>
                </c:pt>
                <c:pt idx="9982">
                  <c:v>22.560136704876054</c:v>
                </c:pt>
                <c:pt idx="9983">
                  <c:v>22.560136704876054</c:v>
                </c:pt>
                <c:pt idx="9984">
                  <c:v>22.560136704876054</c:v>
                </c:pt>
                <c:pt idx="9985">
                  <c:v>22.560136704876054</c:v>
                </c:pt>
                <c:pt idx="9986">
                  <c:v>22.560136704876054</c:v>
                </c:pt>
                <c:pt idx="9987">
                  <c:v>22.560136704876054</c:v>
                </c:pt>
                <c:pt idx="9988">
                  <c:v>22.560136704876054</c:v>
                </c:pt>
                <c:pt idx="9989">
                  <c:v>22.560136704876054</c:v>
                </c:pt>
                <c:pt idx="9990">
                  <c:v>22.560136704876054</c:v>
                </c:pt>
                <c:pt idx="9991">
                  <c:v>22.560136704876054</c:v>
                </c:pt>
                <c:pt idx="9992">
                  <c:v>22.560136704876054</c:v>
                </c:pt>
                <c:pt idx="9993">
                  <c:v>22.560136704876054</c:v>
                </c:pt>
                <c:pt idx="9994">
                  <c:v>22.560136704876054</c:v>
                </c:pt>
                <c:pt idx="9995">
                  <c:v>22.560136704876054</c:v>
                </c:pt>
                <c:pt idx="9996">
                  <c:v>22.560136704876054</c:v>
                </c:pt>
                <c:pt idx="9997">
                  <c:v>22.560136704876054</c:v>
                </c:pt>
                <c:pt idx="9998">
                  <c:v>22.560136704876054</c:v>
                </c:pt>
                <c:pt idx="9999">
                  <c:v>22.560136704876054</c:v>
                </c:pt>
                <c:pt idx="10000">
                  <c:v>22.560136704876054</c:v>
                </c:pt>
                <c:pt idx="10001">
                  <c:v>22.560136704876054</c:v>
                </c:pt>
                <c:pt idx="10002">
                  <c:v>22.560136704876054</c:v>
                </c:pt>
                <c:pt idx="10003">
                  <c:v>22.560136704876054</c:v>
                </c:pt>
                <c:pt idx="10004">
                  <c:v>22.560136704876054</c:v>
                </c:pt>
                <c:pt idx="10005">
                  <c:v>22.560136704876054</c:v>
                </c:pt>
                <c:pt idx="10006">
                  <c:v>22.555381460785831</c:v>
                </c:pt>
                <c:pt idx="10007">
                  <c:v>22.555381460785831</c:v>
                </c:pt>
                <c:pt idx="10008">
                  <c:v>22.560136704876054</c:v>
                </c:pt>
                <c:pt idx="10009">
                  <c:v>22.560136704876054</c:v>
                </c:pt>
                <c:pt idx="10010">
                  <c:v>22.560136704876054</c:v>
                </c:pt>
                <c:pt idx="10011">
                  <c:v>22.555381460785831</c:v>
                </c:pt>
                <c:pt idx="10012">
                  <c:v>22.555381460785831</c:v>
                </c:pt>
                <c:pt idx="10013">
                  <c:v>22.555381460785831</c:v>
                </c:pt>
                <c:pt idx="10014">
                  <c:v>22.555381460785831</c:v>
                </c:pt>
                <c:pt idx="10015">
                  <c:v>22.555381460785831</c:v>
                </c:pt>
                <c:pt idx="10016">
                  <c:v>22.555381460785831</c:v>
                </c:pt>
                <c:pt idx="10017">
                  <c:v>22.555381460785831</c:v>
                </c:pt>
                <c:pt idx="10018">
                  <c:v>22.555381460785831</c:v>
                </c:pt>
                <c:pt idx="10019">
                  <c:v>22.555381460785831</c:v>
                </c:pt>
                <c:pt idx="10020">
                  <c:v>22.560136704876054</c:v>
                </c:pt>
                <c:pt idx="10021">
                  <c:v>22.560136704876054</c:v>
                </c:pt>
                <c:pt idx="10022">
                  <c:v>22.560136704876054</c:v>
                </c:pt>
                <c:pt idx="10023">
                  <c:v>22.560136704876054</c:v>
                </c:pt>
                <c:pt idx="10024">
                  <c:v>22.560136704876054</c:v>
                </c:pt>
                <c:pt idx="10025">
                  <c:v>22.560136704876054</c:v>
                </c:pt>
                <c:pt idx="10026">
                  <c:v>22.564752088845953</c:v>
                </c:pt>
                <c:pt idx="10027">
                  <c:v>22.564752088845953</c:v>
                </c:pt>
                <c:pt idx="10028">
                  <c:v>22.564752088845953</c:v>
                </c:pt>
                <c:pt idx="10029">
                  <c:v>22.564752088845953</c:v>
                </c:pt>
                <c:pt idx="10030">
                  <c:v>22.564752088845953</c:v>
                </c:pt>
                <c:pt idx="10031">
                  <c:v>22.564752088845953</c:v>
                </c:pt>
                <c:pt idx="10032">
                  <c:v>22.564752088845953</c:v>
                </c:pt>
                <c:pt idx="10033">
                  <c:v>22.564752088845953</c:v>
                </c:pt>
                <c:pt idx="10034">
                  <c:v>22.564752088845953</c:v>
                </c:pt>
                <c:pt idx="10035">
                  <c:v>22.564752088845953</c:v>
                </c:pt>
                <c:pt idx="10036">
                  <c:v>22.564752088845953</c:v>
                </c:pt>
                <c:pt idx="10037">
                  <c:v>22.569507332936048</c:v>
                </c:pt>
                <c:pt idx="10038">
                  <c:v>22.569507332936048</c:v>
                </c:pt>
                <c:pt idx="10039">
                  <c:v>22.569507332936048</c:v>
                </c:pt>
                <c:pt idx="10040">
                  <c:v>22.569507332936048</c:v>
                </c:pt>
                <c:pt idx="10041">
                  <c:v>22.569507332936048</c:v>
                </c:pt>
                <c:pt idx="10042">
                  <c:v>22.569507332936048</c:v>
                </c:pt>
                <c:pt idx="10043">
                  <c:v>22.574262577026268</c:v>
                </c:pt>
                <c:pt idx="10044">
                  <c:v>22.574262577026268</c:v>
                </c:pt>
                <c:pt idx="10045">
                  <c:v>22.574262577026268</c:v>
                </c:pt>
                <c:pt idx="10046">
                  <c:v>22.574262577026268</c:v>
                </c:pt>
                <c:pt idx="10047">
                  <c:v>22.574262577026268</c:v>
                </c:pt>
                <c:pt idx="10048">
                  <c:v>22.574262577026268</c:v>
                </c:pt>
                <c:pt idx="10049">
                  <c:v>22.574262577026268</c:v>
                </c:pt>
                <c:pt idx="10050">
                  <c:v>22.574262577026268</c:v>
                </c:pt>
                <c:pt idx="10051">
                  <c:v>22.574262577026268</c:v>
                </c:pt>
                <c:pt idx="10052">
                  <c:v>22.574262577026268</c:v>
                </c:pt>
                <c:pt idx="10053">
                  <c:v>22.574262577026268</c:v>
                </c:pt>
                <c:pt idx="10054">
                  <c:v>22.574262577026268</c:v>
                </c:pt>
                <c:pt idx="10055">
                  <c:v>22.574262577026268</c:v>
                </c:pt>
                <c:pt idx="10056">
                  <c:v>22.574262577026268</c:v>
                </c:pt>
                <c:pt idx="10057">
                  <c:v>22.574262577026268</c:v>
                </c:pt>
                <c:pt idx="10058">
                  <c:v>22.574262577026268</c:v>
                </c:pt>
                <c:pt idx="10059">
                  <c:v>22.574262577026268</c:v>
                </c:pt>
                <c:pt idx="10060">
                  <c:v>22.574262577026268</c:v>
                </c:pt>
                <c:pt idx="10061">
                  <c:v>22.574262577026268</c:v>
                </c:pt>
                <c:pt idx="10062">
                  <c:v>22.574262577026268</c:v>
                </c:pt>
                <c:pt idx="10063">
                  <c:v>22.574262577026268</c:v>
                </c:pt>
                <c:pt idx="10064">
                  <c:v>22.57887796099617</c:v>
                </c:pt>
                <c:pt idx="10065">
                  <c:v>22.574262577026268</c:v>
                </c:pt>
                <c:pt idx="10066">
                  <c:v>22.574262577026268</c:v>
                </c:pt>
                <c:pt idx="10067">
                  <c:v>22.574262577026268</c:v>
                </c:pt>
                <c:pt idx="10068">
                  <c:v>22.574262577026268</c:v>
                </c:pt>
                <c:pt idx="10069">
                  <c:v>22.574262577026268</c:v>
                </c:pt>
                <c:pt idx="10070">
                  <c:v>22.574262577026268</c:v>
                </c:pt>
                <c:pt idx="10071">
                  <c:v>22.574262577026268</c:v>
                </c:pt>
                <c:pt idx="10072">
                  <c:v>22.574262577026268</c:v>
                </c:pt>
                <c:pt idx="10073">
                  <c:v>22.574262577026268</c:v>
                </c:pt>
                <c:pt idx="10074">
                  <c:v>22.574262577026268</c:v>
                </c:pt>
                <c:pt idx="10075">
                  <c:v>22.574262577026268</c:v>
                </c:pt>
                <c:pt idx="10076">
                  <c:v>22.574262577026268</c:v>
                </c:pt>
                <c:pt idx="10077">
                  <c:v>22.574262577026268</c:v>
                </c:pt>
                <c:pt idx="10078">
                  <c:v>22.574262577026268</c:v>
                </c:pt>
                <c:pt idx="10079">
                  <c:v>22.574262577026268</c:v>
                </c:pt>
                <c:pt idx="10080">
                  <c:v>22.574262577026268</c:v>
                </c:pt>
                <c:pt idx="10081">
                  <c:v>22.574262577026268</c:v>
                </c:pt>
                <c:pt idx="10082">
                  <c:v>22.574262577026268</c:v>
                </c:pt>
                <c:pt idx="10083">
                  <c:v>22.57887796099617</c:v>
                </c:pt>
                <c:pt idx="10084">
                  <c:v>22.57887796099617</c:v>
                </c:pt>
                <c:pt idx="10085">
                  <c:v>22.57887796099617</c:v>
                </c:pt>
                <c:pt idx="10086">
                  <c:v>22.57887796099617</c:v>
                </c:pt>
                <c:pt idx="10087">
                  <c:v>22.57887796099617</c:v>
                </c:pt>
                <c:pt idx="10088">
                  <c:v>22.57887796099617</c:v>
                </c:pt>
                <c:pt idx="10089">
                  <c:v>22.57887796099617</c:v>
                </c:pt>
                <c:pt idx="10090">
                  <c:v>22.57887796099617</c:v>
                </c:pt>
                <c:pt idx="10091">
                  <c:v>22.57887796099617</c:v>
                </c:pt>
                <c:pt idx="10092">
                  <c:v>22.57887796099617</c:v>
                </c:pt>
                <c:pt idx="10093">
                  <c:v>22.583633205086262</c:v>
                </c:pt>
                <c:pt idx="10094">
                  <c:v>22.583633205086262</c:v>
                </c:pt>
                <c:pt idx="10095">
                  <c:v>22.583633205086262</c:v>
                </c:pt>
                <c:pt idx="10096">
                  <c:v>22.583633205086262</c:v>
                </c:pt>
                <c:pt idx="10097">
                  <c:v>22.583633205086262</c:v>
                </c:pt>
                <c:pt idx="10098">
                  <c:v>22.583633205086262</c:v>
                </c:pt>
                <c:pt idx="10099">
                  <c:v>22.583633205086262</c:v>
                </c:pt>
                <c:pt idx="10100">
                  <c:v>22.57887796099617</c:v>
                </c:pt>
                <c:pt idx="10101">
                  <c:v>22.583633205086262</c:v>
                </c:pt>
                <c:pt idx="10102">
                  <c:v>22.583633205086262</c:v>
                </c:pt>
                <c:pt idx="10103">
                  <c:v>22.583633205086262</c:v>
                </c:pt>
                <c:pt idx="10104">
                  <c:v>22.57887796099617</c:v>
                </c:pt>
                <c:pt idx="10105">
                  <c:v>22.57887796099617</c:v>
                </c:pt>
                <c:pt idx="10106">
                  <c:v>22.57887796099617</c:v>
                </c:pt>
                <c:pt idx="10107">
                  <c:v>22.57887796099617</c:v>
                </c:pt>
                <c:pt idx="10108">
                  <c:v>22.57887796099617</c:v>
                </c:pt>
                <c:pt idx="10109">
                  <c:v>22.57887796099617</c:v>
                </c:pt>
                <c:pt idx="10110">
                  <c:v>22.583633205086262</c:v>
                </c:pt>
                <c:pt idx="10111">
                  <c:v>22.583633205086262</c:v>
                </c:pt>
                <c:pt idx="10112">
                  <c:v>22.583633205086262</c:v>
                </c:pt>
                <c:pt idx="10113">
                  <c:v>22.583633205086262</c:v>
                </c:pt>
                <c:pt idx="10114">
                  <c:v>22.57887796099617</c:v>
                </c:pt>
                <c:pt idx="10115">
                  <c:v>22.57887796099617</c:v>
                </c:pt>
                <c:pt idx="10116">
                  <c:v>22.57887796099617</c:v>
                </c:pt>
                <c:pt idx="10117">
                  <c:v>22.57887796099617</c:v>
                </c:pt>
                <c:pt idx="10118">
                  <c:v>22.57887796099617</c:v>
                </c:pt>
                <c:pt idx="10119">
                  <c:v>22.57887796099617</c:v>
                </c:pt>
                <c:pt idx="10120">
                  <c:v>22.57887796099617</c:v>
                </c:pt>
                <c:pt idx="10121">
                  <c:v>22.57887796099617</c:v>
                </c:pt>
                <c:pt idx="10122">
                  <c:v>22.57887796099617</c:v>
                </c:pt>
                <c:pt idx="10123">
                  <c:v>22.57887796099617</c:v>
                </c:pt>
                <c:pt idx="10124">
                  <c:v>22.57887796099617</c:v>
                </c:pt>
                <c:pt idx="10125">
                  <c:v>22.57887796099617</c:v>
                </c:pt>
                <c:pt idx="10126">
                  <c:v>22.57887796099617</c:v>
                </c:pt>
                <c:pt idx="10127">
                  <c:v>22.57887796099617</c:v>
                </c:pt>
                <c:pt idx="10128">
                  <c:v>22.57887796099617</c:v>
                </c:pt>
                <c:pt idx="10129">
                  <c:v>22.583633205086262</c:v>
                </c:pt>
                <c:pt idx="10130">
                  <c:v>22.583633205086262</c:v>
                </c:pt>
                <c:pt idx="10131">
                  <c:v>22.583633205086262</c:v>
                </c:pt>
                <c:pt idx="10132">
                  <c:v>22.583633205086262</c:v>
                </c:pt>
                <c:pt idx="10133">
                  <c:v>22.583633205086262</c:v>
                </c:pt>
                <c:pt idx="10134">
                  <c:v>22.583633205086262</c:v>
                </c:pt>
                <c:pt idx="10135">
                  <c:v>22.583633205086262</c:v>
                </c:pt>
                <c:pt idx="10136">
                  <c:v>22.583633205086262</c:v>
                </c:pt>
                <c:pt idx="10137">
                  <c:v>22.583633205086262</c:v>
                </c:pt>
                <c:pt idx="10138">
                  <c:v>22.583633205086262</c:v>
                </c:pt>
                <c:pt idx="10139">
                  <c:v>22.588388449176481</c:v>
                </c:pt>
                <c:pt idx="10140">
                  <c:v>22.588388449176481</c:v>
                </c:pt>
                <c:pt idx="10141">
                  <c:v>22.588388449176481</c:v>
                </c:pt>
                <c:pt idx="10142">
                  <c:v>22.588388449176481</c:v>
                </c:pt>
                <c:pt idx="10143">
                  <c:v>22.588388449176481</c:v>
                </c:pt>
                <c:pt idx="10144">
                  <c:v>22.588388449176481</c:v>
                </c:pt>
                <c:pt idx="10145">
                  <c:v>22.588388449176481</c:v>
                </c:pt>
                <c:pt idx="10146">
                  <c:v>22.593003833146383</c:v>
                </c:pt>
                <c:pt idx="10147">
                  <c:v>22.593003833146383</c:v>
                </c:pt>
                <c:pt idx="10148">
                  <c:v>22.593003833146383</c:v>
                </c:pt>
                <c:pt idx="10149">
                  <c:v>22.597759077236603</c:v>
                </c:pt>
                <c:pt idx="10150">
                  <c:v>22.597759077236603</c:v>
                </c:pt>
                <c:pt idx="10151">
                  <c:v>22.597759077236603</c:v>
                </c:pt>
                <c:pt idx="10152">
                  <c:v>22.597759077236603</c:v>
                </c:pt>
                <c:pt idx="10153">
                  <c:v>22.602514321326698</c:v>
                </c:pt>
                <c:pt idx="10154">
                  <c:v>22.602514321326698</c:v>
                </c:pt>
                <c:pt idx="10155">
                  <c:v>22.602514321326698</c:v>
                </c:pt>
                <c:pt idx="10156">
                  <c:v>22.602514321326698</c:v>
                </c:pt>
                <c:pt idx="10157">
                  <c:v>22.602514321326698</c:v>
                </c:pt>
                <c:pt idx="10158">
                  <c:v>22.602514321326698</c:v>
                </c:pt>
                <c:pt idx="10159">
                  <c:v>22.602514321326698</c:v>
                </c:pt>
                <c:pt idx="10160">
                  <c:v>22.602514321326698</c:v>
                </c:pt>
                <c:pt idx="10161">
                  <c:v>22.6071297052966</c:v>
                </c:pt>
                <c:pt idx="10162">
                  <c:v>22.6071297052966</c:v>
                </c:pt>
                <c:pt idx="10163">
                  <c:v>22.6071297052966</c:v>
                </c:pt>
                <c:pt idx="10164">
                  <c:v>22.602514321326698</c:v>
                </c:pt>
                <c:pt idx="10165">
                  <c:v>22.602514321326698</c:v>
                </c:pt>
                <c:pt idx="10166">
                  <c:v>22.6071297052966</c:v>
                </c:pt>
                <c:pt idx="10167">
                  <c:v>22.6071297052966</c:v>
                </c:pt>
                <c:pt idx="10168">
                  <c:v>22.6071297052966</c:v>
                </c:pt>
                <c:pt idx="10169">
                  <c:v>22.6071297052966</c:v>
                </c:pt>
                <c:pt idx="10170">
                  <c:v>22.6071297052966</c:v>
                </c:pt>
                <c:pt idx="10171">
                  <c:v>22.6071297052966</c:v>
                </c:pt>
                <c:pt idx="10172">
                  <c:v>22.6071297052966</c:v>
                </c:pt>
                <c:pt idx="10173">
                  <c:v>22.602514321326698</c:v>
                </c:pt>
                <c:pt idx="10174">
                  <c:v>22.602514321326698</c:v>
                </c:pt>
                <c:pt idx="10175">
                  <c:v>22.602514321326698</c:v>
                </c:pt>
                <c:pt idx="10176">
                  <c:v>22.602514321326698</c:v>
                </c:pt>
                <c:pt idx="10177">
                  <c:v>22.602514321326698</c:v>
                </c:pt>
                <c:pt idx="10178">
                  <c:v>22.602514321326698</c:v>
                </c:pt>
                <c:pt idx="10179">
                  <c:v>22.602514321326698</c:v>
                </c:pt>
                <c:pt idx="10180">
                  <c:v>22.602514321326698</c:v>
                </c:pt>
                <c:pt idx="10181">
                  <c:v>22.602514321326698</c:v>
                </c:pt>
                <c:pt idx="10182">
                  <c:v>22.602514321326698</c:v>
                </c:pt>
                <c:pt idx="10183">
                  <c:v>22.602514321326698</c:v>
                </c:pt>
                <c:pt idx="10184">
                  <c:v>22.602514321326698</c:v>
                </c:pt>
                <c:pt idx="10185">
                  <c:v>22.602514321326698</c:v>
                </c:pt>
                <c:pt idx="10186">
                  <c:v>22.602514321326698</c:v>
                </c:pt>
                <c:pt idx="10187">
                  <c:v>22.602514321326698</c:v>
                </c:pt>
                <c:pt idx="10188">
                  <c:v>22.602514321326698</c:v>
                </c:pt>
                <c:pt idx="10189">
                  <c:v>22.6071297052966</c:v>
                </c:pt>
                <c:pt idx="10190">
                  <c:v>22.6071297052966</c:v>
                </c:pt>
                <c:pt idx="10191">
                  <c:v>22.6071297052966</c:v>
                </c:pt>
                <c:pt idx="10192">
                  <c:v>22.6071297052966</c:v>
                </c:pt>
                <c:pt idx="10193">
                  <c:v>22.61188494938682</c:v>
                </c:pt>
                <c:pt idx="10194">
                  <c:v>22.61188494938682</c:v>
                </c:pt>
                <c:pt idx="10195">
                  <c:v>22.61188494938682</c:v>
                </c:pt>
                <c:pt idx="10196">
                  <c:v>22.61188494938682</c:v>
                </c:pt>
                <c:pt idx="10197">
                  <c:v>22.61188494938682</c:v>
                </c:pt>
                <c:pt idx="10198">
                  <c:v>22.61188494938682</c:v>
                </c:pt>
                <c:pt idx="10199">
                  <c:v>22.61188494938682</c:v>
                </c:pt>
                <c:pt idx="10200">
                  <c:v>22.61188494938682</c:v>
                </c:pt>
                <c:pt idx="10201">
                  <c:v>22.61188494938682</c:v>
                </c:pt>
                <c:pt idx="10202">
                  <c:v>22.61188494938682</c:v>
                </c:pt>
                <c:pt idx="10203">
                  <c:v>22.61188494938682</c:v>
                </c:pt>
                <c:pt idx="10204">
                  <c:v>22.61188494938682</c:v>
                </c:pt>
                <c:pt idx="10205">
                  <c:v>22.61188494938682</c:v>
                </c:pt>
                <c:pt idx="10206">
                  <c:v>22.61188494938682</c:v>
                </c:pt>
                <c:pt idx="10207">
                  <c:v>22.61188494938682</c:v>
                </c:pt>
                <c:pt idx="10208">
                  <c:v>22.616640193476911</c:v>
                </c:pt>
                <c:pt idx="10209">
                  <c:v>22.616640193476911</c:v>
                </c:pt>
                <c:pt idx="10210">
                  <c:v>22.616640193476911</c:v>
                </c:pt>
                <c:pt idx="10211">
                  <c:v>22.616640193476911</c:v>
                </c:pt>
                <c:pt idx="10212">
                  <c:v>22.616640193476911</c:v>
                </c:pt>
                <c:pt idx="10213">
                  <c:v>22.616640193476911</c:v>
                </c:pt>
                <c:pt idx="10214">
                  <c:v>22.616640193476911</c:v>
                </c:pt>
                <c:pt idx="10215">
                  <c:v>22.616640193476911</c:v>
                </c:pt>
                <c:pt idx="10216">
                  <c:v>22.616640193476911</c:v>
                </c:pt>
                <c:pt idx="10217">
                  <c:v>22.616640193476911</c:v>
                </c:pt>
                <c:pt idx="10218">
                  <c:v>22.616640193476911</c:v>
                </c:pt>
                <c:pt idx="10219">
                  <c:v>22.616640193476911</c:v>
                </c:pt>
                <c:pt idx="10220">
                  <c:v>22.616640193476911</c:v>
                </c:pt>
                <c:pt idx="10221">
                  <c:v>22.616640193476911</c:v>
                </c:pt>
                <c:pt idx="10222">
                  <c:v>22.621255577446814</c:v>
                </c:pt>
                <c:pt idx="10223">
                  <c:v>22.621255577446814</c:v>
                </c:pt>
                <c:pt idx="10224">
                  <c:v>22.621255577446814</c:v>
                </c:pt>
                <c:pt idx="10225">
                  <c:v>22.621255577446814</c:v>
                </c:pt>
                <c:pt idx="10226">
                  <c:v>22.621255577446814</c:v>
                </c:pt>
                <c:pt idx="10227">
                  <c:v>22.621255577446814</c:v>
                </c:pt>
                <c:pt idx="10228">
                  <c:v>22.626010821537033</c:v>
                </c:pt>
                <c:pt idx="10229">
                  <c:v>22.626010821537033</c:v>
                </c:pt>
                <c:pt idx="10230">
                  <c:v>22.626010821537033</c:v>
                </c:pt>
                <c:pt idx="10231">
                  <c:v>22.626010821537033</c:v>
                </c:pt>
                <c:pt idx="10232">
                  <c:v>22.626010821537033</c:v>
                </c:pt>
                <c:pt idx="10233">
                  <c:v>22.616640193476911</c:v>
                </c:pt>
                <c:pt idx="10234">
                  <c:v>22.616640193476911</c:v>
                </c:pt>
                <c:pt idx="10235">
                  <c:v>22.616640193476911</c:v>
                </c:pt>
                <c:pt idx="10236">
                  <c:v>22.621255577446814</c:v>
                </c:pt>
                <c:pt idx="10237">
                  <c:v>22.630766065627125</c:v>
                </c:pt>
                <c:pt idx="10238">
                  <c:v>22.630766065627125</c:v>
                </c:pt>
                <c:pt idx="10239">
                  <c:v>22.626010821537033</c:v>
                </c:pt>
                <c:pt idx="10240">
                  <c:v>22.626010821537033</c:v>
                </c:pt>
                <c:pt idx="10241">
                  <c:v>22.626010821537033</c:v>
                </c:pt>
                <c:pt idx="10242">
                  <c:v>22.621255577446814</c:v>
                </c:pt>
                <c:pt idx="10243">
                  <c:v>22.621255577446814</c:v>
                </c:pt>
                <c:pt idx="10244">
                  <c:v>22.621255577446814</c:v>
                </c:pt>
                <c:pt idx="10245">
                  <c:v>22.621255577446814</c:v>
                </c:pt>
                <c:pt idx="10246">
                  <c:v>22.621255577446814</c:v>
                </c:pt>
                <c:pt idx="10247">
                  <c:v>22.621255577446814</c:v>
                </c:pt>
                <c:pt idx="10248">
                  <c:v>22.621255577446814</c:v>
                </c:pt>
                <c:pt idx="10249">
                  <c:v>22.621255577446814</c:v>
                </c:pt>
                <c:pt idx="10250">
                  <c:v>22.621255577446814</c:v>
                </c:pt>
                <c:pt idx="10251">
                  <c:v>22.621255577446814</c:v>
                </c:pt>
                <c:pt idx="10252">
                  <c:v>22.621255577446814</c:v>
                </c:pt>
                <c:pt idx="10253">
                  <c:v>22.626010821537033</c:v>
                </c:pt>
                <c:pt idx="10254">
                  <c:v>22.626010821537033</c:v>
                </c:pt>
                <c:pt idx="10255">
                  <c:v>22.626010821537033</c:v>
                </c:pt>
                <c:pt idx="10256">
                  <c:v>22.626010821537033</c:v>
                </c:pt>
                <c:pt idx="10257">
                  <c:v>22.626010821537033</c:v>
                </c:pt>
                <c:pt idx="10258">
                  <c:v>22.635381449597027</c:v>
                </c:pt>
                <c:pt idx="10259">
                  <c:v>22.635381449597027</c:v>
                </c:pt>
                <c:pt idx="10260">
                  <c:v>22.635381449597027</c:v>
                </c:pt>
                <c:pt idx="10261">
                  <c:v>22.635381449597027</c:v>
                </c:pt>
                <c:pt idx="10262">
                  <c:v>22.626010821537033</c:v>
                </c:pt>
                <c:pt idx="10263">
                  <c:v>22.626010821537033</c:v>
                </c:pt>
                <c:pt idx="10264">
                  <c:v>22.630766065627125</c:v>
                </c:pt>
                <c:pt idx="10265">
                  <c:v>22.630766065627125</c:v>
                </c:pt>
                <c:pt idx="10266">
                  <c:v>22.630766065627125</c:v>
                </c:pt>
                <c:pt idx="10267">
                  <c:v>22.635381449597027</c:v>
                </c:pt>
                <c:pt idx="10268">
                  <c:v>22.635381449597027</c:v>
                </c:pt>
                <c:pt idx="10269">
                  <c:v>22.635381449597027</c:v>
                </c:pt>
                <c:pt idx="10270">
                  <c:v>22.635381449597027</c:v>
                </c:pt>
                <c:pt idx="10271">
                  <c:v>22.635381449597027</c:v>
                </c:pt>
                <c:pt idx="10272">
                  <c:v>22.635381449597027</c:v>
                </c:pt>
                <c:pt idx="10273">
                  <c:v>22.635381449597027</c:v>
                </c:pt>
                <c:pt idx="10274">
                  <c:v>22.635381449597027</c:v>
                </c:pt>
                <c:pt idx="10275">
                  <c:v>22.635381449597027</c:v>
                </c:pt>
                <c:pt idx="10276">
                  <c:v>22.635381449597027</c:v>
                </c:pt>
                <c:pt idx="10277">
                  <c:v>22.635381449597027</c:v>
                </c:pt>
                <c:pt idx="10278">
                  <c:v>22.635381449597027</c:v>
                </c:pt>
                <c:pt idx="10279">
                  <c:v>22.635381449597027</c:v>
                </c:pt>
                <c:pt idx="10280">
                  <c:v>22.630766065627125</c:v>
                </c:pt>
                <c:pt idx="10281">
                  <c:v>22.630766065627125</c:v>
                </c:pt>
                <c:pt idx="10282">
                  <c:v>22.630766065627125</c:v>
                </c:pt>
                <c:pt idx="10283">
                  <c:v>22.630766065627125</c:v>
                </c:pt>
                <c:pt idx="10284">
                  <c:v>22.630766065627125</c:v>
                </c:pt>
                <c:pt idx="10285">
                  <c:v>22.630766065627125</c:v>
                </c:pt>
                <c:pt idx="10286">
                  <c:v>22.630766065627125</c:v>
                </c:pt>
                <c:pt idx="10287">
                  <c:v>22.630766065627125</c:v>
                </c:pt>
                <c:pt idx="10288">
                  <c:v>22.630766065627125</c:v>
                </c:pt>
                <c:pt idx="10289">
                  <c:v>22.630766065627125</c:v>
                </c:pt>
                <c:pt idx="10290">
                  <c:v>22.630766065627125</c:v>
                </c:pt>
                <c:pt idx="10291">
                  <c:v>22.635381449597027</c:v>
                </c:pt>
                <c:pt idx="10292">
                  <c:v>22.635381449597027</c:v>
                </c:pt>
                <c:pt idx="10293">
                  <c:v>22.635381449597027</c:v>
                </c:pt>
                <c:pt idx="10294">
                  <c:v>22.635381449597027</c:v>
                </c:pt>
                <c:pt idx="10295">
                  <c:v>22.635381449597027</c:v>
                </c:pt>
                <c:pt idx="10296">
                  <c:v>22.635381449597027</c:v>
                </c:pt>
                <c:pt idx="10297">
                  <c:v>22.640136693687246</c:v>
                </c:pt>
                <c:pt idx="10298">
                  <c:v>22.640136693687246</c:v>
                </c:pt>
                <c:pt idx="10299">
                  <c:v>22.640136693687246</c:v>
                </c:pt>
                <c:pt idx="10300">
                  <c:v>22.640136693687246</c:v>
                </c:pt>
                <c:pt idx="10301">
                  <c:v>22.640136693687246</c:v>
                </c:pt>
                <c:pt idx="10302">
                  <c:v>22.640136693687246</c:v>
                </c:pt>
                <c:pt idx="10303">
                  <c:v>22.640136693687246</c:v>
                </c:pt>
                <c:pt idx="10304">
                  <c:v>22.644891937777462</c:v>
                </c:pt>
                <c:pt idx="10305">
                  <c:v>22.644891937777462</c:v>
                </c:pt>
                <c:pt idx="10306">
                  <c:v>22.644891937777462</c:v>
                </c:pt>
                <c:pt idx="10307">
                  <c:v>22.644891937777462</c:v>
                </c:pt>
                <c:pt idx="10308">
                  <c:v>22.644891937777462</c:v>
                </c:pt>
                <c:pt idx="10309">
                  <c:v>22.644891937777462</c:v>
                </c:pt>
                <c:pt idx="10310">
                  <c:v>22.644891937777462</c:v>
                </c:pt>
                <c:pt idx="10311">
                  <c:v>22.644891937777462</c:v>
                </c:pt>
                <c:pt idx="10312">
                  <c:v>22.644891937777462</c:v>
                </c:pt>
                <c:pt idx="10313">
                  <c:v>22.649507321747244</c:v>
                </c:pt>
                <c:pt idx="10314">
                  <c:v>22.649507321747244</c:v>
                </c:pt>
                <c:pt idx="10315">
                  <c:v>22.649507321747244</c:v>
                </c:pt>
                <c:pt idx="10316">
                  <c:v>22.649507321747244</c:v>
                </c:pt>
                <c:pt idx="10317">
                  <c:v>22.649507321747244</c:v>
                </c:pt>
                <c:pt idx="10318">
                  <c:v>22.649507321747244</c:v>
                </c:pt>
                <c:pt idx="10319">
                  <c:v>22.649507321747244</c:v>
                </c:pt>
                <c:pt idx="10320">
                  <c:v>22.649507321747244</c:v>
                </c:pt>
                <c:pt idx="10321">
                  <c:v>22.649507321747244</c:v>
                </c:pt>
                <c:pt idx="10322">
                  <c:v>22.649507321747244</c:v>
                </c:pt>
                <c:pt idx="10323">
                  <c:v>22.649507321747244</c:v>
                </c:pt>
                <c:pt idx="10324">
                  <c:v>22.649507321747244</c:v>
                </c:pt>
                <c:pt idx="10325">
                  <c:v>22.649507321747244</c:v>
                </c:pt>
                <c:pt idx="10326">
                  <c:v>22.649507321747244</c:v>
                </c:pt>
                <c:pt idx="10327">
                  <c:v>22.649507321747244</c:v>
                </c:pt>
                <c:pt idx="10328">
                  <c:v>22.649507321747244</c:v>
                </c:pt>
                <c:pt idx="10329">
                  <c:v>22.649507321747244</c:v>
                </c:pt>
                <c:pt idx="10330">
                  <c:v>22.649507321747244</c:v>
                </c:pt>
                <c:pt idx="10331">
                  <c:v>22.654262565837463</c:v>
                </c:pt>
                <c:pt idx="10332">
                  <c:v>22.654262565837463</c:v>
                </c:pt>
                <c:pt idx="10333">
                  <c:v>22.654262565837463</c:v>
                </c:pt>
                <c:pt idx="10334">
                  <c:v>22.659017809927679</c:v>
                </c:pt>
                <c:pt idx="10335">
                  <c:v>22.659017809927679</c:v>
                </c:pt>
                <c:pt idx="10336">
                  <c:v>22.659017809927679</c:v>
                </c:pt>
                <c:pt idx="10337">
                  <c:v>22.659017809927679</c:v>
                </c:pt>
                <c:pt idx="10338">
                  <c:v>22.659017809927679</c:v>
                </c:pt>
                <c:pt idx="10339">
                  <c:v>22.659017809927679</c:v>
                </c:pt>
                <c:pt idx="10340">
                  <c:v>22.659017809927679</c:v>
                </c:pt>
                <c:pt idx="10341">
                  <c:v>22.659017809927679</c:v>
                </c:pt>
                <c:pt idx="10342">
                  <c:v>22.659017809927679</c:v>
                </c:pt>
                <c:pt idx="10343">
                  <c:v>22.659017809927679</c:v>
                </c:pt>
                <c:pt idx="10344">
                  <c:v>22.659017809927679</c:v>
                </c:pt>
                <c:pt idx="10345">
                  <c:v>22.659017809927679</c:v>
                </c:pt>
                <c:pt idx="10346">
                  <c:v>22.659017809927679</c:v>
                </c:pt>
                <c:pt idx="10347">
                  <c:v>22.659017809927679</c:v>
                </c:pt>
                <c:pt idx="10348">
                  <c:v>22.663773054017774</c:v>
                </c:pt>
                <c:pt idx="10349">
                  <c:v>22.663773054017774</c:v>
                </c:pt>
                <c:pt idx="10350">
                  <c:v>22.668388437987677</c:v>
                </c:pt>
                <c:pt idx="10351">
                  <c:v>22.68251431013789</c:v>
                </c:pt>
                <c:pt idx="10352">
                  <c:v>22.677898926167988</c:v>
                </c:pt>
                <c:pt idx="10353">
                  <c:v>22.677898926167988</c:v>
                </c:pt>
                <c:pt idx="10354">
                  <c:v>22.673143682077892</c:v>
                </c:pt>
                <c:pt idx="10355">
                  <c:v>22.673143682077892</c:v>
                </c:pt>
                <c:pt idx="10356">
                  <c:v>22.673143682077892</c:v>
                </c:pt>
                <c:pt idx="10357">
                  <c:v>22.668388437987677</c:v>
                </c:pt>
                <c:pt idx="10358">
                  <c:v>22.668388437987677</c:v>
                </c:pt>
                <c:pt idx="10359">
                  <c:v>22.668388437987677</c:v>
                </c:pt>
                <c:pt idx="10360">
                  <c:v>22.668388437987677</c:v>
                </c:pt>
                <c:pt idx="10361">
                  <c:v>22.668388437987677</c:v>
                </c:pt>
                <c:pt idx="10362">
                  <c:v>22.668388437987677</c:v>
                </c:pt>
                <c:pt idx="10363">
                  <c:v>22.673143682077892</c:v>
                </c:pt>
                <c:pt idx="10364">
                  <c:v>22.673143682077892</c:v>
                </c:pt>
                <c:pt idx="10365">
                  <c:v>22.673143682077892</c:v>
                </c:pt>
                <c:pt idx="10366">
                  <c:v>22.677898926167988</c:v>
                </c:pt>
                <c:pt idx="10367">
                  <c:v>22.677898926167988</c:v>
                </c:pt>
                <c:pt idx="10368">
                  <c:v>22.677898926167988</c:v>
                </c:pt>
                <c:pt idx="10369">
                  <c:v>22.68251431013789</c:v>
                </c:pt>
                <c:pt idx="10370">
                  <c:v>22.68251431013789</c:v>
                </c:pt>
                <c:pt idx="10371">
                  <c:v>22.687269554228106</c:v>
                </c:pt>
                <c:pt idx="10372">
                  <c:v>22.687269554228106</c:v>
                </c:pt>
                <c:pt idx="10373">
                  <c:v>22.687269554228106</c:v>
                </c:pt>
                <c:pt idx="10374">
                  <c:v>22.68251431013789</c:v>
                </c:pt>
                <c:pt idx="10375">
                  <c:v>22.68251431013789</c:v>
                </c:pt>
                <c:pt idx="10376">
                  <c:v>22.668388437987677</c:v>
                </c:pt>
                <c:pt idx="10377">
                  <c:v>22.673143682077892</c:v>
                </c:pt>
                <c:pt idx="10378">
                  <c:v>22.677898926167988</c:v>
                </c:pt>
                <c:pt idx="10379">
                  <c:v>22.677898926167988</c:v>
                </c:pt>
                <c:pt idx="10380">
                  <c:v>22.68251431013789</c:v>
                </c:pt>
                <c:pt idx="10381">
                  <c:v>22.68251431013789</c:v>
                </c:pt>
                <c:pt idx="10382">
                  <c:v>22.687269554228106</c:v>
                </c:pt>
                <c:pt idx="10383">
                  <c:v>22.687269554228106</c:v>
                </c:pt>
                <c:pt idx="10384">
                  <c:v>22.68251431013789</c:v>
                </c:pt>
                <c:pt idx="10385">
                  <c:v>22.68251431013789</c:v>
                </c:pt>
                <c:pt idx="10386">
                  <c:v>22.68251431013789</c:v>
                </c:pt>
                <c:pt idx="10387">
                  <c:v>22.68251431013789</c:v>
                </c:pt>
                <c:pt idx="10388">
                  <c:v>22.68251431013789</c:v>
                </c:pt>
                <c:pt idx="10389">
                  <c:v>22.677898926167988</c:v>
                </c:pt>
                <c:pt idx="10390">
                  <c:v>22.677898926167988</c:v>
                </c:pt>
                <c:pt idx="10391">
                  <c:v>22.677898926167988</c:v>
                </c:pt>
                <c:pt idx="10392">
                  <c:v>22.677898926167988</c:v>
                </c:pt>
                <c:pt idx="10393">
                  <c:v>22.673143682077892</c:v>
                </c:pt>
                <c:pt idx="10394">
                  <c:v>22.673143682077892</c:v>
                </c:pt>
                <c:pt idx="10395">
                  <c:v>22.673143682077892</c:v>
                </c:pt>
                <c:pt idx="10396">
                  <c:v>22.673143682077892</c:v>
                </c:pt>
                <c:pt idx="10397">
                  <c:v>22.673143682077892</c:v>
                </c:pt>
                <c:pt idx="10398">
                  <c:v>22.668388437987677</c:v>
                </c:pt>
                <c:pt idx="10399">
                  <c:v>22.668388437987677</c:v>
                </c:pt>
                <c:pt idx="10400">
                  <c:v>22.668388437987677</c:v>
                </c:pt>
                <c:pt idx="10401">
                  <c:v>22.668388437987677</c:v>
                </c:pt>
                <c:pt idx="10402">
                  <c:v>22.668388437987677</c:v>
                </c:pt>
                <c:pt idx="10403">
                  <c:v>22.668388437987677</c:v>
                </c:pt>
                <c:pt idx="10404">
                  <c:v>22.668388437987677</c:v>
                </c:pt>
                <c:pt idx="10405">
                  <c:v>22.668388437987677</c:v>
                </c:pt>
                <c:pt idx="10406">
                  <c:v>22.663773054017774</c:v>
                </c:pt>
                <c:pt idx="10407">
                  <c:v>22.663773054017774</c:v>
                </c:pt>
                <c:pt idx="10408">
                  <c:v>22.663773054017774</c:v>
                </c:pt>
                <c:pt idx="10409">
                  <c:v>22.668388437987677</c:v>
                </c:pt>
                <c:pt idx="10410">
                  <c:v>22.668388437987677</c:v>
                </c:pt>
                <c:pt idx="10411">
                  <c:v>22.663773054017774</c:v>
                </c:pt>
                <c:pt idx="10412">
                  <c:v>22.663773054017774</c:v>
                </c:pt>
                <c:pt idx="10413">
                  <c:v>22.663773054017774</c:v>
                </c:pt>
                <c:pt idx="10414">
                  <c:v>22.663773054017774</c:v>
                </c:pt>
                <c:pt idx="10415">
                  <c:v>22.663773054017774</c:v>
                </c:pt>
                <c:pt idx="10416">
                  <c:v>22.663773054017774</c:v>
                </c:pt>
                <c:pt idx="10417">
                  <c:v>22.663773054017774</c:v>
                </c:pt>
                <c:pt idx="10418">
                  <c:v>22.663773054017774</c:v>
                </c:pt>
                <c:pt idx="10419">
                  <c:v>22.663773054017774</c:v>
                </c:pt>
                <c:pt idx="10420">
                  <c:v>22.659017809927679</c:v>
                </c:pt>
                <c:pt idx="10421">
                  <c:v>22.663773054017774</c:v>
                </c:pt>
                <c:pt idx="10422">
                  <c:v>22.663773054017774</c:v>
                </c:pt>
                <c:pt idx="10423">
                  <c:v>22.663773054017774</c:v>
                </c:pt>
                <c:pt idx="10424">
                  <c:v>22.663773054017774</c:v>
                </c:pt>
                <c:pt idx="10425">
                  <c:v>22.663773054017774</c:v>
                </c:pt>
                <c:pt idx="10426">
                  <c:v>22.663773054017774</c:v>
                </c:pt>
                <c:pt idx="10427">
                  <c:v>22.663773054017774</c:v>
                </c:pt>
                <c:pt idx="10428">
                  <c:v>22.663773054017774</c:v>
                </c:pt>
                <c:pt idx="10429">
                  <c:v>22.663773054017774</c:v>
                </c:pt>
                <c:pt idx="10430">
                  <c:v>22.663773054017774</c:v>
                </c:pt>
                <c:pt idx="10431">
                  <c:v>22.668388437987677</c:v>
                </c:pt>
                <c:pt idx="10432">
                  <c:v>22.668388437987677</c:v>
                </c:pt>
                <c:pt idx="10433">
                  <c:v>22.668388437987677</c:v>
                </c:pt>
                <c:pt idx="10434">
                  <c:v>22.668388437987677</c:v>
                </c:pt>
                <c:pt idx="10435">
                  <c:v>22.673143682077892</c:v>
                </c:pt>
                <c:pt idx="10436">
                  <c:v>22.673143682077892</c:v>
                </c:pt>
                <c:pt idx="10437">
                  <c:v>22.673143682077892</c:v>
                </c:pt>
                <c:pt idx="10438">
                  <c:v>22.673143682077892</c:v>
                </c:pt>
                <c:pt idx="10439">
                  <c:v>22.677898926167988</c:v>
                </c:pt>
                <c:pt idx="10440">
                  <c:v>22.677898926167988</c:v>
                </c:pt>
                <c:pt idx="10441">
                  <c:v>22.68251431013789</c:v>
                </c:pt>
                <c:pt idx="10442">
                  <c:v>22.68251431013789</c:v>
                </c:pt>
                <c:pt idx="10443">
                  <c:v>22.68251431013789</c:v>
                </c:pt>
                <c:pt idx="10444">
                  <c:v>22.687269554228106</c:v>
                </c:pt>
                <c:pt idx="10445">
                  <c:v>22.687269554228106</c:v>
                </c:pt>
                <c:pt idx="10446">
                  <c:v>22.687269554228106</c:v>
                </c:pt>
                <c:pt idx="10447">
                  <c:v>22.687269554228106</c:v>
                </c:pt>
                <c:pt idx="10448">
                  <c:v>22.687269554228106</c:v>
                </c:pt>
                <c:pt idx="10449">
                  <c:v>22.687269554228106</c:v>
                </c:pt>
                <c:pt idx="10450">
                  <c:v>22.687269554228106</c:v>
                </c:pt>
                <c:pt idx="10451">
                  <c:v>22.687269554228106</c:v>
                </c:pt>
                <c:pt idx="10452">
                  <c:v>22.687269554228106</c:v>
                </c:pt>
                <c:pt idx="10453">
                  <c:v>22.687269554228106</c:v>
                </c:pt>
                <c:pt idx="10454">
                  <c:v>22.687269554228106</c:v>
                </c:pt>
                <c:pt idx="10455">
                  <c:v>22.687269554228106</c:v>
                </c:pt>
                <c:pt idx="10456">
                  <c:v>22.687269554228106</c:v>
                </c:pt>
                <c:pt idx="10457">
                  <c:v>22.687269554228106</c:v>
                </c:pt>
                <c:pt idx="10458">
                  <c:v>22.687269554228106</c:v>
                </c:pt>
                <c:pt idx="10459">
                  <c:v>22.687269554228106</c:v>
                </c:pt>
                <c:pt idx="10460">
                  <c:v>22.687269554228106</c:v>
                </c:pt>
                <c:pt idx="10461">
                  <c:v>22.687269554228106</c:v>
                </c:pt>
                <c:pt idx="10462">
                  <c:v>22.687269554228106</c:v>
                </c:pt>
                <c:pt idx="10463">
                  <c:v>22.68251431013789</c:v>
                </c:pt>
                <c:pt idx="10464">
                  <c:v>22.68251431013789</c:v>
                </c:pt>
                <c:pt idx="10465">
                  <c:v>22.68251431013789</c:v>
                </c:pt>
                <c:pt idx="10466">
                  <c:v>22.68251431013789</c:v>
                </c:pt>
                <c:pt idx="10467">
                  <c:v>22.68251431013789</c:v>
                </c:pt>
                <c:pt idx="10468">
                  <c:v>22.677898926167988</c:v>
                </c:pt>
                <c:pt idx="10469">
                  <c:v>22.677898926167988</c:v>
                </c:pt>
                <c:pt idx="10470">
                  <c:v>22.677898926167988</c:v>
                </c:pt>
                <c:pt idx="10471">
                  <c:v>22.677898926167988</c:v>
                </c:pt>
                <c:pt idx="10472">
                  <c:v>22.677898926167988</c:v>
                </c:pt>
                <c:pt idx="10473">
                  <c:v>22.677898926167988</c:v>
                </c:pt>
                <c:pt idx="10474">
                  <c:v>22.677898926167988</c:v>
                </c:pt>
                <c:pt idx="10475">
                  <c:v>22.677898926167988</c:v>
                </c:pt>
                <c:pt idx="10476">
                  <c:v>22.677898926167988</c:v>
                </c:pt>
                <c:pt idx="10477">
                  <c:v>22.677898926167988</c:v>
                </c:pt>
                <c:pt idx="10478">
                  <c:v>22.68251431013789</c:v>
                </c:pt>
                <c:pt idx="10479">
                  <c:v>22.68251431013789</c:v>
                </c:pt>
                <c:pt idx="10480">
                  <c:v>22.68251431013789</c:v>
                </c:pt>
                <c:pt idx="10481">
                  <c:v>22.68251431013789</c:v>
                </c:pt>
                <c:pt idx="10482">
                  <c:v>22.68251431013789</c:v>
                </c:pt>
                <c:pt idx="10483">
                  <c:v>22.68251431013789</c:v>
                </c:pt>
                <c:pt idx="10484">
                  <c:v>22.68251431013789</c:v>
                </c:pt>
                <c:pt idx="10485">
                  <c:v>22.68251431013789</c:v>
                </c:pt>
                <c:pt idx="10486">
                  <c:v>22.68251431013789</c:v>
                </c:pt>
                <c:pt idx="10487">
                  <c:v>22.68251431013789</c:v>
                </c:pt>
                <c:pt idx="10488">
                  <c:v>22.68251431013789</c:v>
                </c:pt>
                <c:pt idx="10489">
                  <c:v>22.687269554228106</c:v>
                </c:pt>
                <c:pt idx="10490">
                  <c:v>22.687269554228106</c:v>
                </c:pt>
                <c:pt idx="10491">
                  <c:v>22.687269554228106</c:v>
                </c:pt>
                <c:pt idx="10492">
                  <c:v>22.687269554228106</c:v>
                </c:pt>
                <c:pt idx="10493">
                  <c:v>22.687269554228106</c:v>
                </c:pt>
                <c:pt idx="10494">
                  <c:v>22.687269554228106</c:v>
                </c:pt>
                <c:pt idx="10495">
                  <c:v>22.687269554228106</c:v>
                </c:pt>
                <c:pt idx="10496">
                  <c:v>22.687269554228106</c:v>
                </c:pt>
                <c:pt idx="10497">
                  <c:v>22.687269554228106</c:v>
                </c:pt>
                <c:pt idx="10498">
                  <c:v>22.687269554228106</c:v>
                </c:pt>
                <c:pt idx="10499">
                  <c:v>22.687269554228106</c:v>
                </c:pt>
                <c:pt idx="10500">
                  <c:v>22.687269554228106</c:v>
                </c:pt>
                <c:pt idx="10501">
                  <c:v>22.687269554228106</c:v>
                </c:pt>
                <c:pt idx="10502">
                  <c:v>22.687269554228106</c:v>
                </c:pt>
                <c:pt idx="10503">
                  <c:v>22.68251431013789</c:v>
                </c:pt>
                <c:pt idx="10504">
                  <c:v>22.68251431013789</c:v>
                </c:pt>
                <c:pt idx="10505">
                  <c:v>22.68251431013789</c:v>
                </c:pt>
                <c:pt idx="10506">
                  <c:v>22.68251431013789</c:v>
                </c:pt>
                <c:pt idx="10507">
                  <c:v>22.68251431013789</c:v>
                </c:pt>
                <c:pt idx="10508">
                  <c:v>22.68251431013789</c:v>
                </c:pt>
                <c:pt idx="10509">
                  <c:v>22.68251431013789</c:v>
                </c:pt>
                <c:pt idx="10510">
                  <c:v>22.68251431013789</c:v>
                </c:pt>
                <c:pt idx="10511">
                  <c:v>22.68251431013789</c:v>
                </c:pt>
                <c:pt idx="10512">
                  <c:v>22.687269554228106</c:v>
                </c:pt>
                <c:pt idx="10513">
                  <c:v>22.687269554228106</c:v>
                </c:pt>
                <c:pt idx="10514">
                  <c:v>22.687269554228106</c:v>
                </c:pt>
                <c:pt idx="10515">
                  <c:v>22.687269554228106</c:v>
                </c:pt>
                <c:pt idx="10516">
                  <c:v>22.687269554228106</c:v>
                </c:pt>
                <c:pt idx="10517">
                  <c:v>22.687269554228106</c:v>
                </c:pt>
                <c:pt idx="10518">
                  <c:v>22.687269554228106</c:v>
                </c:pt>
                <c:pt idx="10519">
                  <c:v>22.687269554228106</c:v>
                </c:pt>
                <c:pt idx="10520">
                  <c:v>22.692024798318329</c:v>
                </c:pt>
                <c:pt idx="10521">
                  <c:v>22.692024798318329</c:v>
                </c:pt>
                <c:pt idx="10522">
                  <c:v>22.692024798318329</c:v>
                </c:pt>
                <c:pt idx="10523">
                  <c:v>22.692024798318329</c:v>
                </c:pt>
                <c:pt idx="10524">
                  <c:v>22.692024798318329</c:v>
                </c:pt>
                <c:pt idx="10525">
                  <c:v>22.692024798318329</c:v>
                </c:pt>
                <c:pt idx="10526">
                  <c:v>22.692024798318329</c:v>
                </c:pt>
                <c:pt idx="10527">
                  <c:v>22.692024798318329</c:v>
                </c:pt>
                <c:pt idx="10528">
                  <c:v>22.692024798318329</c:v>
                </c:pt>
                <c:pt idx="10529">
                  <c:v>22.692024798318329</c:v>
                </c:pt>
                <c:pt idx="10530">
                  <c:v>22.696640182288107</c:v>
                </c:pt>
                <c:pt idx="10531">
                  <c:v>22.696640182288107</c:v>
                </c:pt>
                <c:pt idx="10532">
                  <c:v>22.696640182288107</c:v>
                </c:pt>
                <c:pt idx="10533">
                  <c:v>22.696640182288107</c:v>
                </c:pt>
                <c:pt idx="10534">
                  <c:v>22.696640182288107</c:v>
                </c:pt>
                <c:pt idx="10535">
                  <c:v>22.696640182288107</c:v>
                </c:pt>
                <c:pt idx="10536">
                  <c:v>22.696640182288107</c:v>
                </c:pt>
                <c:pt idx="10537">
                  <c:v>22.696640182288107</c:v>
                </c:pt>
                <c:pt idx="10538">
                  <c:v>22.696640182288107</c:v>
                </c:pt>
                <c:pt idx="10539">
                  <c:v>22.696640182288107</c:v>
                </c:pt>
                <c:pt idx="10540">
                  <c:v>22.696640182288107</c:v>
                </c:pt>
                <c:pt idx="10541">
                  <c:v>22.696640182288107</c:v>
                </c:pt>
                <c:pt idx="10542">
                  <c:v>22.696640182288107</c:v>
                </c:pt>
                <c:pt idx="10543">
                  <c:v>22.696640182288107</c:v>
                </c:pt>
                <c:pt idx="10544">
                  <c:v>22.696640182288107</c:v>
                </c:pt>
                <c:pt idx="10545">
                  <c:v>22.696640182288107</c:v>
                </c:pt>
                <c:pt idx="10546">
                  <c:v>22.696640182288107</c:v>
                </c:pt>
                <c:pt idx="10547">
                  <c:v>22.696640182288107</c:v>
                </c:pt>
                <c:pt idx="10548">
                  <c:v>22.696640182288107</c:v>
                </c:pt>
                <c:pt idx="10549">
                  <c:v>22.696640182288107</c:v>
                </c:pt>
                <c:pt idx="10550">
                  <c:v>22.696640182288107</c:v>
                </c:pt>
                <c:pt idx="10551">
                  <c:v>22.696640182288107</c:v>
                </c:pt>
                <c:pt idx="10552">
                  <c:v>22.696640182288107</c:v>
                </c:pt>
                <c:pt idx="10553">
                  <c:v>22.696640182288107</c:v>
                </c:pt>
                <c:pt idx="10554">
                  <c:v>22.696640182288107</c:v>
                </c:pt>
                <c:pt idx="10555">
                  <c:v>22.696640182288107</c:v>
                </c:pt>
                <c:pt idx="10556">
                  <c:v>22.692024798318329</c:v>
                </c:pt>
                <c:pt idx="10557">
                  <c:v>22.692024798318329</c:v>
                </c:pt>
                <c:pt idx="10558">
                  <c:v>22.692024798318329</c:v>
                </c:pt>
                <c:pt idx="10559">
                  <c:v>22.692024798318329</c:v>
                </c:pt>
                <c:pt idx="10560">
                  <c:v>22.692024798318329</c:v>
                </c:pt>
                <c:pt idx="10561">
                  <c:v>22.692024798318329</c:v>
                </c:pt>
                <c:pt idx="10562">
                  <c:v>22.692024798318329</c:v>
                </c:pt>
                <c:pt idx="10563">
                  <c:v>22.692024798318329</c:v>
                </c:pt>
                <c:pt idx="10564">
                  <c:v>22.692024798318329</c:v>
                </c:pt>
                <c:pt idx="10565">
                  <c:v>22.692024798318329</c:v>
                </c:pt>
                <c:pt idx="10566">
                  <c:v>22.692024798318329</c:v>
                </c:pt>
                <c:pt idx="10567">
                  <c:v>22.692024798318329</c:v>
                </c:pt>
                <c:pt idx="10568">
                  <c:v>22.696640182288107</c:v>
                </c:pt>
                <c:pt idx="10569">
                  <c:v>22.696640182288107</c:v>
                </c:pt>
                <c:pt idx="10570">
                  <c:v>22.696640182288107</c:v>
                </c:pt>
                <c:pt idx="10571">
                  <c:v>22.696640182288107</c:v>
                </c:pt>
                <c:pt idx="10572">
                  <c:v>22.696640182288107</c:v>
                </c:pt>
                <c:pt idx="10573">
                  <c:v>22.696640182288107</c:v>
                </c:pt>
                <c:pt idx="10574">
                  <c:v>22.696640182288107</c:v>
                </c:pt>
                <c:pt idx="10575">
                  <c:v>22.696640182288107</c:v>
                </c:pt>
                <c:pt idx="10576">
                  <c:v>22.696640182288107</c:v>
                </c:pt>
                <c:pt idx="10577">
                  <c:v>22.701395426378323</c:v>
                </c:pt>
                <c:pt idx="10578">
                  <c:v>22.701395426378323</c:v>
                </c:pt>
                <c:pt idx="10579">
                  <c:v>22.701395426378323</c:v>
                </c:pt>
                <c:pt idx="10580">
                  <c:v>22.701395426378323</c:v>
                </c:pt>
                <c:pt idx="10581">
                  <c:v>22.701395426378323</c:v>
                </c:pt>
                <c:pt idx="10582">
                  <c:v>22.701395426378323</c:v>
                </c:pt>
                <c:pt idx="10583">
                  <c:v>22.706150670468542</c:v>
                </c:pt>
                <c:pt idx="10584">
                  <c:v>22.706150670468542</c:v>
                </c:pt>
                <c:pt idx="10585">
                  <c:v>22.706150670468542</c:v>
                </c:pt>
                <c:pt idx="10586">
                  <c:v>22.706150670468542</c:v>
                </c:pt>
                <c:pt idx="10587">
                  <c:v>22.706150670468542</c:v>
                </c:pt>
                <c:pt idx="10588">
                  <c:v>22.706150670468542</c:v>
                </c:pt>
                <c:pt idx="10589">
                  <c:v>22.706150670468542</c:v>
                </c:pt>
                <c:pt idx="10590">
                  <c:v>22.706150670468542</c:v>
                </c:pt>
                <c:pt idx="10591">
                  <c:v>22.71076605443832</c:v>
                </c:pt>
                <c:pt idx="10592">
                  <c:v>22.71076605443832</c:v>
                </c:pt>
                <c:pt idx="10593">
                  <c:v>22.71076605443832</c:v>
                </c:pt>
                <c:pt idx="10594">
                  <c:v>22.71076605443832</c:v>
                </c:pt>
                <c:pt idx="10595">
                  <c:v>22.71076605443832</c:v>
                </c:pt>
                <c:pt idx="10596">
                  <c:v>22.71076605443832</c:v>
                </c:pt>
                <c:pt idx="10597">
                  <c:v>22.71076605443832</c:v>
                </c:pt>
                <c:pt idx="10598">
                  <c:v>22.71076605443832</c:v>
                </c:pt>
                <c:pt idx="10599">
                  <c:v>22.71076605443832</c:v>
                </c:pt>
                <c:pt idx="10600">
                  <c:v>22.71076605443832</c:v>
                </c:pt>
                <c:pt idx="10601">
                  <c:v>22.71076605443832</c:v>
                </c:pt>
                <c:pt idx="10602">
                  <c:v>22.71076605443832</c:v>
                </c:pt>
                <c:pt idx="10603">
                  <c:v>22.71076605443832</c:v>
                </c:pt>
                <c:pt idx="10604">
                  <c:v>22.71076605443832</c:v>
                </c:pt>
                <c:pt idx="10605">
                  <c:v>22.71076605443832</c:v>
                </c:pt>
                <c:pt idx="10606">
                  <c:v>22.71076605443832</c:v>
                </c:pt>
                <c:pt idx="10607">
                  <c:v>22.71076605443832</c:v>
                </c:pt>
                <c:pt idx="10608">
                  <c:v>22.71076605443832</c:v>
                </c:pt>
                <c:pt idx="10609">
                  <c:v>22.71076605443832</c:v>
                </c:pt>
                <c:pt idx="10610">
                  <c:v>22.71076605443832</c:v>
                </c:pt>
                <c:pt idx="10611">
                  <c:v>22.71076605443832</c:v>
                </c:pt>
                <c:pt idx="10612">
                  <c:v>22.71076605443832</c:v>
                </c:pt>
                <c:pt idx="10613">
                  <c:v>22.71076605443832</c:v>
                </c:pt>
                <c:pt idx="10614">
                  <c:v>22.71076605443832</c:v>
                </c:pt>
                <c:pt idx="10615">
                  <c:v>22.71076605443832</c:v>
                </c:pt>
                <c:pt idx="10616">
                  <c:v>22.71076605443832</c:v>
                </c:pt>
                <c:pt idx="10617">
                  <c:v>22.71076605443832</c:v>
                </c:pt>
                <c:pt idx="10618">
                  <c:v>22.71076605443832</c:v>
                </c:pt>
                <c:pt idx="10619">
                  <c:v>22.706150670468542</c:v>
                </c:pt>
                <c:pt idx="10620">
                  <c:v>22.706150670468542</c:v>
                </c:pt>
                <c:pt idx="10621">
                  <c:v>22.706150670468542</c:v>
                </c:pt>
                <c:pt idx="10622">
                  <c:v>22.706150670468542</c:v>
                </c:pt>
                <c:pt idx="10623">
                  <c:v>22.706150670468542</c:v>
                </c:pt>
                <c:pt idx="10624">
                  <c:v>22.706150670468542</c:v>
                </c:pt>
                <c:pt idx="10625">
                  <c:v>22.706150670468542</c:v>
                </c:pt>
                <c:pt idx="10626">
                  <c:v>22.706150670468542</c:v>
                </c:pt>
                <c:pt idx="10627">
                  <c:v>22.706150670468542</c:v>
                </c:pt>
                <c:pt idx="10628">
                  <c:v>22.706150670468542</c:v>
                </c:pt>
                <c:pt idx="10629">
                  <c:v>22.706150670468542</c:v>
                </c:pt>
                <c:pt idx="10630">
                  <c:v>22.706150670468542</c:v>
                </c:pt>
                <c:pt idx="10631">
                  <c:v>22.706150670468542</c:v>
                </c:pt>
                <c:pt idx="10632">
                  <c:v>22.706150670468542</c:v>
                </c:pt>
                <c:pt idx="10633">
                  <c:v>22.706150670468542</c:v>
                </c:pt>
                <c:pt idx="10634">
                  <c:v>22.701395426378323</c:v>
                </c:pt>
                <c:pt idx="10635">
                  <c:v>22.706150670468542</c:v>
                </c:pt>
                <c:pt idx="10636">
                  <c:v>22.706150670468542</c:v>
                </c:pt>
                <c:pt idx="10637">
                  <c:v>22.706150670468542</c:v>
                </c:pt>
                <c:pt idx="10638">
                  <c:v>22.706150670468542</c:v>
                </c:pt>
                <c:pt idx="10639">
                  <c:v>22.706150670468542</c:v>
                </c:pt>
                <c:pt idx="10640">
                  <c:v>22.706150670468542</c:v>
                </c:pt>
                <c:pt idx="10641">
                  <c:v>22.706150670468542</c:v>
                </c:pt>
                <c:pt idx="10642">
                  <c:v>22.706150670468542</c:v>
                </c:pt>
                <c:pt idx="10643">
                  <c:v>22.71076605443832</c:v>
                </c:pt>
                <c:pt idx="10644">
                  <c:v>22.71076605443832</c:v>
                </c:pt>
                <c:pt idx="10645">
                  <c:v>22.71076605443832</c:v>
                </c:pt>
                <c:pt idx="10646">
                  <c:v>22.71076605443832</c:v>
                </c:pt>
                <c:pt idx="10647">
                  <c:v>22.71076605443832</c:v>
                </c:pt>
                <c:pt idx="10648">
                  <c:v>22.71076605443832</c:v>
                </c:pt>
                <c:pt idx="10649">
                  <c:v>22.71076605443832</c:v>
                </c:pt>
                <c:pt idx="10650">
                  <c:v>22.71076605443832</c:v>
                </c:pt>
                <c:pt idx="10651">
                  <c:v>22.71076605443832</c:v>
                </c:pt>
                <c:pt idx="10652">
                  <c:v>22.71076605443832</c:v>
                </c:pt>
                <c:pt idx="10653">
                  <c:v>22.715521298528536</c:v>
                </c:pt>
                <c:pt idx="10654">
                  <c:v>22.715521298528536</c:v>
                </c:pt>
                <c:pt idx="10655">
                  <c:v>22.715521298528536</c:v>
                </c:pt>
                <c:pt idx="10656">
                  <c:v>22.715521298528536</c:v>
                </c:pt>
                <c:pt idx="10657">
                  <c:v>22.715521298528536</c:v>
                </c:pt>
                <c:pt idx="10658">
                  <c:v>22.715521298528536</c:v>
                </c:pt>
                <c:pt idx="10659">
                  <c:v>22.715521298528536</c:v>
                </c:pt>
                <c:pt idx="10660">
                  <c:v>22.71076605443832</c:v>
                </c:pt>
                <c:pt idx="10661">
                  <c:v>22.71076605443832</c:v>
                </c:pt>
                <c:pt idx="10662">
                  <c:v>22.71076605443832</c:v>
                </c:pt>
                <c:pt idx="10663">
                  <c:v>22.706150670468542</c:v>
                </c:pt>
                <c:pt idx="10664">
                  <c:v>22.706150670468542</c:v>
                </c:pt>
                <c:pt idx="10665">
                  <c:v>22.706150670468542</c:v>
                </c:pt>
                <c:pt idx="10666">
                  <c:v>22.706150670468542</c:v>
                </c:pt>
                <c:pt idx="10667">
                  <c:v>22.706150670468542</c:v>
                </c:pt>
                <c:pt idx="10668">
                  <c:v>22.706150670468542</c:v>
                </c:pt>
                <c:pt idx="10669">
                  <c:v>22.706150670468542</c:v>
                </c:pt>
                <c:pt idx="10670">
                  <c:v>22.706150670468542</c:v>
                </c:pt>
                <c:pt idx="10671">
                  <c:v>22.706150670468542</c:v>
                </c:pt>
                <c:pt idx="10672">
                  <c:v>22.706150670468542</c:v>
                </c:pt>
                <c:pt idx="10673">
                  <c:v>22.706150670468542</c:v>
                </c:pt>
                <c:pt idx="10674">
                  <c:v>22.706150670468542</c:v>
                </c:pt>
                <c:pt idx="10675">
                  <c:v>22.706150670468542</c:v>
                </c:pt>
                <c:pt idx="10676">
                  <c:v>22.71076605443832</c:v>
                </c:pt>
                <c:pt idx="10677">
                  <c:v>22.71076605443832</c:v>
                </c:pt>
                <c:pt idx="10678">
                  <c:v>22.71076605443832</c:v>
                </c:pt>
                <c:pt idx="10679">
                  <c:v>22.715521298528536</c:v>
                </c:pt>
                <c:pt idx="10680">
                  <c:v>22.715521298528536</c:v>
                </c:pt>
                <c:pt idx="10681">
                  <c:v>22.715521298528536</c:v>
                </c:pt>
                <c:pt idx="10682">
                  <c:v>22.720276542618755</c:v>
                </c:pt>
                <c:pt idx="10683">
                  <c:v>22.720276542618755</c:v>
                </c:pt>
                <c:pt idx="10684">
                  <c:v>22.720276542618755</c:v>
                </c:pt>
                <c:pt idx="10685">
                  <c:v>22.724891926588658</c:v>
                </c:pt>
                <c:pt idx="10686">
                  <c:v>22.724891926588658</c:v>
                </c:pt>
                <c:pt idx="10687">
                  <c:v>22.724891926588658</c:v>
                </c:pt>
                <c:pt idx="10688">
                  <c:v>22.729647170678753</c:v>
                </c:pt>
                <c:pt idx="10689">
                  <c:v>22.729647170678753</c:v>
                </c:pt>
                <c:pt idx="10690">
                  <c:v>22.729647170678753</c:v>
                </c:pt>
                <c:pt idx="10691">
                  <c:v>22.729647170678753</c:v>
                </c:pt>
                <c:pt idx="10692">
                  <c:v>22.734402414768972</c:v>
                </c:pt>
                <c:pt idx="10693">
                  <c:v>22.734402414768972</c:v>
                </c:pt>
                <c:pt idx="10694">
                  <c:v>22.734402414768972</c:v>
                </c:pt>
                <c:pt idx="10695">
                  <c:v>22.734402414768972</c:v>
                </c:pt>
                <c:pt idx="10696">
                  <c:v>22.734402414768972</c:v>
                </c:pt>
                <c:pt idx="10697">
                  <c:v>22.739017798738875</c:v>
                </c:pt>
                <c:pt idx="10698">
                  <c:v>22.739017798738875</c:v>
                </c:pt>
                <c:pt idx="10699">
                  <c:v>22.739017798738875</c:v>
                </c:pt>
                <c:pt idx="10700">
                  <c:v>22.739017798738875</c:v>
                </c:pt>
                <c:pt idx="10701">
                  <c:v>22.739017798738875</c:v>
                </c:pt>
                <c:pt idx="10702">
                  <c:v>22.739017798738875</c:v>
                </c:pt>
                <c:pt idx="10703">
                  <c:v>22.734402414768972</c:v>
                </c:pt>
                <c:pt idx="10704">
                  <c:v>22.734402414768972</c:v>
                </c:pt>
                <c:pt idx="10705">
                  <c:v>22.734402414768972</c:v>
                </c:pt>
                <c:pt idx="10706">
                  <c:v>22.734402414768972</c:v>
                </c:pt>
                <c:pt idx="10707">
                  <c:v>22.734402414768972</c:v>
                </c:pt>
                <c:pt idx="10708">
                  <c:v>22.729647170678753</c:v>
                </c:pt>
                <c:pt idx="10709">
                  <c:v>22.729647170678753</c:v>
                </c:pt>
                <c:pt idx="10710">
                  <c:v>22.729647170678753</c:v>
                </c:pt>
                <c:pt idx="10711">
                  <c:v>22.729647170678753</c:v>
                </c:pt>
                <c:pt idx="10712">
                  <c:v>22.729647170678753</c:v>
                </c:pt>
                <c:pt idx="10713">
                  <c:v>22.729647170678753</c:v>
                </c:pt>
                <c:pt idx="10714">
                  <c:v>22.729647170678753</c:v>
                </c:pt>
                <c:pt idx="10715">
                  <c:v>22.729647170678753</c:v>
                </c:pt>
                <c:pt idx="10716">
                  <c:v>22.729647170678753</c:v>
                </c:pt>
                <c:pt idx="10717">
                  <c:v>22.729647170678753</c:v>
                </c:pt>
                <c:pt idx="10718">
                  <c:v>22.729647170678753</c:v>
                </c:pt>
                <c:pt idx="10719">
                  <c:v>22.729647170678753</c:v>
                </c:pt>
                <c:pt idx="10720">
                  <c:v>22.729647170678753</c:v>
                </c:pt>
                <c:pt idx="10721">
                  <c:v>22.729647170678753</c:v>
                </c:pt>
                <c:pt idx="10722">
                  <c:v>22.729647170678753</c:v>
                </c:pt>
                <c:pt idx="10723">
                  <c:v>22.729647170678753</c:v>
                </c:pt>
                <c:pt idx="10724">
                  <c:v>22.729647170678753</c:v>
                </c:pt>
                <c:pt idx="10725">
                  <c:v>22.729647170678753</c:v>
                </c:pt>
                <c:pt idx="10726">
                  <c:v>22.729647170678753</c:v>
                </c:pt>
                <c:pt idx="10727">
                  <c:v>22.729647170678753</c:v>
                </c:pt>
                <c:pt idx="10728">
                  <c:v>22.734402414768972</c:v>
                </c:pt>
                <c:pt idx="10729">
                  <c:v>22.734402414768972</c:v>
                </c:pt>
                <c:pt idx="10730">
                  <c:v>22.734402414768972</c:v>
                </c:pt>
                <c:pt idx="10731">
                  <c:v>22.734402414768972</c:v>
                </c:pt>
                <c:pt idx="10732">
                  <c:v>22.734402414768972</c:v>
                </c:pt>
                <c:pt idx="10733">
                  <c:v>22.734402414768972</c:v>
                </c:pt>
                <c:pt idx="10734">
                  <c:v>22.734402414768972</c:v>
                </c:pt>
                <c:pt idx="10735">
                  <c:v>22.739017798738875</c:v>
                </c:pt>
                <c:pt idx="10736">
                  <c:v>22.739017798738875</c:v>
                </c:pt>
                <c:pt idx="10737">
                  <c:v>22.739017798738875</c:v>
                </c:pt>
                <c:pt idx="10738">
                  <c:v>22.739017798738875</c:v>
                </c:pt>
                <c:pt idx="10739">
                  <c:v>22.739017798738875</c:v>
                </c:pt>
                <c:pt idx="10740">
                  <c:v>22.739017798738875</c:v>
                </c:pt>
                <c:pt idx="10741">
                  <c:v>22.739017798738875</c:v>
                </c:pt>
                <c:pt idx="10742">
                  <c:v>22.743773042828966</c:v>
                </c:pt>
                <c:pt idx="10743">
                  <c:v>22.743773042828966</c:v>
                </c:pt>
                <c:pt idx="10744">
                  <c:v>22.743773042828966</c:v>
                </c:pt>
                <c:pt idx="10745">
                  <c:v>22.739017798738875</c:v>
                </c:pt>
                <c:pt idx="10746">
                  <c:v>22.739017798738875</c:v>
                </c:pt>
                <c:pt idx="10747">
                  <c:v>22.739017798738875</c:v>
                </c:pt>
                <c:pt idx="10748">
                  <c:v>22.739017798738875</c:v>
                </c:pt>
                <c:pt idx="10749">
                  <c:v>22.739017798738875</c:v>
                </c:pt>
                <c:pt idx="10750">
                  <c:v>22.739017798738875</c:v>
                </c:pt>
                <c:pt idx="10751">
                  <c:v>22.739017798738875</c:v>
                </c:pt>
                <c:pt idx="10752">
                  <c:v>22.739017798738875</c:v>
                </c:pt>
                <c:pt idx="10753">
                  <c:v>22.739017798738875</c:v>
                </c:pt>
                <c:pt idx="10754">
                  <c:v>22.739017798738875</c:v>
                </c:pt>
                <c:pt idx="10755">
                  <c:v>22.739017798738875</c:v>
                </c:pt>
                <c:pt idx="10756">
                  <c:v>22.739017798738875</c:v>
                </c:pt>
                <c:pt idx="10757">
                  <c:v>22.739017798738875</c:v>
                </c:pt>
                <c:pt idx="10758">
                  <c:v>22.734402414768972</c:v>
                </c:pt>
                <c:pt idx="10759">
                  <c:v>22.734402414768972</c:v>
                </c:pt>
                <c:pt idx="10760">
                  <c:v>22.729647170678753</c:v>
                </c:pt>
                <c:pt idx="10761">
                  <c:v>22.729647170678753</c:v>
                </c:pt>
                <c:pt idx="10762">
                  <c:v>22.729647170678753</c:v>
                </c:pt>
                <c:pt idx="10763">
                  <c:v>22.729647170678753</c:v>
                </c:pt>
                <c:pt idx="10764">
                  <c:v>22.729647170678753</c:v>
                </c:pt>
                <c:pt idx="10765">
                  <c:v>22.729647170678753</c:v>
                </c:pt>
                <c:pt idx="10766">
                  <c:v>22.729647170678753</c:v>
                </c:pt>
                <c:pt idx="10767">
                  <c:v>22.729647170678753</c:v>
                </c:pt>
                <c:pt idx="10768">
                  <c:v>22.729647170678753</c:v>
                </c:pt>
                <c:pt idx="10769">
                  <c:v>22.729647170678753</c:v>
                </c:pt>
                <c:pt idx="10770">
                  <c:v>22.729647170678753</c:v>
                </c:pt>
                <c:pt idx="10771">
                  <c:v>22.729647170678753</c:v>
                </c:pt>
                <c:pt idx="10772">
                  <c:v>22.734402414768972</c:v>
                </c:pt>
                <c:pt idx="10773">
                  <c:v>22.734402414768972</c:v>
                </c:pt>
                <c:pt idx="10774">
                  <c:v>22.734402414768972</c:v>
                </c:pt>
                <c:pt idx="10775">
                  <c:v>22.734402414768972</c:v>
                </c:pt>
                <c:pt idx="10776">
                  <c:v>22.734402414768972</c:v>
                </c:pt>
                <c:pt idx="10777">
                  <c:v>22.734402414768972</c:v>
                </c:pt>
                <c:pt idx="10778">
                  <c:v>22.734402414768972</c:v>
                </c:pt>
                <c:pt idx="10779">
                  <c:v>22.734402414768972</c:v>
                </c:pt>
                <c:pt idx="10780">
                  <c:v>22.739017798738875</c:v>
                </c:pt>
                <c:pt idx="10781">
                  <c:v>22.739017798738875</c:v>
                </c:pt>
                <c:pt idx="10782">
                  <c:v>22.739017798738875</c:v>
                </c:pt>
                <c:pt idx="10783">
                  <c:v>22.739017798738875</c:v>
                </c:pt>
                <c:pt idx="10784">
                  <c:v>22.739017798738875</c:v>
                </c:pt>
                <c:pt idx="10785">
                  <c:v>22.743773042828966</c:v>
                </c:pt>
                <c:pt idx="10786">
                  <c:v>22.743773042828966</c:v>
                </c:pt>
                <c:pt idx="10787">
                  <c:v>22.743773042828966</c:v>
                </c:pt>
                <c:pt idx="10788">
                  <c:v>22.743773042828966</c:v>
                </c:pt>
                <c:pt idx="10789">
                  <c:v>22.748528286919186</c:v>
                </c:pt>
                <c:pt idx="10790">
                  <c:v>22.748528286919186</c:v>
                </c:pt>
                <c:pt idx="10791">
                  <c:v>22.748528286919186</c:v>
                </c:pt>
                <c:pt idx="10792">
                  <c:v>22.748528286919186</c:v>
                </c:pt>
                <c:pt idx="10793">
                  <c:v>22.748528286919186</c:v>
                </c:pt>
                <c:pt idx="10794">
                  <c:v>22.748528286919186</c:v>
                </c:pt>
                <c:pt idx="10795">
                  <c:v>22.748528286919186</c:v>
                </c:pt>
                <c:pt idx="10796">
                  <c:v>22.748528286919186</c:v>
                </c:pt>
                <c:pt idx="10797">
                  <c:v>22.753143670889088</c:v>
                </c:pt>
                <c:pt idx="10798">
                  <c:v>22.753143670889088</c:v>
                </c:pt>
                <c:pt idx="10799">
                  <c:v>22.753143670889088</c:v>
                </c:pt>
                <c:pt idx="10800">
                  <c:v>22.757898914979183</c:v>
                </c:pt>
                <c:pt idx="10801">
                  <c:v>22.757898914979183</c:v>
                </c:pt>
                <c:pt idx="10802">
                  <c:v>22.762654159069399</c:v>
                </c:pt>
                <c:pt idx="10803">
                  <c:v>22.762654159069399</c:v>
                </c:pt>
                <c:pt idx="10804">
                  <c:v>22.762654159069399</c:v>
                </c:pt>
                <c:pt idx="10805">
                  <c:v>22.762654159069399</c:v>
                </c:pt>
                <c:pt idx="10806">
                  <c:v>22.767269543039301</c:v>
                </c:pt>
                <c:pt idx="10807">
                  <c:v>22.767269543039301</c:v>
                </c:pt>
                <c:pt idx="10808">
                  <c:v>22.767269543039301</c:v>
                </c:pt>
                <c:pt idx="10809">
                  <c:v>22.767269543039301</c:v>
                </c:pt>
                <c:pt idx="10810">
                  <c:v>22.7720247871294</c:v>
                </c:pt>
                <c:pt idx="10811">
                  <c:v>22.7720247871294</c:v>
                </c:pt>
                <c:pt idx="10812">
                  <c:v>22.7720247871294</c:v>
                </c:pt>
                <c:pt idx="10813">
                  <c:v>22.7720247871294</c:v>
                </c:pt>
                <c:pt idx="10814">
                  <c:v>22.7720247871294</c:v>
                </c:pt>
                <c:pt idx="10815">
                  <c:v>22.7720247871294</c:v>
                </c:pt>
                <c:pt idx="10816">
                  <c:v>22.7720247871294</c:v>
                </c:pt>
                <c:pt idx="10817">
                  <c:v>22.7720247871294</c:v>
                </c:pt>
                <c:pt idx="10818">
                  <c:v>22.7720247871294</c:v>
                </c:pt>
                <c:pt idx="10819">
                  <c:v>22.776780031219616</c:v>
                </c:pt>
                <c:pt idx="10820">
                  <c:v>22.776780031219616</c:v>
                </c:pt>
                <c:pt idx="10821">
                  <c:v>22.776780031219616</c:v>
                </c:pt>
                <c:pt idx="10822">
                  <c:v>22.776780031219616</c:v>
                </c:pt>
                <c:pt idx="10823">
                  <c:v>22.776780031219616</c:v>
                </c:pt>
                <c:pt idx="10824">
                  <c:v>22.7720247871294</c:v>
                </c:pt>
                <c:pt idx="10825">
                  <c:v>22.7720247871294</c:v>
                </c:pt>
                <c:pt idx="10826">
                  <c:v>22.7720247871294</c:v>
                </c:pt>
                <c:pt idx="10827">
                  <c:v>22.7720247871294</c:v>
                </c:pt>
                <c:pt idx="10828">
                  <c:v>22.767269543039301</c:v>
                </c:pt>
                <c:pt idx="10829">
                  <c:v>22.767269543039301</c:v>
                </c:pt>
                <c:pt idx="10830">
                  <c:v>22.767269543039301</c:v>
                </c:pt>
                <c:pt idx="10831">
                  <c:v>22.767269543039301</c:v>
                </c:pt>
                <c:pt idx="10832">
                  <c:v>22.767269543039301</c:v>
                </c:pt>
                <c:pt idx="10833">
                  <c:v>22.767269543039301</c:v>
                </c:pt>
                <c:pt idx="10834">
                  <c:v>22.762654159069399</c:v>
                </c:pt>
                <c:pt idx="10835">
                  <c:v>22.762654159069399</c:v>
                </c:pt>
                <c:pt idx="10836">
                  <c:v>22.762654159069399</c:v>
                </c:pt>
                <c:pt idx="10837">
                  <c:v>22.762654159069399</c:v>
                </c:pt>
                <c:pt idx="10838">
                  <c:v>22.762654159069399</c:v>
                </c:pt>
                <c:pt idx="10839">
                  <c:v>22.762654159069399</c:v>
                </c:pt>
                <c:pt idx="10840">
                  <c:v>22.757898914979183</c:v>
                </c:pt>
                <c:pt idx="10841">
                  <c:v>22.757898914979183</c:v>
                </c:pt>
                <c:pt idx="10842">
                  <c:v>22.757898914979183</c:v>
                </c:pt>
                <c:pt idx="10843">
                  <c:v>22.757898914979183</c:v>
                </c:pt>
                <c:pt idx="10844">
                  <c:v>22.753143670889088</c:v>
                </c:pt>
                <c:pt idx="10845">
                  <c:v>22.753143670889088</c:v>
                </c:pt>
                <c:pt idx="10846">
                  <c:v>22.753143670889088</c:v>
                </c:pt>
                <c:pt idx="10847">
                  <c:v>22.753143670889088</c:v>
                </c:pt>
                <c:pt idx="10848">
                  <c:v>22.753143670889088</c:v>
                </c:pt>
                <c:pt idx="10849">
                  <c:v>22.753143670889088</c:v>
                </c:pt>
                <c:pt idx="10850">
                  <c:v>22.753143670889088</c:v>
                </c:pt>
                <c:pt idx="10851">
                  <c:v>22.748528286919186</c:v>
                </c:pt>
                <c:pt idx="10852">
                  <c:v>22.753143670889088</c:v>
                </c:pt>
                <c:pt idx="10853">
                  <c:v>22.753143670889088</c:v>
                </c:pt>
                <c:pt idx="10854">
                  <c:v>22.753143670889088</c:v>
                </c:pt>
                <c:pt idx="10855">
                  <c:v>22.753143670889088</c:v>
                </c:pt>
                <c:pt idx="10856">
                  <c:v>22.753143670889088</c:v>
                </c:pt>
                <c:pt idx="10857">
                  <c:v>22.753143670889088</c:v>
                </c:pt>
                <c:pt idx="10858">
                  <c:v>22.753143670889088</c:v>
                </c:pt>
                <c:pt idx="10859">
                  <c:v>22.753143670889088</c:v>
                </c:pt>
                <c:pt idx="10860">
                  <c:v>22.753143670889088</c:v>
                </c:pt>
                <c:pt idx="10861">
                  <c:v>22.753143670889088</c:v>
                </c:pt>
                <c:pt idx="10862">
                  <c:v>22.748528286919186</c:v>
                </c:pt>
                <c:pt idx="10863">
                  <c:v>22.753143670889088</c:v>
                </c:pt>
                <c:pt idx="10864">
                  <c:v>22.753143670889088</c:v>
                </c:pt>
                <c:pt idx="10865">
                  <c:v>22.753143670889088</c:v>
                </c:pt>
                <c:pt idx="10866">
                  <c:v>22.753143670889088</c:v>
                </c:pt>
                <c:pt idx="10867">
                  <c:v>22.753143670889088</c:v>
                </c:pt>
                <c:pt idx="10868">
                  <c:v>22.753143670889088</c:v>
                </c:pt>
                <c:pt idx="10869">
                  <c:v>22.753143670889088</c:v>
                </c:pt>
                <c:pt idx="10870">
                  <c:v>22.753143670889088</c:v>
                </c:pt>
                <c:pt idx="10871">
                  <c:v>22.753143670889088</c:v>
                </c:pt>
                <c:pt idx="10872">
                  <c:v>22.753143670889088</c:v>
                </c:pt>
                <c:pt idx="10873">
                  <c:v>22.753143670889088</c:v>
                </c:pt>
                <c:pt idx="10874">
                  <c:v>22.753143670889088</c:v>
                </c:pt>
                <c:pt idx="10875">
                  <c:v>22.753143670889088</c:v>
                </c:pt>
                <c:pt idx="10876">
                  <c:v>22.753143670889088</c:v>
                </c:pt>
                <c:pt idx="10877">
                  <c:v>22.753143670889088</c:v>
                </c:pt>
                <c:pt idx="10878">
                  <c:v>22.753143670889088</c:v>
                </c:pt>
                <c:pt idx="10879">
                  <c:v>22.753143670889088</c:v>
                </c:pt>
                <c:pt idx="10880">
                  <c:v>22.753143670889088</c:v>
                </c:pt>
                <c:pt idx="10881">
                  <c:v>22.753143670889088</c:v>
                </c:pt>
                <c:pt idx="10882">
                  <c:v>22.753143670889088</c:v>
                </c:pt>
                <c:pt idx="10883">
                  <c:v>22.753143670889088</c:v>
                </c:pt>
                <c:pt idx="10884">
                  <c:v>22.753143670889088</c:v>
                </c:pt>
                <c:pt idx="10885">
                  <c:v>22.757898914979183</c:v>
                </c:pt>
                <c:pt idx="10886">
                  <c:v>22.757898914979183</c:v>
                </c:pt>
                <c:pt idx="10887">
                  <c:v>22.757898914979183</c:v>
                </c:pt>
                <c:pt idx="10888">
                  <c:v>22.757898914979183</c:v>
                </c:pt>
                <c:pt idx="10889">
                  <c:v>22.757898914979183</c:v>
                </c:pt>
                <c:pt idx="10890">
                  <c:v>22.757898914979183</c:v>
                </c:pt>
                <c:pt idx="10891">
                  <c:v>22.757898914979183</c:v>
                </c:pt>
                <c:pt idx="10892">
                  <c:v>22.762654159069399</c:v>
                </c:pt>
                <c:pt idx="10893">
                  <c:v>22.762654159069399</c:v>
                </c:pt>
                <c:pt idx="10894">
                  <c:v>22.762654159069399</c:v>
                </c:pt>
                <c:pt idx="10895">
                  <c:v>22.762654159069399</c:v>
                </c:pt>
                <c:pt idx="10896">
                  <c:v>22.762654159069399</c:v>
                </c:pt>
                <c:pt idx="10897">
                  <c:v>22.762654159069399</c:v>
                </c:pt>
                <c:pt idx="10898">
                  <c:v>22.762654159069399</c:v>
                </c:pt>
                <c:pt idx="10899">
                  <c:v>22.767269543039301</c:v>
                </c:pt>
                <c:pt idx="10900">
                  <c:v>22.767269543039301</c:v>
                </c:pt>
                <c:pt idx="10901">
                  <c:v>22.767269543039301</c:v>
                </c:pt>
                <c:pt idx="10902">
                  <c:v>22.767269543039301</c:v>
                </c:pt>
                <c:pt idx="10903">
                  <c:v>22.7720247871294</c:v>
                </c:pt>
                <c:pt idx="10904">
                  <c:v>22.7720247871294</c:v>
                </c:pt>
                <c:pt idx="10905">
                  <c:v>22.7720247871294</c:v>
                </c:pt>
                <c:pt idx="10906">
                  <c:v>22.7720247871294</c:v>
                </c:pt>
                <c:pt idx="10907">
                  <c:v>22.7720247871294</c:v>
                </c:pt>
                <c:pt idx="10908">
                  <c:v>22.7720247871294</c:v>
                </c:pt>
                <c:pt idx="10909">
                  <c:v>22.7720247871294</c:v>
                </c:pt>
                <c:pt idx="10910">
                  <c:v>22.7720247871294</c:v>
                </c:pt>
                <c:pt idx="10911">
                  <c:v>22.776780031219616</c:v>
                </c:pt>
                <c:pt idx="10912">
                  <c:v>22.776780031219616</c:v>
                </c:pt>
                <c:pt idx="10913">
                  <c:v>22.776780031219616</c:v>
                </c:pt>
                <c:pt idx="10914">
                  <c:v>22.776780031219616</c:v>
                </c:pt>
                <c:pt idx="10915">
                  <c:v>22.776780031219616</c:v>
                </c:pt>
                <c:pt idx="10916">
                  <c:v>22.776780031219616</c:v>
                </c:pt>
                <c:pt idx="10917">
                  <c:v>22.776780031219616</c:v>
                </c:pt>
                <c:pt idx="10918">
                  <c:v>22.776780031219616</c:v>
                </c:pt>
                <c:pt idx="10919">
                  <c:v>22.776780031219616</c:v>
                </c:pt>
                <c:pt idx="10920">
                  <c:v>22.776780031219616</c:v>
                </c:pt>
                <c:pt idx="10921">
                  <c:v>22.776780031219616</c:v>
                </c:pt>
                <c:pt idx="10922">
                  <c:v>22.776780031219616</c:v>
                </c:pt>
                <c:pt idx="10923">
                  <c:v>22.776780031219616</c:v>
                </c:pt>
                <c:pt idx="10924">
                  <c:v>22.776780031219616</c:v>
                </c:pt>
                <c:pt idx="10925">
                  <c:v>22.7720247871294</c:v>
                </c:pt>
                <c:pt idx="10926">
                  <c:v>22.7720247871294</c:v>
                </c:pt>
                <c:pt idx="10927">
                  <c:v>22.7720247871294</c:v>
                </c:pt>
                <c:pt idx="10928">
                  <c:v>22.7720247871294</c:v>
                </c:pt>
                <c:pt idx="10929">
                  <c:v>22.7720247871294</c:v>
                </c:pt>
                <c:pt idx="10930">
                  <c:v>22.7720247871294</c:v>
                </c:pt>
                <c:pt idx="10931">
                  <c:v>22.7720247871294</c:v>
                </c:pt>
                <c:pt idx="10932">
                  <c:v>22.7720247871294</c:v>
                </c:pt>
                <c:pt idx="10933">
                  <c:v>22.7720247871294</c:v>
                </c:pt>
                <c:pt idx="10934">
                  <c:v>22.7720247871294</c:v>
                </c:pt>
                <c:pt idx="10935">
                  <c:v>22.7720247871294</c:v>
                </c:pt>
                <c:pt idx="10936">
                  <c:v>22.767269543039301</c:v>
                </c:pt>
                <c:pt idx="10937">
                  <c:v>22.767269543039301</c:v>
                </c:pt>
                <c:pt idx="10938">
                  <c:v>22.767269543039301</c:v>
                </c:pt>
                <c:pt idx="10939">
                  <c:v>22.767269543039301</c:v>
                </c:pt>
                <c:pt idx="10940">
                  <c:v>22.767269543039301</c:v>
                </c:pt>
                <c:pt idx="10941">
                  <c:v>22.767269543039301</c:v>
                </c:pt>
                <c:pt idx="10942">
                  <c:v>22.767269543039301</c:v>
                </c:pt>
                <c:pt idx="10943">
                  <c:v>22.767269543039301</c:v>
                </c:pt>
                <c:pt idx="10944">
                  <c:v>22.767269543039301</c:v>
                </c:pt>
                <c:pt idx="10945">
                  <c:v>22.767269543039301</c:v>
                </c:pt>
                <c:pt idx="10946">
                  <c:v>22.767269543039301</c:v>
                </c:pt>
                <c:pt idx="10947">
                  <c:v>22.767269543039301</c:v>
                </c:pt>
                <c:pt idx="10948">
                  <c:v>22.767269543039301</c:v>
                </c:pt>
                <c:pt idx="10949">
                  <c:v>22.767269543039301</c:v>
                </c:pt>
                <c:pt idx="10950">
                  <c:v>22.7720247871294</c:v>
                </c:pt>
                <c:pt idx="10951">
                  <c:v>22.7720247871294</c:v>
                </c:pt>
                <c:pt idx="10952">
                  <c:v>22.7720247871294</c:v>
                </c:pt>
                <c:pt idx="10953">
                  <c:v>22.7720247871294</c:v>
                </c:pt>
                <c:pt idx="10954">
                  <c:v>22.7720247871294</c:v>
                </c:pt>
                <c:pt idx="10955">
                  <c:v>22.7720247871294</c:v>
                </c:pt>
                <c:pt idx="10956">
                  <c:v>22.7720247871294</c:v>
                </c:pt>
                <c:pt idx="10957">
                  <c:v>22.7720247871294</c:v>
                </c:pt>
                <c:pt idx="10958">
                  <c:v>22.776780031219616</c:v>
                </c:pt>
                <c:pt idx="10959">
                  <c:v>22.776780031219616</c:v>
                </c:pt>
                <c:pt idx="10960">
                  <c:v>22.776780031219616</c:v>
                </c:pt>
                <c:pt idx="10961">
                  <c:v>22.776780031219616</c:v>
                </c:pt>
                <c:pt idx="10962">
                  <c:v>22.776780031219616</c:v>
                </c:pt>
                <c:pt idx="10963">
                  <c:v>22.776780031219616</c:v>
                </c:pt>
                <c:pt idx="10964">
                  <c:v>22.776780031219616</c:v>
                </c:pt>
                <c:pt idx="10965">
                  <c:v>22.781395415189518</c:v>
                </c:pt>
                <c:pt idx="10966">
                  <c:v>22.781395415189518</c:v>
                </c:pt>
                <c:pt idx="10967">
                  <c:v>22.781395415189518</c:v>
                </c:pt>
                <c:pt idx="10968">
                  <c:v>22.781395415189518</c:v>
                </c:pt>
                <c:pt idx="10969">
                  <c:v>22.786150659279738</c:v>
                </c:pt>
                <c:pt idx="10970">
                  <c:v>22.786150659279738</c:v>
                </c:pt>
                <c:pt idx="10971">
                  <c:v>22.786150659279738</c:v>
                </c:pt>
                <c:pt idx="10972">
                  <c:v>22.786150659279738</c:v>
                </c:pt>
                <c:pt idx="10973">
                  <c:v>22.786150659279738</c:v>
                </c:pt>
                <c:pt idx="10974">
                  <c:v>22.786150659279738</c:v>
                </c:pt>
                <c:pt idx="10975">
                  <c:v>22.786150659279738</c:v>
                </c:pt>
                <c:pt idx="10976">
                  <c:v>22.786150659279738</c:v>
                </c:pt>
                <c:pt idx="10977">
                  <c:v>22.786150659279738</c:v>
                </c:pt>
                <c:pt idx="10978">
                  <c:v>22.786150659279738</c:v>
                </c:pt>
                <c:pt idx="10979">
                  <c:v>22.786150659279738</c:v>
                </c:pt>
                <c:pt idx="10980">
                  <c:v>22.790905903369829</c:v>
                </c:pt>
                <c:pt idx="10981">
                  <c:v>22.790905903369829</c:v>
                </c:pt>
                <c:pt idx="10982">
                  <c:v>22.790905903369829</c:v>
                </c:pt>
                <c:pt idx="10983">
                  <c:v>22.790905903369829</c:v>
                </c:pt>
                <c:pt idx="10984">
                  <c:v>22.790905903369829</c:v>
                </c:pt>
                <c:pt idx="10985">
                  <c:v>22.790905903369829</c:v>
                </c:pt>
                <c:pt idx="10986">
                  <c:v>22.786150659279738</c:v>
                </c:pt>
                <c:pt idx="10987">
                  <c:v>22.786150659279738</c:v>
                </c:pt>
                <c:pt idx="10988">
                  <c:v>22.786150659279738</c:v>
                </c:pt>
                <c:pt idx="10989">
                  <c:v>22.786150659279738</c:v>
                </c:pt>
                <c:pt idx="10990">
                  <c:v>22.786150659279738</c:v>
                </c:pt>
                <c:pt idx="10991">
                  <c:v>22.781395415189518</c:v>
                </c:pt>
                <c:pt idx="10992">
                  <c:v>22.781395415189518</c:v>
                </c:pt>
                <c:pt idx="10993">
                  <c:v>22.781395415189518</c:v>
                </c:pt>
                <c:pt idx="10994">
                  <c:v>22.776780031219616</c:v>
                </c:pt>
                <c:pt idx="10995">
                  <c:v>22.776780031219616</c:v>
                </c:pt>
                <c:pt idx="10996">
                  <c:v>22.7720247871294</c:v>
                </c:pt>
                <c:pt idx="10997">
                  <c:v>22.7720247871294</c:v>
                </c:pt>
                <c:pt idx="10998">
                  <c:v>22.7720247871294</c:v>
                </c:pt>
                <c:pt idx="10999">
                  <c:v>22.7720247871294</c:v>
                </c:pt>
                <c:pt idx="11000">
                  <c:v>22.7720247871294</c:v>
                </c:pt>
                <c:pt idx="11001">
                  <c:v>22.7720247871294</c:v>
                </c:pt>
                <c:pt idx="11002">
                  <c:v>22.7720247871294</c:v>
                </c:pt>
                <c:pt idx="11003">
                  <c:v>22.767269543039301</c:v>
                </c:pt>
                <c:pt idx="11004">
                  <c:v>22.767269543039301</c:v>
                </c:pt>
                <c:pt idx="11005">
                  <c:v>22.767269543039301</c:v>
                </c:pt>
                <c:pt idx="11006">
                  <c:v>22.767269543039301</c:v>
                </c:pt>
                <c:pt idx="11007">
                  <c:v>22.767269543039301</c:v>
                </c:pt>
                <c:pt idx="11008">
                  <c:v>22.762654159069399</c:v>
                </c:pt>
                <c:pt idx="11009">
                  <c:v>22.762654159069399</c:v>
                </c:pt>
                <c:pt idx="11010">
                  <c:v>22.767269543039301</c:v>
                </c:pt>
                <c:pt idx="11011">
                  <c:v>22.767269543039301</c:v>
                </c:pt>
                <c:pt idx="11012">
                  <c:v>22.767269543039301</c:v>
                </c:pt>
                <c:pt idx="11013">
                  <c:v>22.767269543039301</c:v>
                </c:pt>
                <c:pt idx="11014">
                  <c:v>22.7720247871294</c:v>
                </c:pt>
                <c:pt idx="11015">
                  <c:v>22.7720247871294</c:v>
                </c:pt>
                <c:pt idx="11016">
                  <c:v>22.776780031219616</c:v>
                </c:pt>
                <c:pt idx="11017">
                  <c:v>22.776780031219616</c:v>
                </c:pt>
                <c:pt idx="11018">
                  <c:v>22.781395415189518</c:v>
                </c:pt>
                <c:pt idx="11019">
                  <c:v>22.786150659279738</c:v>
                </c:pt>
                <c:pt idx="11020">
                  <c:v>22.786150659279738</c:v>
                </c:pt>
                <c:pt idx="11021">
                  <c:v>22.786150659279738</c:v>
                </c:pt>
                <c:pt idx="11022">
                  <c:v>22.786150659279738</c:v>
                </c:pt>
                <c:pt idx="11023">
                  <c:v>22.786150659279738</c:v>
                </c:pt>
                <c:pt idx="11024">
                  <c:v>22.790905903369829</c:v>
                </c:pt>
                <c:pt idx="11025">
                  <c:v>22.790905903369829</c:v>
                </c:pt>
                <c:pt idx="11026">
                  <c:v>22.790905903369829</c:v>
                </c:pt>
                <c:pt idx="11027">
                  <c:v>22.790905903369829</c:v>
                </c:pt>
                <c:pt idx="11028">
                  <c:v>22.790905903369829</c:v>
                </c:pt>
                <c:pt idx="11029">
                  <c:v>22.790905903369829</c:v>
                </c:pt>
                <c:pt idx="11030">
                  <c:v>22.795521287339731</c:v>
                </c:pt>
                <c:pt idx="11031">
                  <c:v>22.795521287339731</c:v>
                </c:pt>
                <c:pt idx="11032">
                  <c:v>22.795521287339731</c:v>
                </c:pt>
                <c:pt idx="11033">
                  <c:v>22.795521287339731</c:v>
                </c:pt>
                <c:pt idx="11034">
                  <c:v>22.795521287339731</c:v>
                </c:pt>
                <c:pt idx="11035">
                  <c:v>22.795521287339731</c:v>
                </c:pt>
                <c:pt idx="11036">
                  <c:v>22.795521287339731</c:v>
                </c:pt>
                <c:pt idx="11037">
                  <c:v>22.795521287339731</c:v>
                </c:pt>
                <c:pt idx="11038">
                  <c:v>22.800276531429951</c:v>
                </c:pt>
                <c:pt idx="11039">
                  <c:v>22.800276531429951</c:v>
                </c:pt>
                <c:pt idx="11040">
                  <c:v>22.800276531429951</c:v>
                </c:pt>
                <c:pt idx="11041">
                  <c:v>22.800276531429951</c:v>
                </c:pt>
                <c:pt idx="11042">
                  <c:v>22.795521287339731</c:v>
                </c:pt>
                <c:pt idx="11043">
                  <c:v>22.795521287339731</c:v>
                </c:pt>
                <c:pt idx="11044">
                  <c:v>22.795521287339731</c:v>
                </c:pt>
                <c:pt idx="11045">
                  <c:v>22.795521287339731</c:v>
                </c:pt>
                <c:pt idx="11046">
                  <c:v>22.800276531429951</c:v>
                </c:pt>
                <c:pt idx="11047">
                  <c:v>22.800276531429951</c:v>
                </c:pt>
                <c:pt idx="11048">
                  <c:v>22.800276531429951</c:v>
                </c:pt>
                <c:pt idx="11049">
                  <c:v>22.800276531429951</c:v>
                </c:pt>
                <c:pt idx="11050">
                  <c:v>22.800276531429951</c:v>
                </c:pt>
                <c:pt idx="11051">
                  <c:v>22.800276531429951</c:v>
                </c:pt>
                <c:pt idx="11052">
                  <c:v>22.795521287339731</c:v>
                </c:pt>
                <c:pt idx="11053">
                  <c:v>22.795521287339731</c:v>
                </c:pt>
                <c:pt idx="11054">
                  <c:v>22.795521287339731</c:v>
                </c:pt>
                <c:pt idx="11055">
                  <c:v>22.800276531429951</c:v>
                </c:pt>
                <c:pt idx="11056">
                  <c:v>22.800276531429951</c:v>
                </c:pt>
                <c:pt idx="11057">
                  <c:v>22.800276531429951</c:v>
                </c:pt>
                <c:pt idx="11058">
                  <c:v>22.800276531429951</c:v>
                </c:pt>
                <c:pt idx="11059">
                  <c:v>22.800276531429951</c:v>
                </c:pt>
                <c:pt idx="11060">
                  <c:v>22.795521287339731</c:v>
                </c:pt>
                <c:pt idx="11061">
                  <c:v>22.795521287339731</c:v>
                </c:pt>
                <c:pt idx="11062">
                  <c:v>22.795521287339731</c:v>
                </c:pt>
                <c:pt idx="11063">
                  <c:v>22.795521287339731</c:v>
                </c:pt>
                <c:pt idx="11064">
                  <c:v>22.795521287339731</c:v>
                </c:pt>
                <c:pt idx="11065">
                  <c:v>22.795521287339731</c:v>
                </c:pt>
                <c:pt idx="11066">
                  <c:v>22.795521287339731</c:v>
                </c:pt>
                <c:pt idx="11067">
                  <c:v>22.795521287339731</c:v>
                </c:pt>
                <c:pt idx="11068">
                  <c:v>22.790905903369829</c:v>
                </c:pt>
                <c:pt idx="11069">
                  <c:v>22.790905903369829</c:v>
                </c:pt>
                <c:pt idx="11070">
                  <c:v>22.790905903369829</c:v>
                </c:pt>
                <c:pt idx="11071">
                  <c:v>22.790905903369829</c:v>
                </c:pt>
                <c:pt idx="11072">
                  <c:v>22.790905903369829</c:v>
                </c:pt>
                <c:pt idx="11073">
                  <c:v>22.790905903369829</c:v>
                </c:pt>
                <c:pt idx="11074">
                  <c:v>22.790905903369829</c:v>
                </c:pt>
                <c:pt idx="11075">
                  <c:v>22.790905903369829</c:v>
                </c:pt>
                <c:pt idx="11076">
                  <c:v>22.790905903369829</c:v>
                </c:pt>
                <c:pt idx="11077">
                  <c:v>22.790905903369829</c:v>
                </c:pt>
                <c:pt idx="11078">
                  <c:v>22.790905903369829</c:v>
                </c:pt>
                <c:pt idx="11079">
                  <c:v>22.790905903369829</c:v>
                </c:pt>
                <c:pt idx="11080">
                  <c:v>22.790905903369829</c:v>
                </c:pt>
                <c:pt idx="11081">
                  <c:v>22.790905903369829</c:v>
                </c:pt>
                <c:pt idx="11082">
                  <c:v>22.790905903369829</c:v>
                </c:pt>
                <c:pt idx="11083">
                  <c:v>22.790905903369829</c:v>
                </c:pt>
                <c:pt idx="11084">
                  <c:v>22.790905903369829</c:v>
                </c:pt>
                <c:pt idx="11085">
                  <c:v>22.790905903369829</c:v>
                </c:pt>
                <c:pt idx="11086">
                  <c:v>22.795521287339731</c:v>
                </c:pt>
                <c:pt idx="11087">
                  <c:v>22.795521287339731</c:v>
                </c:pt>
                <c:pt idx="11088">
                  <c:v>22.795521287339731</c:v>
                </c:pt>
                <c:pt idx="11089">
                  <c:v>22.795521287339731</c:v>
                </c:pt>
                <c:pt idx="11090">
                  <c:v>22.795521287339731</c:v>
                </c:pt>
                <c:pt idx="11091">
                  <c:v>22.795521287339731</c:v>
                </c:pt>
                <c:pt idx="11092">
                  <c:v>22.795521287339731</c:v>
                </c:pt>
                <c:pt idx="11093">
                  <c:v>22.795521287339731</c:v>
                </c:pt>
                <c:pt idx="11094">
                  <c:v>22.795521287339731</c:v>
                </c:pt>
                <c:pt idx="11095">
                  <c:v>22.795521287339731</c:v>
                </c:pt>
                <c:pt idx="11096">
                  <c:v>22.795521287339731</c:v>
                </c:pt>
                <c:pt idx="11097">
                  <c:v>22.795521287339731</c:v>
                </c:pt>
                <c:pt idx="11098">
                  <c:v>22.800276531429951</c:v>
                </c:pt>
                <c:pt idx="11099">
                  <c:v>22.800276531429951</c:v>
                </c:pt>
                <c:pt idx="11100">
                  <c:v>22.800276531429951</c:v>
                </c:pt>
                <c:pt idx="11101">
                  <c:v>22.800276531429951</c:v>
                </c:pt>
                <c:pt idx="11102">
                  <c:v>22.800276531429951</c:v>
                </c:pt>
                <c:pt idx="11103">
                  <c:v>22.800276531429951</c:v>
                </c:pt>
                <c:pt idx="11104">
                  <c:v>22.800276531429951</c:v>
                </c:pt>
                <c:pt idx="11105">
                  <c:v>22.800276531429951</c:v>
                </c:pt>
                <c:pt idx="11106">
                  <c:v>22.800276531429951</c:v>
                </c:pt>
                <c:pt idx="11107">
                  <c:v>22.800276531429951</c:v>
                </c:pt>
                <c:pt idx="11108">
                  <c:v>22.800276531429951</c:v>
                </c:pt>
                <c:pt idx="11109">
                  <c:v>22.800276531429951</c:v>
                </c:pt>
                <c:pt idx="11110">
                  <c:v>22.800276531429951</c:v>
                </c:pt>
                <c:pt idx="11111">
                  <c:v>22.800276531429951</c:v>
                </c:pt>
                <c:pt idx="11112">
                  <c:v>22.800276531429951</c:v>
                </c:pt>
                <c:pt idx="11113">
                  <c:v>22.800276531429951</c:v>
                </c:pt>
                <c:pt idx="11114">
                  <c:v>22.795521287339731</c:v>
                </c:pt>
                <c:pt idx="11115">
                  <c:v>22.795521287339731</c:v>
                </c:pt>
                <c:pt idx="11116">
                  <c:v>22.795521287339731</c:v>
                </c:pt>
                <c:pt idx="11117">
                  <c:v>22.800276531429951</c:v>
                </c:pt>
                <c:pt idx="11118">
                  <c:v>22.800276531429951</c:v>
                </c:pt>
                <c:pt idx="11119">
                  <c:v>22.800276531429951</c:v>
                </c:pt>
                <c:pt idx="11120">
                  <c:v>22.800276531429951</c:v>
                </c:pt>
                <c:pt idx="11121">
                  <c:v>22.800276531429951</c:v>
                </c:pt>
                <c:pt idx="11122">
                  <c:v>22.800276531429951</c:v>
                </c:pt>
                <c:pt idx="11123">
                  <c:v>22.800276531429951</c:v>
                </c:pt>
                <c:pt idx="11124">
                  <c:v>22.800276531429951</c:v>
                </c:pt>
                <c:pt idx="11125">
                  <c:v>22.800276531429951</c:v>
                </c:pt>
                <c:pt idx="11126">
                  <c:v>22.800276531429951</c:v>
                </c:pt>
                <c:pt idx="11127">
                  <c:v>22.800276531429951</c:v>
                </c:pt>
                <c:pt idx="11128">
                  <c:v>22.800276531429951</c:v>
                </c:pt>
                <c:pt idx="11129">
                  <c:v>22.800276531429951</c:v>
                </c:pt>
                <c:pt idx="11130">
                  <c:v>22.800276531429951</c:v>
                </c:pt>
                <c:pt idx="11131">
                  <c:v>22.800276531429951</c:v>
                </c:pt>
                <c:pt idx="11132">
                  <c:v>22.800276531429951</c:v>
                </c:pt>
                <c:pt idx="11133">
                  <c:v>22.800276531429951</c:v>
                </c:pt>
                <c:pt idx="11134">
                  <c:v>22.800276531429951</c:v>
                </c:pt>
                <c:pt idx="11135">
                  <c:v>22.800276531429951</c:v>
                </c:pt>
                <c:pt idx="11136">
                  <c:v>22.805031775520042</c:v>
                </c:pt>
                <c:pt idx="11137">
                  <c:v>22.805031775520042</c:v>
                </c:pt>
                <c:pt idx="11138">
                  <c:v>22.805031775520042</c:v>
                </c:pt>
                <c:pt idx="11139">
                  <c:v>22.805031775520042</c:v>
                </c:pt>
                <c:pt idx="11140">
                  <c:v>22.809647159489945</c:v>
                </c:pt>
                <c:pt idx="11141">
                  <c:v>22.809647159489945</c:v>
                </c:pt>
                <c:pt idx="11142">
                  <c:v>22.814402403580164</c:v>
                </c:pt>
                <c:pt idx="11143">
                  <c:v>22.814402403580164</c:v>
                </c:pt>
                <c:pt idx="11144">
                  <c:v>22.814402403580164</c:v>
                </c:pt>
                <c:pt idx="11145">
                  <c:v>22.814402403580164</c:v>
                </c:pt>
                <c:pt idx="11146">
                  <c:v>22.819157647670259</c:v>
                </c:pt>
                <c:pt idx="11147">
                  <c:v>22.819157647670259</c:v>
                </c:pt>
                <c:pt idx="11148">
                  <c:v>22.819157647670259</c:v>
                </c:pt>
                <c:pt idx="11149">
                  <c:v>22.819157647670259</c:v>
                </c:pt>
                <c:pt idx="11150">
                  <c:v>22.819157647670259</c:v>
                </c:pt>
                <c:pt idx="11151">
                  <c:v>22.819157647670259</c:v>
                </c:pt>
                <c:pt idx="11152">
                  <c:v>22.819157647670259</c:v>
                </c:pt>
                <c:pt idx="11153">
                  <c:v>22.823773031640162</c:v>
                </c:pt>
                <c:pt idx="11154">
                  <c:v>22.823773031640162</c:v>
                </c:pt>
                <c:pt idx="11155">
                  <c:v>22.823773031640162</c:v>
                </c:pt>
                <c:pt idx="11156">
                  <c:v>22.823773031640162</c:v>
                </c:pt>
                <c:pt idx="11157">
                  <c:v>22.823773031640162</c:v>
                </c:pt>
                <c:pt idx="11158">
                  <c:v>22.823773031640162</c:v>
                </c:pt>
                <c:pt idx="11159">
                  <c:v>22.823773031640162</c:v>
                </c:pt>
                <c:pt idx="11160">
                  <c:v>22.823773031640162</c:v>
                </c:pt>
                <c:pt idx="11161">
                  <c:v>22.819157647670259</c:v>
                </c:pt>
                <c:pt idx="11162">
                  <c:v>22.823773031640162</c:v>
                </c:pt>
                <c:pt idx="11163">
                  <c:v>22.823773031640162</c:v>
                </c:pt>
                <c:pt idx="11164">
                  <c:v>22.823773031640162</c:v>
                </c:pt>
                <c:pt idx="11165">
                  <c:v>22.819157647670259</c:v>
                </c:pt>
                <c:pt idx="11166">
                  <c:v>22.819157647670259</c:v>
                </c:pt>
                <c:pt idx="11167">
                  <c:v>22.819157647670259</c:v>
                </c:pt>
                <c:pt idx="11168">
                  <c:v>22.814402403580164</c:v>
                </c:pt>
                <c:pt idx="11169">
                  <c:v>22.814402403580164</c:v>
                </c:pt>
                <c:pt idx="11170">
                  <c:v>22.814402403580164</c:v>
                </c:pt>
                <c:pt idx="11171">
                  <c:v>22.809647159489945</c:v>
                </c:pt>
                <c:pt idx="11172">
                  <c:v>22.809647159489945</c:v>
                </c:pt>
                <c:pt idx="11173">
                  <c:v>22.809647159489945</c:v>
                </c:pt>
                <c:pt idx="11174">
                  <c:v>22.809647159489945</c:v>
                </c:pt>
                <c:pt idx="11175">
                  <c:v>22.809647159489945</c:v>
                </c:pt>
                <c:pt idx="11176">
                  <c:v>22.805031775520042</c:v>
                </c:pt>
                <c:pt idx="11177">
                  <c:v>22.805031775520042</c:v>
                </c:pt>
                <c:pt idx="11178">
                  <c:v>22.805031775520042</c:v>
                </c:pt>
                <c:pt idx="11179">
                  <c:v>22.805031775520042</c:v>
                </c:pt>
                <c:pt idx="11180">
                  <c:v>22.805031775520042</c:v>
                </c:pt>
                <c:pt idx="11181">
                  <c:v>22.805031775520042</c:v>
                </c:pt>
                <c:pt idx="11182">
                  <c:v>22.805031775520042</c:v>
                </c:pt>
                <c:pt idx="11183">
                  <c:v>22.809647159489945</c:v>
                </c:pt>
                <c:pt idx="11184">
                  <c:v>22.809647159489945</c:v>
                </c:pt>
                <c:pt idx="11185">
                  <c:v>22.809647159489945</c:v>
                </c:pt>
                <c:pt idx="11186">
                  <c:v>22.809647159489945</c:v>
                </c:pt>
                <c:pt idx="11187">
                  <c:v>22.809647159489945</c:v>
                </c:pt>
                <c:pt idx="11188">
                  <c:v>22.809647159489945</c:v>
                </c:pt>
                <c:pt idx="11189">
                  <c:v>22.814402403580164</c:v>
                </c:pt>
                <c:pt idx="11190">
                  <c:v>22.814402403580164</c:v>
                </c:pt>
                <c:pt idx="11191">
                  <c:v>22.814402403580164</c:v>
                </c:pt>
                <c:pt idx="11192">
                  <c:v>22.814402403580164</c:v>
                </c:pt>
                <c:pt idx="11193">
                  <c:v>22.819157647670259</c:v>
                </c:pt>
                <c:pt idx="11194">
                  <c:v>22.823773031640162</c:v>
                </c:pt>
                <c:pt idx="11195">
                  <c:v>22.823773031640162</c:v>
                </c:pt>
                <c:pt idx="11196">
                  <c:v>22.823773031640162</c:v>
                </c:pt>
                <c:pt idx="11197">
                  <c:v>22.828528275730381</c:v>
                </c:pt>
                <c:pt idx="11198">
                  <c:v>22.828528275730381</c:v>
                </c:pt>
                <c:pt idx="11199">
                  <c:v>22.828528275730381</c:v>
                </c:pt>
                <c:pt idx="11200">
                  <c:v>22.833283519820601</c:v>
                </c:pt>
                <c:pt idx="11201">
                  <c:v>22.833283519820601</c:v>
                </c:pt>
                <c:pt idx="11202">
                  <c:v>22.838038763910692</c:v>
                </c:pt>
                <c:pt idx="11203">
                  <c:v>22.838038763910692</c:v>
                </c:pt>
                <c:pt idx="11204">
                  <c:v>22.838038763910692</c:v>
                </c:pt>
                <c:pt idx="11205">
                  <c:v>22.838038763910692</c:v>
                </c:pt>
                <c:pt idx="11206">
                  <c:v>22.838038763910692</c:v>
                </c:pt>
                <c:pt idx="11207">
                  <c:v>22.838038763910692</c:v>
                </c:pt>
                <c:pt idx="11208">
                  <c:v>22.838038763910692</c:v>
                </c:pt>
                <c:pt idx="11209">
                  <c:v>22.838038763910692</c:v>
                </c:pt>
                <c:pt idx="11210">
                  <c:v>22.838038763910692</c:v>
                </c:pt>
                <c:pt idx="11211">
                  <c:v>22.838038763910692</c:v>
                </c:pt>
                <c:pt idx="11212">
                  <c:v>22.838038763910692</c:v>
                </c:pt>
                <c:pt idx="11213">
                  <c:v>22.838038763910692</c:v>
                </c:pt>
                <c:pt idx="11214">
                  <c:v>22.838038763910692</c:v>
                </c:pt>
                <c:pt idx="11215">
                  <c:v>22.838038763910692</c:v>
                </c:pt>
                <c:pt idx="11216">
                  <c:v>22.838038763910692</c:v>
                </c:pt>
                <c:pt idx="11217">
                  <c:v>22.838038763910692</c:v>
                </c:pt>
                <c:pt idx="11218">
                  <c:v>22.838038763910692</c:v>
                </c:pt>
                <c:pt idx="11219">
                  <c:v>22.838038763910692</c:v>
                </c:pt>
                <c:pt idx="11220">
                  <c:v>22.838038763910692</c:v>
                </c:pt>
                <c:pt idx="11221">
                  <c:v>22.838038763910692</c:v>
                </c:pt>
                <c:pt idx="11222">
                  <c:v>22.833283519820601</c:v>
                </c:pt>
                <c:pt idx="11223">
                  <c:v>22.833283519820601</c:v>
                </c:pt>
                <c:pt idx="11224">
                  <c:v>22.833283519820601</c:v>
                </c:pt>
                <c:pt idx="11225">
                  <c:v>22.833283519820601</c:v>
                </c:pt>
                <c:pt idx="11226">
                  <c:v>22.833283519820601</c:v>
                </c:pt>
                <c:pt idx="11227">
                  <c:v>22.833283519820601</c:v>
                </c:pt>
                <c:pt idx="11228">
                  <c:v>22.833283519820601</c:v>
                </c:pt>
                <c:pt idx="11229">
                  <c:v>22.833283519820601</c:v>
                </c:pt>
                <c:pt idx="11230">
                  <c:v>22.833283519820601</c:v>
                </c:pt>
                <c:pt idx="11231">
                  <c:v>22.833283519820601</c:v>
                </c:pt>
                <c:pt idx="11232">
                  <c:v>22.833283519820601</c:v>
                </c:pt>
                <c:pt idx="11233">
                  <c:v>22.833283519820601</c:v>
                </c:pt>
                <c:pt idx="11234">
                  <c:v>22.833283519820601</c:v>
                </c:pt>
                <c:pt idx="11235">
                  <c:v>22.833283519820601</c:v>
                </c:pt>
                <c:pt idx="11236">
                  <c:v>22.833283519820601</c:v>
                </c:pt>
                <c:pt idx="11237">
                  <c:v>22.833283519820601</c:v>
                </c:pt>
                <c:pt idx="11238">
                  <c:v>22.833283519820601</c:v>
                </c:pt>
                <c:pt idx="11239">
                  <c:v>22.833283519820601</c:v>
                </c:pt>
                <c:pt idx="11240">
                  <c:v>22.833283519820601</c:v>
                </c:pt>
                <c:pt idx="11241">
                  <c:v>22.833283519820601</c:v>
                </c:pt>
                <c:pt idx="11242">
                  <c:v>22.833283519820601</c:v>
                </c:pt>
                <c:pt idx="11243">
                  <c:v>22.833283519820601</c:v>
                </c:pt>
                <c:pt idx="11244">
                  <c:v>22.833283519820601</c:v>
                </c:pt>
                <c:pt idx="11245">
                  <c:v>22.833283519820601</c:v>
                </c:pt>
                <c:pt idx="11246">
                  <c:v>22.838038763910692</c:v>
                </c:pt>
                <c:pt idx="11247">
                  <c:v>22.838038763910692</c:v>
                </c:pt>
                <c:pt idx="11248">
                  <c:v>22.838038763910692</c:v>
                </c:pt>
                <c:pt idx="11249">
                  <c:v>22.838038763910692</c:v>
                </c:pt>
                <c:pt idx="11250">
                  <c:v>22.833283519820601</c:v>
                </c:pt>
                <c:pt idx="11251">
                  <c:v>22.838038763910692</c:v>
                </c:pt>
                <c:pt idx="11252">
                  <c:v>22.833283519820601</c:v>
                </c:pt>
                <c:pt idx="11253">
                  <c:v>22.833283519820601</c:v>
                </c:pt>
                <c:pt idx="11254">
                  <c:v>22.833283519820601</c:v>
                </c:pt>
                <c:pt idx="11255">
                  <c:v>22.833283519820601</c:v>
                </c:pt>
                <c:pt idx="11256">
                  <c:v>22.838038763910692</c:v>
                </c:pt>
                <c:pt idx="11257">
                  <c:v>22.838038763910692</c:v>
                </c:pt>
                <c:pt idx="11258">
                  <c:v>22.838038763910692</c:v>
                </c:pt>
                <c:pt idx="11259">
                  <c:v>22.838038763910692</c:v>
                </c:pt>
                <c:pt idx="11260">
                  <c:v>22.838038763910692</c:v>
                </c:pt>
                <c:pt idx="11261">
                  <c:v>22.838038763910692</c:v>
                </c:pt>
                <c:pt idx="11262">
                  <c:v>22.842654147880594</c:v>
                </c:pt>
                <c:pt idx="11263">
                  <c:v>22.842654147880594</c:v>
                </c:pt>
                <c:pt idx="11264">
                  <c:v>22.842654147880594</c:v>
                </c:pt>
                <c:pt idx="11265">
                  <c:v>22.842654147880594</c:v>
                </c:pt>
                <c:pt idx="11266">
                  <c:v>22.842654147880594</c:v>
                </c:pt>
                <c:pt idx="11267">
                  <c:v>22.842654147880594</c:v>
                </c:pt>
                <c:pt idx="11268">
                  <c:v>22.842654147880594</c:v>
                </c:pt>
                <c:pt idx="11269">
                  <c:v>22.842654147880594</c:v>
                </c:pt>
                <c:pt idx="11270">
                  <c:v>22.842654147880594</c:v>
                </c:pt>
                <c:pt idx="11271">
                  <c:v>22.842654147880594</c:v>
                </c:pt>
                <c:pt idx="11272">
                  <c:v>22.842654147880594</c:v>
                </c:pt>
                <c:pt idx="11273">
                  <c:v>22.842654147880594</c:v>
                </c:pt>
                <c:pt idx="11274">
                  <c:v>22.842654147880594</c:v>
                </c:pt>
                <c:pt idx="11275">
                  <c:v>22.842654147880594</c:v>
                </c:pt>
                <c:pt idx="11276">
                  <c:v>22.842654147880594</c:v>
                </c:pt>
                <c:pt idx="11277">
                  <c:v>22.842654147880594</c:v>
                </c:pt>
                <c:pt idx="11278">
                  <c:v>22.842654147880594</c:v>
                </c:pt>
                <c:pt idx="11279">
                  <c:v>22.842654147880594</c:v>
                </c:pt>
                <c:pt idx="11280">
                  <c:v>22.847409391970814</c:v>
                </c:pt>
                <c:pt idx="11281">
                  <c:v>22.847409391970814</c:v>
                </c:pt>
                <c:pt idx="11282">
                  <c:v>22.847409391970814</c:v>
                </c:pt>
                <c:pt idx="11283">
                  <c:v>22.847409391970814</c:v>
                </c:pt>
                <c:pt idx="11284">
                  <c:v>22.847409391970814</c:v>
                </c:pt>
                <c:pt idx="11285">
                  <c:v>22.847409391970814</c:v>
                </c:pt>
                <c:pt idx="11286">
                  <c:v>22.847409391970814</c:v>
                </c:pt>
                <c:pt idx="11287">
                  <c:v>22.847409391970814</c:v>
                </c:pt>
                <c:pt idx="11288">
                  <c:v>22.847409391970814</c:v>
                </c:pt>
                <c:pt idx="11289">
                  <c:v>22.847409391970814</c:v>
                </c:pt>
                <c:pt idx="11290">
                  <c:v>22.847409391970814</c:v>
                </c:pt>
                <c:pt idx="11291">
                  <c:v>22.847409391970814</c:v>
                </c:pt>
                <c:pt idx="11292">
                  <c:v>22.847409391970814</c:v>
                </c:pt>
                <c:pt idx="11293">
                  <c:v>22.847409391970814</c:v>
                </c:pt>
                <c:pt idx="11294">
                  <c:v>22.847409391970814</c:v>
                </c:pt>
                <c:pt idx="11295">
                  <c:v>22.852164636060909</c:v>
                </c:pt>
                <c:pt idx="11296">
                  <c:v>22.852164636060909</c:v>
                </c:pt>
                <c:pt idx="11297">
                  <c:v>22.852164636060909</c:v>
                </c:pt>
                <c:pt idx="11298">
                  <c:v>22.852164636060909</c:v>
                </c:pt>
                <c:pt idx="11299">
                  <c:v>22.852164636060909</c:v>
                </c:pt>
                <c:pt idx="11300">
                  <c:v>22.852164636060909</c:v>
                </c:pt>
                <c:pt idx="11301">
                  <c:v>22.852164636060909</c:v>
                </c:pt>
                <c:pt idx="11302">
                  <c:v>22.852164636060909</c:v>
                </c:pt>
                <c:pt idx="11303">
                  <c:v>22.852164636060909</c:v>
                </c:pt>
                <c:pt idx="11304">
                  <c:v>22.852164636060909</c:v>
                </c:pt>
                <c:pt idx="11305">
                  <c:v>22.852164636060909</c:v>
                </c:pt>
                <c:pt idx="11306">
                  <c:v>22.852164636060909</c:v>
                </c:pt>
                <c:pt idx="11307">
                  <c:v>22.852164636060909</c:v>
                </c:pt>
                <c:pt idx="11308">
                  <c:v>22.852164636060909</c:v>
                </c:pt>
                <c:pt idx="11309">
                  <c:v>22.847409391970814</c:v>
                </c:pt>
                <c:pt idx="11310">
                  <c:v>22.852164636060909</c:v>
                </c:pt>
                <c:pt idx="11311">
                  <c:v>22.852164636060909</c:v>
                </c:pt>
                <c:pt idx="11312">
                  <c:v>22.852164636060909</c:v>
                </c:pt>
                <c:pt idx="11313">
                  <c:v>22.852164636060909</c:v>
                </c:pt>
                <c:pt idx="11314">
                  <c:v>22.852164636060909</c:v>
                </c:pt>
                <c:pt idx="11315">
                  <c:v>22.852164636060909</c:v>
                </c:pt>
                <c:pt idx="11316">
                  <c:v>22.852164636060909</c:v>
                </c:pt>
                <c:pt idx="11317">
                  <c:v>22.852164636060909</c:v>
                </c:pt>
                <c:pt idx="11318">
                  <c:v>22.856780020030808</c:v>
                </c:pt>
                <c:pt idx="11319">
                  <c:v>22.856780020030808</c:v>
                </c:pt>
                <c:pt idx="11320">
                  <c:v>22.856780020030808</c:v>
                </c:pt>
                <c:pt idx="11321">
                  <c:v>22.856780020030808</c:v>
                </c:pt>
                <c:pt idx="11322">
                  <c:v>22.856780020030808</c:v>
                </c:pt>
                <c:pt idx="11323">
                  <c:v>22.861535264121031</c:v>
                </c:pt>
                <c:pt idx="11324">
                  <c:v>22.861535264121031</c:v>
                </c:pt>
                <c:pt idx="11325">
                  <c:v>22.861535264121031</c:v>
                </c:pt>
                <c:pt idx="11326">
                  <c:v>22.866290508211122</c:v>
                </c:pt>
                <c:pt idx="11327">
                  <c:v>22.866290508211122</c:v>
                </c:pt>
                <c:pt idx="11328">
                  <c:v>22.866290508211122</c:v>
                </c:pt>
                <c:pt idx="11329">
                  <c:v>22.870905892181025</c:v>
                </c:pt>
                <c:pt idx="11330">
                  <c:v>22.870905892181025</c:v>
                </c:pt>
                <c:pt idx="11331">
                  <c:v>22.870905892181025</c:v>
                </c:pt>
                <c:pt idx="11332">
                  <c:v>22.870905892181025</c:v>
                </c:pt>
                <c:pt idx="11333">
                  <c:v>22.870905892181025</c:v>
                </c:pt>
                <c:pt idx="11334">
                  <c:v>22.875661136271244</c:v>
                </c:pt>
                <c:pt idx="11335">
                  <c:v>22.875661136271244</c:v>
                </c:pt>
                <c:pt idx="11336">
                  <c:v>22.875661136271244</c:v>
                </c:pt>
                <c:pt idx="11337">
                  <c:v>22.875661136271244</c:v>
                </c:pt>
                <c:pt idx="11338">
                  <c:v>22.875661136271244</c:v>
                </c:pt>
                <c:pt idx="11339">
                  <c:v>22.875661136271244</c:v>
                </c:pt>
                <c:pt idx="11340">
                  <c:v>22.875661136271244</c:v>
                </c:pt>
                <c:pt idx="11341">
                  <c:v>22.875661136271244</c:v>
                </c:pt>
                <c:pt idx="11342">
                  <c:v>22.875661136271244</c:v>
                </c:pt>
                <c:pt idx="11343">
                  <c:v>22.875661136271244</c:v>
                </c:pt>
                <c:pt idx="11344">
                  <c:v>22.870905892181025</c:v>
                </c:pt>
                <c:pt idx="11345">
                  <c:v>22.870905892181025</c:v>
                </c:pt>
                <c:pt idx="11346">
                  <c:v>22.870905892181025</c:v>
                </c:pt>
                <c:pt idx="11347">
                  <c:v>22.866290508211122</c:v>
                </c:pt>
                <c:pt idx="11348">
                  <c:v>22.866290508211122</c:v>
                </c:pt>
                <c:pt idx="11349">
                  <c:v>22.861535264121031</c:v>
                </c:pt>
                <c:pt idx="11350">
                  <c:v>22.861535264121031</c:v>
                </c:pt>
                <c:pt idx="11351">
                  <c:v>22.856780020030808</c:v>
                </c:pt>
                <c:pt idx="11352">
                  <c:v>22.856780020030808</c:v>
                </c:pt>
                <c:pt idx="11353">
                  <c:v>22.852164636060909</c:v>
                </c:pt>
                <c:pt idx="11354">
                  <c:v>22.852164636060909</c:v>
                </c:pt>
                <c:pt idx="11355">
                  <c:v>22.852164636060909</c:v>
                </c:pt>
                <c:pt idx="11356">
                  <c:v>22.852164636060909</c:v>
                </c:pt>
                <c:pt idx="11357">
                  <c:v>22.852164636060909</c:v>
                </c:pt>
                <c:pt idx="11358">
                  <c:v>22.852164636060909</c:v>
                </c:pt>
                <c:pt idx="11359">
                  <c:v>22.852164636060909</c:v>
                </c:pt>
                <c:pt idx="11360">
                  <c:v>22.852164636060909</c:v>
                </c:pt>
                <c:pt idx="11361">
                  <c:v>22.856780020030808</c:v>
                </c:pt>
                <c:pt idx="11362">
                  <c:v>22.856780020030808</c:v>
                </c:pt>
                <c:pt idx="11363">
                  <c:v>22.856780020030808</c:v>
                </c:pt>
                <c:pt idx="11364">
                  <c:v>22.852164636060909</c:v>
                </c:pt>
                <c:pt idx="11365">
                  <c:v>22.856780020030808</c:v>
                </c:pt>
                <c:pt idx="11366">
                  <c:v>22.856780020030808</c:v>
                </c:pt>
                <c:pt idx="11367">
                  <c:v>22.856780020030808</c:v>
                </c:pt>
                <c:pt idx="11368">
                  <c:v>22.856780020030808</c:v>
                </c:pt>
                <c:pt idx="11369">
                  <c:v>22.856780020030808</c:v>
                </c:pt>
                <c:pt idx="11370">
                  <c:v>22.856780020030808</c:v>
                </c:pt>
                <c:pt idx="11371">
                  <c:v>22.861535264121031</c:v>
                </c:pt>
                <c:pt idx="11372">
                  <c:v>22.861535264121031</c:v>
                </c:pt>
                <c:pt idx="11373">
                  <c:v>22.861535264121031</c:v>
                </c:pt>
                <c:pt idx="11374">
                  <c:v>22.861535264121031</c:v>
                </c:pt>
                <c:pt idx="11375">
                  <c:v>22.861535264121031</c:v>
                </c:pt>
                <c:pt idx="11376">
                  <c:v>22.861535264121031</c:v>
                </c:pt>
                <c:pt idx="11377">
                  <c:v>22.866290508211122</c:v>
                </c:pt>
                <c:pt idx="11378">
                  <c:v>22.866290508211122</c:v>
                </c:pt>
                <c:pt idx="11379">
                  <c:v>22.866290508211122</c:v>
                </c:pt>
                <c:pt idx="11380">
                  <c:v>22.866290508211122</c:v>
                </c:pt>
                <c:pt idx="11381">
                  <c:v>22.866290508211122</c:v>
                </c:pt>
                <c:pt idx="11382">
                  <c:v>22.866290508211122</c:v>
                </c:pt>
                <c:pt idx="11383">
                  <c:v>22.866290508211122</c:v>
                </c:pt>
                <c:pt idx="11384">
                  <c:v>22.866290508211122</c:v>
                </c:pt>
                <c:pt idx="11385">
                  <c:v>22.866290508211122</c:v>
                </c:pt>
                <c:pt idx="11386">
                  <c:v>22.866290508211122</c:v>
                </c:pt>
                <c:pt idx="11387">
                  <c:v>22.866290508211122</c:v>
                </c:pt>
                <c:pt idx="11388">
                  <c:v>22.866290508211122</c:v>
                </c:pt>
                <c:pt idx="11389">
                  <c:v>22.866290508211122</c:v>
                </c:pt>
                <c:pt idx="11390">
                  <c:v>22.866290508211122</c:v>
                </c:pt>
                <c:pt idx="11391">
                  <c:v>22.866290508211122</c:v>
                </c:pt>
                <c:pt idx="11392">
                  <c:v>22.861535264121031</c:v>
                </c:pt>
                <c:pt idx="11393">
                  <c:v>22.861535264121031</c:v>
                </c:pt>
                <c:pt idx="11394">
                  <c:v>22.861535264121031</c:v>
                </c:pt>
                <c:pt idx="11395">
                  <c:v>22.861535264121031</c:v>
                </c:pt>
                <c:pt idx="11396">
                  <c:v>22.861535264121031</c:v>
                </c:pt>
                <c:pt idx="11397">
                  <c:v>22.861535264121031</c:v>
                </c:pt>
                <c:pt idx="11398">
                  <c:v>22.861535264121031</c:v>
                </c:pt>
                <c:pt idx="11399">
                  <c:v>22.861535264121031</c:v>
                </c:pt>
                <c:pt idx="11400">
                  <c:v>22.866290508211122</c:v>
                </c:pt>
                <c:pt idx="11401">
                  <c:v>22.861535264121031</c:v>
                </c:pt>
                <c:pt idx="11402">
                  <c:v>22.861535264121031</c:v>
                </c:pt>
                <c:pt idx="11403">
                  <c:v>22.861535264121031</c:v>
                </c:pt>
                <c:pt idx="11404">
                  <c:v>22.861535264121031</c:v>
                </c:pt>
                <c:pt idx="11405">
                  <c:v>22.861535264121031</c:v>
                </c:pt>
                <c:pt idx="11406">
                  <c:v>22.861535264121031</c:v>
                </c:pt>
                <c:pt idx="11407">
                  <c:v>22.866290508211122</c:v>
                </c:pt>
                <c:pt idx="11408">
                  <c:v>22.866290508211122</c:v>
                </c:pt>
                <c:pt idx="11409">
                  <c:v>22.870905892181025</c:v>
                </c:pt>
                <c:pt idx="11410">
                  <c:v>22.870905892181025</c:v>
                </c:pt>
                <c:pt idx="11411">
                  <c:v>22.870905892181025</c:v>
                </c:pt>
                <c:pt idx="11412">
                  <c:v>22.870905892181025</c:v>
                </c:pt>
                <c:pt idx="11413">
                  <c:v>22.870905892181025</c:v>
                </c:pt>
                <c:pt idx="11414">
                  <c:v>22.875661136271244</c:v>
                </c:pt>
                <c:pt idx="11415">
                  <c:v>22.875661136271244</c:v>
                </c:pt>
                <c:pt idx="11416">
                  <c:v>22.875661136271244</c:v>
                </c:pt>
                <c:pt idx="11417">
                  <c:v>22.875661136271244</c:v>
                </c:pt>
                <c:pt idx="11418">
                  <c:v>22.875661136271244</c:v>
                </c:pt>
                <c:pt idx="11419">
                  <c:v>22.88041638036146</c:v>
                </c:pt>
                <c:pt idx="11420">
                  <c:v>22.88041638036146</c:v>
                </c:pt>
                <c:pt idx="11421">
                  <c:v>22.88041638036146</c:v>
                </c:pt>
                <c:pt idx="11422">
                  <c:v>22.88041638036146</c:v>
                </c:pt>
                <c:pt idx="11423">
                  <c:v>22.885031764331238</c:v>
                </c:pt>
                <c:pt idx="11424">
                  <c:v>22.885031764331238</c:v>
                </c:pt>
                <c:pt idx="11425">
                  <c:v>22.889787008421457</c:v>
                </c:pt>
                <c:pt idx="11426">
                  <c:v>22.889787008421457</c:v>
                </c:pt>
                <c:pt idx="11427">
                  <c:v>22.889787008421457</c:v>
                </c:pt>
                <c:pt idx="11428">
                  <c:v>22.894542252511677</c:v>
                </c:pt>
                <c:pt idx="11429">
                  <c:v>22.894542252511677</c:v>
                </c:pt>
                <c:pt idx="11430">
                  <c:v>22.894542252511677</c:v>
                </c:pt>
                <c:pt idx="11431">
                  <c:v>22.889787008421457</c:v>
                </c:pt>
                <c:pt idx="11432">
                  <c:v>22.889787008421457</c:v>
                </c:pt>
                <c:pt idx="11433">
                  <c:v>22.885031764331238</c:v>
                </c:pt>
                <c:pt idx="11434">
                  <c:v>22.885031764331238</c:v>
                </c:pt>
                <c:pt idx="11435">
                  <c:v>22.885031764331238</c:v>
                </c:pt>
                <c:pt idx="11436">
                  <c:v>22.885031764331238</c:v>
                </c:pt>
                <c:pt idx="11437">
                  <c:v>22.885031764331238</c:v>
                </c:pt>
                <c:pt idx="11438">
                  <c:v>22.885031764331238</c:v>
                </c:pt>
                <c:pt idx="11439">
                  <c:v>22.885031764331238</c:v>
                </c:pt>
                <c:pt idx="11440">
                  <c:v>22.88041638036146</c:v>
                </c:pt>
                <c:pt idx="11441">
                  <c:v>22.88041638036146</c:v>
                </c:pt>
                <c:pt idx="11442">
                  <c:v>22.88041638036146</c:v>
                </c:pt>
                <c:pt idx="11443">
                  <c:v>22.88041638036146</c:v>
                </c:pt>
                <c:pt idx="11444">
                  <c:v>22.875661136271244</c:v>
                </c:pt>
                <c:pt idx="11445">
                  <c:v>22.875661136271244</c:v>
                </c:pt>
                <c:pt idx="11446">
                  <c:v>22.870905892181025</c:v>
                </c:pt>
                <c:pt idx="11447">
                  <c:v>22.866290508211122</c:v>
                </c:pt>
                <c:pt idx="11448">
                  <c:v>22.866290508211122</c:v>
                </c:pt>
                <c:pt idx="11449">
                  <c:v>22.861535264121031</c:v>
                </c:pt>
                <c:pt idx="11450">
                  <c:v>22.861535264121031</c:v>
                </c:pt>
                <c:pt idx="11451">
                  <c:v>22.856780020030808</c:v>
                </c:pt>
                <c:pt idx="11452">
                  <c:v>22.856780020030808</c:v>
                </c:pt>
                <c:pt idx="11453">
                  <c:v>22.856780020030808</c:v>
                </c:pt>
                <c:pt idx="11454">
                  <c:v>22.856780020030808</c:v>
                </c:pt>
                <c:pt idx="11455">
                  <c:v>22.856780020030808</c:v>
                </c:pt>
                <c:pt idx="11456">
                  <c:v>22.856780020030808</c:v>
                </c:pt>
                <c:pt idx="11457">
                  <c:v>22.856780020030808</c:v>
                </c:pt>
                <c:pt idx="11458">
                  <c:v>22.856780020030808</c:v>
                </c:pt>
                <c:pt idx="11459">
                  <c:v>22.856780020030808</c:v>
                </c:pt>
                <c:pt idx="11460">
                  <c:v>22.856780020030808</c:v>
                </c:pt>
                <c:pt idx="11461">
                  <c:v>22.856780020030808</c:v>
                </c:pt>
                <c:pt idx="11462">
                  <c:v>22.856780020030808</c:v>
                </c:pt>
                <c:pt idx="11463">
                  <c:v>22.856780020030808</c:v>
                </c:pt>
                <c:pt idx="11464">
                  <c:v>22.856780020030808</c:v>
                </c:pt>
                <c:pt idx="11465">
                  <c:v>22.856780020030808</c:v>
                </c:pt>
                <c:pt idx="11466">
                  <c:v>22.856780020030808</c:v>
                </c:pt>
                <c:pt idx="11467">
                  <c:v>22.856780020030808</c:v>
                </c:pt>
                <c:pt idx="11468">
                  <c:v>22.856780020030808</c:v>
                </c:pt>
                <c:pt idx="11469">
                  <c:v>22.861535264121031</c:v>
                </c:pt>
                <c:pt idx="11470">
                  <c:v>22.861535264121031</c:v>
                </c:pt>
                <c:pt idx="11471">
                  <c:v>22.861535264121031</c:v>
                </c:pt>
                <c:pt idx="11472">
                  <c:v>22.861535264121031</c:v>
                </c:pt>
                <c:pt idx="11473">
                  <c:v>22.861535264121031</c:v>
                </c:pt>
                <c:pt idx="11474">
                  <c:v>22.866290508211122</c:v>
                </c:pt>
                <c:pt idx="11475">
                  <c:v>22.866290508211122</c:v>
                </c:pt>
                <c:pt idx="11476">
                  <c:v>22.866290508211122</c:v>
                </c:pt>
                <c:pt idx="11477">
                  <c:v>22.866290508211122</c:v>
                </c:pt>
                <c:pt idx="11478">
                  <c:v>22.866290508211122</c:v>
                </c:pt>
                <c:pt idx="11479">
                  <c:v>22.870905892181025</c:v>
                </c:pt>
                <c:pt idx="11480">
                  <c:v>22.870905892181025</c:v>
                </c:pt>
                <c:pt idx="11481">
                  <c:v>22.870905892181025</c:v>
                </c:pt>
                <c:pt idx="11482">
                  <c:v>22.870905892181025</c:v>
                </c:pt>
                <c:pt idx="11483">
                  <c:v>22.870905892181025</c:v>
                </c:pt>
                <c:pt idx="11484">
                  <c:v>22.870905892181025</c:v>
                </c:pt>
                <c:pt idx="11485">
                  <c:v>22.870905892181025</c:v>
                </c:pt>
                <c:pt idx="11486">
                  <c:v>22.870905892181025</c:v>
                </c:pt>
                <c:pt idx="11487">
                  <c:v>22.875661136271244</c:v>
                </c:pt>
                <c:pt idx="11488">
                  <c:v>22.875661136271244</c:v>
                </c:pt>
                <c:pt idx="11489">
                  <c:v>22.875661136271244</c:v>
                </c:pt>
                <c:pt idx="11490">
                  <c:v>22.875661136271244</c:v>
                </c:pt>
                <c:pt idx="11491">
                  <c:v>22.875661136271244</c:v>
                </c:pt>
                <c:pt idx="11492">
                  <c:v>22.875661136271244</c:v>
                </c:pt>
                <c:pt idx="11493">
                  <c:v>22.875661136271244</c:v>
                </c:pt>
                <c:pt idx="11494">
                  <c:v>22.875661136271244</c:v>
                </c:pt>
                <c:pt idx="11495">
                  <c:v>22.875661136271244</c:v>
                </c:pt>
                <c:pt idx="11496">
                  <c:v>22.875661136271244</c:v>
                </c:pt>
                <c:pt idx="11497">
                  <c:v>22.875661136271244</c:v>
                </c:pt>
                <c:pt idx="11498">
                  <c:v>22.875661136271244</c:v>
                </c:pt>
                <c:pt idx="11499">
                  <c:v>22.875661136271244</c:v>
                </c:pt>
                <c:pt idx="11500">
                  <c:v>22.875661136271244</c:v>
                </c:pt>
                <c:pt idx="11501">
                  <c:v>22.875661136271244</c:v>
                </c:pt>
                <c:pt idx="11502">
                  <c:v>22.875661136271244</c:v>
                </c:pt>
                <c:pt idx="11503">
                  <c:v>22.875661136271244</c:v>
                </c:pt>
                <c:pt idx="11504">
                  <c:v>22.875661136271244</c:v>
                </c:pt>
                <c:pt idx="11505">
                  <c:v>22.875661136271244</c:v>
                </c:pt>
                <c:pt idx="11506">
                  <c:v>22.875661136271244</c:v>
                </c:pt>
                <c:pt idx="11507">
                  <c:v>22.875661136271244</c:v>
                </c:pt>
                <c:pt idx="11508">
                  <c:v>22.875661136271244</c:v>
                </c:pt>
                <c:pt idx="11509">
                  <c:v>22.875661136271244</c:v>
                </c:pt>
                <c:pt idx="11510">
                  <c:v>22.875661136271244</c:v>
                </c:pt>
                <c:pt idx="11511">
                  <c:v>22.88041638036146</c:v>
                </c:pt>
                <c:pt idx="11512">
                  <c:v>22.88041638036146</c:v>
                </c:pt>
                <c:pt idx="11513">
                  <c:v>22.88041638036146</c:v>
                </c:pt>
                <c:pt idx="11514">
                  <c:v>22.88041638036146</c:v>
                </c:pt>
                <c:pt idx="11515">
                  <c:v>22.88041638036146</c:v>
                </c:pt>
                <c:pt idx="11516">
                  <c:v>22.88041638036146</c:v>
                </c:pt>
                <c:pt idx="11517">
                  <c:v>22.88041638036146</c:v>
                </c:pt>
                <c:pt idx="11518">
                  <c:v>22.885031764331238</c:v>
                </c:pt>
                <c:pt idx="11519">
                  <c:v>22.885031764331238</c:v>
                </c:pt>
                <c:pt idx="11520">
                  <c:v>22.885031764331238</c:v>
                </c:pt>
                <c:pt idx="11521">
                  <c:v>22.885031764331238</c:v>
                </c:pt>
                <c:pt idx="11522">
                  <c:v>22.889787008421457</c:v>
                </c:pt>
                <c:pt idx="11523">
                  <c:v>22.889787008421457</c:v>
                </c:pt>
                <c:pt idx="11524">
                  <c:v>22.889787008421457</c:v>
                </c:pt>
                <c:pt idx="11525">
                  <c:v>22.894542252511677</c:v>
                </c:pt>
                <c:pt idx="11526">
                  <c:v>22.894542252511677</c:v>
                </c:pt>
                <c:pt idx="11527">
                  <c:v>22.894542252511677</c:v>
                </c:pt>
                <c:pt idx="11528">
                  <c:v>22.894542252511677</c:v>
                </c:pt>
                <c:pt idx="11529">
                  <c:v>22.894542252511677</c:v>
                </c:pt>
                <c:pt idx="11530">
                  <c:v>22.894542252511677</c:v>
                </c:pt>
                <c:pt idx="11531">
                  <c:v>22.894542252511677</c:v>
                </c:pt>
                <c:pt idx="11532">
                  <c:v>22.894542252511677</c:v>
                </c:pt>
                <c:pt idx="11533">
                  <c:v>22.894542252511677</c:v>
                </c:pt>
                <c:pt idx="11534">
                  <c:v>22.894542252511677</c:v>
                </c:pt>
                <c:pt idx="11535">
                  <c:v>22.894542252511677</c:v>
                </c:pt>
                <c:pt idx="11536">
                  <c:v>22.899157636481455</c:v>
                </c:pt>
                <c:pt idx="11537">
                  <c:v>22.899157636481455</c:v>
                </c:pt>
                <c:pt idx="11538">
                  <c:v>22.899157636481455</c:v>
                </c:pt>
                <c:pt idx="11539">
                  <c:v>22.899157636481455</c:v>
                </c:pt>
                <c:pt idx="11540">
                  <c:v>22.899157636481455</c:v>
                </c:pt>
                <c:pt idx="11541">
                  <c:v>22.899157636481455</c:v>
                </c:pt>
                <c:pt idx="11542">
                  <c:v>22.894542252511677</c:v>
                </c:pt>
                <c:pt idx="11543">
                  <c:v>22.894542252511677</c:v>
                </c:pt>
                <c:pt idx="11544">
                  <c:v>22.894542252511677</c:v>
                </c:pt>
                <c:pt idx="11545">
                  <c:v>22.894542252511677</c:v>
                </c:pt>
                <c:pt idx="11546">
                  <c:v>22.894542252511677</c:v>
                </c:pt>
                <c:pt idx="11547">
                  <c:v>22.894542252511677</c:v>
                </c:pt>
                <c:pt idx="11548">
                  <c:v>22.894542252511677</c:v>
                </c:pt>
                <c:pt idx="11549">
                  <c:v>22.894542252511677</c:v>
                </c:pt>
                <c:pt idx="11550">
                  <c:v>22.894542252511677</c:v>
                </c:pt>
                <c:pt idx="11551">
                  <c:v>22.894542252511677</c:v>
                </c:pt>
                <c:pt idx="11552">
                  <c:v>22.894542252511677</c:v>
                </c:pt>
                <c:pt idx="11553">
                  <c:v>22.894542252511677</c:v>
                </c:pt>
                <c:pt idx="11554">
                  <c:v>22.894542252511677</c:v>
                </c:pt>
                <c:pt idx="11555">
                  <c:v>22.894542252511677</c:v>
                </c:pt>
                <c:pt idx="11556">
                  <c:v>22.894542252511677</c:v>
                </c:pt>
                <c:pt idx="11557">
                  <c:v>22.899157636481455</c:v>
                </c:pt>
                <c:pt idx="11558">
                  <c:v>22.899157636481455</c:v>
                </c:pt>
                <c:pt idx="11559">
                  <c:v>22.899157636481455</c:v>
                </c:pt>
                <c:pt idx="11560">
                  <c:v>22.899157636481455</c:v>
                </c:pt>
                <c:pt idx="11561">
                  <c:v>22.899157636481455</c:v>
                </c:pt>
                <c:pt idx="11562">
                  <c:v>22.899157636481455</c:v>
                </c:pt>
                <c:pt idx="11563">
                  <c:v>22.903912880571674</c:v>
                </c:pt>
                <c:pt idx="11564">
                  <c:v>22.903912880571674</c:v>
                </c:pt>
                <c:pt idx="11565">
                  <c:v>22.903912880571674</c:v>
                </c:pt>
                <c:pt idx="11566">
                  <c:v>22.908668124661894</c:v>
                </c:pt>
                <c:pt idx="11567">
                  <c:v>22.908668124661894</c:v>
                </c:pt>
                <c:pt idx="11568">
                  <c:v>22.908668124661894</c:v>
                </c:pt>
                <c:pt idx="11569">
                  <c:v>22.908668124661894</c:v>
                </c:pt>
                <c:pt idx="11570">
                  <c:v>22.908668124661894</c:v>
                </c:pt>
                <c:pt idx="11571">
                  <c:v>22.903912880571674</c:v>
                </c:pt>
                <c:pt idx="11572">
                  <c:v>22.903912880571674</c:v>
                </c:pt>
                <c:pt idx="11573">
                  <c:v>22.903912880571674</c:v>
                </c:pt>
                <c:pt idx="11574">
                  <c:v>22.903912880571674</c:v>
                </c:pt>
                <c:pt idx="11575">
                  <c:v>22.899157636481455</c:v>
                </c:pt>
                <c:pt idx="11576">
                  <c:v>22.899157636481455</c:v>
                </c:pt>
                <c:pt idx="11577">
                  <c:v>22.899157636481455</c:v>
                </c:pt>
                <c:pt idx="11578">
                  <c:v>22.899157636481455</c:v>
                </c:pt>
                <c:pt idx="11579">
                  <c:v>22.899157636481455</c:v>
                </c:pt>
                <c:pt idx="11580">
                  <c:v>22.899157636481455</c:v>
                </c:pt>
                <c:pt idx="11581">
                  <c:v>22.899157636481455</c:v>
                </c:pt>
                <c:pt idx="11582">
                  <c:v>22.899157636481455</c:v>
                </c:pt>
                <c:pt idx="11583">
                  <c:v>22.899157636481455</c:v>
                </c:pt>
                <c:pt idx="11584">
                  <c:v>22.894542252511677</c:v>
                </c:pt>
                <c:pt idx="11585">
                  <c:v>22.894542252511677</c:v>
                </c:pt>
                <c:pt idx="11586">
                  <c:v>22.894542252511677</c:v>
                </c:pt>
                <c:pt idx="11587">
                  <c:v>22.894542252511677</c:v>
                </c:pt>
                <c:pt idx="11588">
                  <c:v>22.894542252511677</c:v>
                </c:pt>
                <c:pt idx="11589">
                  <c:v>22.889787008421457</c:v>
                </c:pt>
                <c:pt idx="11590">
                  <c:v>22.889787008421457</c:v>
                </c:pt>
                <c:pt idx="11591">
                  <c:v>22.889787008421457</c:v>
                </c:pt>
                <c:pt idx="11592">
                  <c:v>22.889787008421457</c:v>
                </c:pt>
                <c:pt idx="11593">
                  <c:v>22.889787008421457</c:v>
                </c:pt>
                <c:pt idx="11594">
                  <c:v>22.889787008421457</c:v>
                </c:pt>
                <c:pt idx="11595">
                  <c:v>22.894542252511677</c:v>
                </c:pt>
                <c:pt idx="11596">
                  <c:v>22.894542252511677</c:v>
                </c:pt>
                <c:pt idx="11597">
                  <c:v>22.899157636481455</c:v>
                </c:pt>
                <c:pt idx="11598">
                  <c:v>22.899157636481455</c:v>
                </c:pt>
                <c:pt idx="11599">
                  <c:v>22.903912880571674</c:v>
                </c:pt>
                <c:pt idx="11600">
                  <c:v>22.903912880571674</c:v>
                </c:pt>
                <c:pt idx="11601">
                  <c:v>22.903912880571674</c:v>
                </c:pt>
                <c:pt idx="11602">
                  <c:v>22.903912880571674</c:v>
                </c:pt>
                <c:pt idx="11603">
                  <c:v>22.903912880571674</c:v>
                </c:pt>
                <c:pt idx="11604">
                  <c:v>22.903912880571674</c:v>
                </c:pt>
                <c:pt idx="11605">
                  <c:v>22.908668124661894</c:v>
                </c:pt>
                <c:pt idx="11606">
                  <c:v>22.908668124661894</c:v>
                </c:pt>
                <c:pt idx="11607">
                  <c:v>22.908668124661894</c:v>
                </c:pt>
                <c:pt idx="11608">
                  <c:v>22.908668124661894</c:v>
                </c:pt>
                <c:pt idx="11609">
                  <c:v>22.913283508631793</c:v>
                </c:pt>
                <c:pt idx="11610">
                  <c:v>22.913283508631793</c:v>
                </c:pt>
                <c:pt idx="11611">
                  <c:v>22.913283508631793</c:v>
                </c:pt>
                <c:pt idx="11612">
                  <c:v>22.913283508631793</c:v>
                </c:pt>
                <c:pt idx="11613">
                  <c:v>22.913283508631793</c:v>
                </c:pt>
                <c:pt idx="11614">
                  <c:v>22.913283508631793</c:v>
                </c:pt>
                <c:pt idx="11615">
                  <c:v>22.918038752721888</c:v>
                </c:pt>
                <c:pt idx="11616">
                  <c:v>22.913283508631793</c:v>
                </c:pt>
                <c:pt idx="11617">
                  <c:v>22.913283508631793</c:v>
                </c:pt>
                <c:pt idx="11618">
                  <c:v>22.913283508631793</c:v>
                </c:pt>
                <c:pt idx="11619">
                  <c:v>22.913283508631793</c:v>
                </c:pt>
                <c:pt idx="11620">
                  <c:v>22.913283508631793</c:v>
                </c:pt>
                <c:pt idx="11621">
                  <c:v>22.913283508631793</c:v>
                </c:pt>
                <c:pt idx="11622">
                  <c:v>22.908668124661894</c:v>
                </c:pt>
                <c:pt idx="11623">
                  <c:v>22.908668124661894</c:v>
                </c:pt>
                <c:pt idx="11624">
                  <c:v>22.908668124661894</c:v>
                </c:pt>
                <c:pt idx="11625">
                  <c:v>22.903912880571674</c:v>
                </c:pt>
                <c:pt idx="11626">
                  <c:v>22.903912880571674</c:v>
                </c:pt>
                <c:pt idx="11627">
                  <c:v>22.903912880571674</c:v>
                </c:pt>
                <c:pt idx="11628">
                  <c:v>22.903912880571674</c:v>
                </c:pt>
                <c:pt idx="11629">
                  <c:v>22.903912880571674</c:v>
                </c:pt>
                <c:pt idx="11630">
                  <c:v>22.908668124661894</c:v>
                </c:pt>
                <c:pt idx="11631">
                  <c:v>22.908668124661894</c:v>
                </c:pt>
                <c:pt idx="11632">
                  <c:v>22.908668124661894</c:v>
                </c:pt>
                <c:pt idx="11633">
                  <c:v>22.903912880571674</c:v>
                </c:pt>
                <c:pt idx="11634">
                  <c:v>22.903912880571674</c:v>
                </c:pt>
                <c:pt idx="11635">
                  <c:v>22.903912880571674</c:v>
                </c:pt>
                <c:pt idx="11636">
                  <c:v>22.903912880571674</c:v>
                </c:pt>
                <c:pt idx="11637">
                  <c:v>22.903912880571674</c:v>
                </c:pt>
                <c:pt idx="11638">
                  <c:v>22.903912880571674</c:v>
                </c:pt>
                <c:pt idx="11639">
                  <c:v>22.903912880571674</c:v>
                </c:pt>
                <c:pt idx="11640">
                  <c:v>22.903912880571674</c:v>
                </c:pt>
                <c:pt idx="11641">
                  <c:v>22.908668124661894</c:v>
                </c:pt>
                <c:pt idx="11642">
                  <c:v>22.908668124661894</c:v>
                </c:pt>
                <c:pt idx="11643">
                  <c:v>22.908668124661894</c:v>
                </c:pt>
                <c:pt idx="11644">
                  <c:v>22.908668124661894</c:v>
                </c:pt>
                <c:pt idx="11645">
                  <c:v>22.908668124661894</c:v>
                </c:pt>
                <c:pt idx="11646">
                  <c:v>22.908668124661894</c:v>
                </c:pt>
                <c:pt idx="11647">
                  <c:v>22.913283508631793</c:v>
                </c:pt>
                <c:pt idx="11648">
                  <c:v>22.913283508631793</c:v>
                </c:pt>
                <c:pt idx="11649">
                  <c:v>22.913283508631793</c:v>
                </c:pt>
                <c:pt idx="11650">
                  <c:v>22.918038752721888</c:v>
                </c:pt>
                <c:pt idx="11651">
                  <c:v>22.918038752721888</c:v>
                </c:pt>
                <c:pt idx="11652">
                  <c:v>22.918038752721888</c:v>
                </c:pt>
                <c:pt idx="11653">
                  <c:v>22.922793996812107</c:v>
                </c:pt>
                <c:pt idx="11654">
                  <c:v>22.922793996812107</c:v>
                </c:pt>
                <c:pt idx="11655">
                  <c:v>22.922793996812107</c:v>
                </c:pt>
                <c:pt idx="11656">
                  <c:v>22.922793996812107</c:v>
                </c:pt>
                <c:pt idx="11657">
                  <c:v>22.922793996812107</c:v>
                </c:pt>
                <c:pt idx="11658">
                  <c:v>22.922793996812107</c:v>
                </c:pt>
                <c:pt idx="11659">
                  <c:v>22.922793996812107</c:v>
                </c:pt>
                <c:pt idx="11660">
                  <c:v>22.922793996812107</c:v>
                </c:pt>
                <c:pt idx="11661">
                  <c:v>22.922793996812107</c:v>
                </c:pt>
                <c:pt idx="11662">
                  <c:v>22.922793996812107</c:v>
                </c:pt>
                <c:pt idx="11663">
                  <c:v>22.922793996812107</c:v>
                </c:pt>
                <c:pt idx="11664">
                  <c:v>22.922793996812107</c:v>
                </c:pt>
                <c:pt idx="11665">
                  <c:v>22.918038752721888</c:v>
                </c:pt>
                <c:pt idx="11666">
                  <c:v>22.918038752721888</c:v>
                </c:pt>
                <c:pt idx="11667">
                  <c:v>22.918038752721888</c:v>
                </c:pt>
                <c:pt idx="11668">
                  <c:v>22.918038752721888</c:v>
                </c:pt>
                <c:pt idx="11669">
                  <c:v>22.918038752721888</c:v>
                </c:pt>
                <c:pt idx="11670">
                  <c:v>22.918038752721888</c:v>
                </c:pt>
                <c:pt idx="11671">
                  <c:v>22.918038752721888</c:v>
                </c:pt>
                <c:pt idx="11672">
                  <c:v>22.913283508631793</c:v>
                </c:pt>
                <c:pt idx="11673">
                  <c:v>22.913283508631793</c:v>
                </c:pt>
                <c:pt idx="11674">
                  <c:v>22.913283508631793</c:v>
                </c:pt>
                <c:pt idx="11675">
                  <c:v>22.913283508631793</c:v>
                </c:pt>
                <c:pt idx="11676">
                  <c:v>22.913283508631793</c:v>
                </c:pt>
                <c:pt idx="11677">
                  <c:v>22.913283508631793</c:v>
                </c:pt>
                <c:pt idx="11678">
                  <c:v>22.913283508631793</c:v>
                </c:pt>
                <c:pt idx="11679">
                  <c:v>22.913283508631793</c:v>
                </c:pt>
                <c:pt idx="11680">
                  <c:v>22.913283508631793</c:v>
                </c:pt>
                <c:pt idx="11681">
                  <c:v>22.913283508631793</c:v>
                </c:pt>
                <c:pt idx="11682">
                  <c:v>22.913283508631793</c:v>
                </c:pt>
                <c:pt idx="11683">
                  <c:v>22.913283508631793</c:v>
                </c:pt>
                <c:pt idx="11684">
                  <c:v>22.913283508631793</c:v>
                </c:pt>
                <c:pt idx="11685">
                  <c:v>22.913283508631793</c:v>
                </c:pt>
                <c:pt idx="11686">
                  <c:v>22.913283508631793</c:v>
                </c:pt>
                <c:pt idx="11687">
                  <c:v>22.913283508631793</c:v>
                </c:pt>
                <c:pt idx="11688">
                  <c:v>22.913283508631793</c:v>
                </c:pt>
                <c:pt idx="11689">
                  <c:v>22.913283508631793</c:v>
                </c:pt>
                <c:pt idx="11690">
                  <c:v>22.913283508631793</c:v>
                </c:pt>
                <c:pt idx="11691">
                  <c:v>22.913283508631793</c:v>
                </c:pt>
                <c:pt idx="11692">
                  <c:v>22.913283508631793</c:v>
                </c:pt>
                <c:pt idx="11693">
                  <c:v>22.913283508631793</c:v>
                </c:pt>
                <c:pt idx="11694">
                  <c:v>22.913283508631793</c:v>
                </c:pt>
                <c:pt idx="11695">
                  <c:v>22.913283508631793</c:v>
                </c:pt>
                <c:pt idx="11696">
                  <c:v>22.913283508631793</c:v>
                </c:pt>
                <c:pt idx="11697">
                  <c:v>22.913283508631793</c:v>
                </c:pt>
                <c:pt idx="11698">
                  <c:v>22.913283508631793</c:v>
                </c:pt>
                <c:pt idx="11699">
                  <c:v>22.913283508631793</c:v>
                </c:pt>
                <c:pt idx="11700">
                  <c:v>22.913283508631793</c:v>
                </c:pt>
                <c:pt idx="11701">
                  <c:v>22.913283508631793</c:v>
                </c:pt>
                <c:pt idx="11702">
                  <c:v>22.913283508631793</c:v>
                </c:pt>
                <c:pt idx="11703">
                  <c:v>22.913283508631793</c:v>
                </c:pt>
                <c:pt idx="11704">
                  <c:v>22.908668124661894</c:v>
                </c:pt>
                <c:pt idx="11705">
                  <c:v>22.908668124661894</c:v>
                </c:pt>
                <c:pt idx="11706">
                  <c:v>22.908668124661894</c:v>
                </c:pt>
                <c:pt idx="11707">
                  <c:v>22.908668124661894</c:v>
                </c:pt>
                <c:pt idx="11708">
                  <c:v>22.908668124661894</c:v>
                </c:pt>
                <c:pt idx="11709">
                  <c:v>22.908668124661894</c:v>
                </c:pt>
                <c:pt idx="11710">
                  <c:v>22.908668124661894</c:v>
                </c:pt>
                <c:pt idx="11711">
                  <c:v>22.908668124661894</c:v>
                </c:pt>
                <c:pt idx="11712">
                  <c:v>22.913283508631793</c:v>
                </c:pt>
                <c:pt idx="11713">
                  <c:v>22.913283508631793</c:v>
                </c:pt>
                <c:pt idx="11714">
                  <c:v>22.918038752721888</c:v>
                </c:pt>
                <c:pt idx="11715">
                  <c:v>22.918038752721888</c:v>
                </c:pt>
                <c:pt idx="11716">
                  <c:v>22.918038752721888</c:v>
                </c:pt>
                <c:pt idx="11717">
                  <c:v>22.922793996812107</c:v>
                </c:pt>
                <c:pt idx="11718">
                  <c:v>22.922793996812107</c:v>
                </c:pt>
                <c:pt idx="11719">
                  <c:v>22.922793996812107</c:v>
                </c:pt>
                <c:pt idx="11720">
                  <c:v>22.927409380782006</c:v>
                </c:pt>
                <c:pt idx="11721">
                  <c:v>22.927409380782006</c:v>
                </c:pt>
                <c:pt idx="11722">
                  <c:v>22.927409380782006</c:v>
                </c:pt>
                <c:pt idx="11723">
                  <c:v>22.927409380782006</c:v>
                </c:pt>
                <c:pt idx="11724">
                  <c:v>22.927409380782006</c:v>
                </c:pt>
                <c:pt idx="11725">
                  <c:v>22.927409380782006</c:v>
                </c:pt>
                <c:pt idx="11726">
                  <c:v>22.927409380782006</c:v>
                </c:pt>
                <c:pt idx="11727">
                  <c:v>22.922793996812107</c:v>
                </c:pt>
                <c:pt idx="11728">
                  <c:v>22.922793996812107</c:v>
                </c:pt>
                <c:pt idx="11729">
                  <c:v>22.922793996812107</c:v>
                </c:pt>
                <c:pt idx="11730">
                  <c:v>22.922793996812107</c:v>
                </c:pt>
                <c:pt idx="11731">
                  <c:v>22.922793996812107</c:v>
                </c:pt>
                <c:pt idx="11732">
                  <c:v>22.922793996812107</c:v>
                </c:pt>
                <c:pt idx="11733">
                  <c:v>22.922793996812107</c:v>
                </c:pt>
                <c:pt idx="11734">
                  <c:v>22.922793996812107</c:v>
                </c:pt>
                <c:pt idx="11735">
                  <c:v>22.918038752721888</c:v>
                </c:pt>
                <c:pt idx="11736">
                  <c:v>22.918038752721888</c:v>
                </c:pt>
                <c:pt idx="11737">
                  <c:v>22.918038752721888</c:v>
                </c:pt>
                <c:pt idx="11738">
                  <c:v>22.913283508631793</c:v>
                </c:pt>
                <c:pt idx="11739">
                  <c:v>22.908668124661894</c:v>
                </c:pt>
                <c:pt idx="11740">
                  <c:v>22.908668124661894</c:v>
                </c:pt>
                <c:pt idx="11741">
                  <c:v>22.903912880571674</c:v>
                </c:pt>
                <c:pt idx="11742">
                  <c:v>22.903912880571674</c:v>
                </c:pt>
                <c:pt idx="11743">
                  <c:v>22.903912880571674</c:v>
                </c:pt>
                <c:pt idx="11744">
                  <c:v>22.899157636481455</c:v>
                </c:pt>
                <c:pt idx="11745">
                  <c:v>22.899157636481455</c:v>
                </c:pt>
                <c:pt idx="11746">
                  <c:v>22.899157636481455</c:v>
                </c:pt>
                <c:pt idx="11747">
                  <c:v>22.899157636481455</c:v>
                </c:pt>
                <c:pt idx="11748">
                  <c:v>22.899157636481455</c:v>
                </c:pt>
                <c:pt idx="11749">
                  <c:v>22.899157636481455</c:v>
                </c:pt>
                <c:pt idx="11750">
                  <c:v>22.899157636481455</c:v>
                </c:pt>
                <c:pt idx="11751">
                  <c:v>22.899157636481455</c:v>
                </c:pt>
                <c:pt idx="11752">
                  <c:v>22.899157636481455</c:v>
                </c:pt>
                <c:pt idx="11753">
                  <c:v>22.899157636481455</c:v>
                </c:pt>
                <c:pt idx="11754">
                  <c:v>22.899157636481455</c:v>
                </c:pt>
                <c:pt idx="11755">
                  <c:v>22.899157636481455</c:v>
                </c:pt>
                <c:pt idx="11756">
                  <c:v>22.899157636481455</c:v>
                </c:pt>
                <c:pt idx="11757">
                  <c:v>22.899157636481455</c:v>
                </c:pt>
                <c:pt idx="11758">
                  <c:v>22.899157636481455</c:v>
                </c:pt>
                <c:pt idx="11759">
                  <c:v>22.903912880571674</c:v>
                </c:pt>
                <c:pt idx="11760">
                  <c:v>22.903912880571674</c:v>
                </c:pt>
                <c:pt idx="11761">
                  <c:v>22.903912880571674</c:v>
                </c:pt>
                <c:pt idx="11762">
                  <c:v>22.908668124661894</c:v>
                </c:pt>
                <c:pt idx="11763">
                  <c:v>22.908668124661894</c:v>
                </c:pt>
                <c:pt idx="11764">
                  <c:v>22.913283508631793</c:v>
                </c:pt>
                <c:pt idx="11765">
                  <c:v>22.913283508631793</c:v>
                </c:pt>
                <c:pt idx="11766">
                  <c:v>22.918038752721888</c:v>
                </c:pt>
                <c:pt idx="11767">
                  <c:v>22.918038752721888</c:v>
                </c:pt>
                <c:pt idx="11768">
                  <c:v>22.922793996812107</c:v>
                </c:pt>
                <c:pt idx="11769">
                  <c:v>22.922793996812107</c:v>
                </c:pt>
                <c:pt idx="11770">
                  <c:v>22.922793996812107</c:v>
                </c:pt>
                <c:pt idx="11771">
                  <c:v>22.922793996812107</c:v>
                </c:pt>
                <c:pt idx="11772">
                  <c:v>22.922793996812107</c:v>
                </c:pt>
                <c:pt idx="11773">
                  <c:v>22.922793996812107</c:v>
                </c:pt>
                <c:pt idx="11774">
                  <c:v>22.922793996812107</c:v>
                </c:pt>
                <c:pt idx="11775">
                  <c:v>22.922793996812107</c:v>
                </c:pt>
                <c:pt idx="11776">
                  <c:v>22.918038752721888</c:v>
                </c:pt>
                <c:pt idx="11777">
                  <c:v>22.918038752721888</c:v>
                </c:pt>
                <c:pt idx="11778">
                  <c:v>22.918038752721888</c:v>
                </c:pt>
                <c:pt idx="11779">
                  <c:v>22.918038752721888</c:v>
                </c:pt>
                <c:pt idx="11780">
                  <c:v>22.918038752721888</c:v>
                </c:pt>
                <c:pt idx="11781">
                  <c:v>22.918038752721888</c:v>
                </c:pt>
                <c:pt idx="11782">
                  <c:v>22.913283508631793</c:v>
                </c:pt>
                <c:pt idx="11783">
                  <c:v>22.913283508631793</c:v>
                </c:pt>
                <c:pt idx="11784">
                  <c:v>22.913283508631793</c:v>
                </c:pt>
                <c:pt idx="11785">
                  <c:v>22.908668124661894</c:v>
                </c:pt>
                <c:pt idx="11786">
                  <c:v>22.908668124661894</c:v>
                </c:pt>
                <c:pt idx="11787">
                  <c:v>22.903912880571674</c:v>
                </c:pt>
                <c:pt idx="11788">
                  <c:v>22.899157636481455</c:v>
                </c:pt>
                <c:pt idx="11789">
                  <c:v>22.899157636481455</c:v>
                </c:pt>
                <c:pt idx="11790">
                  <c:v>22.894542252511677</c:v>
                </c:pt>
                <c:pt idx="11791">
                  <c:v>22.889787008421457</c:v>
                </c:pt>
                <c:pt idx="11792">
                  <c:v>22.889787008421457</c:v>
                </c:pt>
                <c:pt idx="11793">
                  <c:v>22.889787008421457</c:v>
                </c:pt>
                <c:pt idx="11794">
                  <c:v>22.885031764331238</c:v>
                </c:pt>
                <c:pt idx="11795">
                  <c:v>22.885031764331238</c:v>
                </c:pt>
                <c:pt idx="11796">
                  <c:v>22.885031764331238</c:v>
                </c:pt>
                <c:pt idx="11797">
                  <c:v>22.88041638036146</c:v>
                </c:pt>
                <c:pt idx="11798">
                  <c:v>22.88041638036146</c:v>
                </c:pt>
                <c:pt idx="11799">
                  <c:v>22.88041638036146</c:v>
                </c:pt>
                <c:pt idx="11800">
                  <c:v>22.88041638036146</c:v>
                </c:pt>
                <c:pt idx="11801">
                  <c:v>22.88041638036146</c:v>
                </c:pt>
                <c:pt idx="11802">
                  <c:v>22.88041638036146</c:v>
                </c:pt>
                <c:pt idx="11803">
                  <c:v>22.88041638036146</c:v>
                </c:pt>
                <c:pt idx="11804">
                  <c:v>22.88041638036146</c:v>
                </c:pt>
                <c:pt idx="11805">
                  <c:v>22.885031764331238</c:v>
                </c:pt>
                <c:pt idx="11806">
                  <c:v>22.885031764331238</c:v>
                </c:pt>
                <c:pt idx="11807">
                  <c:v>22.885031764331238</c:v>
                </c:pt>
                <c:pt idx="11808">
                  <c:v>22.885031764331238</c:v>
                </c:pt>
                <c:pt idx="11809">
                  <c:v>22.889787008421457</c:v>
                </c:pt>
                <c:pt idx="11810">
                  <c:v>22.889787008421457</c:v>
                </c:pt>
                <c:pt idx="11811">
                  <c:v>22.889787008421457</c:v>
                </c:pt>
                <c:pt idx="11812">
                  <c:v>22.889787008421457</c:v>
                </c:pt>
                <c:pt idx="11813">
                  <c:v>22.889787008421457</c:v>
                </c:pt>
                <c:pt idx="11814">
                  <c:v>22.889787008421457</c:v>
                </c:pt>
                <c:pt idx="11815">
                  <c:v>22.889787008421457</c:v>
                </c:pt>
                <c:pt idx="11816">
                  <c:v>22.894542252511677</c:v>
                </c:pt>
                <c:pt idx="11817">
                  <c:v>22.889787008421457</c:v>
                </c:pt>
                <c:pt idx="11818">
                  <c:v>22.894542252511677</c:v>
                </c:pt>
                <c:pt idx="11819">
                  <c:v>22.894542252511677</c:v>
                </c:pt>
                <c:pt idx="11820">
                  <c:v>22.894542252511677</c:v>
                </c:pt>
                <c:pt idx="11821">
                  <c:v>22.894542252511677</c:v>
                </c:pt>
                <c:pt idx="11822">
                  <c:v>22.894542252511677</c:v>
                </c:pt>
                <c:pt idx="11823">
                  <c:v>22.894542252511677</c:v>
                </c:pt>
                <c:pt idx="11824">
                  <c:v>22.894542252511677</c:v>
                </c:pt>
                <c:pt idx="11825">
                  <c:v>22.894542252511677</c:v>
                </c:pt>
                <c:pt idx="11826">
                  <c:v>22.894542252511677</c:v>
                </c:pt>
                <c:pt idx="11827">
                  <c:v>22.894542252511677</c:v>
                </c:pt>
                <c:pt idx="11828">
                  <c:v>22.894542252511677</c:v>
                </c:pt>
                <c:pt idx="11829">
                  <c:v>22.894542252511677</c:v>
                </c:pt>
                <c:pt idx="11830">
                  <c:v>22.894542252511677</c:v>
                </c:pt>
                <c:pt idx="11831">
                  <c:v>22.894542252511677</c:v>
                </c:pt>
                <c:pt idx="11832">
                  <c:v>22.889787008421457</c:v>
                </c:pt>
                <c:pt idx="11833">
                  <c:v>22.889787008421457</c:v>
                </c:pt>
                <c:pt idx="11834">
                  <c:v>22.889787008421457</c:v>
                </c:pt>
                <c:pt idx="11835">
                  <c:v>22.889787008421457</c:v>
                </c:pt>
                <c:pt idx="11836">
                  <c:v>22.889787008421457</c:v>
                </c:pt>
                <c:pt idx="11837">
                  <c:v>22.889787008421457</c:v>
                </c:pt>
                <c:pt idx="11838">
                  <c:v>22.885031764331238</c:v>
                </c:pt>
                <c:pt idx="11839">
                  <c:v>22.885031764331238</c:v>
                </c:pt>
                <c:pt idx="11840">
                  <c:v>22.885031764331238</c:v>
                </c:pt>
                <c:pt idx="11841">
                  <c:v>22.885031764331238</c:v>
                </c:pt>
                <c:pt idx="11842">
                  <c:v>22.885031764331238</c:v>
                </c:pt>
                <c:pt idx="11843">
                  <c:v>22.885031764331238</c:v>
                </c:pt>
                <c:pt idx="11844">
                  <c:v>22.885031764331238</c:v>
                </c:pt>
                <c:pt idx="11845">
                  <c:v>22.885031764331238</c:v>
                </c:pt>
                <c:pt idx="11846">
                  <c:v>22.885031764331238</c:v>
                </c:pt>
                <c:pt idx="11847">
                  <c:v>22.88041638036146</c:v>
                </c:pt>
                <c:pt idx="11848">
                  <c:v>22.88041638036146</c:v>
                </c:pt>
                <c:pt idx="11849">
                  <c:v>22.88041638036146</c:v>
                </c:pt>
                <c:pt idx="11850">
                  <c:v>22.88041638036146</c:v>
                </c:pt>
                <c:pt idx="11851">
                  <c:v>22.88041638036146</c:v>
                </c:pt>
                <c:pt idx="11852">
                  <c:v>22.88041638036146</c:v>
                </c:pt>
                <c:pt idx="11853">
                  <c:v>22.88041638036146</c:v>
                </c:pt>
                <c:pt idx="11854">
                  <c:v>22.88041638036146</c:v>
                </c:pt>
                <c:pt idx="11855">
                  <c:v>22.88041638036146</c:v>
                </c:pt>
                <c:pt idx="11856">
                  <c:v>22.88041638036146</c:v>
                </c:pt>
                <c:pt idx="11857">
                  <c:v>22.88041638036146</c:v>
                </c:pt>
                <c:pt idx="11858">
                  <c:v>22.88041638036146</c:v>
                </c:pt>
                <c:pt idx="11859">
                  <c:v>22.88041638036146</c:v>
                </c:pt>
                <c:pt idx="11860">
                  <c:v>22.88041638036146</c:v>
                </c:pt>
                <c:pt idx="11861">
                  <c:v>22.88041638036146</c:v>
                </c:pt>
                <c:pt idx="11862">
                  <c:v>22.88041638036146</c:v>
                </c:pt>
                <c:pt idx="11863">
                  <c:v>22.88041638036146</c:v>
                </c:pt>
                <c:pt idx="11864">
                  <c:v>22.88041638036146</c:v>
                </c:pt>
                <c:pt idx="11865">
                  <c:v>22.875661136271244</c:v>
                </c:pt>
                <c:pt idx="11866">
                  <c:v>22.875661136271244</c:v>
                </c:pt>
                <c:pt idx="11867">
                  <c:v>22.875661136271244</c:v>
                </c:pt>
                <c:pt idx="11868">
                  <c:v>22.875661136271244</c:v>
                </c:pt>
                <c:pt idx="11869">
                  <c:v>22.875661136271244</c:v>
                </c:pt>
                <c:pt idx="11870">
                  <c:v>22.875661136271244</c:v>
                </c:pt>
                <c:pt idx="11871">
                  <c:v>22.875661136271244</c:v>
                </c:pt>
                <c:pt idx="11872">
                  <c:v>22.875661136271244</c:v>
                </c:pt>
                <c:pt idx="11873">
                  <c:v>22.88041638036146</c:v>
                </c:pt>
                <c:pt idx="11874">
                  <c:v>22.88041638036146</c:v>
                </c:pt>
                <c:pt idx="11875">
                  <c:v>22.875661136271244</c:v>
                </c:pt>
                <c:pt idx="11876">
                  <c:v>22.875661136271244</c:v>
                </c:pt>
                <c:pt idx="11877">
                  <c:v>22.875661136271244</c:v>
                </c:pt>
                <c:pt idx="11878">
                  <c:v>22.875661136271244</c:v>
                </c:pt>
                <c:pt idx="11879">
                  <c:v>22.875661136271244</c:v>
                </c:pt>
                <c:pt idx="11880">
                  <c:v>22.875661136271244</c:v>
                </c:pt>
                <c:pt idx="11881">
                  <c:v>22.875661136271244</c:v>
                </c:pt>
                <c:pt idx="11882">
                  <c:v>22.870905892181025</c:v>
                </c:pt>
                <c:pt idx="11883">
                  <c:v>22.870905892181025</c:v>
                </c:pt>
                <c:pt idx="11884">
                  <c:v>22.870905892181025</c:v>
                </c:pt>
                <c:pt idx="11885">
                  <c:v>22.870905892181025</c:v>
                </c:pt>
                <c:pt idx="11886">
                  <c:v>22.870905892181025</c:v>
                </c:pt>
                <c:pt idx="11887">
                  <c:v>22.870905892181025</c:v>
                </c:pt>
                <c:pt idx="11888">
                  <c:v>22.870905892181025</c:v>
                </c:pt>
                <c:pt idx="11889">
                  <c:v>22.875661136271244</c:v>
                </c:pt>
                <c:pt idx="11890">
                  <c:v>22.875661136271244</c:v>
                </c:pt>
                <c:pt idx="11891">
                  <c:v>22.875661136271244</c:v>
                </c:pt>
                <c:pt idx="11892">
                  <c:v>22.875661136271244</c:v>
                </c:pt>
                <c:pt idx="11893">
                  <c:v>22.875661136271244</c:v>
                </c:pt>
                <c:pt idx="11894">
                  <c:v>22.875661136271244</c:v>
                </c:pt>
                <c:pt idx="11895">
                  <c:v>22.875661136271244</c:v>
                </c:pt>
                <c:pt idx="11896">
                  <c:v>22.875661136271244</c:v>
                </c:pt>
                <c:pt idx="11897">
                  <c:v>22.870905892181025</c:v>
                </c:pt>
                <c:pt idx="11898">
                  <c:v>22.870905892181025</c:v>
                </c:pt>
                <c:pt idx="11899">
                  <c:v>22.870905892181025</c:v>
                </c:pt>
                <c:pt idx="11900">
                  <c:v>22.870905892181025</c:v>
                </c:pt>
                <c:pt idx="11901">
                  <c:v>22.875661136271244</c:v>
                </c:pt>
                <c:pt idx="11902">
                  <c:v>22.875661136271244</c:v>
                </c:pt>
                <c:pt idx="11903">
                  <c:v>22.875661136271244</c:v>
                </c:pt>
                <c:pt idx="11904">
                  <c:v>22.875661136271244</c:v>
                </c:pt>
                <c:pt idx="11905">
                  <c:v>22.88041638036146</c:v>
                </c:pt>
                <c:pt idx="11906">
                  <c:v>22.88041638036146</c:v>
                </c:pt>
                <c:pt idx="11907">
                  <c:v>22.88041638036146</c:v>
                </c:pt>
                <c:pt idx="11908">
                  <c:v>22.88041638036146</c:v>
                </c:pt>
                <c:pt idx="11909">
                  <c:v>22.88041638036146</c:v>
                </c:pt>
                <c:pt idx="11910">
                  <c:v>22.885031764331238</c:v>
                </c:pt>
                <c:pt idx="11911">
                  <c:v>22.885031764331238</c:v>
                </c:pt>
                <c:pt idx="11912">
                  <c:v>22.885031764331238</c:v>
                </c:pt>
                <c:pt idx="11913">
                  <c:v>22.885031764331238</c:v>
                </c:pt>
                <c:pt idx="11914">
                  <c:v>22.885031764331238</c:v>
                </c:pt>
                <c:pt idx="11915">
                  <c:v>22.885031764331238</c:v>
                </c:pt>
                <c:pt idx="11916">
                  <c:v>22.88041638036146</c:v>
                </c:pt>
                <c:pt idx="11917">
                  <c:v>22.88041638036146</c:v>
                </c:pt>
                <c:pt idx="11918">
                  <c:v>22.88041638036146</c:v>
                </c:pt>
                <c:pt idx="11919">
                  <c:v>22.88041638036146</c:v>
                </c:pt>
                <c:pt idx="11920">
                  <c:v>22.885031764331238</c:v>
                </c:pt>
                <c:pt idx="11921">
                  <c:v>22.885031764331238</c:v>
                </c:pt>
                <c:pt idx="11922">
                  <c:v>22.885031764331238</c:v>
                </c:pt>
                <c:pt idx="11923">
                  <c:v>22.885031764331238</c:v>
                </c:pt>
                <c:pt idx="11924">
                  <c:v>22.885031764331238</c:v>
                </c:pt>
                <c:pt idx="11925">
                  <c:v>22.885031764331238</c:v>
                </c:pt>
                <c:pt idx="11926">
                  <c:v>22.885031764331238</c:v>
                </c:pt>
                <c:pt idx="11927">
                  <c:v>22.88041638036146</c:v>
                </c:pt>
                <c:pt idx="11928">
                  <c:v>22.88041638036146</c:v>
                </c:pt>
                <c:pt idx="11929">
                  <c:v>22.88041638036146</c:v>
                </c:pt>
                <c:pt idx="11930">
                  <c:v>22.88041638036146</c:v>
                </c:pt>
                <c:pt idx="11931">
                  <c:v>22.88041638036146</c:v>
                </c:pt>
                <c:pt idx="11932">
                  <c:v>22.88041638036146</c:v>
                </c:pt>
                <c:pt idx="11933">
                  <c:v>22.875661136271244</c:v>
                </c:pt>
                <c:pt idx="11934">
                  <c:v>22.875661136271244</c:v>
                </c:pt>
                <c:pt idx="11935">
                  <c:v>22.875661136271244</c:v>
                </c:pt>
                <c:pt idx="11936">
                  <c:v>22.875661136271244</c:v>
                </c:pt>
                <c:pt idx="11937">
                  <c:v>22.875661136271244</c:v>
                </c:pt>
                <c:pt idx="11938">
                  <c:v>22.875661136271244</c:v>
                </c:pt>
                <c:pt idx="11939">
                  <c:v>22.875661136271244</c:v>
                </c:pt>
                <c:pt idx="11940">
                  <c:v>22.870905892181025</c:v>
                </c:pt>
                <c:pt idx="11941">
                  <c:v>22.870905892181025</c:v>
                </c:pt>
                <c:pt idx="11942">
                  <c:v>22.870905892181025</c:v>
                </c:pt>
                <c:pt idx="11943">
                  <c:v>22.870905892181025</c:v>
                </c:pt>
                <c:pt idx="11944">
                  <c:v>22.870905892181025</c:v>
                </c:pt>
                <c:pt idx="11945">
                  <c:v>22.870905892181025</c:v>
                </c:pt>
                <c:pt idx="11946">
                  <c:v>22.870905892181025</c:v>
                </c:pt>
                <c:pt idx="11947">
                  <c:v>22.870905892181025</c:v>
                </c:pt>
                <c:pt idx="11948">
                  <c:v>22.870905892181025</c:v>
                </c:pt>
                <c:pt idx="11949">
                  <c:v>22.870905892181025</c:v>
                </c:pt>
                <c:pt idx="11950">
                  <c:v>22.870905892181025</c:v>
                </c:pt>
                <c:pt idx="11951">
                  <c:v>22.870905892181025</c:v>
                </c:pt>
                <c:pt idx="11952">
                  <c:v>22.870905892181025</c:v>
                </c:pt>
                <c:pt idx="11953">
                  <c:v>22.870905892181025</c:v>
                </c:pt>
                <c:pt idx="11954">
                  <c:v>22.870905892181025</c:v>
                </c:pt>
                <c:pt idx="11955">
                  <c:v>22.870905892181025</c:v>
                </c:pt>
                <c:pt idx="11956">
                  <c:v>22.870905892181025</c:v>
                </c:pt>
                <c:pt idx="11957">
                  <c:v>22.870905892181025</c:v>
                </c:pt>
                <c:pt idx="11958">
                  <c:v>22.870905892181025</c:v>
                </c:pt>
                <c:pt idx="11959">
                  <c:v>22.870905892181025</c:v>
                </c:pt>
                <c:pt idx="11960">
                  <c:v>22.870905892181025</c:v>
                </c:pt>
                <c:pt idx="11961">
                  <c:v>22.870905892181025</c:v>
                </c:pt>
                <c:pt idx="11962">
                  <c:v>22.870905892181025</c:v>
                </c:pt>
                <c:pt idx="11963">
                  <c:v>22.870905892181025</c:v>
                </c:pt>
                <c:pt idx="11964">
                  <c:v>22.870905892181025</c:v>
                </c:pt>
                <c:pt idx="11965">
                  <c:v>22.870905892181025</c:v>
                </c:pt>
                <c:pt idx="11966">
                  <c:v>22.870905892181025</c:v>
                </c:pt>
                <c:pt idx="11967">
                  <c:v>22.870905892181025</c:v>
                </c:pt>
                <c:pt idx="11968">
                  <c:v>22.870905892181025</c:v>
                </c:pt>
                <c:pt idx="11969">
                  <c:v>22.870905892181025</c:v>
                </c:pt>
                <c:pt idx="11970">
                  <c:v>22.870905892181025</c:v>
                </c:pt>
                <c:pt idx="11971">
                  <c:v>22.870905892181025</c:v>
                </c:pt>
                <c:pt idx="11972">
                  <c:v>22.870905892181025</c:v>
                </c:pt>
                <c:pt idx="11973">
                  <c:v>22.866290508211122</c:v>
                </c:pt>
                <c:pt idx="11974">
                  <c:v>22.866290508211122</c:v>
                </c:pt>
                <c:pt idx="11975">
                  <c:v>22.870905892181025</c:v>
                </c:pt>
                <c:pt idx="11976">
                  <c:v>22.870905892181025</c:v>
                </c:pt>
                <c:pt idx="11977">
                  <c:v>22.870905892181025</c:v>
                </c:pt>
                <c:pt idx="11978">
                  <c:v>22.866290508211122</c:v>
                </c:pt>
                <c:pt idx="11979">
                  <c:v>22.866290508211122</c:v>
                </c:pt>
                <c:pt idx="11980">
                  <c:v>22.866290508211122</c:v>
                </c:pt>
                <c:pt idx="11981">
                  <c:v>22.866290508211122</c:v>
                </c:pt>
                <c:pt idx="11982">
                  <c:v>22.866290508211122</c:v>
                </c:pt>
                <c:pt idx="11983">
                  <c:v>22.866290508211122</c:v>
                </c:pt>
                <c:pt idx="11984">
                  <c:v>22.866290508211122</c:v>
                </c:pt>
                <c:pt idx="11985">
                  <c:v>22.866290508211122</c:v>
                </c:pt>
                <c:pt idx="11986">
                  <c:v>22.866290508211122</c:v>
                </c:pt>
                <c:pt idx="11987">
                  <c:v>22.866290508211122</c:v>
                </c:pt>
                <c:pt idx="11988">
                  <c:v>22.866290508211122</c:v>
                </c:pt>
                <c:pt idx="11989">
                  <c:v>22.866290508211122</c:v>
                </c:pt>
                <c:pt idx="11990">
                  <c:v>22.866290508211122</c:v>
                </c:pt>
                <c:pt idx="11991">
                  <c:v>22.866290508211122</c:v>
                </c:pt>
                <c:pt idx="11992">
                  <c:v>22.866290508211122</c:v>
                </c:pt>
                <c:pt idx="11993">
                  <c:v>22.866290508211122</c:v>
                </c:pt>
                <c:pt idx="11994">
                  <c:v>22.866290508211122</c:v>
                </c:pt>
                <c:pt idx="11995">
                  <c:v>22.866290508211122</c:v>
                </c:pt>
                <c:pt idx="11996">
                  <c:v>22.866290508211122</c:v>
                </c:pt>
                <c:pt idx="11997">
                  <c:v>22.870905892181025</c:v>
                </c:pt>
                <c:pt idx="11998">
                  <c:v>22.870905892181025</c:v>
                </c:pt>
                <c:pt idx="11999">
                  <c:v>22.870905892181025</c:v>
                </c:pt>
                <c:pt idx="12001">
                  <c:v>22.870905892181025</c:v>
                </c:pt>
                <c:pt idx="12002">
                  <c:v>22.866290508211122</c:v>
                </c:pt>
                <c:pt idx="12003">
                  <c:v>22.866290508211122</c:v>
                </c:pt>
                <c:pt idx="12004">
                  <c:v>22.870905892181025</c:v>
                </c:pt>
                <c:pt idx="12005">
                  <c:v>22.88041638036146</c:v>
                </c:pt>
                <c:pt idx="12006">
                  <c:v>22.894542252511677</c:v>
                </c:pt>
                <c:pt idx="12007">
                  <c:v>22.913283508631793</c:v>
                </c:pt>
                <c:pt idx="12008">
                  <c:v>22.932164624872101</c:v>
                </c:pt>
                <c:pt idx="12009">
                  <c:v>22.951045741112537</c:v>
                </c:pt>
                <c:pt idx="12010">
                  <c:v>22.974542241322869</c:v>
                </c:pt>
                <c:pt idx="12011">
                  <c:v>22.993423357563181</c:v>
                </c:pt>
                <c:pt idx="12012">
                  <c:v>23.012164613683293</c:v>
                </c:pt>
                <c:pt idx="12013">
                  <c:v>23.031045729923729</c:v>
                </c:pt>
                <c:pt idx="12014">
                  <c:v>23.045171602073943</c:v>
                </c:pt>
                <c:pt idx="12015">
                  <c:v>23.064052718314375</c:v>
                </c:pt>
                <c:pt idx="12016">
                  <c:v>23.078178590464592</c:v>
                </c:pt>
                <c:pt idx="12017">
                  <c:v>23.097059706705025</c:v>
                </c:pt>
                <c:pt idx="12018">
                  <c:v>23.120556206915236</c:v>
                </c:pt>
                <c:pt idx="12019">
                  <c:v>23.139437323155668</c:v>
                </c:pt>
                <c:pt idx="12020">
                  <c:v>23.162933823366004</c:v>
                </c:pt>
                <c:pt idx="12021">
                  <c:v>23.181814939606312</c:v>
                </c:pt>
                <c:pt idx="12022">
                  <c:v>23.205311439816647</c:v>
                </c:pt>
                <c:pt idx="12023">
                  <c:v>23.228947800147175</c:v>
                </c:pt>
                <c:pt idx="12024">
                  <c:v>23.247689056267291</c:v>
                </c:pt>
                <c:pt idx="12025">
                  <c:v>23.266570172507723</c:v>
                </c:pt>
                <c:pt idx="12026">
                  <c:v>23.290066672718059</c:v>
                </c:pt>
                <c:pt idx="12027">
                  <c:v>23.308947788958367</c:v>
                </c:pt>
                <c:pt idx="12028">
                  <c:v>23.327828905198803</c:v>
                </c:pt>
                <c:pt idx="12029">
                  <c:v>23.346570161318915</c:v>
                </c:pt>
                <c:pt idx="12030">
                  <c:v>23.35608064949923</c:v>
                </c:pt>
                <c:pt idx="12031">
                  <c:v>23.365451277559348</c:v>
                </c:pt>
                <c:pt idx="12032">
                  <c:v>23.365451277559348</c:v>
                </c:pt>
                <c:pt idx="12033">
                  <c:v>23.370206521649447</c:v>
                </c:pt>
                <c:pt idx="12034">
                  <c:v>23.365451277559348</c:v>
                </c:pt>
                <c:pt idx="12035">
                  <c:v>23.365451277559348</c:v>
                </c:pt>
                <c:pt idx="12036">
                  <c:v>23.365451277559348</c:v>
                </c:pt>
                <c:pt idx="12037">
                  <c:v>23.360696033469132</c:v>
                </c:pt>
                <c:pt idx="12038">
                  <c:v>23.360696033469132</c:v>
                </c:pt>
                <c:pt idx="12039">
                  <c:v>23.35608064949923</c:v>
                </c:pt>
                <c:pt idx="12040">
                  <c:v>23.35608064949923</c:v>
                </c:pt>
                <c:pt idx="12041">
                  <c:v>23.35608064949923</c:v>
                </c:pt>
                <c:pt idx="12042">
                  <c:v>23.351325405409135</c:v>
                </c:pt>
                <c:pt idx="12043">
                  <c:v>23.341954777349017</c:v>
                </c:pt>
                <c:pt idx="12044">
                  <c:v>23.337199533258921</c:v>
                </c:pt>
                <c:pt idx="12045">
                  <c:v>23.323073661108584</c:v>
                </c:pt>
                <c:pt idx="12046">
                  <c:v>23.313703033048586</c:v>
                </c:pt>
                <c:pt idx="12047">
                  <c:v>23.299577160898373</c:v>
                </c:pt>
                <c:pt idx="12048">
                  <c:v>23.28545128874816</c:v>
                </c:pt>
                <c:pt idx="12049">
                  <c:v>23.271325416597943</c:v>
                </c:pt>
                <c:pt idx="12050">
                  <c:v>23.25719954444773</c:v>
                </c:pt>
                <c:pt idx="12051">
                  <c:v>23.243073672297392</c:v>
                </c:pt>
                <c:pt idx="12052">
                  <c:v>23.233563184117074</c:v>
                </c:pt>
                <c:pt idx="12053">
                  <c:v>23.214821927996962</c:v>
                </c:pt>
                <c:pt idx="12054">
                  <c:v>23.200696055846748</c:v>
                </c:pt>
                <c:pt idx="12055">
                  <c:v>23.181814939606312</c:v>
                </c:pt>
                <c:pt idx="12056">
                  <c:v>23.158178579275784</c:v>
                </c:pt>
                <c:pt idx="12057">
                  <c:v>23.139437323155668</c:v>
                </c:pt>
                <c:pt idx="12058">
                  <c:v>23.115800962825137</c:v>
                </c:pt>
                <c:pt idx="12059">
                  <c:v>23.092304462614806</c:v>
                </c:pt>
                <c:pt idx="12060">
                  <c:v>23.073423346374373</c:v>
                </c:pt>
                <c:pt idx="12061">
                  <c:v>23.049926846164162</c:v>
                </c:pt>
                <c:pt idx="12062">
                  <c:v>23.021675101863732</c:v>
                </c:pt>
                <c:pt idx="12063">
                  <c:v>22.99803874153308</c:v>
                </c:pt>
                <c:pt idx="12064">
                  <c:v>22.974542241322869</c:v>
                </c:pt>
                <c:pt idx="12065">
                  <c:v>22.946290497022318</c:v>
                </c:pt>
                <c:pt idx="12066">
                  <c:v>22.918038752721888</c:v>
                </c:pt>
                <c:pt idx="12067">
                  <c:v>22.894542252511677</c:v>
                </c:pt>
                <c:pt idx="12068">
                  <c:v>22.866290508211122</c:v>
                </c:pt>
                <c:pt idx="12069">
                  <c:v>22.838038763910692</c:v>
                </c:pt>
                <c:pt idx="12070">
                  <c:v>22.809647159489945</c:v>
                </c:pt>
                <c:pt idx="12071">
                  <c:v>22.781395415189518</c:v>
                </c:pt>
                <c:pt idx="12072">
                  <c:v>22.753143670889088</c:v>
                </c:pt>
                <c:pt idx="12073">
                  <c:v>22.724891926588658</c:v>
                </c:pt>
                <c:pt idx="12074">
                  <c:v>22.692024798318329</c:v>
                </c:pt>
                <c:pt idx="12075">
                  <c:v>22.663773054017774</c:v>
                </c:pt>
                <c:pt idx="12076">
                  <c:v>22.630766065627125</c:v>
                </c:pt>
                <c:pt idx="12077">
                  <c:v>22.593003833146383</c:v>
                </c:pt>
                <c:pt idx="12078">
                  <c:v>22.560136704876054</c:v>
                </c:pt>
                <c:pt idx="12079">
                  <c:v>22.527129716485405</c:v>
                </c:pt>
                <c:pt idx="12080">
                  <c:v>22.494122728094755</c:v>
                </c:pt>
                <c:pt idx="12081">
                  <c:v>22.461115739704105</c:v>
                </c:pt>
                <c:pt idx="12082">
                  <c:v>22.428248611433776</c:v>
                </c:pt>
                <c:pt idx="12083">
                  <c:v>22.39524162304313</c:v>
                </c:pt>
                <c:pt idx="12084">
                  <c:v>22.357619250682706</c:v>
                </c:pt>
                <c:pt idx="12085">
                  <c:v>22.324612262292057</c:v>
                </c:pt>
                <c:pt idx="12086">
                  <c:v>22.291605273901407</c:v>
                </c:pt>
                <c:pt idx="12087">
                  <c:v>22.253982901540859</c:v>
                </c:pt>
                <c:pt idx="12088">
                  <c:v>22.220975913150333</c:v>
                </c:pt>
                <c:pt idx="12089">
                  <c:v>22.183353540789788</c:v>
                </c:pt>
                <c:pt idx="12090">
                  <c:v>22.145591308308919</c:v>
                </c:pt>
                <c:pt idx="12091">
                  <c:v>22.107968935948495</c:v>
                </c:pt>
                <c:pt idx="12092">
                  <c:v>22.070206703467626</c:v>
                </c:pt>
                <c:pt idx="12093">
                  <c:v>22.032584331107202</c:v>
                </c:pt>
                <c:pt idx="12094">
                  <c:v>21.994961958746654</c:v>
                </c:pt>
                <c:pt idx="12095">
                  <c:v>21.957199726265785</c:v>
                </c:pt>
                <c:pt idx="12096">
                  <c:v>21.914822109815141</c:v>
                </c:pt>
                <c:pt idx="12097">
                  <c:v>21.877199737454589</c:v>
                </c:pt>
                <c:pt idx="12098">
                  <c:v>21.834822121003945</c:v>
                </c:pt>
                <c:pt idx="12099">
                  <c:v>21.797059888523204</c:v>
                </c:pt>
                <c:pt idx="12100">
                  <c:v>21.759437516162656</c:v>
                </c:pt>
                <c:pt idx="12101">
                  <c:v>21.717059899712009</c:v>
                </c:pt>
                <c:pt idx="12102">
                  <c:v>21.679297667231147</c:v>
                </c:pt>
                <c:pt idx="12103">
                  <c:v>21.636920050780503</c:v>
                </c:pt>
                <c:pt idx="12104">
                  <c:v>21.594542434329732</c:v>
                </c:pt>
                <c:pt idx="12105">
                  <c:v>21.552164817879088</c:v>
                </c:pt>
                <c:pt idx="12106">
                  <c:v>21.51454244551854</c:v>
                </c:pt>
                <c:pt idx="12107">
                  <c:v>21.467409584977677</c:v>
                </c:pt>
                <c:pt idx="12108">
                  <c:v>21.425031968527033</c:v>
                </c:pt>
                <c:pt idx="12109">
                  <c:v>21.38265435207639</c:v>
                </c:pt>
                <c:pt idx="12110">
                  <c:v>21.340276735625746</c:v>
                </c:pt>
                <c:pt idx="12111">
                  <c:v>21.297899119174978</c:v>
                </c:pt>
                <c:pt idx="12112">
                  <c:v>21.250766258634116</c:v>
                </c:pt>
                <c:pt idx="12113">
                  <c:v>21.208388642183472</c:v>
                </c:pt>
                <c:pt idx="12114">
                  <c:v>21.166011025732825</c:v>
                </c:pt>
                <c:pt idx="12115">
                  <c:v>21.123633409282061</c:v>
                </c:pt>
                <c:pt idx="12116">
                  <c:v>21.076500548741194</c:v>
                </c:pt>
                <c:pt idx="12117">
                  <c:v>21.034122932290551</c:v>
                </c:pt>
                <c:pt idx="12118">
                  <c:v>20.991745315839907</c:v>
                </c:pt>
                <c:pt idx="12119">
                  <c:v>20.949367699389139</c:v>
                </c:pt>
                <c:pt idx="12120">
                  <c:v>20.902234838848273</c:v>
                </c:pt>
                <c:pt idx="12121">
                  <c:v>20.855101978307413</c:v>
                </c:pt>
                <c:pt idx="12122">
                  <c:v>20.81272436185677</c:v>
                </c:pt>
                <c:pt idx="12123">
                  <c:v>20.765591501315907</c:v>
                </c:pt>
                <c:pt idx="12124">
                  <c:v>20.718598500895361</c:v>
                </c:pt>
                <c:pt idx="12125">
                  <c:v>20.671465640354498</c:v>
                </c:pt>
                <c:pt idx="12126">
                  <c:v>20.624332779813635</c:v>
                </c:pt>
                <c:pt idx="12127">
                  <c:v>20.577199919272772</c:v>
                </c:pt>
                <c:pt idx="12128">
                  <c:v>20.53020691885223</c:v>
                </c:pt>
                <c:pt idx="12129">
                  <c:v>20.483074058311363</c:v>
                </c:pt>
                <c:pt idx="12130">
                  <c:v>20.4359411977705</c:v>
                </c:pt>
                <c:pt idx="12131">
                  <c:v>20.388808337229637</c:v>
                </c:pt>
                <c:pt idx="12132">
                  <c:v>20.341815336809095</c:v>
                </c:pt>
                <c:pt idx="12133">
                  <c:v>20.294682476268232</c:v>
                </c:pt>
                <c:pt idx="12134">
                  <c:v>20.247549615727369</c:v>
                </c:pt>
                <c:pt idx="12135">
                  <c:v>20.195801371216607</c:v>
                </c:pt>
                <c:pt idx="12136">
                  <c:v>20.148668510675744</c:v>
                </c:pt>
                <c:pt idx="12137">
                  <c:v>20.101535650134878</c:v>
                </c:pt>
                <c:pt idx="12138">
                  <c:v>20.04978740562424</c:v>
                </c:pt>
                <c:pt idx="12139">
                  <c:v>20.002654545083377</c:v>
                </c:pt>
                <c:pt idx="12140">
                  <c:v>19.950906300572612</c:v>
                </c:pt>
                <c:pt idx="12141">
                  <c:v>19.89901819594153</c:v>
                </c:pt>
                <c:pt idx="12142">
                  <c:v>19.847269951430889</c:v>
                </c:pt>
                <c:pt idx="12143">
                  <c:v>19.79538184679981</c:v>
                </c:pt>
                <c:pt idx="12144">
                  <c:v>19.743633602289044</c:v>
                </c:pt>
                <c:pt idx="12145">
                  <c:v>19.687130113688188</c:v>
                </c:pt>
                <c:pt idx="12146">
                  <c:v>19.635242009057102</c:v>
                </c:pt>
                <c:pt idx="12147">
                  <c:v>19.58349376454634</c:v>
                </c:pt>
                <c:pt idx="12148">
                  <c:v>19.531605659915382</c:v>
                </c:pt>
                <c:pt idx="12149">
                  <c:v>19.47985741540462</c:v>
                </c:pt>
                <c:pt idx="12150">
                  <c:v>19.428109170893855</c:v>
                </c:pt>
                <c:pt idx="12151">
                  <c:v>19.371605682292998</c:v>
                </c:pt>
                <c:pt idx="12152">
                  <c:v>19.319717577661915</c:v>
                </c:pt>
                <c:pt idx="12153">
                  <c:v>19.26796933315115</c:v>
                </c:pt>
                <c:pt idx="12154">
                  <c:v>19.21146584455029</c:v>
                </c:pt>
                <c:pt idx="12155">
                  <c:v>19.159577739919211</c:v>
                </c:pt>
                <c:pt idx="12156">
                  <c:v>19.10782949540857</c:v>
                </c:pt>
                <c:pt idx="12157">
                  <c:v>19.051326006807589</c:v>
                </c:pt>
                <c:pt idx="12158">
                  <c:v>18.994682658086411</c:v>
                </c:pt>
                <c:pt idx="12159">
                  <c:v>18.942934413575646</c:v>
                </c:pt>
                <c:pt idx="12160">
                  <c:v>18.886430924974789</c:v>
                </c:pt>
                <c:pt idx="12161">
                  <c:v>18.829927436373804</c:v>
                </c:pt>
                <c:pt idx="12162">
                  <c:v>18.773423947772947</c:v>
                </c:pt>
                <c:pt idx="12163">
                  <c:v>18.721535843141865</c:v>
                </c:pt>
                <c:pt idx="12164">
                  <c:v>18.665032354541005</c:v>
                </c:pt>
                <c:pt idx="12165">
                  <c:v>18.608528865940023</c:v>
                </c:pt>
                <c:pt idx="12166">
                  <c:v>18.552025377339167</c:v>
                </c:pt>
                <c:pt idx="12167">
                  <c:v>18.490766644648087</c:v>
                </c:pt>
                <c:pt idx="12168">
                  <c:v>18.434263156047106</c:v>
                </c:pt>
                <c:pt idx="12169">
                  <c:v>18.377759667446249</c:v>
                </c:pt>
                <c:pt idx="12170">
                  <c:v>18.321256178845388</c:v>
                </c:pt>
                <c:pt idx="12171">
                  <c:v>18.259997446154312</c:v>
                </c:pt>
                <c:pt idx="12172">
                  <c:v>18.203493957553327</c:v>
                </c:pt>
                <c:pt idx="12173">
                  <c:v>18.14699046895247</c:v>
                </c:pt>
                <c:pt idx="12174">
                  <c:v>18.085731736261394</c:v>
                </c:pt>
                <c:pt idx="12175">
                  <c:v>18.029228247660406</c:v>
                </c:pt>
                <c:pt idx="12176">
                  <c:v>17.972724759059549</c:v>
                </c:pt>
                <c:pt idx="12177">
                  <c:v>17.911466026368469</c:v>
                </c:pt>
                <c:pt idx="12178">
                  <c:v>17.854962537767488</c:v>
                </c:pt>
                <c:pt idx="12179">
                  <c:v>17.793703805076412</c:v>
                </c:pt>
                <c:pt idx="12180">
                  <c:v>17.732584932505652</c:v>
                </c:pt>
                <c:pt idx="12181">
                  <c:v>17.671326199814576</c:v>
                </c:pt>
                <c:pt idx="12182">
                  <c:v>17.614822711213716</c:v>
                </c:pt>
                <c:pt idx="12183">
                  <c:v>17.553563978522515</c:v>
                </c:pt>
                <c:pt idx="12184">
                  <c:v>17.492305245831439</c:v>
                </c:pt>
                <c:pt idx="12185">
                  <c:v>17.431046513140359</c:v>
                </c:pt>
                <c:pt idx="12186">
                  <c:v>17.374543024539502</c:v>
                </c:pt>
                <c:pt idx="12187">
                  <c:v>17.30866890787852</c:v>
                </c:pt>
                <c:pt idx="12188">
                  <c:v>17.247410175187447</c:v>
                </c:pt>
                <c:pt idx="12189">
                  <c:v>17.186151442496367</c:v>
                </c:pt>
                <c:pt idx="12190">
                  <c:v>17.124892709805291</c:v>
                </c:pt>
                <c:pt idx="12191">
                  <c:v>17.063773837234528</c:v>
                </c:pt>
                <c:pt idx="12192">
                  <c:v>17.002515104543452</c:v>
                </c:pt>
                <c:pt idx="12193">
                  <c:v>16.941256371852251</c:v>
                </c:pt>
                <c:pt idx="12194">
                  <c:v>16.879997639161171</c:v>
                </c:pt>
                <c:pt idx="12195">
                  <c:v>16.818878766590416</c:v>
                </c:pt>
                <c:pt idx="12196">
                  <c:v>16.757620033899336</c:v>
                </c:pt>
                <c:pt idx="12197">
                  <c:v>16.69636130120826</c:v>
                </c:pt>
                <c:pt idx="12198">
                  <c:v>16.63510256851718</c:v>
                </c:pt>
                <c:pt idx="12199">
                  <c:v>16.573843835826104</c:v>
                </c:pt>
                <c:pt idx="12200">
                  <c:v>16.507969719165125</c:v>
                </c:pt>
                <c:pt idx="12201">
                  <c:v>16.441955742383829</c:v>
                </c:pt>
                <c:pt idx="12202">
                  <c:v>16.380836869813066</c:v>
                </c:pt>
                <c:pt idx="12203">
                  <c:v>16.314822893031774</c:v>
                </c:pt>
                <c:pt idx="12204">
                  <c:v>16.253564160340694</c:v>
                </c:pt>
                <c:pt idx="12205">
                  <c:v>16.187690043679716</c:v>
                </c:pt>
                <c:pt idx="12206">
                  <c:v>16.126431310988639</c:v>
                </c:pt>
                <c:pt idx="12207">
                  <c:v>16.060557194327661</c:v>
                </c:pt>
                <c:pt idx="12208">
                  <c:v>15.994543217546488</c:v>
                </c:pt>
                <c:pt idx="12209">
                  <c:v>15.928669100885511</c:v>
                </c:pt>
                <c:pt idx="12210">
                  <c:v>15.867410368194431</c:v>
                </c:pt>
                <c:pt idx="12211">
                  <c:v>15.801536251533456</c:v>
                </c:pt>
                <c:pt idx="12212">
                  <c:v>15.740277518842376</c:v>
                </c:pt>
                <c:pt idx="12213">
                  <c:v>15.67426354206108</c:v>
                </c:pt>
                <c:pt idx="12214">
                  <c:v>15.608389425400102</c:v>
                </c:pt>
                <c:pt idx="12215">
                  <c:v>15.542515308739123</c:v>
                </c:pt>
                <c:pt idx="12216">
                  <c:v>15.476501331957952</c:v>
                </c:pt>
                <c:pt idx="12217">
                  <c:v>15.415242599266874</c:v>
                </c:pt>
                <c:pt idx="12218">
                  <c:v>15.349368482605895</c:v>
                </c:pt>
                <c:pt idx="12219">
                  <c:v>15.283354505824597</c:v>
                </c:pt>
                <c:pt idx="12220">
                  <c:v>15.217480389163621</c:v>
                </c:pt>
                <c:pt idx="12221">
                  <c:v>15.151466412382323</c:v>
                </c:pt>
                <c:pt idx="12222">
                  <c:v>15.080837051631249</c:v>
                </c:pt>
                <c:pt idx="12223">
                  <c:v>15.014962934970271</c:v>
                </c:pt>
                <c:pt idx="12224">
                  <c:v>14.944333574219199</c:v>
                </c:pt>
                <c:pt idx="12225">
                  <c:v>14.878319597437901</c:v>
                </c:pt>
                <c:pt idx="12226">
                  <c:v>14.807690236686703</c:v>
                </c:pt>
                <c:pt idx="12227">
                  <c:v>14.741816120025725</c:v>
                </c:pt>
                <c:pt idx="12228">
                  <c:v>14.671186759274653</c:v>
                </c:pt>
                <c:pt idx="12229">
                  <c:v>14.605172782493357</c:v>
                </c:pt>
                <c:pt idx="12230">
                  <c:v>14.534543421742281</c:v>
                </c:pt>
                <c:pt idx="12231">
                  <c:v>14.463914060991085</c:v>
                </c:pt>
                <c:pt idx="12232">
                  <c:v>14.397900084209788</c:v>
                </c:pt>
                <c:pt idx="12233">
                  <c:v>14.327270723458714</c:v>
                </c:pt>
                <c:pt idx="12234">
                  <c:v>14.261396606797737</c:v>
                </c:pt>
                <c:pt idx="12235">
                  <c:v>14.190767246046539</c:v>
                </c:pt>
                <c:pt idx="12236">
                  <c:v>14.120137885295467</c:v>
                </c:pt>
                <c:pt idx="12237">
                  <c:v>14.044753280454174</c:v>
                </c:pt>
                <c:pt idx="12238">
                  <c:v>13.974123919702977</c:v>
                </c:pt>
                <c:pt idx="12239">
                  <c:v>13.903494558951904</c:v>
                </c:pt>
                <c:pt idx="12240">
                  <c:v>13.832725338080387</c:v>
                </c:pt>
                <c:pt idx="12241">
                  <c:v>13.762095977329315</c:v>
                </c:pt>
                <c:pt idx="12242">
                  <c:v>13.691466616578118</c:v>
                </c:pt>
                <c:pt idx="12243">
                  <c:v>13.616082011736825</c:v>
                </c:pt>
                <c:pt idx="12244">
                  <c:v>13.545452650985752</c:v>
                </c:pt>
                <c:pt idx="12245">
                  <c:v>13.470068046144334</c:v>
                </c:pt>
                <c:pt idx="12246">
                  <c:v>13.399438685393262</c:v>
                </c:pt>
                <c:pt idx="12247">
                  <c:v>13.324054080551969</c:v>
                </c:pt>
                <c:pt idx="12248">
                  <c:v>13.253424719800773</c:v>
                </c:pt>
                <c:pt idx="12249">
                  <c:v>13.182795359049699</c:v>
                </c:pt>
                <c:pt idx="12250">
                  <c:v>13.112165998298501</c:v>
                </c:pt>
                <c:pt idx="12251">
                  <c:v>13.036781393457208</c:v>
                </c:pt>
                <c:pt idx="12252">
                  <c:v>12.966152032706011</c:v>
                </c:pt>
                <c:pt idx="12253">
                  <c:v>12.89076742786472</c:v>
                </c:pt>
                <c:pt idx="12254">
                  <c:v>12.820138067113646</c:v>
                </c:pt>
                <c:pt idx="12255">
                  <c:v>12.744753462272353</c:v>
                </c:pt>
                <c:pt idx="12256">
                  <c:v>12.669508717551256</c:v>
                </c:pt>
                <c:pt idx="12257">
                  <c:v>12.598739496679865</c:v>
                </c:pt>
                <c:pt idx="12258">
                  <c:v>12.523494751958891</c:v>
                </c:pt>
                <c:pt idx="12259">
                  <c:v>12.448110147117475</c:v>
                </c:pt>
                <c:pt idx="12260">
                  <c:v>12.372725542276182</c:v>
                </c:pt>
                <c:pt idx="12261">
                  <c:v>12.30209618152511</c:v>
                </c:pt>
                <c:pt idx="12262">
                  <c:v>12.226711576683691</c:v>
                </c:pt>
                <c:pt idx="12263">
                  <c:v>12.151326971842401</c:v>
                </c:pt>
                <c:pt idx="12264">
                  <c:v>12.076082227121425</c:v>
                </c:pt>
                <c:pt idx="12265">
                  <c:v>12.005313006250034</c:v>
                </c:pt>
                <c:pt idx="12266">
                  <c:v>11.930068261528936</c:v>
                </c:pt>
                <c:pt idx="12267">
                  <c:v>11.854683656687644</c:v>
                </c:pt>
                <c:pt idx="12268">
                  <c:v>11.784054295936571</c:v>
                </c:pt>
                <c:pt idx="12269">
                  <c:v>11.708669691095155</c:v>
                </c:pt>
                <c:pt idx="12270">
                  <c:v>11.638040330344081</c:v>
                </c:pt>
                <c:pt idx="12271">
                  <c:v>11.56265572550279</c:v>
                </c:pt>
                <c:pt idx="12272">
                  <c:v>11.492026364751592</c:v>
                </c:pt>
                <c:pt idx="12273">
                  <c:v>11.4166417599103</c:v>
                </c:pt>
                <c:pt idx="12274">
                  <c:v>11.346012399159102</c:v>
                </c:pt>
                <c:pt idx="12275">
                  <c:v>11.270627794317809</c:v>
                </c:pt>
                <c:pt idx="12276">
                  <c:v>11.195243189476516</c:v>
                </c:pt>
                <c:pt idx="12277">
                  <c:v>11.124613828725444</c:v>
                </c:pt>
                <c:pt idx="12278">
                  <c:v>11.049229223884028</c:v>
                </c:pt>
                <c:pt idx="12279">
                  <c:v>10.973844619042735</c:v>
                </c:pt>
                <c:pt idx="12280">
                  <c:v>10.903215258291661</c:v>
                </c:pt>
                <c:pt idx="12281">
                  <c:v>10.827970513570564</c:v>
                </c:pt>
                <c:pt idx="12282">
                  <c:v>10.747830664639176</c:v>
                </c:pt>
                <c:pt idx="12283">
                  <c:v>10.67720130388798</c:v>
                </c:pt>
                <c:pt idx="12284">
                  <c:v>10.597061454956467</c:v>
                </c:pt>
                <c:pt idx="12285">
                  <c:v>10.521816710235495</c:v>
                </c:pt>
                <c:pt idx="12286">
                  <c:v>10.446432105394202</c:v>
                </c:pt>
                <c:pt idx="12287">
                  <c:v>10.37104750055291</c:v>
                </c:pt>
                <c:pt idx="12288">
                  <c:v>10.295662895711493</c:v>
                </c:pt>
                <c:pt idx="12289">
                  <c:v>10.220278290870201</c:v>
                </c:pt>
                <c:pt idx="12290">
                  <c:v>10.145033546149227</c:v>
                </c:pt>
                <c:pt idx="12291">
                  <c:v>10.069648941307936</c:v>
                </c:pt>
                <c:pt idx="12292">
                  <c:v>9.9942643364666424</c:v>
                </c:pt>
                <c:pt idx="12293">
                  <c:v>9.9188797316252266</c:v>
                </c:pt>
                <c:pt idx="12294">
                  <c:v>9.8434951267839335</c:v>
                </c:pt>
                <c:pt idx="12295">
                  <c:v>9.7634951379727415</c:v>
                </c:pt>
                <c:pt idx="12296">
                  <c:v>9.6881105331314483</c:v>
                </c:pt>
                <c:pt idx="12297">
                  <c:v>9.6081105443202546</c:v>
                </c:pt>
                <c:pt idx="12298">
                  <c:v>9.5327259394789632</c:v>
                </c:pt>
                <c:pt idx="12299">
                  <c:v>9.4525860905474524</c:v>
                </c:pt>
                <c:pt idx="12300">
                  <c:v>9.377341345826478</c:v>
                </c:pt>
                <c:pt idx="12301">
                  <c:v>9.3019567409851867</c:v>
                </c:pt>
                <c:pt idx="12302">
                  <c:v>9.2218168920536741</c:v>
                </c:pt>
                <c:pt idx="12303">
                  <c:v>9.1418169032424821</c:v>
                </c:pt>
                <c:pt idx="12304">
                  <c:v>9.0664322984011907</c:v>
                </c:pt>
                <c:pt idx="12305">
                  <c:v>8.9864323095899969</c:v>
                </c:pt>
                <c:pt idx="12306">
                  <c:v>8.9110477047485812</c:v>
                </c:pt>
                <c:pt idx="12307">
                  <c:v>8.835663099907288</c:v>
                </c:pt>
                <c:pt idx="12308">
                  <c:v>8.7555232509757754</c:v>
                </c:pt>
                <c:pt idx="12309">
                  <c:v>8.6802785062548029</c:v>
                </c:pt>
                <c:pt idx="12310">
                  <c:v>8.6001386573232921</c:v>
                </c:pt>
                <c:pt idx="12311">
                  <c:v>8.5247540524819989</c:v>
                </c:pt>
                <c:pt idx="12312">
                  <c:v>8.4447540636708052</c:v>
                </c:pt>
                <c:pt idx="12313">
                  <c:v>8.3693694588295138</c:v>
                </c:pt>
                <c:pt idx="12314">
                  <c:v>8.28936947001832</c:v>
                </c:pt>
                <c:pt idx="12315">
                  <c:v>8.2092296210868092</c:v>
                </c:pt>
                <c:pt idx="12316">
                  <c:v>8.133845016245516</c:v>
                </c:pt>
                <c:pt idx="12317">
                  <c:v>8.0538450274343241</c:v>
                </c:pt>
                <c:pt idx="12318">
                  <c:v>7.9737051785028124</c:v>
                </c:pt>
                <c:pt idx="12319">
                  <c:v>7.8937051896916195</c:v>
                </c:pt>
                <c:pt idx="12320">
                  <c:v>7.8135653407601078</c:v>
                </c:pt>
                <c:pt idx="12321">
                  <c:v>7.7383205960391344</c:v>
                </c:pt>
                <c:pt idx="12322">
                  <c:v>7.6581807471076226</c:v>
                </c:pt>
                <c:pt idx="12323">
                  <c:v>7.5781807582964307</c:v>
                </c:pt>
                <c:pt idx="12324">
                  <c:v>7.498040909364919</c:v>
                </c:pt>
                <c:pt idx="12325">
                  <c:v>7.4180409205537261</c:v>
                </c:pt>
                <c:pt idx="12326">
                  <c:v>7.3379010716223378</c:v>
                </c:pt>
                <c:pt idx="12327">
                  <c:v>7.2579010828111459</c:v>
                </c:pt>
                <c:pt idx="12328">
                  <c:v>7.1777612338796342</c:v>
                </c:pt>
                <c:pt idx="12329">
                  <c:v>7.0977612450684413</c:v>
                </c:pt>
                <c:pt idx="12330">
                  <c:v>7.0176213961369296</c:v>
                </c:pt>
                <c:pt idx="12331">
                  <c:v>6.9376214073257367</c:v>
                </c:pt>
                <c:pt idx="12332">
                  <c:v>6.857481558394225</c:v>
                </c:pt>
                <c:pt idx="12333">
                  <c:v>6.777481569583033</c:v>
                </c:pt>
                <c:pt idx="12334">
                  <c:v>6.6973417206515213</c:v>
                </c:pt>
                <c:pt idx="12335">
                  <c:v>6.6173417318403285</c:v>
                </c:pt>
                <c:pt idx="12336">
                  <c:v>6.537201882908942</c:v>
                </c:pt>
                <c:pt idx="12337">
                  <c:v>6.4572018940977483</c:v>
                </c:pt>
                <c:pt idx="12338">
                  <c:v>6.3818172892563325</c:v>
                </c:pt>
                <c:pt idx="12339">
                  <c:v>6.3018173004451388</c:v>
                </c:pt>
                <c:pt idx="12340">
                  <c:v>6.2216774515137523</c:v>
                </c:pt>
                <c:pt idx="12341">
                  <c:v>6.1416774627025594</c:v>
                </c:pt>
                <c:pt idx="12342">
                  <c:v>6.0615376137710477</c:v>
                </c:pt>
                <c:pt idx="12343">
                  <c:v>5.9815376249598549</c:v>
                </c:pt>
                <c:pt idx="12344">
                  <c:v>5.9013977760283431</c:v>
                </c:pt>
                <c:pt idx="12345">
                  <c:v>5.8213977872171503</c:v>
                </c:pt>
                <c:pt idx="12346">
                  <c:v>5.7412579382856386</c:v>
                </c:pt>
                <c:pt idx="12347">
                  <c:v>5.6612579494744466</c:v>
                </c:pt>
                <c:pt idx="12348">
                  <c:v>5.5811181005429349</c:v>
                </c:pt>
                <c:pt idx="12349">
                  <c:v>5.5058733558219606</c:v>
                </c:pt>
                <c:pt idx="12350">
                  <c:v>5.4257335068904489</c:v>
                </c:pt>
                <c:pt idx="12351">
                  <c:v>5.3503489020491575</c:v>
                </c:pt>
                <c:pt idx="12352">
                  <c:v>5.2703489132379637</c:v>
                </c:pt>
                <c:pt idx="12353">
                  <c:v>5.1949643083966714</c:v>
                </c:pt>
                <c:pt idx="12354">
                  <c:v>5.1148244594651597</c:v>
                </c:pt>
                <c:pt idx="12355">
                  <c:v>5.0348244706539678</c:v>
                </c:pt>
                <c:pt idx="12356">
                  <c:v>4.9546846217224561</c:v>
                </c:pt>
                <c:pt idx="12357">
                  <c:v>4.8794398770014817</c:v>
                </c:pt>
                <c:pt idx="12358">
                  <c:v>4.7993000280699709</c:v>
                </c:pt>
                <c:pt idx="12359">
                  <c:v>4.7193000392587781</c:v>
                </c:pt>
                <c:pt idx="12360">
                  <c:v>4.6439154344174858</c:v>
                </c:pt>
                <c:pt idx="12361">
                  <c:v>4.5637755854859741</c:v>
                </c:pt>
                <c:pt idx="12362">
                  <c:v>4.4837755966747812</c:v>
                </c:pt>
                <c:pt idx="12363">
                  <c:v>4.4036357477432695</c:v>
                </c:pt>
                <c:pt idx="12364">
                  <c:v>4.3283910030222961</c:v>
                </c:pt>
                <c:pt idx="12365">
                  <c:v>4.2482511540907852</c:v>
                </c:pt>
                <c:pt idx="12366">
                  <c:v>4.1682511652795915</c:v>
                </c:pt>
                <c:pt idx="12367">
                  <c:v>4.0881113163480807</c:v>
                </c:pt>
                <c:pt idx="12368">
                  <c:v>4.0081113275368869</c:v>
                </c:pt>
                <c:pt idx="12369">
                  <c:v>3.9279714786055004</c:v>
                </c:pt>
                <c:pt idx="12370">
                  <c:v>3.8479714897943076</c:v>
                </c:pt>
                <c:pt idx="12371">
                  <c:v>3.7678316408627963</c:v>
                </c:pt>
                <c:pt idx="12372">
                  <c:v>3.687831652051603</c:v>
                </c:pt>
                <c:pt idx="12373">
                  <c:v>3.6076918031200913</c:v>
                </c:pt>
                <c:pt idx="12374">
                  <c:v>3.5276918143088989</c:v>
                </c:pt>
                <c:pt idx="12375">
                  <c:v>3.4475519653773872</c:v>
                </c:pt>
                <c:pt idx="12376">
                  <c:v>3.3675519765661948</c:v>
                </c:pt>
                <c:pt idx="12377">
                  <c:v>3.292167371724902</c:v>
                </c:pt>
                <c:pt idx="12378">
                  <c:v>3.2121673829137096</c:v>
                </c:pt>
                <c:pt idx="12379">
                  <c:v>3.1320275339821979</c:v>
                </c:pt>
                <c:pt idx="12380">
                  <c:v>3.0520275451710051</c:v>
                </c:pt>
                <c:pt idx="12381">
                  <c:v>2.9766429403297128</c:v>
                </c:pt>
                <c:pt idx="12382">
                  <c:v>2.8965030913982011</c:v>
                </c:pt>
                <c:pt idx="12383">
                  <c:v>2.8165031025870086</c:v>
                </c:pt>
                <c:pt idx="12384">
                  <c:v>2.7411184977457159</c:v>
                </c:pt>
                <c:pt idx="12385">
                  <c:v>2.6611185089345231</c:v>
                </c:pt>
                <c:pt idx="12386">
                  <c:v>2.5809786600030118</c:v>
                </c:pt>
                <c:pt idx="12387">
                  <c:v>2.5009786711918189</c:v>
                </c:pt>
                <c:pt idx="12388">
                  <c:v>2.4255940663505267</c:v>
                </c:pt>
                <c:pt idx="12389">
                  <c:v>2.3454542174190149</c:v>
                </c:pt>
                <c:pt idx="12390">
                  <c:v>2.2702094726980415</c:v>
                </c:pt>
                <c:pt idx="12391">
                  <c:v>2.1948248678567492</c:v>
                </c:pt>
                <c:pt idx="12392">
                  <c:v>2.1146850189252375</c:v>
                </c:pt>
                <c:pt idx="12393">
                  <c:v>2.0394402742042641</c:v>
                </c:pt>
                <c:pt idx="12394">
                  <c:v>1.9593004252727526</c:v>
                </c:pt>
                <c:pt idx="12395">
                  <c:v>1.8839158204314601</c:v>
                </c:pt>
                <c:pt idx="12396">
                  <c:v>1.8085312155900435</c:v>
                </c:pt>
                <c:pt idx="12397">
                  <c:v>1.7285312267788506</c:v>
                </c:pt>
                <c:pt idx="12398">
                  <c:v>1.6531466219375583</c:v>
                </c:pt>
                <c:pt idx="12399">
                  <c:v>1.5777620170962658</c:v>
                </c:pt>
                <c:pt idx="12400">
                  <c:v>1.5025172723752926</c:v>
                </c:pt>
                <c:pt idx="12401">
                  <c:v>1.4271326675340001</c:v>
                </c:pt>
                <c:pt idx="12402">
                  <c:v>1.3517480626925835</c:v>
                </c:pt>
                <c:pt idx="12403">
                  <c:v>1.2763634578512912</c:v>
                </c:pt>
                <c:pt idx="12404">
                  <c:v>1.200978853009999</c:v>
                </c:pt>
                <c:pt idx="12405">
                  <c:v>1.1257341082890253</c:v>
                </c:pt>
                <c:pt idx="12406">
                  <c:v>1.050349503447733</c:v>
                </c:pt>
                <c:pt idx="12407">
                  <c:v>0.97972014269653573</c:v>
                </c:pt>
                <c:pt idx="12408">
                  <c:v>0.90433553785524323</c:v>
                </c:pt>
                <c:pt idx="12409">
                  <c:v>0.82895093301395084</c:v>
                </c:pt>
                <c:pt idx="12410">
                  <c:v>0.75832157226275354</c:v>
                </c:pt>
                <c:pt idx="12411">
                  <c:v>0.68769221151168036</c:v>
                </c:pt>
                <c:pt idx="12412">
                  <c:v>0.61230760667026385</c:v>
                </c:pt>
                <c:pt idx="12413">
                  <c:v>0.54167824591919067</c:v>
                </c:pt>
                <c:pt idx="12414">
                  <c:v>0.47104888516799337</c:v>
                </c:pt>
                <c:pt idx="12415">
                  <c:v>0.40041952441692025</c:v>
                </c:pt>
                <c:pt idx="12416">
                  <c:v>0.32965030354552832</c:v>
                </c:pt>
                <c:pt idx="12417">
                  <c:v>0.26377618688455018</c:v>
                </c:pt>
                <c:pt idx="12418">
                  <c:v>0.19314682613335279</c:v>
                </c:pt>
                <c:pt idx="12419">
                  <c:v>0.12713284935205585</c:v>
                </c:pt>
                <c:pt idx="12420">
                  <c:v>6.1258732691201953E-2</c:v>
                </c:pt>
                <c:pt idx="12421">
                  <c:v>-4.7552440900950057E-3</c:v>
                </c:pt>
                <c:pt idx="12422">
                  <c:v>-7.0629360751073123E-2</c:v>
                </c:pt>
                <c:pt idx="12423">
                  <c:v>-0.13650347741205124</c:v>
                </c:pt>
                <c:pt idx="12424">
                  <c:v>-0.20251745419334821</c:v>
                </c:pt>
                <c:pt idx="12425">
                  <c:v>-0.26839157085432636</c:v>
                </c:pt>
                <c:pt idx="12426">
                  <c:v>-0.33440554763549907</c:v>
                </c:pt>
                <c:pt idx="12427">
                  <c:v>-0.3956642803265768</c:v>
                </c:pt>
                <c:pt idx="12428">
                  <c:v>-0.45678315289745991</c:v>
                </c:pt>
                <c:pt idx="12429">
                  <c:v>-0.52279712967863257</c:v>
                </c:pt>
                <c:pt idx="12430">
                  <c:v>-0.5840558623697103</c:v>
                </c:pt>
                <c:pt idx="12431">
                  <c:v>-0.6499299790306885</c:v>
                </c:pt>
                <c:pt idx="12432">
                  <c:v>-0.71118871172176623</c:v>
                </c:pt>
                <c:pt idx="12433">
                  <c:v>-0.76769220032274899</c:v>
                </c:pt>
                <c:pt idx="12434">
                  <c:v>-0.82895093301382672</c:v>
                </c:pt>
                <c:pt idx="12435">
                  <c:v>-0.89020966570490434</c:v>
                </c:pt>
                <c:pt idx="12436">
                  <c:v>-0.94671315430576286</c:v>
                </c:pt>
                <c:pt idx="12437">
                  <c:v>-1.0032166429067455</c:v>
                </c:pt>
                <c:pt idx="12438">
                  <c:v>-1.0597201315076041</c:v>
                </c:pt>
                <c:pt idx="12439">
                  <c:v>-1.1162236201085869</c:v>
                </c:pt>
                <c:pt idx="12440">
                  <c:v>-1.1727271087094455</c:v>
                </c:pt>
                <c:pt idx="12441">
                  <c:v>-1.2292305973103039</c:v>
                </c:pt>
                <c:pt idx="12442">
                  <c:v>-1.2811187019413863</c:v>
                </c:pt>
                <c:pt idx="12443">
                  <c:v>-1.3328669464521499</c:v>
                </c:pt>
                <c:pt idx="12444">
                  <c:v>-1.3893704350530083</c:v>
                </c:pt>
                <c:pt idx="12445">
                  <c:v>-1.4412585396840905</c:v>
                </c:pt>
                <c:pt idx="12446">
                  <c:v>-1.493006784194854</c:v>
                </c:pt>
                <c:pt idx="12447">
                  <c:v>-1.5447550287054934</c:v>
                </c:pt>
                <c:pt idx="12448">
                  <c:v>-1.5966431333365758</c:v>
                </c:pt>
                <c:pt idx="12449">
                  <c:v>-1.6483913778473391</c:v>
                </c:pt>
                <c:pt idx="12450">
                  <c:v>-1.7002794824782972</c:v>
                </c:pt>
                <c:pt idx="12451">
                  <c:v>-1.7472724828988415</c:v>
                </c:pt>
                <c:pt idx="12452">
                  <c:v>-1.7944053434397047</c:v>
                </c:pt>
                <c:pt idx="12453">
                  <c:v>-1.8462934480707871</c:v>
                </c:pt>
                <c:pt idx="12454">
                  <c:v>-1.8932864484913312</c:v>
                </c:pt>
                <c:pt idx="12455">
                  <c:v>-1.9356640649419752</c:v>
                </c:pt>
                <c:pt idx="12456">
                  <c:v>-1.9827969254828381</c:v>
                </c:pt>
                <c:pt idx="12457">
                  <c:v>-2.0299297860237013</c:v>
                </c:pt>
                <c:pt idx="12458">
                  <c:v>-2.0723074024744692</c:v>
                </c:pt>
                <c:pt idx="12459">
                  <c:v>-2.1146850189251136</c:v>
                </c:pt>
                <c:pt idx="12460">
                  <c:v>-2.1618178794659766</c:v>
                </c:pt>
                <c:pt idx="12461">
                  <c:v>-2.2041954959166201</c:v>
                </c:pt>
                <c:pt idx="12462">
                  <c:v>-2.241817868277169</c:v>
                </c:pt>
                <c:pt idx="12463">
                  <c:v>-2.284195484727813</c:v>
                </c:pt>
                <c:pt idx="12464">
                  <c:v>-2.3265731011785813</c:v>
                </c:pt>
                <c:pt idx="12465">
                  <c:v>-2.3690905777495437</c:v>
                </c:pt>
                <c:pt idx="12466">
                  <c:v>-2.4067129501099687</c:v>
                </c:pt>
                <c:pt idx="12467">
                  <c:v>-2.4443353224705175</c:v>
                </c:pt>
                <c:pt idx="12468">
                  <c:v>-2.4867129389211611</c:v>
                </c:pt>
                <c:pt idx="12469">
                  <c:v>-2.5244751714020288</c:v>
                </c:pt>
                <c:pt idx="12470">
                  <c:v>-2.5574821597926776</c:v>
                </c:pt>
                <c:pt idx="12471">
                  <c:v>-2.5951045321531021</c:v>
                </c:pt>
                <c:pt idx="12472">
                  <c:v>-2.6281115205437509</c:v>
                </c:pt>
                <c:pt idx="12473">
                  <c:v>-2.6609786488140803</c:v>
                </c:pt>
                <c:pt idx="12474">
                  <c:v>-2.6939856372047286</c:v>
                </c:pt>
                <c:pt idx="12475">
                  <c:v>-2.7222373815051579</c:v>
                </c:pt>
                <c:pt idx="12476">
                  <c:v>-2.7552443698958062</c:v>
                </c:pt>
                <c:pt idx="12477">
                  <c:v>-2.788251358286455</c:v>
                </c:pt>
                <c:pt idx="12478">
                  <c:v>-2.8165031025868839</c:v>
                </c:pt>
                <c:pt idx="12479">
                  <c:v>-2.8447548468874375</c:v>
                </c:pt>
                <c:pt idx="12480">
                  <c:v>-2.8730065911878668</c:v>
                </c:pt>
                <c:pt idx="12481">
                  <c:v>-2.9012583354882961</c:v>
                </c:pt>
                <c:pt idx="12482">
                  <c:v>-2.9295100797887255</c:v>
                </c:pt>
                <c:pt idx="12483">
                  <c:v>-2.9577618240891548</c:v>
                </c:pt>
                <c:pt idx="12484">
                  <c:v>-2.986013568389708</c:v>
                </c:pt>
                <c:pt idx="12485">
                  <c:v>-3.0095100685999183</c:v>
                </c:pt>
                <c:pt idx="12486">
                  <c:v>-3.0331464289305714</c:v>
                </c:pt>
                <c:pt idx="12487">
                  <c:v>-3.0613981732310007</c:v>
                </c:pt>
                <c:pt idx="12488">
                  <c:v>-3.0848946734412102</c:v>
                </c:pt>
                <c:pt idx="12489">
                  <c:v>-3.1085310337718637</c:v>
                </c:pt>
                <c:pt idx="12490">
                  <c:v>-3.1320275339820736</c:v>
                </c:pt>
                <c:pt idx="12491">
                  <c:v>-3.1555240341924078</c:v>
                </c:pt>
                <c:pt idx="12492">
                  <c:v>-3.179160394522937</c:v>
                </c:pt>
                <c:pt idx="12493">
                  <c:v>-3.2026568947332708</c:v>
                </c:pt>
                <c:pt idx="12494">
                  <c:v>-3.2261533949434811</c:v>
                </c:pt>
                <c:pt idx="12495">
                  <c:v>-3.2450345111839152</c:v>
                </c:pt>
                <c:pt idx="12496">
                  <c:v>-3.2686708715145678</c:v>
                </c:pt>
                <c:pt idx="12497">
                  <c:v>-3.2921673717247781</c:v>
                </c:pt>
                <c:pt idx="12498">
                  <c:v>-3.3110484879652118</c:v>
                </c:pt>
                <c:pt idx="12499">
                  <c:v>-3.3345449881754217</c:v>
                </c:pt>
                <c:pt idx="12500">
                  <c:v>-3.3534261044158558</c:v>
                </c:pt>
                <c:pt idx="12501">
                  <c:v>-3.37692260462619</c:v>
                </c:pt>
                <c:pt idx="12502">
                  <c:v>-3.3958037208664993</c:v>
                </c:pt>
                <c:pt idx="12503">
                  <c:v>-3.4145449769866145</c:v>
                </c:pt>
                <c:pt idx="12504">
                  <c:v>-3.4334260932270482</c:v>
                </c:pt>
                <c:pt idx="12505">
                  <c:v>-3.4523072094674823</c:v>
                </c:pt>
                <c:pt idx="12506">
                  <c:v>-3.4711883257079159</c:v>
                </c:pt>
                <c:pt idx="12507">
                  <c:v>-3.4853141978581306</c:v>
                </c:pt>
                <c:pt idx="12508">
                  <c:v>-3.5040554539782458</c:v>
                </c:pt>
                <c:pt idx="12509">
                  <c:v>-3.5229365702185556</c:v>
                </c:pt>
                <c:pt idx="12510">
                  <c:v>-3.541817686458989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BDA2-4712-A4E4-50D91AA87421}"/>
            </c:ext>
          </c:extLst>
        </c:ser>
        <c:ser>
          <c:idx val="1"/>
          <c:order val="2"/>
          <c:tx>
            <c:strRef>
              <c:f>'Fig 3'!$J$7</c:f>
              <c:strCache>
                <c:ptCount val="1"/>
                <c:pt idx="0">
                  <c:v>S-D-2.8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3'!$J$9:$J$7511</c:f>
              <c:numCache>
                <c:formatCode>General</c:formatCode>
                <c:ptCount val="7503"/>
                <c:pt idx="0">
                  <c:v>0</c:v>
                </c:pt>
                <c:pt idx="1">
                  <c:v>1.6666000000000701E-2</c:v>
                </c:pt>
                <c:pt idx="2">
                  <c:v>3.3332999999998947E-2</c:v>
                </c:pt>
                <c:pt idx="3">
                  <c:v>5.0000000000011369E-2</c:v>
                </c:pt>
                <c:pt idx="4">
                  <c:v>6.6665999999997894E-2</c:v>
                </c:pt>
                <c:pt idx="5">
                  <c:v>8.3333000000010315E-2</c:v>
                </c:pt>
                <c:pt idx="6">
                  <c:v>0.10000000000000853</c:v>
                </c:pt>
                <c:pt idx="7">
                  <c:v>0.11666600000000926</c:v>
                </c:pt>
                <c:pt idx="8">
                  <c:v>0.13333300000000747</c:v>
                </c:pt>
                <c:pt idx="9">
                  <c:v>0.15000000000000568</c:v>
                </c:pt>
                <c:pt idx="10">
                  <c:v>0.16666600000000642</c:v>
                </c:pt>
                <c:pt idx="11">
                  <c:v>0.18333300000000463</c:v>
                </c:pt>
                <c:pt idx="12">
                  <c:v>0.20000000000000284</c:v>
                </c:pt>
                <c:pt idx="13">
                  <c:v>0.21666600000000358</c:v>
                </c:pt>
                <c:pt idx="14">
                  <c:v>0.23333300000000179</c:v>
                </c:pt>
                <c:pt idx="15">
                  <c:v>0.24999961904762499</c:v>
                </c:pt>
                <c:pt idx="16">
                  <c:v>0.26666627976191098</c:v>
                </c:pt>
                <c:pt idx="17">
                  <c:v>0.283332940476196</c:v>
                </c:pt>
                <c:pt idx="18">
                  <c:v>0.29999960119048202</c:v>
                </c:pt>
                <c:pt idx="19">
                  <c:v>0.31666626190476799</c:v>
                </c:pt>
                <c:pt idx="20">
                  <c:v>0.33333292261905401</c:v>
                </c:pt>
                <c:pt idx="21">
                  <c:v>0.34999958333334003</c:v>
                </c:pt>
                <c:pt idx="22">
                  <c:v>0.36666624404762599</c:v>
                </c:pt>
                <c:pt idx="23">
                  <c:v>0.38333290476191101</c:v>
                </c:pt>
                <c:pt idx="24">
                  <c:v>0.39999956547619703</c:v>
                </c:pt>
                <c:pt idx="25">
                  <c:v>0.41666622619048299</c:v>
                </c:pt>
                <c:pt idx="26">
                  <c:v>0.43333288690476901</c:v>
                </c:pt>
                <c:pt idx="27">
                  <c:v>0.44999954761905497</c:v>
                </c:pt>
                <c:pt idx="28">
                  <c:v>0.46666620833334099</c:v>
                </c:pt>
                <c:pt idx="29">
                  <c:v>0.48333286904762701</c:v>
                </c:pt>
                <c:pt idx="30">
                  <c:v>0.49999952976191198</c:v>
                </c:pt>
                <c:pt idx="31">
                  <c:v>0.516666190476198</c:v>
                </c:pt>
                <c:pt idx="32">
                  <c:v>0.53333285119048401</c:v>
                </c:pt>
                <c:pt idx="33">
                  <c:v>0.54999951190477003</c:v>
                </c:pt>
                <c:pt idx="34">
                  <c:v>0.56666617261905605</c:v>
                </c:pt>
                <c:pt idx="35">
                  <c:v>0.58333283333334196</c:v>
                </c:pt>
                <c:pt idx="36">
                  <c:v>0.59999949404762698</c:v>
                </c:pt>
                <c:pt idx="37">
                  <c:v>0.616666154761913</c:v>
                </c:pt>
                <c:pt idx="38">
                  <c:v>0.63333281547619902</c:v>
                </c:pt>
                <c:pt idx="39">
                  <c:v>0.64999947619048504</c:v>
                </c:pt>
                <c:pt idx="40">
                  <c:v>0.66666613690477095</c:v>
                </c:pt>
                <c:pt idx="41">
                  <c:v>0.68333279761905696</c:v>
                </c:pt>
                <c:pt idx="42">
                  <c:v>0.69999945833334198</c:v>
                </c:pt>
                <c:pt idx="43">
                  <c:v>0.716666119047628</c:v>
                </c:pt>
                <c:pt idx="44">
                  <c:v>0.73333277976191402</c:v>
                </c:pt>
                <c:pt idx="45">
                  <c:v>0.74999944047620004</c:v>
                </c:pt>
                <c:pt idx="46">
                  <c:v>0.76666610119048595</c:v>
                </c:pt>
                <c:pt idx="47">
                  <c:v>0.78333276190477197</c:v>
                </c:pt>
                <c:pt idx="48">
                  <c:v>0.79999942261905799</c:v>
                </c:pt>
                <c:pt idx="49">
                  <c:v>0.81666608333334301</c:v>
                </c:pt>
                <c:pt idx="50">
                  <c:v>0.83333274404762903</c:v>
                </c:pt>
                <c:pt idx="51">
                  <c:v>0.84999940476191505</c:v>
                </c:pt>
                <c:pt idx="52">
                  <c:v>0.86666606547620095</c:v>
                </c:pt>
                <c:pt idx="53">
                  <c:v>0.88333272619048697</c:v>
                </c:pt>
                <c:pt idx="54">
                  <c:v>0.89999938690477299</c:v>
                </c:pt>
                <c:pt idx="55">
                  <c:v>0.91666604761905801</c:v>
                </c:pt>
                <c:pt idx="56">
                  <c:v>0.93333270833334403</c:v>
                </c:pt>
                <c:pt idx="57">
                  <c:v>0.94999936904763005</c:v>
                </c:pt>
                <c:pt idx="58">
                  <c:v>0.96666602976191596</c:v>
                </c:pt>
                <c:pt idx="59">
                  <c:v>0.98333269047620198</c:v>
                </c:pt>
                <c:pt idx="60">
                  <c:v>0.999999351190488</c:v>
                </c:pt>
                <c:pt idx="61">
                  <c:v>1.0166660119047799</c:v>
                </c:pt>
                <c:pt idx="62">
                  <c:v>1.0333326726190599</c:v>
                </c:pt>
                <c:pt idx="63">
                  <c:v>1.0499993333333499</c:v>
                </c:pt>
                <c:pt idx="64">
                  <c:v>1.06666599404763</c:v>
                </c:pt>
                <c:pt idx="65">
                  <c:v>1.08333265476192</c:v>
                </c:pt>
                <c:pt idx="66">
                  <c:v>1.09999931547621</c:v>
                </c:pt>
                <c:pt idx="67">
                  <c:v>1.11666597619049</c:v>
                </c:pt>
                <c:pt idx="68">
                  <c:v>1.13333263690478</c:v>
                </c:pt>
                <c:pt idx="69">
                  <c:v>1.1499992976190601</c:v>
                </c:pt>
                <c:pt idx="70">
                  <c:v>1.1666659583333501</c:v>
                </c:pt>
                <c:pt idx="71">
                  <c:v>1.1833326190476401</c:v>
                </c:pt>
                <c:pt idx="72">
                  <c:v>1.1999992797619199</c:v>
                </c:pt>
                <c:pt idx="73">
                  <c:v>1.2166659404762099</c:v>
                </c:pt>
                <c:pt idx="74">
                  <c:v>1.2333326011904899</c:v>
                </c:pt>
                <c:pt idx="75">
                  <c:v>1.2499992619047799</c:v>
                </c:pt>
                <c:pt idx="76">
                  <c:v>1.26666592261906</c:v>
                </c:pt>
                <c:pt idx="77">
                  <c:v>1.28333258333335</c:v>
                </c:pt>
                <c:pt idx="78">
                  <c:v>1.29999924404764</c:v>
                </c:pt>
                <c:pt idx="79">
                  <c:v>1.31666590476192</c:v>
                </c:pt>
                <c:pt idx="80">
                  <c:v>1.33333256547621</c:v>
                </c:pt>
                <c:pt idx="81">
                  <c:v>1.3499992261904901</c:v>
                </c:pt>
                <c:pt idx="82">
                  <c:v>1.3666658869047801</c:v>
                </c:pt>
                <c:pt idx="83">
                  <c:v>1.3833325476190701</c:v>
                </c:pt>
                <c:pt idx="84">
                  <c:v>1.3999992083333499</c:v>
                </c:pt>
                <c:pt idx="85">
                  <c:v>1.4166658690476399</c:v>
                </c:pt>
                <c:pt idx="86">
                  <c:v>1.4333325297619199</c:v>
                </c:pt>
                <c:pt idx="87">
                  <c:v>1.44999919047621</c:v>
                </c:pt>
                <c:pt idx="88">
                  <c:v>1.46666585119049</c:v>
                </c:pt>
                <c:pt idx="89">
                  <c:v>1.48333251190478</c:v>
                </c:pt>
                <c:pt idx="90">
                  <c:v>1.49999917261907</c:v>
                </c:pt>
                <c:pt idx="91">
                  <c:v>1.51666583333335</c:v>
                </c:pt>
                <c:pt idx="92">
                  <c:v>1.53333249404764</c:v>
                </c:pt>
                <c:pt idx="93">
                  <c:v>1.5499991547619201</c:v>
                </c:pt>
                <c:pt idx="94">
                  <c:v>1.5666658154762101</c:v>
                </c:pt>
                <c:pt idx="95">
                  <c:v>1.5833324761905001</c:v>
                </c:pt>
                <c:pt idx="96">
                  <c:v>1.5999991369047799</c:v>
                </c:pt>
                <c:pt idx="97">
                  <c:v>1.6166657976190699</c:v>
                </c:pt>
                <c:pt idx="98">
                  <c:v>1.6333324583333499</c:v>
                </c:pt>
                <c:pt idx="99">
                  <c:v>1.64999911904764</c:v>
                </c:pt>
                <c:pt idx="100">
                  <c:v>1.66666577976192</c:v>
                </c:pt>
                <c:pt idx="101">
                  <c:v>1.68333244047621</c:v>
                </c:pt>
                <c:pt idx="102">
                  <c:v>1.6999991011905</c:v>
                </c:pt>
                <c:pt idx="103">
                  <c:v>1.71666576190478</c:v>
                </c:pt>
                <c:pt idx="104">
                  <c:v>1.7333324226190701</c:v>
                </c:pt>
                <c:pt idx="105">
                  <c:v>1.7499990833333501</c:v>
                </c:pt>
                <c:pt idx="106">
                  <c:v>1.7666657440476401</c:v>
                </c:pt>
                <c:pt idx="107">
                  <c:v>1.7833324047619299</c:v>
                </c:pt>
                <c:pt idx="108">
                  <c:v>1.7999990654762099</c:v>
                </c:pt>
                <c:pt idx="109">
                  <c:v>1.8166657261904999</c:v>
                </c:pt>
                <c:pt idx="110">
                  <c:v>1.83333238690478</c:v>
                </c:pt>
                <c:pt idx="111">
                  <c:v>1.84999904761907</c:v>
                </c:pt>
                <c:pt idx="112">
                  <c:v>1.86666570833335</c:v>
                </c:pt>
                <c:pt idx="113">
                  <c:v>1.88333236904764</c:v>
                </c:pt>
                <c:pt idx="114">
                  <c:v>1.89999902976193</c:v>
                </c:pt>
                <c:pt idx="115">
                  <c:v>1.91666569047621</c:v>
                </c:pt>
                <c:pt idx="116">
                  <c:v>1.9333323511905001</c:v>
                </c:pt>
                <c:pt idx="117">
                  <c:v>1.9499990119047801</c:v>
                </c:pt>
                <c:pt idx="118">
                  <c:v>1.9666656726190701</c:v>
                </c:pt>
                <c:pt idx="119">
                  <c:v>1.9833323333333599</c:v>
                </c:pt>
                <c:pt idx="120">
                  <c:v>1.9999989940476399</c:v>
                </c:pt>
                <c:pt idx="121">
                  <c:v>2.0166656547619302</c:v>
                </c:pt>
                <c:pt idx="122">
                  <c:v>2.0333323154762102</c:v>
                </c:pt>
                <c:pt idx="123">
                  <c:v>2.0499989761905</c:v>
                </c:pt>
                <c:pt idx="124">
                  <c:v>2.0666656369047902</c:v>
                </c:pt>
                <c:pt idx="125">
                  <c:v>2.0833322976190698</c:v>
                </c:pt>
                <c:pt idx="126">
                  <c:v>2.09999895833336</c:v>
                </c:pt>
                <c:pt idx="127">
                  <c:v>2.1166656190476401</c:v>
                </c:pt>
                <c:pt idx="128">
                  <c:v>2.1333322797619299</c:v>
                </c:pt>
                <c:pt idx="129">
                  <c:v>2.1499989404762099</c:v>
                </c:pt>
                <c:pt idx="130">
                  <c:v>2.1666656011905001</c:v>
                </c:pt>
                <c:pt idx="131">
                  <c:v>2.1833322619047899</c:v>
                </c:pt>
                <c:pt idx="132">
                  <c:v>2.1999989226190699</c:v>
                </c:pt>
                <c:pt idx="133">
                  <c:v>2.2166655833333602</c:v>
                </c:pt>
                <c:pt idx="134">
                  <c:v>2.2333322440476402</c:v>
                </c:pt>
                <c:pt idx="135">
                  <c:v>2.24999890476193</c:v>
                </c:pt>
                <c:pt idx="136">
                  <c:v>2.2666655654762198</c:v>
                </c:pt>
                <c:pt idx="137">
                  <c:v>2.2833322261904998</c:v>
                </c:pt>
                <c:pt idx="138">
                  <c:v>2.29999888690479</c:v>
                </c:pt>
                <c:pt idx="139">
                  <c:v>2.3166655476190701</c:v>
                </c:pt>
                <c:pt idx="140">
                  <c:v>2.3333322083333599</c:v>
                </c:pt>
                <c:pt idx="141">
                  <c:v>2.3499988690476399</c:v>
                </c:pt>
                <c:pt idx="142">
                  <c:v>2.3666655297619301</c:v>
                </c:pt>
                <c:pt idx="143">
                  <c:v>2.3833321904762199</c:v>
                </c:pt>
                <c:pt idx="144">
                  <c:v>2.3999988511904999</c:v>
                </c:pt>
                <c:pt idx="145">
                  <c:v>2.4166655119047902</c:v>
                </c:pt>
                <c:pt idx="146">
                  <c:v>2.4333321726190702</c:v>
                </c:pt>
                <c:pt idx="147">
                  <c:v>2.44999883333336</c:v>
                </c:pt>
                <c:pt idx="148">
                  <c:v>2.4666654940476498</c:v>
                </c:pt>
                <c:pt idx="149">
                  <c:v>2.4833321547619298</c:v>
                </c:pt>
                <c:pt idx="150">
                  <c:v>2.49999881547622</c:v>
                </c:pt>
                <c:pt idx="151">
                  <c:v>2.5166654761905001</c:v>
                </c:pt>
                <c:pt idx="152">
                  <c:v>2.5333321369047899</c:v>
                </c:pt>
                <c:pt idx="153">
                  <c:v>2.5499987976190699</c:v>
                </c:pt>
                <c:pt idx="154">
                  <c:v>2.5666654583333601</c:v>
                </c:pt>
                <c:pt idx="155">
                  <c:v>2.5833321190476499</c:v>
                </c:pt>
                <c:pt idx="156">
                  <c:v>2.5999987797619299</c:v>
                </c:pt>
                <c:pt idx="157">
                  <c:v>2.6166654404762202</c:v>
                </c:pt>
                <c:pt idx="158">
                  <c:v>2.6333321011905002</c:v>
                </c:pt>
                <c:pt idx="159">
                  <c:v>2.64999876190479</c:v>
                </c:pt>
                <c:pt idx="160">
                  <c:v>2.6666654226190798</c:v>
                </c:pt>
                <c:pt idx="161">
                  <c:v>2.6833320833333598</c:v>
                </c:pt>
                <c:pt idx="162">
                  <c:v>2.6999987440476501</c:v>
                </c:pt>
                <c:pt idx="163">
                  <c:v>2.7166654047619301</c:v>
                </c:pt>
                <c:pt idx="164">
                  <c:v>2.7333320654762199</c:v>
                </c:pt>
                <c:pt idx="165">
                  <c:v>2.7499987261904999</c:v>
                </c:pt>
                <c:pt idx="166">
                  <c:v>2.7666653869047901</c:v>
                </c:pt>
                <c:pt idx="167">
                  <c:v>2.7833320476190799</c:v>
                </c:pt>
                <c:pt idx="168">
                  <c:v>2.79999870833336</c:v>
                </c:pt>
                <c:pt idx="169">
                  <c:v>2.8166653690476502</c:v>
                </c:pt>
                <c:pt idx="170">
                  <c:v>2.8333320297619302</c:v>
                </c:pt>
                <c:pt idx="171">
                  <c:v>2.84999869047622</c:v>
                </c:pt>
                <c:pt idx="172">
                  <c:v>2.8666653511905098</c:v>
                </c:pt>
                <c:pt idx="173">
                  <c:v>2.8833320119047898</c:v>
                </c:pt>
                <c:pt idx="174">
                  <c:v>2.8999986726190801</c:v>
                </c:pt>
                <c:pt idx="175">
                  <c:v>2.9166653333333601</c:v>
                </c:pt>
                <c:pt idx="176">
                  <c:v>2.9333319940476499</c:v>
                </c:pt>
                <c:pt idx="177">
                  <c:v>2.9499986547619299</c:v>
                </c:pt>
                <c:pt idx="178">
                  <c:v>2.9666653154762201</c:v>
                </c:pt>
                <c:pt idx="179">
                  <c:v>2.9833319761905099</c:v>
                </c:pt>
                <c:pt idx="180">
                  <c:v>2.99999863690479</c:v>
                </c:pt>
                <c:pt idx="181">
                  <c:v>3.0166652976190802</c:v>
                </c:pt>
                <c:pt idx="182">
                  <c:v>3.0333319583333598</c:v>
                </c:pt>
                <c:pt idx="183">
                  <c:v>3.04999861904765</c:v>
                </c:pt>
                <c:pt idx="184">
                  <c:v>3.0666652797619398</c:v>
                </c:pt>
                <c:pt idx="185">
                  <c:v>3.0833319404762198</c:v>
                </c:pt>
                <c:pt idx="186">
                  <c:v>3.0999986011905101</c:v>
                </c:pt>
                <c:pt idx="187">
                  <c:v>3.1166652619047901</c:v>
                </c:pt>
                <c:pt idx="188">
                  <c:v>3.1333319226190799</c:v>
                </c:pt>
                <c:pt idx="189">
                  <c:v>3.1499985833333599</c:v>
                </c:pt>
                <c:pt idx="190">
                  <c:v>3.1666652440476502</c:v>
                </c:pt>
                <c:pt idx="191">
                  <c:v>3.1833319047619399</c:v>
                </c:pt>
                <c:pt idx="192">
                  <c:v>3.19999856547622</c:v>
                </c:pt>
                <c:pt idx="193">
                  <c:v>3.2166652261905102</c:v>
                </c:pt>
                <c:pt idx="194">
                  <c:v>3.2333318869047898</c:v>
                </c:pt>
                <c:pt idx="195">
                  <c:v>3.24999854761908</c:v>
                </c:pt>
                <c:pt idx="196">
                  <c:v>3.2666652083333698</c:v>
                </c:pt>
                <c:pt idx="197">
                  <c:v>3.2833318690476498</c:v>
                </c:pt>
                <c:pt idx="198">
                  <c:v>3.2999985297619401</c:v>
                </c:pt>
                <c:pt idx="199">
                  <c:v>3.3166651904762201</c:v>
                </c:pt>
                <c:pt idx="200">
                  <c:v>3.3333318511905099</c:v>
                </c:pt>
                <c:pt idx="201">
                  <c:v>3.3499985119047899</c:v>
                </c:pt>
                <c:pt idx="202">
                  <c:v>3.3666651726190802</c:v>
                </c:pt>
                <c:pt idx="203">
                  <c:v>3.38333183333337</c:v>
                </c:pt>
                <c:pt idx="204">
                  <c:v>3.39999849404765</c:v>
                </c:pt>
                <c:pt idx="205">
                  <c:v>3.4166651547619402</c:v>
                </c:pt>
                <c:pt idx="206">
                  <c:v>3.4333318154762198</c:v>
                </c:pt>
                <c:pt idx="207">
                  <c:v>3.44999847619051</c:v>
                </c:pt>
                <c:pt idx="208">
                  <c:v>3.4666651369047998</c:v>
                </c:pt>
                <c:pt idx="209">
                  <c:v>3.4833317976190799</c:v>
                </c:pt>
                <c:pt idx="210">
                  <c:v>3.4999984583333701</c:v>
                </c:pt>
                <c:pt idx="211">
                  <c:v>3.5166651190476501</c:v>
                </c:pt>
                <c:pt idx="212">
                  <c:v>3.5333317797619399</c:v>
                </c:pt>
                <c:pt idx="213">
                  <c:v>3.5499984404762199</c:v>
                </c:pt>
                <c:pt idx="214">
                  <c:v>3.5666651011905102</c:v>
                </c:pt>
                <c:pt idx="215">
                  <c:v>3.5833317619048</c:v>
                </c:pt>
                <c:pt idx="216">
                  <c:v>3.59999842261908</c:v>
                </c:pt>
                <c:pt idx="217">
                  <c:v>3.6166650833333698</c:v>
                </c:pt>
                <c:pt idx="218">
                  <c:v>3.6333317440476498</c:v>
                </c:pt>
                <c:pt idx="219">
                  <c:v>3.64999840476194</c:v>
                </c:pt>
                <c:pt idx="220">
                  <c:v>3.6666650654762298</c:v>
                </c:pt>
                <c:pt idx="221">
                  <c:v>3.6833317261905099</c:v>
                </c:pt>
                <c:pt idx="222">
                  <c:v>3.6999983869048001</c:v>
                </c:pt>
                <c:pt idx="223">
                  <c:v>3.7166650476190801</c:v>
                </c:pt>
                <c:pt idx="224">
                  <c:v>3.7333317083333699</c:v>
                </c:pt>
                <c:pt idx="225">
                  <c:v>3.7499983690476602</c:v>
                </c:pt>
                <c:pt idx="226">
                  <c:v>3.7666650297619402</c:v>
                </c:pt>
                <c:pt idx="227">
                  <c:v>3.78333169047623</c:v>
                </c:pt>
                <c:pt idx="228">
                  <c:v>3.79999835119051</c:v>
                </c:pt>
                <c:pt idx="229">
                  <c:v>3.8166650119047998</c:v>
                </c:pt>
                <c:pt idx="230">
                  <c:v>3.8333316726190798</c:v>
                </c:pt>
                <c:pt idx="231">
                  <c:v>3.84999833333337</c:v>
                </c:pt>
                <c:pt idx="232">
                  <c:v>3.8666649940476598</c:v>
                </c:pt>
                <c:pt idx="233">
                  <c:v>3.8833316547619399</c:v>
                </c:pt>
                <c:pt idx="234">
                  <c:v>3.8999983154762301</c:v>
                </c:pt>
                <c:pt idx="235">
                  <c:v>3.9166649761905101</c:v>
                </c:pt>
                <c:pt idx="236">
                  <c:v>3.9333316369047999</c:v>
                </c:pt>
                <c:pt idx="237">
                  <c:v>3.9499982976190902</c:v>
                </c:pt>
                <c:pt idx="238">
                  <c:v>3.9666649583333702</c:v>
                </c:pt>
                <c:pt idx="239">
                  <c:v>3.98333161904766</c:v>
                </c:pt>
                <c:pt idx="240">
                  <c:v>3.99999827976194</c:v>
                </c:pt>
                <c:pt idx="241">
                  <c:v>4.0166649404762298</c:v>
                </c:pt>
                <c:pt idx="242">
                  <c:v>4.0333316011905103</c:v>
                </c:pt>
                <c:pt idx="243">
                  <c:v>4.0499982619047996</c:v>
                </c:pt>
                <c:pt idx="244">
                  <c:v>4.0666649226190899</c:v>
                </c:pt>
                <c:pt idx="245">
                  <c:v>4.0833315833333703</c:v>
                </c:pt>
                <c:pt idx="246">
                  <c:v>4.0999982440476597</c:v>
                </c:pt>
                <c:pt idx="247">
                  <c:v>4.1166649047619401</c:v>
                </c:pt>
                <c:pt idx="248">
                  <c:v>4.1333315654762304</c:v>
                </c:pt>
                <c:pt idx="249">
                  <c:v>4.1499982261905197</c:v>
                </c:pt>
                <c:pt idx="250">
                  <c:v>4.1666648869048002</c:v>
                </c:pt>
                <c:pt idx="251">
                  <c:v>4.1833315476190904</c:v>
                </c:pt>
                <c:pt idx="252">
                  <c:v>4.19999820833337</c:v>
                </c:pt>
                <c:pt idx="253">
                  <c:v>4.2166648690476602</c:v>
                </c:pt>
                <c:pt idx="254">
                  <c:v>4.2333315297619398</c:v>
                </c:pt>
                <c:pt idx="255">
                  <c:v>4.2499981904762301</c:v>
                </c:pt>
                <c:pt idx="256">
                  <c:v>4.2666648511905203</c:v>
                </c:pt>
                <c:pt idx="257">
                  <c:v>4.2833315119047999</c:v>
                </c:pt>
                <c:pt idx="258">
                  <c:v>4.2999981726190901</c:v>
                </c:pt>
                <c:pt idx="259">
                  <c:v>4.3166648333333697</c:v>
                </c:pt>
                <c:pt idx="260">
                  <c:v>4.3333314940476599</c:v>
                </c:pt>
                <c:pt idx="261">
                  <c:v>4.3499981547619502</c:v>
                </c:pt>
                <c:pt idx="262">
                  <c:v>4.3666648154762298</c:v>
                </c:pt>
                <c:pt idx="263">
                  <c:v>4.38333147619052</c:v>
                </c:pt>
                <c:pt idx="264">
                  <c:v>4.3999981369047996</c:v>
                </c:pt>
                <c:pt idx="265">
                  <c:v>4.4166647976190898</c:v>
                </c:pt>
                <c:pt idx="266">
                  <c:v>4.43333145833338</c:v>
                </c:pt>
                <c:pt idx="267">
                  <c:v>4.4499981190476596</c:v>
                </c:pt>
                <c:pt idx="268">
                  <c:v>4.4666647797619499</c:v>
                </c:pt>
                <c:pt idx="269">
                  <c:v>4.4833314404762303</c:v>
                </c:pt>
                <c:pt idx="270">
                  <c:v>4.4999981011905197</c:v>
                </c:pt>
                <c:pt idx="271">
                  <c:v>4.5166647619048002</c:v>
                </c:pt>
                <c:pt idx="272">
                  <c:v>4.5333314226190904</c:v>
                </c:pt>
                <c:pt idx="273">
                  <c:v>4.5499980833333797</c:v>
                </c:pt>
                <c:pt idx="274">
                  <c:v>4.5666647440476602</c:v>
                </c:pt>
                <c:pt idx="275">
                  <c:v>4.5833314047619496</c:v>
                </c:pt>
                <c:pt idx="276">
                  <c:v>4.59999806547623</c:v>
                </c:pt>
                <c:pt idx="277">
                  <c:v>4.6166647261905203</c:v>
                </c:pt>
                <c:pt idx="278">
                  <c:v>4.6333313869047998</c:v>
                </c:pt>
                <c:pt idx="279">
                  <c:v>4.6499980476190901</c:v>
                </c:pt>
                <c:pt idx="280">
                  <c:v>4.6666647083333803</c:v>
                </c:pt>
                <c:pt idx="281">
                  <c:v>4.6833313690476599</c:v>
                </c:pt>
                <c:pt idx="282">
                  <c:v>4.6999980297619501</c:v>
                </c:pt>
                <c:pt idx="283">
                  <c:v>4.7166646904762297</c:v>
                </c:pt>
                <c:pt idx="284">
                  <c:v>4.73333135119052</c:v>
                </c:pt>
                <c:pt idx="285">
                  <c:v>4.7499980119048102</c:v>
                </c:pt>
                <c:pt idx="286">
                  <c:v>4.7666646726190898</c:v>
                </c:pt>
                <c:pt idx="287">
                  <c:v>4.78333133333338</c:v>
                </c:pt>
                <c:pt idx="288">
                  <c:v>4.7999979940476596</c:v>
                </c:pt>
                <c:pt idx="289">
                  <c:v>4.8166646547619498</c:v>
                </c:pt>
                <c:pt idx="290">
                  <c:v>4.8333313154762401</c:v>
                </c:pt>
                <c:pt idx="291">
                  <c:v>4.8499979761905196</c:v>
                </c:pt>
                <c:pt idx="292">
                  <c:v>4.8666646369048099</c:v>
                </c:pt>
                <c:pt idx="293">
                  <c:v>4.8833312976190903</c:v>
                </c:pt>
                <c:pt idx="294">
                  <c:v>4.8999979583333797</c:v>
                </c:pt>
                <c:pt idx="295">
                  <c:v>4.9166646190476602</c:v>
                </c:pt>
                <c:pt idx="296">
                  <c:v>4.9333312797619504</c:v>
                </c:pt>
                <c:pt idx="297">
                  <c:v>4.9499979404762398</c:v>
                </c:pt>
                <c:pt idx="298">
                  <c:v>4.9666646011905202</c:v>
                </c:pt>
                <c:pt idx="299">
                  <c:v>4.9833312619048096</c:v>
                </c:pt>
                <c:pt idx="300">
                  <c:v>4.99999792261909</c:v>
                </c:pt>
                <c:pt idx="301">
                  <c:v>5.0166645833333803</c:v>
                </c:pt>
                <c:pt idx="302">
                  <c:v>5.0333312440476696</c:v>
                </c:pt>
                <c:pt idx="303">
                  <c:v>5.0499979047619501</c:v>
                </c:pt>
                <c:pt idx="304">
                  <c:v>5.0666645654762403</c:v>
                </c:pt>
                <c:pt idx="305">
                  <c:v>5.0833312261905199</c:v>
                </c:pt>
                <c:pt idx="306">
                  <c:v>5.0999978869048102</c:v>
                </c:pt>
                <c:pt idx="307">
                  <c:v>5.1166645476190897</c:v>
                </c:pt>
                <c:pt idx="308">
                  <c:v>5.13333120833338</c:v>
                </c:pt>
                <c:pt idx="309">
                  <c:v>5.1499978690476702</c:v>
                </c:pt>
                <c:pt idx="310">
                  <c:v>5.1666645297619498</c:v>
                </c:pt>
                <c:pt idx="311">
                  <c:v>5.18333119047624</c:v>
                </c:pt>
                <c:pt idx="312">
                  <c:v>5.1999978511905196</c:v>
                </c:pt>
                <c:pt idx="313">
                  <c:v>5.2166645119048098</c:v>
                </c:pt>
                <c:pt idx="314">
                  <c:v>5.2333311726191001</c:v>
                </c:pt>
                <c:pt idx="315">
                  <c:v>5.2499978333333797</c:v>
                </c:pt>
                <c:pt idx="316">
                  <c:v>5.2666644940476699</c:v>
                </c:pt>
                <c:pt idx="317">
                  <c:v>5.2833311547619504</c:v>
                </c:pt>
                <c:pt idx="318">
                  <c:v>5.2999978154762397</c:v>
                </c:pt>
                <c:pt idx="319">
                  <c:v>5.3166644761905202</c:v>
                </c:pt>
                <c:pt idx="320">
                  <c:v>5.3333311369048104</c:v>
                </c:pt>
                <c:pt idx="321">
                  <c:v>5.3499977976190998</c:v>
                </c:pt>
                <c:pt idx="322">
                  <c:v>5.3666644583333802</c:v>
                </c:pt>
                <c:pt idx="323">
                  <c:v>5.3833311190476696</c:v>
                </c:pt>
                <c:pt idx="324">
                  <c:v>5.3999977797619501</c:v>
                </c:pt>
                <c:pt idx="325">
                  <c:v>5.4166644404762403</c:v>
                </c:pt>
                <c:pt idx="326">
                  <c:v>5.4333311011905296</c:v>
                </c:pt>
                <c:pt idx="327">
                  <c:v>5.4499977619048101</c:v>
                </c:pt>
                <c:pt idx="328">
                  <c:v>5.4666644226191003</c:v>
                </c:pt>
                <c:pt idx="329">
                  <c:v>5.4833310833333799</c:v>
                </c:pt>
                <c:pt idx="330">
                  <c:v>5.4999977440476702</c:v>
                </c:pt>
                <c:pt idx="331">
                  <c:v>5.5166644047619497</c:v>
                </c:pt>
                <c:pt idx="332">
                  <c:v>5.53333106547624</c:v>
                </c:pt>
                <c:pt idx="333">
                  <c:v>5.5499977261905302</c:v>
                </c:pt>
                <c:pt idx="334">
                  <c:v>5.5666643869048098</c:v>
                </c:pt>
                <c:pt idx="335">
                  <c:v>5.5833310476191</c:v>
                </c:pt>
                <c:pt idx="336">
                  <c:v>5.5999977083333796</c:v>
                </c:pt>
                <c:pt idx="337">
                  <c:v>5.6166643690476699</c:v>
                </c:pt>
                <c:pt idx="338">
                  <c:v>5.6333310297619601</c:v>
                </c:pt>
                <c:pt idx="339">
                  <c:v>5.6499976904762397</c:v>
                </c:pt>
                <c:pt idx="340">
                  <c:v>5.6666643511905299</c:v>
                </c:pt>
                <c:pt idx="341">
                  <c:v>5.6833310119048104</c:v>
                </c:pt>
                <c:pt idx="342">
                  <c:v>5.6999976726190997</c:v>
                </c:pt>
                <c:pt idx="343">
                  <c:v>5.71666433333339</c:v>
                </c:pt>
                <c:pt idx="344">
                  <c:v>5.7333309940476704</c:v>
                </c:pt>
                <c:pt idx="345">
                  <c:v>5.7499976547619598</c:v>
                </c:pt>
                <c:pt idx="346">
                  <c:v>5.7666643154762403</c:v>
                </c:pt>
                <c:pt idx="347">
                  <c:v>5.7833309761905296</c:v>
                </c:pt>
                <c:pt idx="348">
                  <c:v>5.7999976369048101</c:v>
                </c:pt>
                <c:pt idx="349">
                  <c:v>5.8166642976191003</c:v>
                </c:pt>
                <c:pt idx="350">
                  <c:v>5.8333309583333897</c:v>
                </c:pt>
                <c:pt idx="351">
                  <c:v>5.8499976190476701</c:v>
                </c:pt>
                <c:pt idx="352">
                  <c:v>5.8666642797619604</c:v>
                </c:pt>
                <c:pt idx="353">
                  <c:v>5.8833309404762399</c:v>
                </c:pt>
                <c:pt idx="354">
                  <c:v>5.8999976011905302</c:v>
                </c:pt>
                <c:pt idx="355">
                  <c:v>5.9166642619048098</c:v>
                </c:pt>
                <c:pt idx="356">
                  <c:v>5.9333309226191</c:v>
                </c:pt>
                <c:pt idx="357">
                  <c:v>5.9499975833333902</c:v>
                </c:pt>
                <c:pt idx="358">
                  <c:v>5.9666642440476698</c:v>
                </c:pt>
                <c:pt idx="359">
                  <c:v>5.9833309047619601</c:v>
                </c:pt>
                <c:pt idx="360">
                  <c:v>5.9999975654762396</c:v>
                </c:pt>
                <c:pt idx="361">
                  <c:v>6.0166642261905299</c:v>
                </c:pt>
                <c:pt idx="362">
                  <c:v>6.0333308869048201</c:v>
                </c:pt>
                <c:pt idx="363">
                  <c:v>6.0499975476190997</c:v>
                </c:pt>
                <c:pt idx="364">
                  <c:v>6.0666642083333899</c:v>
                </c:pt>
                <c:pt idx="365">
                  <c:v>6.0833308690476704</c:v>
                </c:pt>
                <c:pt idx="366">
                  <c:v>6.0999975297619597</c:v>
                </c:pt>
                <c:pt idx="367">
                  <c:v>6.11666419047625</c:v>
                </c:pt>
                <c:pt idx="368">
                  <c:v>6.1333308511905296</c:v>
                </c:pt>
                <c:pt idx="369">
                  <c:v>6.1499975119048198</c:v>
                </c:pt>
                <c:pt idx="370">
                  <c:v>6.1666641726191003</c:v>
                </c:pt>
                <c:pt idx="371">
                  <c:v>6.1833308333333896</c:v>
                </c:pt>
                <c:pt idx="372">
                  <c:v>6.1999974940476701</c:v>
                </c:pt>
                <c:pt idx="373">
                  <c:v>6.2166641547619603</c:v>
                </c:pt>
                <c:pt idx="374">
                  <c:v>6.2333308154762497</c:v>
                </c:pt>
                <c:pt idx="375">
                  <c:v>6.2499974761905301</c:v>
                </c:pt>
                <c:pt idx="376">
                  <c:v>6.2666641369048204</c:v>
                </c:pt>
                <c:pt idx="377">
                  <c:v>6.2833307976191</c:v>
                </c:pt>
                <c:pt idx="378">
                  <c:v>6.2999974583333902</c:v>
                </c:pt>
                <c:pt idx="379">
                  <c:v>6.3166641190476804</c:v>
                </c:pt>
                <c:pt idx="380">
                  <c:v>6.33333077976196</c:v>
                </c:pt>
                <c:pt idx="381">
                  <c:v>6.3499974404762503</c:v>
                </c:pt>
                <c:pt idx="382">
                  <c:v>6.3666641011905298</c:v>
                </c:pt>
                <c:pt idx="383">
                  <c:v>6.3833307619048201</c:v>
                </c:pt>
                <c:pt idx="384">
                  <c:v>6.3999974226190997</c:v>
                </c:pt>
                <c:pt idx="385">
                  <c:v>6.4166640833333899</c:v>
                </c:pt>
                <c:pt idx="386">
                  <c:v>6.4333307440476801</c:v>
                </c:pt>
                <c:pt idx="387">
                  <c:v>6.4499974047619597</c:v>
                </c:pt>
                <c:pt idx="388">
                  <c:v>6.4666640654762499</c:v>
                </c:pt>
                <c:pt idx="389">
                  <c:v>6.4833307261905304</c:v>
                </c:pt>
                <c:pt idx="390">
                  <c:v>6.4999973869048198</c:v>
                </c:pt>
                <c:pt idx="391">
                  <c:v>6.51666404761911</c:v>
                </c:pt>
                <c:pt idx="392">
                  <c:v>6.5333307083333896</c:v>
                </c:pt>
                <c:pt idx="393">
                  <c:v>6.5499973690476798</c:v>
                </c:pt>
                <c:pt idx="394">
                  <c:v>6.5666640297619603</c:v>
                </c:pt>
                <c:pt idx="395">
                  <c:v>6.5833306904762496</c:v>
                </c:pt>
                <c:pt idx="396">
                  <c:v>6.5999973511905399</c:v>
                </c:pt>
                <c:pt idx="397">
                  <c:v>6.6166640119048203</c:v>
                </c:pt>
                <c:pt idx="398">
                  <c:v>6.6333306726191097</c:v>
                </c:pt>
                <c:pt idx="399">
                  <c:v>6.6499973333333902</c:v>
                </c:pt>
                <c:pt idx="400">
                  <c:v>6.6666639940476804</c:v>
                </c:pt>
                <c:pt idx="401">
                  <c:v>6.68333065476196</c:v>
                </c:pt>
                <c:pt idx="402">
                  <c:v>6.6999973154762502</c:v>
                </c:pt>
                <c:pt idx="403">
                  <c:v>6.7166639761905396</c:v>
                </c:pt>
                <c:pt idx="404">
                  <c:v>6.73333063690482</c:v>
                </c:pt>
                <c:pt idx="405">
                  <c:v>6.7499972976191103</c:v>
                </c:pt>
                <c:pt idx="406">
                  <c:v>6.7666639583333898</c:v>
                </c:pt>
                <c:pt idx="407">
                  <c:v>6.7833306190476801</c:v>
                </c:pt>
                <c:pt idx="408">
                  <c:v>6.7999972797619597</c:v>
                </c:pt>
                <c:pt idx="409">
                  <c:v>6.8166639404762499</c:v>
                </c:pt>
                <c:pt idx="410">
                  <c:v>6.8333306011905401</c:v>
                </c:pt>
                <c:pt idx="411">
                  <c:v>6.8499972619048197</c:v>
                </c:pt>
                <c:pt idx="412">
                  <c:v>6.86666392261911</c:v>
                </c:pt>
                <c:pt idx="413">
                  <c:v>6.8833305833333904</c:v>
                </c:pt>
                <c:pt idx="414">
                  <c:v>6.8999972440476798</c:v>
                </c:pt>
                <c:pt idx="415">
                  <c:v>6.91666390476197</c:v>
                </c:pt>
                <c:pt idx="416">
                  <c:v>6.9333305654762496</c:v>
                </c:pt>
                <c:pt idx="417">
                  <c:v>6.9499972261905398</c:v>
                </c:pt>
                <c:pt idx="418">
                  <c:v>6.9666638869048203</c:v>
                </c:pt>
                <c:pt idx="419">
                  <c:v>6.9833305476191097</c:v>
                </c:pt>
                <c:pt idx="420">
                  <c:v>6.9999972083333999</c:v>
                </c:pt>
                <c:pt idx="421">
                  <c:v>7.0166638690476804</c:v>
                </c:pt>
                <c:pt idx="422">
                  <c:v>7.0333305297619697</c:v>
                </c:pt>
                <c:pt idx="423">
                  <c:v>7.0499971904762502</c:v>
                </c:pt>
                <c:pt idx="424">
                  <c:v>7.0666638511905404</c:v>
                </c:pt>
                <c:pt idx="425">
                  <c:v>7.08333051190482</c:v>
                </c:pt>
                <c:pt idx="426">
                  <c:v>7.0999971726191102</c:v>
                </c:pt>
                <c:pt idx="427">
                  <c:v>7.1166638333333996</c:v>
                </c:pt>
                <c:pt idx="428">
                  <c:v>7.13333049404768</c:v>
                </c:pt>
                <c:pt idx="429">
                  <c:v>7.1499971547619703</c:v>
                </c:pt>
                <c:pt idx="430">
                  <c:v>7.1666638154762499</c:v>
                </c:pt>
                <c:pt idx="431">
                  <c:v>7.1833304761905401</c:v>
                </c:pt>
                <c:pt idx="432">
                  <c:v>7.1999971369048303</c:v>
                </c:pt>
                <c:pt idx="433">
                  <c:v>7.2166637976191099</c:v>
                </c:pt>
                <c:pt idx="434">
                  <c:v>7.2333304583334002</c:v>
                </c:pt>
                <c:pt idx="435">
                  <c:v>7.2499971190476797</c:v>
                </c:pt>
                <c:pt idx="436">
                  <c:v>7.26666377976197</c:v>
                </c:pt>
                <c:pt idx="437">
                  <c:v>7.2833304404762496</c:v>
                </c:pt>
                <c:pt idx="438">
                  <c:v>7.2999971011905398</c:v>
                </c:pt>
                <c:pt idx="439">
                  <c:v>7.31666376190483</c:v>
                </c:pt>
                <c:pt idx="440">
                  <c:v>7.3333304226191096</c:v>
                </c:pt>
                <c:pt idx="441">
                  <c:v>7.3499970833333998</c:v>
                </c:pt>
                <c:pt idx="442">
                  <c:v>7.3666637440476803</c:v>
                </c:pt>
                <c:pt idx="443">
                  <c:v>7.3833304047619697</c:v>
                </c:pt>
                <c:pt idx="444">
                  <c:v>7.3999970654762599</c:v>
                </c:pt>
                <c:pt idx="445">
                  <c:v>7.4166637261905404</c:v>
                </c:pt>
                <c:pt idx="446">
                  <c:v>7.4333303869048297</c:v>
                </c:pt>
                <c:pt idx="447">
                  <c:v>7.4499970476191102</c:v>
                </c:pt>
                <c:pt idx="448">
                  <c:v>7.4666637083334004</c:v>
                </c:pt>
                <c:pt idx="449">
                  <c:v>7.4833303690476898</c:v>
                </c:pt>
                <c:pt idx="450">
                  <c:v>7.4999970297619702</c:v>
                </c:pt>
                <c:pt idx="451">
                  <c:v>7.5166636904762596</c:v>
                </c:pt>
                <c:pt idx="452">
                  <c:v>7.5333303511905401</c:v>
                </c:pt>
                <c:pt idx="453">
                  <c:v>7.5499970119048303</c:v>
                </c:pt>
                <c:pt idx="454">
                  <c:v>7.5666636726191099</c:v>
                </c:pt>
                <c:pt idx="455">
                  <c:v>7.5833303333334001</c:v>
                </c:pt>
                <c:pt idx="456">
                  <c:v>7.5999969940476904</c:v>
                </c:pt>
                <c:pt idx="457">
                  <c:v>7.6166636547619699</c:v>
                </c:pt>
                <c:pt idx="458">
                  <c:v>7.6333303154762602</c:v>
                </c:pt>
                <c:pt idx="459">
                  <c:v>7.6499969761905398</c:v>
                </c:pt>
                <c:pt idx="460">
                  <c:v>7.66666363690483</c:v>
                </c:pt>
                <c:pt idx="461">
                  <c:v>7.6833302976191096</c:v>
                </c:pt>
                <c:pt idx="462">
                  <c:v>7.6999969583333998</c:v>
                </c:pt>
                <c:pt idx="463">
                  <c:v>7.71666361904769</c:v>
                </c:pt>
                <c:pt idx="464">
                  <c:v>7.7333302797619696</c:v>
                </c:pt>
                <c:pt idx="465">
                  <c:v>7.7499969404762599</c:v>
                </c:pt>
                <c:pt idx="466">
                  <c:v>7.7666636011905403</c:v>
                </c:pt>
                <c:pt idx="467">
                  <c:v>7.7833302619048297</c:v>
                </c:pt>
                <c:pt idx="468">
                  <c:v>7.7999969226191199</c:v>
                </c:pt>
                <c:pt idx="469">
                  <c:v>7.8166635833334004</c:v>
                </c:pt>
                <c:pt idx="470">
                  <c:v>7.8333302440476897</c:v>
                </c:pt>
                <c:pt idx="471">
                  <c:v>7.8499969047619702</c:v>
                </c:pt>
                <c:pt idx="472">
                  <c:v>7.8666635654762596</c:v>
                </c:pt>
                <c:pt idx="473">
                  <c:v>7.8833302261905498</c:v>
                </c:pt>
                <c:pt idx="474">
                  <c:v>7.8999968869048303</c:v>
                </c:pt>
                <c:pt idx="475">
                  <c:v>7.9166635476191196</c:v>
                </c:pt>
                <c:pt idx="476">
                  <c:v>7.9333302083334001</c:v>
                </c:pt>
                <c:pt idx="477">
                  <c:v>7.9499968690476903</c:v>
                </c:pt>
                <c:pt idx="478">
                  <c:v>7.9666635297619699</c:v>
                </c:pt>
                <c:pt idx="479">
                  <c:v>7.9833301904762601</c:v>
                </c:pt>
                <c:pt idx="480">
                  <c:v>7.9999968511905504</c:v>
                </c:pt>
                <c:pt idx="481">
                  <c:v>8.0166635119048308</c:v>
                </c:pt>
                <c:pt idx="482">
                  <c:v>8.0333301726191202</c:v>
                </c:pt>
                <c:pt idx="483">
                  <c:v>8.0499968333334007</c:v>
                </c:pt>
                <c:pt idx="484">
                  <c:v>8.06666349404769</c:v>
                </c:pt>
                <c:pt idx="485">
                  <c:v>8.0833301547619705</c:v>
                </c:pt>
                <c:pt idx="486">
                  <c:v>8.0999968154762598</c:v>
                </c:pt>
                <c:pt idx="487">
                  <c:v>8.1166634761905492</c:v>
                </c:pt>
                <c:pt idx="488">
                  <c:v>8.1333301369048296</c:v>
                </c:pt>
                <c:pt idx="489">
                  <c:v>8.1499967976191208</c:v>
                </c:pt>
                <c:pt idx="490">
                  <c:v>8.1666634583333995</c:v>
                </c:pt>
                <c:pt idx="491">
                  <c:v>8.1833301190476906</c:v>
                </c:pt>
                <c:pt idx="492">
                  <c:v>8.1999967797619799</c:v>
                </c:pt>
                <c:pt idx="493">
                  <c:v>8.2166634404762604</c:v>
                </c:pt>
                <c:pt idx="494">
                  <c:v>8.2333301011905498</c:v>
                </c:pt>
                <c:pt idx="495">
                  <c:v>8.2499967619048302</c:v>
                </c:pt>
                <c:pt idx="496">
                  <c:v>8.2666634226191196</c:v>
                </c:pt>
                <c:pt idx="497">
                  <c:v>8.2833300833334107</c:v>
                </c:pt>
                <c:pt idx="498">
                  <c:v>8.2999967440476894</c:v>
                </c:pt>
                <c:pt idx="499">
                  <c:v>8.3166634047619805</c:v>
                </c:pt>
                <c:pt idx="500">
                  <c:v>8.3333300654762592</c:v>
                </c:pt>
                <c:pt idx="501">
                  <c:v>8.3499967261905503</c:v>
                </c:pt>
                <c:pt idx="502">
                  <c:v>8.3666633869048308</c:v>
                </c:pt>
                <c:pt idx="503">
                  <c:v>8.3833300476191202</c:v>
                </c:pt>
                <c:pt idx="504">
                  <c:v>8.3999967083334095</c:v>
                </c:pt>
                <c:pt idx="505">
                  <c:v>8.41666336904769</c:v>
                </c:pt>
                <c:pt idx="506">
                  <c:v>8.4333300297619793</c:v>
                </c:pt>
                <c:pt idx="507">
                  <c:v>8.4499966904762598</c:v>
                </c:pt>
                <c:pt idx="508">
                  <c:v>8.4666633511905491</c:v>
                </c:pt>
                <c:pt idx="509">
                  <c:v>8.4833300119048403</c:v>
                </c:pt>
                <c:pt idx="510">
                  <c:v>8.4999966726191207</c:v>
                </c:pt>
                <c:pt idx="511">
                  <c:v>8.5166633333334101</c:v>
                </c:pt>
                <c:pt idx="512">
                  <c:v>8.5333299940476905</c:v>
                </c:pt>
                <c:pt idx="513">
                  <c:v>8.5499966547619799</c:v>
                </c:pt>
                <c:pt idx="514">
                  <c:v>8.5666633154762604</c:v>
                </c:pt>
                <c:pt idx="515">
                  <c:v>8.5833299761905497</c:v>
                </c:pt>
                <c:pt idx="516">
                  <c:v>8.5999966369048408</c:v>
                </c:pt>
                <c:pt idx="517">
                  <c:v>8.6166632976191195</c:v>
                </c:pt>
                <c:pt idx="518">
                  <c:v>8.6333299583334107</c:v>
                </c:pt>
                <c:pt idx="519">
                  <c:v>8.6499966190476894</c:v>
                </c:pt>
                <c:pt idx="520">
                  <c:v>8.6666632797619805</c:v>
                </c:pt>
                <c:pt idx="521">
                  <c:v>8.6833299404762698</c:v>
                </c:pt>
                <c:pt idx="522">
                  <c:v>8.6999966011905503</c:v>
                </c:pt>
                <c:pt idx="523">
                  <c:v>8.7166632619048396</c:v>
                </c:pt>
                <c:pt idx="524">
                  <c:v>8.7333299226191201</c:v>
                </c:pt>
                <c:pt idx="525">
                  <c:v>8.7499965833334095</c:v>
                </c:pt>
                <c:pt idx="526">
                  <c:v>8.7666632440476899</c:v>
                </c:pt>
                <c:pt idx="527">
                  <c:v>8.7833299047619793</c:v>
                </c:pt>
                <c:pt idx="528">
                  <c:v>8.7999965654762704</c:v>
                </c:pt>
                <c:pt idx="529">
                  <c:v>8.8166632261905509</c:v>
                </c:pt>
                <c:pt idx="530">
                  <c:v>8.8333298869048402</c:v>
                </c:pt>
                <c:pt idx="531">
                  <c:v>8.8499965476191207</c:v>
                </c:pt>
                <c:pt idx="532">
                  <c:v>8.86666320833341</c:v>
                </c:pt>
                <c:pt idx="533">
                  <c:v>8.8833298690476994</c:v>
                </c:pt>
                <c:pt idx="534">
                  <c:v>8.8999965297619799</c:v>
                </c:pt>
                <c:pt idx="535">
                  <c:v>8.9166631904762692</c:v>
                </c:pt>
                <c:pt idx="536">
                  <c:v>8.9333298511905497</c:v>
                </c:pt>
                <c:pt idx="537">
                  <c:v>8.9499965119048408</c:v>
                </c:pt>
                <c:pt idx="538">
                  <c:v>8.9666631726191302</c:v>
                </c:pt>
                <c:pt idx="539">
                  <c:v>8.9833298333334106</c:v>
                </c:pt>
                <c:pt idx="540">
                  <c:v>8.9999964940477</c:v>
                </c:pt>
                <c:pt idx="541">
                  <c:v>9.0166631547619804</c:v>
                </c:pt>
                <c:pt idx="542">
                  <c:v>9.0333298154762698</c:v>
                </c:pt>
                <c:pt idx="543">
                  <c:v>9.0499964761905503</c:v>
                </c:pt>
                <c:pt idx="544">
                  <c:v>9.0666631369048396</c:v>
                </c:pt>
                <c:pt idx="545">
                  <c:v>9.0833297976191307</c:v>
                </c:pt>
                <c:pt idx="546">
                  <c:v>9.0999964583334094</c:v>
                </c:pt>
                <c:pt idx="547">
                  <c:v>9.1166631190477005</c:v>
                </c:pt>
                <c:pt idx="548">
                  <c:v>9.1333297797619792</c:v>
                </c:pt>
                <c:pt idx="549">
                  <c:v>9.1499964404762704</c:v>
                </c:pt>
                <c:pt idx="550">
                  <c:v>9.1666631011905508</c:v>
                </c:pt>
                <c:pt idx="551">
                  <c:v>9.1833297619048402</c:v>
                </c:pt>
                <c:pt idx="552">
                  <c:v>9.1999964226191295</c:v>
                </c:pt>
                <c:pt idx="553">
                  <c:v>9.21666308333341</c:v>
                </c:pt>
                <c:pt idx="554">
                  <c:v>9.2333297440476994</c:v>
                </c:pt>
                <c:pt idx="555">
                  <c:v>9.2499964047619798</c:v>
                </c:pt>
                <c:pt idx="556">
                  <c:v>9.2666630654762692</c:v>
                </c:pt>
                <c:pt idx="557">
                  <c:v>9.2833297261905603</c:v>
                </c:pt>
                <c:pt idx="558">
                  <c:v>9.2999963869048408</c:v>
                </c:pt>
                <c:pt idx="559">
                  <c:v>9.3166630476191301</c:v>
                </c:pt>
                <c:pt idx="560">
                  <c:v>9.3333297083334106</c:v>
                </c:pt>
                <c:pt idx="561">
                  <c:v>9.3499963690476999</c:v>
                </c:pt>
                <c:pt idx="562">
                  <c:v>9.3666630297619804</c:v>
                </c:pt>
                <c:pt idx="563">
                  <c:v>9.3833296904762697</c:v>
                </c:pt>
                <c:pt idx="564">
                  <c:v>9.3999963511905609</c:v>
                </c:pt>
                <c:pt idx="565">
                  <c:v>9.4166630119048396</c:v>
                </c:pt>
                <c:pt idx="566">
                  <c:v>9.4333296726191307</c:v>
                </c:pt>
                <c:pt idx="567">
                  <c:v>9.44999633333342</c:v>
                </c:pt>
                <c:pt idx="568">
                  <c:v>9.4666629940477005</c:v>
                </c:pt>
                <c:pt idx="569">
                  <c:v>9.4833296547619899</c:v>
                </c:pt>
                <c:pt idx="570">
                  <c:v>9.4999963154762703</c:v>
                </c:pt>
                <c:pt idx="571">
                  <c:v>9.5166629761905597</c:v>
                </c:pt>
                <c:pt idx="572">
                  <c:v>9.5333296369048401</c:v>
                </c:pt>
                <c:pt idx="573">
                  <c:v>9.5499962976191295</c:v>
                </c:pt>
                <c:pt idx="574">
                  <c:v>9.5666629583334206</c:v>
                </c:pt>
                <c:pt idx="575">
                  <c:v>9.5833296190476993</c:v>
                </c:pt>
                <c:pt idx="576">
                  <c:v>9.5999962797619904</c:v>
                </c:pt>
                <c:pt idx="577">
                  <c:v>9.6166629404762691</c:v>
                </c:pt>
                <c:pt idx="578">
                  <c:v>9.6333296011905603</c:v>
                </c:pt>
                <c:pt idx="579">
                  <c:v>9.6499962619048407</c:v>
                </c:pt>
                <c:pt idx="580">
                  <c:v>9.6666629226191301</c:v>
                </c:pt>
                <c:pt idx="581">
                  <c:v>9.6833295833334194</c:v>
                </c:pt>
                <c:pt idx="582">
                  <c:v>9.6999962440476999</c:v>
                </c:pt>
                <c:pt idx="583">
                  <c:v>9.7166629047619892</c:v>
                </c:pt>
                <c:pt idx="584">
                  <c:v>9.7333295654762697</c:v>
                </c:pt>
                <c:pt idx="585">
                  <c:v>9.7499962261905608</c:v>
                </c:pt>
                <c:pt idx="586">
                  <c:v>9.7666628869048502</c:v>
                </c:pt>
                <c:pt idx="587">
                  <c:v>9.7833295476191307</c:v>
                </c:pt>
                <c:pt idx="588">
                  <c:v>9.79999620833342</c:v>
                </c:pt>
                <c:pt idx="589">
                  <c:v>9.8166628690477005</c:v>
                </c:pt>
                <c:pt idx="590">
                  <c:v>9.8333295297619898</c:v>
                </c:pt>
                <c:pt idx="591">
                  <c:v>9.8499961904762703</c:v>
                </c:pt>
                <c:pt idx="592">
                  <c:v>9.8666628511905596</c:v>
                </c:pt>
                <c:pt idx="593">
                  <c:v>9.8833295119048508</c:v>
                </c:pt>
                <c:pt idx="594">
                  <c:v>9.8999961726191295</c:v>
                </c:pt>
                <c:pt idx="595">
                  <c:v>9.9166628333334206</c:v>
                </c:pt>
                <c:pt idx="596">
                  <c:v>9.9333294940476993</c:v>
                </c:pt>
                <c:pt idx="597">
                  <c:v>9.9499961547619904</c:v>
                </c:pt>
                <c:pt idx="598">
                  <c:v>9.9666628154762797</c:v>
                </c:pt>
                <c:pt idx="599">
                  <c:v>9.9833294761905602</c:v>
                </c:pt>
                <c:pt idx="600">
                  <c:v>9.9999961369048496</c:v>
                </c:pt>
                <c:pt idx="601">
                  <c:v>10.0166627976191</c:v>
                </c:pt>
                <c:pt idx="602">
                  <c:v>10.0333294583334</c:v>
                </c:pt>
                <c:pt idx="603">
                  <c:v>10.0499961190477</c:v>
                </c:pt>
                <c:pt idx="604">
                  <c:v>10.066662779762</c:v>
                </c:pt>
                <c:pt idx="605">
                  <c:v>10.0833294404762</c:v>
                </c:pt>
                <c:pt idx="606">
                  <c:v>10.0999961011905</c:v>
                </c:pt>
                <c:pt idx="607">
                  <c:v>10.1166627619048</c:v>
                </c:pt>
                <c:pt idx="608">
                  <c:v>10.1333294226191</c:v>
                </c:pt>
                <c:pt idx="609">
                  <c:v>10.1499960833334</c:v>
                </c:pt>
                <c:pt idx="610">
                  <c:v>10.1666627440477</c:v>
                </c:pt>
                <c:pt idx="611">
                  <c:v>10.183329404762</c:v>
                </c:pt>
                <c:pt idx="612">
                  <c:v>10.199996065476199</c:v>
                </c:pt>
                <c:pt idx="613">
                  <c:v>10.216662726190499</c:v>
                </c:pt>
                <c:pt idx="614">
                  <c:v>10.233329386904799</c:v>
                </c:pt>
                <c:pt idx="615">
                  <c:v>10.249996047619099</c:v>
                </c:pt>
                <c:pt idx="616">
                  <c:v>10.266662708333399</c:v>
                </c:pt>
                <c:pt idx="617">
                  <c:v>10.283329369047699</c:v>
                </c:pt>
                <c:pt idx="618">
                  <c:v>10.299996029761999</c:v>
                </c:pt>
                <c:pt idx="619">
                  <c:v>10.3166626904762</c:v>
                </c:pt>
                <c:pt idx="620">
                  <c:v>10.3333293511905</c:v>
                </c:pt>
                <c:pt idx="621">
                  <c:v>10.3499960119048</c:v>
                </c:pt>
                <c:pt idx="622">
                  <c:v>10.3666626726191</c:v>
                </c:pt>
                <c:pt idx="623">
                  <c:v>10.3833293333334</c:v>
                </c:pt>
                <c:pt idx="624">
                  <c:v>10.3999959940477</c:v>
                </c:pt>
                <c:pt idx="625">
                  <c:v>10.416662654762</c:v>
                </c:pt>
                <c:pt idx="626">
                  <c:v>10.4333293154762</c:v>
                </c:pt>
                <c:pt idx="627">
                  <c:v>10.4499959761905</c:v>
                </c:pt>
                <c:pt idx="628">
                  <c:v>10.4666626369048</c:v>
                </c:pt>
                <c:pt idx="629">
                  <c:v>10.4833292976191</c:v>
                </c:pt>
                <c:pt idx="630">
                  <c:v>10.4999959583334</c:v>
                </c:pt>
                <c:pt idx="631">
                  <c:v>10.5166626190477</c:v>
                </c:pt>
                <c:pt idx="632">
                  <c:v>10.533329279762</c:v>
                </c:pt>
                <c:pt idx="633">
                  <c:v>10.549995940476199</c:v>
                </c:pt>
                <c:pt idx="634">
                  <c:v>10.566662601190499</c:v>
                </c:pt>
                <c:pt idx="635">
                  <c:v>10.583329261904799</c:v>
                </c:pt>
                <c:pt idx="636">
                  <c:v>10.599995922619099</c:v>
                </c:pt>
                <c:pt idx="637">
                  <c:v>10.616662583333399</c:v>
                </c:pt>
                <c:pt idx="638">
                  <c:v>10.633329244047699</c:v>
                </c:pt>
                <c:pt idx="639">
                  <c:v>10.649995904761999</c:v>
                </c:pt>
                <c:pt idx="640">
                  <c:v>10.6666625654762</c:v>
                </c:pt>
                <c:pt idx="641">
                  <c:v>10.6833292261905</c:v>
                </c:pt>
                <c:pt idx="642">
                  <c:v>10.6999958869048</c:v>
                </c:pt>
                <c:pt idx="643">
                  <c:v>10.7166625476191</c:v>
                </c:pt>
                <c:pt idx="644">
                  <c:v>10.7333292083334</c:v>
                </c:pt>
                <c:pt idx="645">
                  <c:v>10.7499958690477</c:v>
                </c:pt>
                <c:pt idx="646">
                  <c:v>10.766662529762</c:v>
                </c:pt>
                <c:pt idx="647">
                  <c:v>10.7833291904762</c:v>
                </c:pt>
                <c:pt idx="648">
                  <c:v>10.7999958511905</c:v>
                </c:pt>
                <c:pt idx="649">
                  <c:v>10.8166625119048</c:v>
                </c:pt>
                <c:pt idx="650">
                  <c:v>10.8333291726191</c:v>
                </c:pt>
                <c:pt idx="651">
                  <c:v>10.8499958333334</c:v>
                </c:pt>
                <c:pt idx="652">
                  <c:v>10.8666624940477</c:v>
                </c:pt>
                <c:pt idx="653">
                  <c:v>10.883329154762</c:v>
                </c:pt>
                <c:pt idx="654">
                  <c:v>10.899995815476199</c:v>
                </c:pt>
                <c:pt idx="655">
                  <c:v>10.916662476190499</c:v>
                </c:pt>
                <c:pt idx="656">
                  <c:v>10.933329136904799</c:v>
                </c:pt>
                <c:pt idx="657">
                  <c:v>10.949995797619099</c:v>
                </c:pt>
                <c:pt idx="658">
                  <c:v>10.966662458333399</c:v>
                </c:pt>
                <c:pt idx="659">
                  <c:v>10.983329119047699</c:v>
                </c:pt>
                <c:pt idx="660">
                  <c:v>10.999995779761999</c:v>
                </c:pt>
                <c:pt idx="661">
                  <c:v>11.0166624404762</c:v>
                </c:pt>
                <c:pt idx="662">
                  <c:v>11.0333291011905</c:v>
                </c:pt>
                <c:pt idx="663">
                  <c:v>11.0499957619048</c:v>
                </c:pt>
                <c:pt idx="664">
                  <c:v>11.0666624226191</c:v>
                </c:pt>
                <c:pt idx="665">
                  <c:v>11.0833290833334</c:v>
                </c:pt>
                <c:pt idx="666">
                  <c:v>11.0999957440477</c:v>
                </c:pt>
                <c:pt idx="667">
                  <c:v>11.116662404762</c:v>
                </c:pt>
                <c:pt idx="668">
                  <c:v>11.1333290654762</c:v>
                </c:pt>
                <c:pt idx="669">
                  <c:v>11.1499957261905</c:v>
                </c:pt>
                <c:pt idx="670">
                  <c:v>11.1666623869048</c:v>
                </c:pt>
                <c:pt idx="671">
                  <c:v>11.1833290476191</c:v>
                </c:pt>
                <c:pt idx="672">
                  <c:v>11.1999957083334</c:v>
                </c:pt>
                <c:pt idx="673">
                  <c:v>11.2166623690477</c:v>
                </c:pt>
                <c:pt idx="674">
                  <c:v>11.233329029762</c:v>
                </c:pt>
                <c:pt idx="675">
                  <c:v>11.249995690476201</c:v>
                </c:pt>
                <c:pt idx="676">
                  <c:v>11.266662351190501</c:v>
                </c:pt>
                <c:pt idx="677">
                  <c:v>11.283329011904801</c:v>
                </c:pt>
                <c:pt idx="678">
                  <c:v>11.299995672619101</c:v>
                </c:pt>
                <c:pt idx="679">
                  <c:v>11.316662333333401</c:v>
                </c:pt>
                <c:pt idx="680">
                  <c:v>11.333328994047701</c:v>
                </c:pt>
                <c:pt idx="681">
                  <c:v>11.349995654761999</c:v>
                </c:pt>
                <c:pt idx="682">
                  <c:v>11.3666623154762</c:v>
                </c:pt>
                <c:pt idx="683">
                  <c:v>11.3833289761905</c:v>
                </c:pt>
                <c:pt idx="684">
                  <c:v>11.3999956369048</c:v>
                </c:pt>
                <c:pt idx="685">
                  <c:v>11.4166622976191</c:v>
                </c:pt>
                <c:pt idx="686">
                  <c:v>11.4333289583334</c:v>
                </c:pt>
                <c:pt idx="687">
                  <c:v>11.4499956190477</c:v>
                </c:pt>
                <c:pt idx="688">
                  <c:v>11.466662279762</c:v>
                </c:pt>
                <c:pt idx="689">
                  <c:v>11.4833289404762</c:v>
                </c:pt>
                <c:pt idx="690">
                  <c:v>11.4999956011905</c:v>
                </c:pt>
                <c:pt idx="691">
                  <c:v>11.5166622619048</c:v>
                </c:pt>
                <c:pt idx="692">
                  <c:v>11.5333289226191</c:v>
                </c:pt>
                <c:pt idx="693">
                  <c:v>11.5499955833334</c:v>
                </c:pt>
                <c:pt idx="694">
                  <c:v>11.5666622440477</c:v>
                </c:pt>
                <c:pt idx="695">
                  <c:v>11.583328904762</c:v>
                </c:pt>
                <c:pt idx="696">
                  <c:v>11.599995565476201</c:v>
                </c:pt>
                <c:pt idx="697">
                  <c:v>11.616662226190501</c:v>
                </c:pt>
                <c:pt idx="698">
                  <c:v>11.633328886904801</c:v>
                </c:pt>
                <c:pt idx="699">
                  <c:v>11.649995547619101</c:v>
                </c:pt>
                <c:pt idx="700">
                  <c:v>11.666662208333401</c:v>
                </c:pt>
                <c:pt idx="701">
                  <c:v>11.683328869047701</c:v>
                </c:pt>
                <c:pt idx="702">
                  <c:v>11.699995529762001</c:v>
                </c:pt>
                <c:pt idx="703">
                  <c:v>11.7166621904762</c:v>
                </c:pt>
                <c:pt idx="704">
                  <c:v>11.7333288511905</c:v>
                </c:pt>
                <c:pt idx="705">
                  <c:v>11.7499955119048</c:v>
                </c:pt>
                <c:pt idx="706">
                  <c:v>11.7666621726191</c:v>
                </c:pt>
                <c:pt idx="707">
                  <c:v>11.7833288333334</c:v>
                </c:pt>
                <c:pt idx="708">
                  <c:v>11.7999954940477</c:v>
                </c:pt>
                <c:pt idx="709">
                  <c:v>11.816662154762</c:v>
                </c:pt>
                <c:pt idx="710">
                  <c:v>11.8333288154762</c:v>
                </c:pt>
                <c:pt idx="711">
                  <c:v>11.8499954761905</c:v>
                </c:pt>
                <c:pt idx="712">
                  <c:v>11.8666621369048</c:v>
                </c:pt>
                <c:pt idx="713">
                  <c:v>11.8833287976191</c:v>
                </c:pt>
                <c:pt idx="714">
                  <c:v>11.8999954583334</c:v>
                </c:pt>
                <c:pt idx="715">
                  <c:v>11.9166621190477</c:v>
                </c:pt>
                <c:pt idx="716">
                  <c:v>11.933328779762</c:v>
                </c:pt>
                <c:pt idx="717">
                  <c:v>11.9499954404763</c:v>
                </c:pt>
                <c:pt idx="718">
                  <c:v>11.966662101190501</c:v>
                </c:pt>
                <c:pt idx="719">
                  <c:v>11.983328761904801</c:v>
                </c:pt>
                <c:pt idx="720">
                  <c:v>11.999995422619101</c:v>
                </c:pt>
                <c:pt idx="721">
                  <c:v>12.016662083333401</c:v>
                </c:pt>
                <c:pt idx="722">
                  <c:v>12.033328744047701</c:v>
                </c:pt>
                <c:pt idx="723">
                  <c:v>12.049995404762001</c:v>
                </c:pt>
                <c:pt idx="724">
                  <c:v>12.066662065476301</c:v>
                </c:pt>
                <c:pt idx="725">
                  <c:v>12.0833287261905</c:v>
                </c:pt>
                <c:pt idx="726">
                  <c:v>12.0999953869048</c:v>
                </c:pt>
                <c:pt idx="727">
                  <c:v>12.1166620476191</c:v>
                </c:pt>
                <c:pt idx="728">
                  <c:v>12.1333287083334</c:v>
                </c:pt>
                <c:pt idx="729">
                  <c:v>12.1499953690477</c:v>
                </c:pt>
                <c:pt idx="730">
                  <c:v>12.166662029762</c:v>
                </c:pt>
                <c:pt idx="731">
                  <c:v>12.1833286904763</c:v>
                </c:pt>
                <c:pt idx="732">
                  <c:v>12.1999953511905</c:v>
                </c:pt>
                <c:pt idx="733">
                  <c:v>12.2166620119048</c:v>
                </c:pt>
                <c:pt idx="734">
                  <c:v>12.2333286726191</c:v>
                </c:pt>
                <c:pt idx="735">
                  <c:v>12.2499953333334</c:v>
                </c:pt>
                <c:pt idx="736">
                  <c:v>12.2666619940477</c:v>
                </c:pt>
                <c:pt idx="737">
                  <c:v>12.283328654762</c:v>
                </c:pt>
                <c:pt idx="738">
                  <c:v>12.2999953154763</c:v>
                </c:pt>
                <c:pt idx="739">
                  <c:v>12.316661976190501</c:v>
                </c:pt>
                <c:pt idx="740">
                  <c:v>12.333328636904801</c:v>
                </c:pt>
                <c:pt idx="741">
                  <c:v>12.349995297619101</c:v>
                </c:pt>
                <c:pt idx="742">
                  <c:v>12.366661958333401</c:v>
                </c:pt>
                <c:pt idx="743">
                  <c:v>12.383328619047701</c:v>
                </c:pt>
                <c:pt idx="744">
                  <c:v>12.399995279762001</c:v>
                </c:pt>
                <c:pt idx="745">
                  <c:v>12.416661940476301</c:v>
                </c:pt>
                <c:pt idx="746">
                  <c:v>12.4333286011905</c:v>
                </c:pt>
                <c:pt idx="747">
                  <c:v>12.4499952619048</c:v>
                </c:pt>
                <c:pt idx="748">
                  <c:v>12.4666619226191</c:v>
                </c:pt>
                <c:pt idx="749">
                  <c:v>12.4833285833334</c:v>
                </c:pt>
                <c:pt idx="750">
                  <c:v>12.4999952440477</c:v>
                </c:pt>
                <c:pt idx="751">
                  <c:v>12.516661904762</c:v>
                </c:pt>
                <c:pt idx="752">
                  <c:v>12.5333285654763</c:v>
                </c:pt>
                <c:pt idx="753">
                  <c:v>12.5499952261905</c:v>
                </c:pt>
                <c:pt idx="754">
                  <c:v>12.5666618869048</c:v>
                </c:pt>
                <c:pt idx="755">
                  <c:v>12.5833285476191</c:v>
                </c:pt>
                <c:pt idx="756">
                  <c:v>12.5999952083334</c:v>
                </c:pt>
                <c:pt idx="757">
                  <c:v>12.6166618690477</c:v>
                </c:pt>
                <c:pt idx="758">
                  <c:v>12.633328529762</c:v>
                </c:pt>
                <c:pt idx="759">
                  <c:v>12.6499951904763</c:v>
                </c:pt>
                <c:pt idx="760">
                  <c:v>12.666661851190501</c:v>
                </c:pt>
                <c:pt idx="761">
                  <c:v>12.683328511904801</c:v>
                </c:pt>
                <c:pt idx="762">
                  <c:v>12.699995172619101</c:v>
                </c:pt>
                <c:pt idx="763">
                  <c:v>12.716661833333401</c:v>
                </c:pt>
                <c:pt idx="764">
                  <c:v>12.733328494047701</c:v>
                </c:pt>
                <c:pt idx="765">
                  <c:v>12.749995154762001</c:v>
                </c:pt>
                <c:pt idx="766">
                  <c:v>12.766661815476301</c:v>
                </c:pt>
                <c:pt idx="767">
                  <c:v>12.7833284761905</c:v>
                </c:pt>
                <c:pt idx="768">
                  <c:v>12.7999951369048</c:v>
                </c:pt>
                <c:pt idx="769">
                  <c:v>12.8166617976191</c:v>
                </c:pt>
                <c:pt idx="770">
                  <c:v>12.8333284583334</c:v>
                </c:pt>
                <c:pt idx="771">
                  <c:v>12.8499951190477</c:v>
                </c:pt>
                <c:pt idx="772">
                  <c:v>12.866661779762</c:v>
                </c:pt>
                <c:pt idx="773">
                  <c:v>12.8833284404763</c:v>
                </c:pt>
                <c:pt idx="774">
                  <c:v>12.8999951011905</c:v>
                </c:pt>
                <c:pt idx="775">
                  <c:v>12.9166617619048</c:v>
                </c:pt>
                <c:pt idx="776">
                  <c:v>12.9333284226191</c:v>
                </c:pt>
                <c:pt idx="777">
                  <c:v>12.9499950833334</c:v>
                </c:pt>
                <c:pt idx="778">
                  <c:v>12.9666617440477</c:v>
                </c:pt>
                <c:pt idx="779">
                  <c:v>12.983328404762</c:v>
                </c:pt>
                <c:pt idx="780">
                  <c:v>12.9999950654763</c:v>
                </c:pt>
                <c:pt idx="781">
                  <c:v>13.016661726190501</c:v>
                </c:pt>
                <c:pt idx="782">
                  <c:v>13.033328386904801</c:v>
                </c:pt>
                <c:pt idx="783">
                  <c:v>13.049995047619101</c:v>
                </c:pt>
                <c:pt idx="784">
                  <c:v>13.066661708333401</c:v>
                </c:pt>
                <c:pt idx="785">
                  <c:v>13.083328369047701</c:v>
                </c:pt>
                <c:pt idx="786">
                  <c:v>13.099995029762001</c:v>
                </c:pt>
                <c:pt idx="787">
                  <c:v>13.116661690476301</c:v>
                </c:pt>
                <c:pt idx="788">
                  <c:v>13.133328351190499</c:v>
                </c:pt>
                <c:pt idx="789">
                  <c:v>13.149995011904799</c:v>
                </c:pt>
                <c:pt idx="790">
                  <c:v>13.166661672619099</c:v>
                </c:pt>
                <c:pt idx="791">
                  <c:v>13.183328333333399</c:v>
                </c:pt>
                <c:pt idx="792">
                  <c:v>13.199994994047699</c:v>
                </c:pt>
                <c:pt idx="793">
                  <c:v>13.216661654762</c:v>
                </c:pt>
                <c:pt idx="794">
                  <c:v>13.2333283154763</c:v>
                </c:pt>
                <c:pt idx="795">
                  <c:v>13.2499949761905</c:v>
                </c:pt>
                <c:pt idx="796">
                  <c:v>13.2666616369048</c:v>
                </c:pt>
                <c:pt idx="797">
                  <c:v>13.2833282976191</c:v>
                </c:pt>
                <c:pt idx="798">
                  <c:v>13.2999949583334</c:v>
                </c:pt>
                <c:pt idx="799">
                  <c:v>13.3166616190477</c:v>
                </c:pt>
                <c:pt idx="800">
                  <c:v>13.333328279762</c:v>
                </c:pt>
                <c:pt idx="801">
                  <c:v>13.3499949404763</c:v>
                </c:pt>
                <c:pt idx="802">
                  <c:v>13.366661601190501</c:v>
                </c:pt>
                <c:pt idx="803">
                  <c:v>13.383328261904801</c:v>
                </c:pt>
                <c:pt idx="804">
                  <c:v>13.399994922619101</c:v>
                </c:pt>
                <c:pt idx="805">
                  <c:v>13.416661583333401</c:v>
                </c:pt>
                <c:pt idx="806">
                  <c:v>13.433328244047701</c:v>
                </c:pt>
                <c:pt idx="807">
                  <c:v>13.449994904762001</c:v>
                </c:pt>
                <c:pt idx="808">
                  <c:v>13.466661565476301</c:v>
                </c:pt>
                <c:pt idx="809">
                  <c:v>13.483328226190499</c:v>
                </c:pt>
                <c:pt idx="810">
                  <c:v>13.499994886904799</c:v>
                </c:pt>
                <c:pt idx="811">
                  <c:v>13.516661547619099</c:v>
                </c:pt>
                <c:pt idx="812">
                  <c:v>13.533328208333399</c:v>
                </c:pt>
                <c:pt idx="813">
                  <c:v>13.549994869047699</c:v>
                </c:pt>
                <c:pt idx="814">
                  <c:v>13.566661529761999</c:v>
                </c:pt>
                <c:pt idx="815">
                  <c:v>13.583328190476299</c:v>
                </c:pt>
                <c:pt idx="816">
                  <c:v>13.5999948511905</c:v>
                </c:pt>
                <c:pt idx="817">
                  <c:v>13.6166615119048</c:v>
                </c:pt>
                <c:pt idx="818">
                  <c:v>13.6333281726191</c:v>
                </c:pt>
                <c:pt idx="819">
                  <c:v>13.6499948333334</c:v>
                </c:pt>
                <c:pt idx="820">
                  <c:v>13.6666614940477</c:v>
                </c:pt>
                <c:pt idx="821">
                  <c:v>13.683328154762</c:v>
                </c:pt>
                <c:pt idx="822">
                  <c:v>13.6999948154763</c:v>
                </c:pt>
                <c:pt idx="823">
                  <c:v>13.7166614761906</c:v>
                </c:pt>
                <c:pt idx="824">
                  <c:v>13.733328136904801</c:v>
                </c:pt>
                <c:pt idx="825">
                  <c:v>13.749994797619101</c:v>
                </c:pt>
                <c:pt idx="826">
                  <c:v>13.766661458333401</c:v>
                </c:pt>
                <c:pt idx="827">
                  <c:v>13.783328119047701</c:v>
                </c:pt>
                <c:pt idx="828">
                  <c:v>13.799994779762001</c:v>
                </c:pt>
                <c:pt idx="829">
                  <c:v>13.816661440476301</c:v>
                </c:pt>
                <c:pt idx="830">
                  <c:v>13.833328101190601</c:v>
                </c:pt>
                <c:pt idx="831">
                  <c:v>13.849994761904799</c:v>
                </c:pt>
                <c:pt idx="832">
                  <c:v>13.866661422619099</c:v>
                </c:pt>
                <c:pt idx="833">
                  <c:v>13.883328083333399</c:v>
                </c:pt>
                <c:pt idx="834">
                  <c:v>13.899994744047699</c:v>
                </c:pt>
                <c:pt idx="835">
                  <c:v>13.916661404761999</c:v>
                </c:pt>
                <c:pt idx="836">
                  <c:v>13.933328065476299</c:v>
                </c:pt>
                <c:pt idx="837">
                  <c:v>13.949994726190599</c:v>
                </c:pt>
                <c:pt idx="838">
                  <c:v>13.9666613869048</c:v>
                </c:pt>
                <c:pt idx="839">
                  <c:v>13.9833280476191</c:v>
                </c:pt>
                <c:pt idx="840">
                  <c:v>13.9999947083334</c:v>
                </c:pt>
                <c:pt idx="841">
                  <c:v>14.0166613690477</c:v>
                </c:pt>
                <c:pt idx="842">
                  <c:v>14.033328029762</c:v>
                </c:pt>
                <c:pt idx="843">
                  <c:v>14.0499946904763</c:v>
                </c:pt>
                <c:pt idx="844">
                  <c:v>14.0666613511906</c:v>
                </c:pt>
                <c:pt idx="845">
                  <c:v>14.083328011904801</c:v>
                </c:pt>
                <c:pt idx="846">
                  <c:v>14.099994672619101</c:v>
                </c:pt>
                <c:pt idx="847">
                  <c:v>14.116661333333401</c:v>
                </c:pt>
                <c:pt idx="848">
                  <c:v>14.133327994047701</c:v>
                </c:pt>
                <c:pt idx="849">
                  <c:v>14.149994654762001</c:v>
                </c:pt>
                <c:pt idx="850">
                  <c:v>14.166661315476301</c:v>
                </c:pt>
                <c:pt idx="851">
                  <c:v>14.183327976190601</c:v>
                </c:pt>
                <c:pt idx="852">
                  <c:v>14.199994636904799</c:v>
                </c:pt>
                <c:pt idx="853">
                  <c:v>14.216661297619099</c:v>
                </c:pt>
                <c:pt idx="854">
                  <c:v>14.233327958333399</c:v>
                </c:pt>
                <c:pt idx="855">
                  <c:v>14.249994619047699</c:v>
                </c:pt>
                <c:pt idx="856">
                  <c:v>14.266661279761999</c:v>
                </c:pt>
                <c:pt idx="857">
                  <c:v>14.283327940476299</c:v>
                </c:pt>
                <c:pt idx="858">
                  <c:v>14.299994601190599</c:v>
                </c:pt>
                <c:pt idx="859">
                  <c:v>14.3166612619048</c:v>
                </c:pt>
                <c:pt idx="860">
                  <c:v>14.3333279226191</c:v>
                </c:pt>
                <c:pt idx="861">
                  <c:v>14.3499945833334</c:v>
                </c:pt>
                <c:pt idx="862">
                  <c:v>14.3666612440477</c:v>
                </c:pt>
                <c:pt idx="863">
                  <c:v>14.383327904762</c:v>
                </c:pt>
                <c:pt idx="864">
                  <c:v>14.3999945654763</c:v>
                </c:pt>
                <c:pt idx="865">
                  <c:v>14.4166612261906</c:v>
                </c:pt>
                <c:pt idx="866">
                  <c:v>14.433327886904801</c:v>
                </c:pt>
                <c:pt idx="867">
                  <c:v>14.449994547619101</c:v>
                </c:pt>
                <c:pt idx="868">
                  <c:v>14.466661208333401</c:v>
                </c:pt>
                <c:pt idx="869">
                  <c:v>14.483327869047701</c:v>
                </c:pt>
                <c:pt idx="870">
                  <c:v>14.499994529762001</c:v>
                </c:pt>
                <c:pt idx="871">
                  <c:v>14.516661190476301</c:v>
                </c:pt>
                <c:pt idx="872">
                  <c:v>14.533327851190601</c:v>
                </c:pt>
                <c:pt idx="873">
                  <c:v>14.549994511904799</c:v>
                </c:pt>
                <c:pt idx="874">
                  <c:v>14.566661172619099</c:v>
                </c:pt>
                <c:pt idx="875">
                  <c:v>14.583327833333399</c:v>
                </c:pt>
                <c:pt idx="876">
                  <c:v>14.599994494047699</c:v>
                </c:pt>
                <c:pt idx="877">
                  <c:v>14.616661154761999</c:v>
                </c:pt>
                <c:pt idx="878">
                  <c:v>14.633327815476299</c:v>
                </c:pt>
                <c:pt idx="879">
                  <c:v>14.649994476190599</c:v>
                </c:pt>
                <c:pt idx="880">
                  <c:v>14.6666611369048</c:v>
                </c:pt>
                <c:pt idx="881">
                  <c:v>14.6833277976191</c:v>
                </c:pt>
                <c:pt idx="882">
                  <c:v>14.6999944583334</c:v>
                </c:pt>
                <c:pt idx="883">
                  <c:v>14.7166611190477</c:v>
                </c:pt>
                <c:pt idx="884">
                  <c:v>14.733327779762</c:v>
                </c:pt>
                <c:pt idx="885">
                  <c:v>14.7499944404763</c:v>
                </c:pt>
                <c:pt idx="886">
                  <c:v>14.7666611011906</c:v>
                </c:pt>
                <c:pt idx="887">
                  <c:v>14.7833277619048</c:v>
                </c:pt>
                <c:pt idx="888">
                  <c:v>14.7999944226191</c:v>
                </c:pt>
                <c:pt idx="889">
                  <c:v>14.8166610833334</c:v>
                </c:pt>
                <c:pt idx="890">
                  <c:v>14.8333277440477</c:v>
                </c:pt>
                <c:pt idx="891">
                  <c:v>14.849994404762</c:v>
                </c:pt>
                <c:pt idx="892">
                  <c:v>14.866661065476301</c:v>
                </c:pt>
                <c:pt idx="893">
                  <c:v>14.883327726190601</c:v>
                </c:pt>
                <c:pt idx="894">
                  <c:v>14.899994386904799</c:v>
                </c:pt>
                <c:pt idx="895">
                  <c:v>14.916661047619099</c:v>
                </c:pt>
                <c:pt idx="896">
                  <c:v>14.933327708333399</c:v>
                </c:pt>
                <c:pt idx="897">
                  <c:v>14.949994369047699</c:v>
                </c:pt>
                <c:pt idx="898">
                  <c:v>14.966661029761999</c:v>
                </c:pt>
                <c:pt idx="899">
                  <c:v>14.983327690476299</c:v>
                </c:pt>
                <c:pt idx="900">
                  <c:v>14.999994351190599</c:v>
                </c:pt>
                <c:pt idx="901">
                  <c:v>15.0166610119048</c:v>
                </c:pt>
                <c:pt idx="902">
                  <c:v>15.0333276726191</c:v>
                </c:pt>
                <c:pt idx="903">
                  <c:v>15.0499943333334</c:v>
                </c:pt>
                <c:pt idx="904">
                  <c:v>15.0666609940477</c:v>
                </c:pt>
                <c:pt idx="905">
                  <c:v>15.083327654762</c:v>
                </c:pt>
                <c:pt idx="906">
                  <c:v>15.0999943154763</c:v>
                </c:pt>
                <c:pt idx="907">
                  <c:v>15.1166609761906</c:v>
                </c:pt>
                <c:pt idx="908">
                  <c:v>15.1333276369048</c:v>
                </c:pt>
                <c:pt idx="909">
                  <c:v>15.1499942976191</c:v>
                </c:pt>
                <c:pt idx="910">
                  <c:v>15.1666609583334</c:v>
                </c:pt>
                <c:pt idx="911">
                  <c:v>15.1833276190477</c:v>
                </c:pt>
                <c:pt idx="912">
                  <c:v>15.199994279762</c:v>
                </c:pt>
                <c:pt idx="913">
                  <c:v>15.2166609404763</c:v>
                </c:pt>
                <c:pt idx="914">
                  <c:v>15.2333276011906</c:v>
                </c:pt>
                <c:pt idx="915">
                  <c:v>15.249994261904799</c:v>
                </c:pt>
                <c:pt idx="916">
                  <c:v>15.266660922619099</c:v>
                </c:pt>
                <c:pt idx="917">
                  <c:v>15.283327583333399</c:v>
                </c:pt>
                <c:pt idx="918">
                  <c:v>15.299994244047699</c:v>
                </c:pt>
                <c:pt idx="919">
                  <c:v>15.316660904761999</c:v>
                </c:pt>
                <c:pt idx="920">
                  <c:v>15.333327565476299</c:v>
                </c:pt>
                <c:pt idx="921">
                  <c:v>15.349994226190599</c:v>
                </c:pt>
                <c:pt idx="922">
                  <c:v>15.3666608869048</c:v>
                </c:pt>
                <c:pt idx="923">
                  <c:v>15.3833275476191</c:v>
                </c:pt>
                <c:pt idx="924">
                  <c:v>15.3999942083334</c:v>
                </c:pt>
                <c:pt idx="925">
                  <c:v>15.4166608690477</c:v>
                </c:pt>
                <c:pt idx="926">
                  <c:v>15.433327529762</c:v>
                </c:pt>
                <c:pt idx="927">
                  <c:v>15.4499941904763</c:v>
                </c:pt>
                <c:pt idx="928">
                  <c:v>15.4666608511906</c:v>
                </c:pt>
                <c:pt idx="929">
                  <c:v>15.4833275119048</c:v>
                </c:pt>
                <c:pt idx="930">
                  <c:v>15.4999941726191</c:v>
                </c:pt>
                <c:pt idx="931">
                  <c:v>15.5166608333334</c:v>
                </c:pt>
                <c:pt idx="932">
                  <c:v>15.5333274940477</c:v>
                </c:pt>
                <c:pt idx="933">
                  <c:v>15.549994154762</c:v>
                </c:pt>
                <c:pt idx="934">
                  <c:v>15.5666608154763</c:v>
                </c:pt>
                <c:pt idx="935">
                  <c:v>15.5833274761906</c:v>
                </c:pt>
                <c:pt idx="936">
                  <c:v>15.5999941369049</c:v>
                </c:pt>
                <c:pt idx="937">
                  <c:v>15.616660797619099</c:v>
                </c:pt>
                <c:pt idx="938">
                  <c:v>15.633327458333399</c:v>
                </c:pt>
                <c:pt idx="939">
                  <c:v>15.649994119047699</c:v>
                </c:pt>
                <c:pt idx="940">
                  <c:v>15.666660779761999</c:v>
                </c:pt>
                <c:pt idx="941">
                  <c:v>15.683327440476299</c:v>
                </c:pt>
                <c:pt idx="942">
                  <c:v>15.699994101190599</c:v>
                </c:pt>
                <c:pt idx="943">
                  <c:v>15.716660761904899</c:v>
                </c:pt>
                <c:pt idx="944">
                  <c:v>15.7333274226191</c:v>
                </c:pt>
                <c:pt idx="945">
                  <c:v>15.7499940833334</c:v>
                </c:pt>
                <c:pt idx="946">
                  <c:v>15.7666607440477</c:v>
                </c:pt>
                <c:pt idx="947">
                  <c:v>15.783327404762</c:v>
                </c:pt>
                <c:pt idx="948">
                  <c:v>15.7999940654763</c:v>
                </c:pt>
                <c:pt idx="949">
                  <c:v>15.8166607261906</c:v>
                </c:pt>
                <c:pt idx="950">
                  <c:v>15.8333273869049</c:v>
                </c:pt>
                <c:pt idx="951">
                  <c:v>15.8499940476191</c:v>
                </c:pt>
                <c:pt idx="952">
                  <c:v>15.8666607083334</c:v>
                </c:pt>
                <c:pt idx="953">
                  <c:v>15.8833273690477</c:v>
                </c:pt>
                <c:pt idx="954">
                  <c:v>15.899994029762</c:v>
                </c:pt>
                <c:pt idx="955">
                  <c:v>15.9166606904763</c:v>
                </c:pt>
                <c:pt idx="956">
                  <c:v>15.9333273511906</c:v>
                </c:pt>
                <c:pt idx="957">
                  <c:v>15.9499940119049</c:v>
                </c:pt>
                <c:pt idx="958">
                  <c:v>15.966660672619099</c:v>
                </c:pt>
                <c:pt idx="959">
                  <c:v>15.983327333333399</c:v>
                </c:pt>
                <c:pt idx="960">
                  <c:v>15.999993994047699</c:v>
                </c:pt>
                <c:pt idx="961">
                  <c:v>16.016660654761999</c:v>
                </c:pt>
                <c:pt idx="962">
                  <c:v>16.033327315476299</c:v>
                </c:pt>
                <c:pt idx="963">
                  <c:v>16.049993976190599</c:v>
                </c:pt>
                <c:pt idx="964">
                  <c:v>16.066660636904899</c:v>
                </c:pt>
                <c:pt idx="965">
                  <c:v>16.0833272976191</c:v>
                </c:pt>
                <c:pt idx="966">
                  <c:v>16.0999939583334</c:v>
                </c:pt>
                <c:pt idx="967">
                  <c:v>16.1166606190477</c:v>
                </c:pt>
                <c:pt idx="968">
                  <c:v>16.133327279762</c:v>
                </c:pt>
                <c:pt idx="969">
                  <c:v>16.1499939404763</c:v>
                </c:pt>
                <c:pt idx="970">
                  <c:v>16.1666606011906</c:v>
                </c:pt>
                <c:pt idx="971">
                  <c:v>16.1833272619049</c:v>
                </c:pt>
                <c:pt idx="972">
                  <c:v>16.1999939226191</c:v>
                </c:pt>
                <c:pt idx="973">
                  <c:v>16.2166605833334</c:v>
                </c:pt>
                <c:pt idx="974">
                  <c:v>16.2333272440477</c:v>
                </c:pt>
                <c:pt idx="975">
                  <c:v>16.249993904762</c:v>
                </c:pt>
                <c:pt idx="976">
                  <c:v>16.2666605654763</c:v>
                </c:pt>
                <c:pt idx="977">
                  <c:v>16.2833272261906</c:v>
                </c:pt>
                <c:pt idx="978">
                  <c:v>16.2999938869049</c:v>
                </c:pt>
                <c:pt idx="979">
                  <c:v>16.316660547619101</c:v>
                </c:pt>
                <c:pt idx="980">
                  <c:v>16.333327208333401</c:v>
                </c:pt>
                <c:pt idx="981">
                  <c:v>16.349993869047701</c:v>
                </c:pt>
                <c:pt idx="982">
                  <c:v>16.366660529762001</c:v>
                </c:pt>
                <c:pt idx="983">
                  <c:v>16.383327190476301</c:v>
                </c:pt>
                <c:pt idx="984">
                  <c:v>16.399993851190601</c:v>
                </c:pt>
                <c:pt idx="985">
                  <c:v>16.416660511904901</c:v>
                </c:pt>
                <c:pt idx="986">
                  <c:v>16.433327172619101</c:v>
                </c:pt>
                <c:pt idx="987">
                  <c:v>16.449993833333401</c:v>
                </c:pt>
                <c:pt idx="988">
                  <c:v>16.466660494047701</c:v>
                </c:pt>
                <c:pt idx="989">
                  <c:v>16.483327154762001</c:v>
                </c:pt>
                <c:pt idx="990">
                  <c:v>16.499993815476302</c:v>
                </c:pt>
                <c:pt idx="991">
                  <c:v>16.516660476190602</c:v>
                </c:pt>
                <c:pt idx="992">
                  <c:v>16.533327136904902</c:v>
                </c:pt>
                <c:pt idx="993">
                  <c:v>16.549993797619099</c:v>
                </c:pt>
                <c:pt idx="994">
                  <c:v>16.566660458333399</c:v>
                </c:pt>
                <c:pt idx="995">
                  <c:v>16.583327119047699</c:v>
                </c:pt>
                <c:pt idx="996">
                  <c:v>16.599993779761999</c:v>
                </c:pt>
                <c:pt idx="997">
                  <c:v>16.616660440476299</c:v>
                </c:pt>
                <c:pt idx="998">
                  <c:v>16.633327101190599</c:v>
                </c:pt>
                <c:pt idx="999">
                  <c:v>16.649993761904899</c:v>
                </c:pt>
                <c:pt idx="1000">
                  <c:v>16.666660422619099</c:v>
                </c:pt>
                <c:pt idx="1001">
                  <c:v>16.683327083333399</c:v>
                </c:pt>
                <c:pt idx="1002">
                  <c:v>16.699993744047699</c:v>
                </c:pt>
                <c:pt idx="1003">
                  <c:v>16.716660404761999</c:v>
                </c:pt>
                <c:pt idx="1004">
                  <c:v>16.733327065476299</c:v>
                </c:pt>
                <c:pt idx="1005">
                  <c:v>16.749993726190599</c:v>
                </c:pt>
                <c:pt idx="1006">
                  <c:v>16.766660386904899</c:v>
                </c:pt>
                <c:pt idx="1007">
                  <c:v>16.7833270476191</c:v>
                </c:pt>
                <c:pt idx="1008">
                  <c:v>16.7999937083334</c:v>
                </c:pt>
                <c:pt idx="1009">
                  <c:v>16.8166603690477</c:v>
                </c:pt>
                <c:pt idx="1010">
                  <c:v>16.833327029762</c:v>
                </c:pt>
                <c:pt idx="1011">
                  <c:v>16.8499936904763</c:v>
                </c:pt>
                <c:pt idx="1012">
                  <c:v>16.8666603511906</c:v>
                </c:pt>
                <c:pt idx="1013">
                  <c:v>16.8833270119049</c:v>
                </c:pt>
                <c:pt idx="1014">
                  <c:v>16.8999936726191</c:v>
                </c:pt>
                <c:pt idx="1015">
                  <c:v>16.9166603333334</c:v>
                </c:pt>
                <c:pt idx="1016">
                  <c:v>16.9333269940477</c:v>
                </c:pt>
                <c:pt idx="1017">
                  <c:v>16.949993654762</c:v>
                </c:pt>
                <c:pt idx="1018">
                  <c:v>16.9666603154763</c:v>
                </c:pt>
                <c:pt idx="1019">
                  <c:v>16.9833269761906</c:v>
                </c:pt>
                <c:pt idx="1020">
                  <c:v>16.9999936369049</c:v>
                </c:pt>
                <c:pt idx="1021">
                  <c:v>17.016660297619101</c:v>
                </c:pt>
                <c:pt idx="1022">
                  <c:v>17.033326958333401</c:v>
                </c:pt>
                <c:pt idx="1023">
                  <c:v>17.049993619047701</c:v>
                </c:pt>
                <c:pt idx="1024">
                  <c:v>17.066660279762001</c:v>
                </c:pt>
                <c:pt idx="1025">
                  <c:v>17.083326940476301</c:v>
                </c:pt>
                <c:pt idx="1026">
                  <c:v>17.099993601190601</c:v>
                </c:pt>
                <c:pt idx="1027">
                  <c:v>17.116660261904901</c:v>
                </c:pt>
                <c:pt idx="1028">
                  <c:v>17.133326922619101</c:v>
                </c:pt>
                <c:pt idx="1029">
                  <c:v>17.149993583333401</c:v>
                </c:pt>
                <c:pt idx="1030">
                  <c:v>17.166660244047701</c:v>
                </c:pt>
                <c:pt idx="1031">
                  <c:v>17.183326904762001</c:v>
                </c:pt>
                <c:pt idx="1032">
                  <c:v>17.199993565476301</c:v>
                </c:pt>
                <c:pt idx="1033">
                  <c:v>17.216660226190601</c:v>
                </c:pt>
                <c:pt idx="1034">
                  <c:v>17.233326886904901</c:v>
                </c:pt>
                <c:pt idx="1035">
                  <c:v>17.249993547619098</c:v>
                </c:pt>
                <c:pt idx="1036">
                  <c:v>17.266660208333398</c:v>
                </c:pt>
                <c:pt idx="1037">
                  <c:v>17.283326869047698</c:v>
                </c:pt>
                <c:pt idx="1038">
                  <c:v>17.299993529761998</c:v>
                </c:pt>
                <c:pt idx="1039">
                  <c:v>17.316660190476298</c:v>
                </c:pt>
                <c:pt idx="1040">
                  <c:v>17.333326851190598</c:v>
                </c:pt>
                <c:pt idx="1041">
                  <c:v>17.349993511904898</c:v>
                </c:pt>
                <c:pt idx="1042">
                  <c:v>17.366660172619198</c:v>
                </c:pt>
                <c:pt idx="1043">
                  <c:v>17.383326833333399</c:v>
                </c:pt>
                <c:pt idx="1044">
                  <c:v>17.399993494047699</c:v>
                </c:pt>
                <c:pt idx="1045">
                  <c:v>17.416660154761999</c:v>
                </c:pt>
                <c:pt idx="1046">
                  <c:v>17.433326815476299</c:v>
                </c:pt>
                <c:pt idx="1047">
                  <c:v>17.449993476190599</c:v>
                </c:pt>
                <c:pt idx="1048">
                  <c:v>17.466660136904899</c:v>
                </c:pt>
                <c:pt idx="1049">
                  <c:v>17.483326797619199</c:v>
                </c:pt>
                <c:pt idx="1050">
                  <c:v>17.4999934583334</c:v>
                </c:pt>
                <c:pt idx="1051">
                  <c:v>17.5166601190477</c:v>
                </c:pt>
                <c:pt idx="1052">
                  <c:v>17.533326779762</c:v>
                </c:pt>
                <c:pt idx="1053">
                  <c:v>17.5499934404763</c:v>
                </c:pt>
                <c:pt idx="1054">
                  <c:v>17.5666601011906</c:v>
                </c:pt>
                <c:pt idx="1055">
                  <c:v>17.5833267619049</c:v>
                </c:pt>
                <c:pt idx="1056">
                  <c:v>17.5999934226192</c:v>
                </c:pt>
                <c:pt idx="1057">
                  <c:v>17.6166600833334</c:v>
                </c:pt>
                <c:pt idx="1058">
                  <c:v>17.6333267440477</c:v>
                </c:pt>
                <c:pt idx="1059">
                  <c:v>17.649993404762</c:v>
                </c:pt>
                <c:pt idx="1060">
                  <c:v>17.6666600654763</c:v>
                </c:pt>
                <c:pt idx="1061">
                  <c:v>17.6833267261906</c:v>
                </c:pt>
                <c:pt idx="1062">
                  <c:v>17.6999933869049</c:v>
                </c:pt>
                <c:pt idx="1063">
                  <c:v>17.7166600476192</c:v>
                </c:pt>
                <c:pt idx="1064">
                  <c:v>17.733326708333401</c:v>
                </c:pt>
                <c:pt idx="1065">
                  <c:v>17.749993369047701</c:v>
                </c:pt>
                <c:pt idx="1066">
                  <c:v>17.766660029762001</c:v>
                </c:pt>
                <c:pt idx="1067">
                  <c:v>17.783326690476301</c:v>
                </c:pt>
                <c:pt idx="1068">
                  <c:v>17.799993351190601</c:v>
                </c:pt>
                <c:pt idx="1069">
                  <c:v>17.816660011904901</c:v>
                </c:pt>
                <c:pt idx="1070">
                  <c:v>17.833326672619201</c:v>
                </c:pt>
                <c:pt idx="1071">
                  <c:v>17.849993333333401</c:v>
                </c:pt>
                <c:pt idx="1072">
                  <c:v>17.866659994047701</c:v>
                </c:pt>
                <c:pt idx="1073">
                  <c:v>17.883326654762001</c:v>
                </c:pt>
                <c:pt idx="1074">
                  <c:v>17.899993315476301</c:v>
                </c:pt>
                <c:pt idx="1075">
                  <c:v>17.916659976190601</c:v>
                </c:pt>
                <c:pt idx="1076">
                  <c:v>17.933326636904901</c:v>
                </c:pt>
                <c:pt idx="1077">
                  <c:v>17.949993297619201</c:v>
                </c:pt>
                <c:pt idx="1078">
                  <c:v>17.966659958333398</c:v>
                </c:pt>
                <c:pt idx="1079">
                  <c:v>17.983326619047698</c:v>
                </c:pt>
                <c:pt idx="1080">
                  <c:v>17.999993279761998</c:v>
                </c:pt>
                <c:pt idx="1081">
                  <c:v>18.016659940476298</c:v>
                </c:pt>
                <c:pt idx="1082">
                  <c:v>18.033326601190598</c:v>
                </c:pt>
                <c:pt idx="1083">
                  <c:v>18.049993261904898</c:v>
                </c:pt>
                <c:pt idx="1084">
                  <c:v>18.066659922619198</c:v>
                </c:pt>
                <c:pt idx="1085">
                  <c:v>18.083326583333399</c:v>
                </c:pt>
                <c:pt idx="1086">
                  <c:v>18.099993244047699</c:v>
                </c:pt>
                <c:pt idx="1087">
                  <c:v>18.116659904761999</c:v>
                </c:pt>
                <c:pt idx="1088">
                  <c:v>18.133326565476299</c:v>
                </c:pt>
                <c:pt idx="1089">
                  <c:v>18.149993226190599</c:v>
                </c:pt>
                <c:pt idx="1090">
                  <c:v>18.166659886904899</c:v>
                </c:pt>
                <c:pt idx="1091">
                  <c:v>18.183326547619199</c:v>
                </c:pt>
                <c:pt idx="1092">
                  <c:v>18.1999932083334</c:v>
                </c:pt>
                <c:pt idx="1093">
                  <c:v>18.2166598690477</c:v>
                </c:pt>
                <c:pt idx="1094">
                  <c:v>18.233326529762</c:v>
                </c:pt>
                <c:pt idx="1095">
                  <c:v>18.2499931904763</c:v>
                </c:pt>
                <c:pt idx="1096">
                  <c:v>18.2666598511906</c:v>
                </c:pt>
                <c:pt idx="1097">
                  <c:v>18.2833265119049</c:v>
                </c:pt>
                <c:pt idx="1098">
                  <c:v>18.2999931726192</c:v>
                </c:pt>
                <c:pt idx="1099">
                  <c:v>18.3166598333334</c:v>
                </c:pt>
                <c:pt idx="1100">
                  <c:v>18.3333264940477</c:v>
                </c:pt>
                <c:pt idx="1101">
                  <c:v>18.349993154762</c:v>
                </c:pt>
                <c:pt idx="1102">
                  <c:v>18.3666598154763</c:v>
                </c:pt>
                <c:pt idx="1103">
                  <c:v>18.3833264761906</c:v>
                </c:pt>
                <c:pt idx="1104">
                  <c:v>18.3999931369049</c:v>
                </c:pt>
                <c:pt idx="1105">
                  <c:v>18.4166597976192</c:v>
                </c:pt>
                <c:pt idx="1106">
                  <c:v>18.433326458333401</c:v>
                </c:pt>
                <c:pt idx="1107">
                  <c:v>18.449993119047701</c:v>
                </c:pt>
                <c:pt idx="1108">
                  <c:v>18.466659779762001</c:v>
                </c:pt>
                <c:pt idx="1109">
                  <c:v>18.483326440476301</c:v>
                </c:pt>
                <c:pt idx="1110">
                  <c:v>18.499993101190601</c:v>
                </c:pt>
                <c:pt idx="1111">
                  <c:v>18.516659761904901</c:v>
                </c:pt>
                <c:pt idx="1112">
                  <c:v>18.533326422619201</c:v>
                </c:pt>
                <c:pt idx="1113">
                  <c:v>18.549993083333401</c:v>
                </c:pt>
                <c:pt idx="1114">
                  <c:v>18.566659744047701</c:v>
                </c:pt>
                <c:pt idx="1115">
                  <c:v>18.583326404762001</c:v>
                </c:pt>
                <c:pt idx="1116">
                  <c:v>18.599993065476301</c:v>
                </c:pt>
                <c:pt idx="1117">
                  <c:v>18.616659726190601</c:v>
                </c:pt>
                <c:pt idx="1118">
                  <c:v>18.633326386904901</c:v>
                </c:pt>
                <c:pt idx="1119">
                  <c:v>18.649993047619201</c:v>
                </c:pt>
                <c:pt idx="1120">
                  <c:v>18.666659708333398</c:v>
                </c:pt>
                <c:pt idx="1121">
                  <c:v>18.683326369047698</c:v>
                </c:pt>
                <c:pt idx="1122">
                  <c:v>18.699993029761998</c:v>
                </c:pt>
                <c:pt idx="1123">
                  <c:v>18.716659690476298</c:v>
                </c:pt>
                <c:pt idx="1124">
                  <c:v>18.733326351190598</c:v>
                </c:pt>
                <c:pt idx="1125">
                  <c:v>18.749993011904898</c:v>
                </c:pt>
                <c:pt idx="1126">
                  <c:v>18.766659672619198</c:v>
                </c:pt>
                <c:pt idx="1127">
                  <c:v>18.783326333333399</c:v>
                </c:pt>
                <c:pt idx="1128">
                  <c:v>18.799992994047699</c:v>
                </c:pt>
                <c:pt idx="1129">
                  <c:v>18.816659654761999</c:v>
                </c:pt>
                <c:pt idx="1130">
                  <c:v>18.833326315476299</c:v>
                </c:pt>
                <c:pt idx="1131">
                  <c:v>18.849992976190599</c:v>
                </c:pt>
                <c:pt idx="1132">
                  <c:v>18.866659636904899</c:v>
                </c:pt>
                <c:pt idx="1133">
                  <c:v>18.883326297619199</c:v>
                </c:pt>
                <c:pt idx="1134">
                  <c:v>18.899992958333499</c:v>
                </c:pt>
                <c:pt idx="1135">
                  <c:v>18.916659619047699</c:v>
                </c:pt>
                <c:pt idx="1136">
                  <c:v>18.933326279761999</c:v>
                </c:pt>
                <c:pt idx="1137">
                  <c:v>18.949992940476299</c:v>
                </c:pt>
                <c:pt idx="1138">
                  <c:v>18.966659601190599</c:v>
                </c:pt>
                <c:pt idx="1139">
                  <c:v>18.983326261904899</c:v>
                </c:pt>
                <c:pt idx="1140">
                  <c:v>18.999992922619199</c:v>
                </c:pt>
                <c:pt idx="1141">
                  <c:v>19.016659583333499</c:v>
                </c:pt>
                <c:pt idx="1142">
                  <c:v>19.0333262440477</c:v>
                </c:pt>
                <c:pt idx="1143">
                  <c:v>19.049992904762</c:v>
                </c:pt>
                <c:pt idx="1144">
                  <c:v>19.0666595654763</c:v>
                </c:pt>
                <c:pt idx="1145">
                  <c:v>19.0833262261906</c:v>
                </c:pt>
                <c:pt idx="1146">
                  <c:v>19.0999928869049</c:v>
                </c:pt>
                <c:pt idx="1147">
                  <c:v>19.1166595476192</c:v>
                </c:pt>
                <c:pt idx="1148">
                  <c:v>19.1333262083335</c:v>
                </c:pt>
                <c:pt idx="1149">
                  <c:v>19.149992869047701</c:v>
                </c:pt>
                <c:pt idx="1150">
                  <c:v>19.166659529762001</c:v>
                </c:pt>
                <c:pt idx="1151">
                  <c:v>19.183326190476301</c:v>
                </c:pt>
                <c:pt idx="1152">
                  <c:v>19.199992851190601</c:v>
                </c:pt>
                <c:pt idx="1153">
                  <c:v>19.216659511904901</c:v>
                </c:pt>
                <c:pt idx="1154">
                  <c:v>19.233326172619201</c:v>
                </c:pt>
                <c:pt idx="1155">
                  <c:v>19.249992833333501</c:v>
                </c:pt>
                <c:pt idx="1156">
                  <c:v>19.266659494047701</c:v>
                </c:pt>
                <c:pt idx="1157">
                  <c:v>19.283326154762001</c:v>
                </c:pt>
                <c:pt idx="1158">
                  <c:v>19.299992815476301</c:v>
                </c:pt>
                <c:pt idx="1159">
                  <c:v>19.316659476190601</c:v>
                </c:pt>
                <c:pt idx="1160">
                  <c:v>19.333326136904901</c:v>
                </c:pt>
                <c:pt idx="1161">
                  <c:v>19.349992797619201</c:v>
                </c:pt>
                <c:pt idx="1162">
                  <c:v>19.366659458333501</c:v>
                </c:pt>
                <c:pt idx="1163">
                  <c:v>19.383326119047702</c:v>
                </c:pt>
                <c:pt idx="1164">
                  <c:v>19.399992779762002</c:v>
                </c:pt>
                <c:pt idx="1165">
                  <c:v>19.416659440476302</c:v>
                </c:pt>
                <c:pt idx="1166">
                  <c:v>19.433326101190602</c:v>
                </c:pt>
                <c:pt idx="1167">
                  <c:v>19.449992761904898</c:v>
                </c:pt>
                <c:pt idx="1168">
                  <c:v>19.466659422619198</c:v>
                </c:pt>
                <c:pt idx="1169">
                  <c:v>19.483326083333498</c:v>
                </c:pt>
                <c:pt idx="1170">
                  <c:v>19.499992744047699</c:v>
                </c:pt>
                <c:pt idx="1171">
                  <c:v>19.516659404761999</c:v>
                </c:pt>
                <c:pt idx="1172">
                  <c:v>19.533326065476299</c:v>
                </c:pt>
                <c:pt idx="1173">
                  <c:v>19.549992726190599</c:v>
                </c:pt>
                <c:pt idx="1174">
                  <c:v>19.566659386904899</c:v>
                </c:pt>
                <c:pt idx="1175">
                  <c:v>19.583326047619199</c:v>
                </c:pt>
                <c:pt idx="1176">
                  <c:v>19.599992708333499</c:v>
                </c:pt>
                <c:pt idx="1177">
                  <c:v>19.616659369047699</c:v>
                </c:pt>
                <c:pt idx="1178">
                  <c:v>19.633326029761999</c:v>
                </c:pt>
                <c:pt idx="1179">
                  <c:v>19.649992690476299</c:v>
                </c:pt>
                <c:pt idx="1180">
                  <c:v>19.666659351190599</c:v>
                </c:pt>
                <c:pt idx="1181">
                  <c:v>19.683326011904899</c:v>
                </c:pt>
                <c:pt idx="1182">
                  <c:v>19.699992672619199</c:v>
                </c:pt>
                <c:pt idx="1183">
                  <c:v>19.716659333333499</c:v>
                </c:pt>
                <c:pt idx="1184">
                  <c:v>19.7333259940477</c:v>
                </c:pt>
                <c:pt idx="1185">
                  <c:v>19.749992654762</c:v>
                </c:pt>
                <c:pt idx="1186">
                  <c:v>19.7666593154763</c:v>
                </c:pt>
                <c:pt idx="1187">
                  <c:v>19.7833259761906</c:v>
                </c:pt>
                <c:pt idx="1188">
                  <c:v>19.7999926369049</c:v>
                </c:pt>
                <c:pt idx="1189">
                  <c:v>19.8166592976192</c:v>
                </c:pt>
                <c:pt idx="1190">
                  <c:v>19.8333259583335</c:v>
                </c:pt>
                <c:pt idx="1191">
                  <c:v>19.849992619047701</c:v>
                </c:pt>
                <c:pt idx="1192">
                  <c:v>19.866659279762001</c:v>
                </c:pt>
                <c:pt idx="1193">
                  <c:v>19.883325940476301</c:v>
                </c:pt>
                <c:pt idx="1194">
                  <c:v>19.899992601190601</c:v>
                </c:pt>
                <c:pt idx="1195">
                  <c:v>19.916659261904901</c:v>
                </c:pt>
                <c:pt idx="1196">
                  <c:v>19.933325922619201</c:v>
                </c:pt>
                <c:pt idx="1197">
                  <c:v>19.949992583333501</c:v>
                </c:pt>
                <c:pt idx="1198">
                  <c:v>19.966659244047701</c:v>
                </c:pt>
                <c:pt idx="1199">
                  <c:v>19.983325904762001</c:v>
                </c:pt>
                <c:pt idx="1200">
                  <c:v>19.999992565476301</c:v>
                </c:pt>
                <c:pt idx="1201">
                  <c:v>20.016659226190601</c:v>
                </c:pt>
                <c:pt idx="1202">
                  <c:v>20.033325886904901</c:v>
                </c:pt>
                <c:pt idx="1203">
                  <c:v>20.049992547619201</c:v>
                </c:pt>
                <c:pt idx="1204">
                  <c:v>20.066659208333501</c:v>
                </c:pt>
                <c:pt idx="1205">
                  <c:v>20.083325869047702</c:v>
                </c:pt>
                <c:pt idx="1206">
                  <c:v>20.099992529762002</c:v>
                </c:pt>
                <c:pt idx="1207">
                  <c:v>20.116659190476302</c:v>
                </c:pt>
                <c:pt idx="1208">
                  <c:v>20.133325851190602</c:v>
                </c:pt>
                <c:pt idx="1209">
                  <c:v>20.149992511904902</c:v>
                </c:pt>
                <c:pt idx="1210">
                  <c:v>20.166659172619202</c:v>
                </c:pt>
                <c:pt idx="1211">
                  <c:v>20.183325833333502</c:v>
                </c:pt>
                <c:pt idx="1212">
                  <c:v>20.199992494047699</c:v>
                </c:pt>
                <c:pt idx="1213">
                  <c:v>20.216659154761999</c:v>
                </c:pt>
                <c:pt idx="1214">
                  <c:v>20.233325815476299</c:v>
                </c:pt>
                <c:pt idx="1215">
                  <c:v>20.249992476190599</c:v>
                </c:pt>
                <c:pt idx="1216">
                  <c:v>20.266659136904899</c:v>
                </c:pt>
                <c:pt idx="1217">
                  <c:v>20.283325797619199</c:v>
                </c:pt>
                <c:pt idx="1218">
                  <c:v>20.299992458333499</c:v>
                </c:pt>
                <c:pt idx="1219">
                  <c:v>20.316659119047699</c:v>
                </c:pt>
                <c:pt idx="1220">
                  <c:v>20.333325779761999</c:v>
                </c:pt>
                <c:pt idx="1221">
                  <c:v>20.349992440476299</c:v>
                </c:pt>
                <c:pt idx="1222">
                  <c:v>20.366659101190599</c:v>
                </c:pt>
                <c:pt idx="1223">
                  <c:v>20.383325761904899</c:v>
                </c:pt>
                <c:pt idx="1224">
                  <c:v>20.399992422619199</c:v>
                </c:pt>
                <c:pt idx="1225">
                  <c:v>20.416659083333499</c:v>
                </c:pt>
                <c:pt idx="1226">
                  <c:v>20.4333257440477</c:v>
                </c:pt>
                <c:pt idx="1227">
                  <c:v>20.449992404762</c:v>
                </c:pt>
                <c:pt idx="1228">
                  <c:v>20.4666590654763</c:v>
                </c:pt>
                <c:pt idx="1229">
                  <c:v>20.4833257261906</c:v>
                </c:pt>
                <c:pt idx="1230">
                  <c:v>20.4999923869049</c:v>
                </c:pt>
                <c:pt idx="1231">
                  <c:v>20.5166590476192</c:v>
                </c:pt>
                <c:pt idx="1232">
                  <c:v>20.5333257083335</c:v>
                </c:pt>
                <c:pt idx="1233">
                  <c:v>20.5499923690477</c:v>
                </c:pt>
                <c:pt idx="1234">
                  <c:v>20.566659029762</c:v>
                </c:pt>
                <c:pt idx="1235">
                  <c:v>20.5833256904763</c:v>
                </c:pt>
                <c:pt idx="1236">
                  <c:v>20.5999923511906</c:v>
                </c:pt>
                <c:pt idx="1237">
                  <c:v>20.6166590119049</c:v>
                </c:pt>
                <c:pt idx="1238">
                  <c:v>20.6333256726192</c:v>
                </c:pt>
                <c:pt idx="1239">
                  <c:v>20.6499923333335</c:v>
                </c:pt>
                <c:pt idx="1240">
                  <c:v>20.666658994047701</c:v>
                </c:pt>
                <c:pt idx="1241">
                  <c:v>20.683325654762001</c:v>
                </c:pt>
                <c:pt idx="1242">
                  <c:v>20.699992315476301</c:v>
                </c:pt>
                <c:pt idx="1243">
                  <c:v>20.716658976190601</c:v>
                </c:pt>
                <c:pt idx="1244">
                  <c:v>20.733325636904901</c:v>
                </c:pt>
                <c:pt idx="1245">
                  <c:v>20.749992297619201</c:v>
                </c:pt>
                <c:pt idx="1246">
                  <c:v>20.766658958333501</c:v>
                </c:pt>
                <c:pt idx="1247">
                  <c:v>20.783325619047702</c:v>
                </c:pt>
                <c:pt idx="1248">
                  <c:v>20.799992279762002</c:v>
                </c:pt>
                <c:pt idx="1249">
                  <c:v>20.816658940476302</c:v>
                </c:pt>
                <c:pt idx="1250">
                  <c:v>20.833325601190602</c:v>
                </c:pt>
                <c:pt idx="1251">
                  <c:v>20.849992261904902</c:v>
                </c:pt>
                <c:pt idx="1252">
                  <c:v>20.866658922619202</c:v>
                </c:pt>
                <c:pt idx="1253">
                  <c:v>20.883325583333502</c:v>
                </c:pt>
                <c:pt idx="1254">
                  <c:v>20.899992244047699</c:v>
                </c:pt>
                <c:pt idx="1255">
                  <c:v>20.916658904761999</c:v>
                </c:pt>
                <c:pt idx="1256">
                  <c:v>20.933325565476299</c:v>
                </c:pt>
                <c:pt idx="1257">
                  <c:v>20.949992226190599</c:v>
                </c:pt>
                <c:pt idx="1258">
                  <c:v>20.966658886904899</c:v>
                </c:pt>
                <c:pt idx="1259">
                  <c:v>20.983325547619199</c:v>
                </c:pt>
                <c:pt idx="1260">
                  <c:v>20.999992208333499</c:v>
                </c:pt>
                <c:pt idx="1261">
                  <c:v>21.016658869047799</c:v>
                </c:pt>
                <c:pt idx="1262">
                  <c:v>21.033325529761999</c:v>
                </c:pt>
                <c:pt idx="1263">
                  <c:v>21.049992190476299</c:v>
                </c:pt>
                <c:pt idx="1264">
                  <c:v>21.066658851190599</c:v>
                </c:pt>
                <c:pt idx="1265">
                  <c:v>21.083325511904899</c:v>
                </c:pt>
                <c:pt idx="1266">
                  <c:v>21.099992172619199</c:v>
                </c:pt>
                <c:pt idx="1267">
                  <c:v>21.116658833333499</c:v>
                </c:pt>
                <c:pt idx="1268">
                  <c:v>21.133325494047799</c:v>
                </c:pt>
                <c:pt idx="1269">
                  <c:v>21.149992154762</c:v>
                </c:pt>
                <c:pt idx="1270">
                  <c:v>21.1666588154763</c:v>
                </c:pt>
                <c:pt idx="1271">
                  <c:v>21.1833254761906</c:v>
                </c:pt>
                <c:pt idx="1272">
                  <c:v>21.1999921369049</c:v>
                </c:pt>
                <c:pt idx="1273">
                  <c:v>21.2166587976192</c:v>
                </c:pt>
                <c:pt idx="1274">
                  <c:v>21.2333254583335</c:v>
                </c:pt>
                <c:pt idx="1275">
                  <c:v>21.2499921190478</c:v>
                </c:pt>
                <c:pt idx="1276">
                  <c:v>21.266658779762</c:v>
                </c:pt>
                <c:pt idx="1277">
                  <c:v>21.2833254404763</c:v>
                </c:pt>
                <c:pt idx="1278">
                  <c:v>21.2999921011906</c:v>
                </c:pt>
                <c:pt idx="1279">
                  <c:v>21.3166587619049</c:v>
                </c:pt>
                <c:pt idx="1280">
                  <c:v>21.3333254226192</c:v>
                </c:pt>
                <c:pt idx="1281">
                  <c:v>21.3499920833335</c:v>
                </c:pt>
                <c:pt idx="1282">
                  <c:v>21.3666587440478</c:v>
                </c:pt>
                <c:pt idx="1283">
                  <c:v>21.383325404762001</c:v>
                </c:pt>
                <c:pt idx="1284">
                  <c:v>21.399992065476301</c:v>
                </c:pt>
                <c:pt idx="1285">
                  <c:v>21.416658726190601</c:v>
                </c:pt>
                <c:pt idx="1286">
                  <c:v>21.433325386904901</c:v>
                </c:pt>
                <c:pt idx="1287">
                  <c:v>21.449992047619201</c:v>
                </c:pt>
                <c:pt idx="1288">
                  <c:v>21.466658708333501</c:v>
                </c:pt>
                <c:pt idx="1289">
                  <c:v>21.483325369047801</c:v>
                </c:pt>
                <c:pt idx="1290">
                  <c:v>21.499992029762002</c:v>
                </c:pt>
                <c:pt idx="1291">
                  <c:v>21.516658690476302</c:v>
                </c:pt>
                <c:pt idx="1292">
                  <c:v>21.533325351190602</c:v>
                </c:pt>
                <c:pt idx="1293">
                  <c:v>21.549992011904902</c:v>
                </c:pt>
                <c:pt idx="1294">
                  <c:v>21.566658672619202</c:v>
                </c:pt>
                <c:pt idx="1295">
                  <c:v>21.583325333333502</c:v>
                </c:pt>
                <c:pt idx="1296">
                  <c:v>21.599991994047802</c:v>
                </c:pt>
                <c:pt idx="1297">
                  <c:v>21.616658654761999</c:v>
                </c:pt>
                <c:pt idx="1298">
                  <c:v>21.633325315476299</c:v>
                </c:pt>
                <c:pt idx="1299">
                  <c:v>21.649991976190599</c:v>
                </c:pt>
                <c:pt idx="1300">
                  <c:v>21.666658636904899</c:v>
                </c:pt>
                <c:pt idx="1301">
                  <c:v>21.683325297619199</c:v>
                </c:pt>
                <c:pt idx="1302">
                  <c:v>21.699991958333499</c:v>
                </c:pt>
                <c:pt idx="1303">
                  <c:v>21.716658619047799</c:v>
                </c:pt>
                <c:pt idx="1304">
                  <c:v>21.733325279761999</c:v>
                </c:pt>
                <c:pt idx="1305">
                  <c:v>21.749991940476299</c:v>
                </c:pt>
                <c:pt idx="1306">
                  <c:v>21.766658601190599</c:v>
                </c:pt>
                <c:pt idx="1307">
                  <c:v>21.783325261904899</c:v>
                </c:pt>
                <c:pt idx="1308">
                  <c:v>21.799991922619199</c:v>
                </c:pt>
                <c:pt idx="1309">
                  <c:v>21.816658583333499</c:v>
                </c:pt>
                <c:pt idx="1310">
                  <c:v>21.833325244047799</c:v>
                </c:pt>
                <c:pt idx="1311">
                  <c:v>21.849991904762</c:v>
                </c:pt>
                <c:pt idx="1312">
                  <c:v>21.8666585654763</c:v>
                </c:pt>
                <c:pt idx="1313">
                  <c:v>21.8833252261906</c:v>
                </c:pt>
                <c:pt idx="1314">
                  <c:v>21.8999918869049</c:v>
                </c:pt>
                <c:pt idx="1315">
                  <c:v>21.9166585476192</c:v>
                </c:pt>
                <c:pt idx="1316">
                  <c:v>21.9333252083335</c:v>
                </c:pt>
                <c:pt idx="1317">
                  <c:v>21.9499918690478</c:v>
                </c:pt>
                <c:pt idx="1318">
                  <c:v>21.966658529762</c:v>
                </c:pt>
                <c:pt idx="1319">
                  <c:v>21.9833251904763</c:v>
                </c:pt>
                <c:pt idx="1320">
                  <c:v>21.9999918511906</c:v>
                </c:pt>
                <c:pt idx="1321">
                  <c:v>22.0166585119049</c:v>
                </c:pt>
                <c:pt idx="1322">
                  <c:v>22.0333251726192</c:v>
                </c:pt>
                <c:pt idx="1323">
                  <c:v>22.0499918333335</c:v>
                </c:pt>
                <c:pt idx="1324">
                  <c:v>22.0666584940478</c:v>
                </c:pt>
                <c:pt idx="1325">
                  <c:v>22.083325154762001</c:v>
                </c:pt>
                <c:pt idx="1326">
                  <c:v>22.099991815476301</c:v>
                </c:pt>
                <c:pt idx="1327">
                  <c:v>22.116658476190601</c:v>
                </c:pt>
                <c:pt idx="1328">
                  <c:v>22.133325136904901</c:v>
                </c:pt>
                <c:pt idx="1329">
                  <c:v>22.149991797619201</c:v>
                </c:pt>
                <c:pt idx="1330">
                  <c:v>22.166658458333501</c:v>
                </c:pt>
                <c:pt idx="1331">
                  <c:v>22.183325119047801</c:v>
                </c:pt>
                <c:pt idx="1332">
                  <c:v>22.199991779762001</c:v>
                </c:pt>
                <c:pt idx="1333">
                  <c:v>22.216658440476301</c:v>
                </c:pt>
                <c:pt idx="1334">
                  <c:v>22.233325101190601</c:v>
                </c:pt>
                <c:pt idx="1335">
                  <c:v>22.249991761904901</c:v>
                </c:pt>
                <c:pt idx="1336">
                  <c:v>22.266658422619201</c:v>
                </c:pt>
                <c:pt idx="1337">
                  <c:v>22.283325083333501</c:v>
                </c:pt>
                <c:pt idx="1338">
                  <c:v>22.299991744047801</c:v>
                </c:pt>
                <c:pt idx="1339">
                  <c:v>22.316658404761998</c:v>
                </c:pt>
                <c:pt idx="1340">
                  <c:v>22.333325065476298</c:v>
                </c:pt>
                <c:pt idx="1341">
                  <c:v>22.349991726190598</c:v>
                </c:pt>
                <c:pt idx="1342">
                  <c:v>22.366658386904898</c:v>
                </c:pt>
                <c:pt idx="1343">
                  <c:v>22.383325047619199</c:v>
                </c:pt>
                <c:pt idx="1344">
                  <c:v>22.399991708333499</c:v>
                </c:pt>
                <c:pt idx="1345">
                  <c:v>22.416658369047799</c:v>
                </c:pt>
                <c:pt idx="1346">
                  <c:v>22.433325029761999</c:v>
                </c:pt>
                <c:pt idx="1347">
                  <c:v>22.449991690476299</c:v>
                </c:pt>
                <c:pt idx="1348">
                  <c:v>22.466658351190599</c:v>
                </c:pt>
                <c:pt idx="1349">
                  <c:v>22.483325011904899</c:v>
                </c:pt>
                <c:pt idx="1350">
                  <c:v>22.499991672619199</c:v>
                </c:pt>
                <c:pt idx="1351">
                  <c:v>22.516658333333499</c:v>
                </c:pt>
                <c:pt idx="1352">
                  <c:v>22.533324994047799</c:v>
                </c:pt>
                <c:pt idx="1353">
                  <c:v>22.549991654762</c:v>
                </c:pt>
                <c:pt idx="1354">
                  <c:v>22.5666583154763</c:v>
                </c:pt>
                <c:pt idx="1355">
                  <c:v>22.5833249761906</c:v>
                </c:pt>
                <c:pt idx="1356">
                  <c:v>22.5999916369049</c:v>
                </c:pt>
                <c:pt idx="1357">
                  <c:v>22.6166582976192</c:v>
                </c:pt>
                <c:pt idx="1358">
                  <c:v>22.6333249583335</c:v>
                </c:pt>
                <c:pt idx="1359">
                  <c:v>22.6499916190478</c:v>
                </c:pt>
                <c:pt idx="1360">
                  <c:v>22.6666582797621</c:v>
                </c:pt>
                <c:pt idx="1361">
                  <c:v>22.6833249404763</c:v>
                </c:pt>
                <c:pt idx="1362">
                  <c:v>22.6999916011906</c:v>
                </c:pt>
                <c:pt idx="1363">
                  <c:v>22.7166582619049</c:v>
                </c:pt>
                <c:pt idx="1364">
                  <c:v>22.7333249226192</c:v>
                </c:pt>
                <c:pt idx="1365">
                  <c:v>22.7499915833335</c:v>
                </c:pt>
                <c:pt idx="1366">
                  <c:v>22.7666582440478</c:v>
                </c:pt>
                <c:pt idx="1367">
                  <c:v>22.7833249047621</c:v>
                </c:pt>
                <c:pt idx="1368">
                  <c:v>22.799991565476301</c:v>
                </c:pt>
                <c:pt idx="1369">
                  <c:v>22.816658226190601</c:v>
                </c:pt>
                <c:pt idx="1370">
                  <c:v>22.833324886904901</c:v>
                </c:pt>
                <c:pt idx="1371">
                  <c:v>22.849991547619201</c:v>
                </c:pt>
                <c:pt idx="1372">
                  <c:v>22.866658208333501</c:v>
                </c:pt>
                <c:pt idx="1373">
                  <c:v>22.883324869047801</c:v>
                </c:pt>
                <c:pt idx="1374">
                  <c:v>22.899991529762101</c:v>
                </c:pt>
                <c:pt idx="1375">
                  <c:v>22.916658190476301</c:v>
                </c:pt>
                <c:pt idx="1376">
                  <c:v>22.933324851190601</c:v>
                </c:pt>
                <c:pt idx="1377">
                  <c:v>22.949991511904901</c:v>
                </c:pt>
                <c:pt idx="1378">
                  <c:v>22.966658172619201</c:v>
                </c:pt>
                <c:pt idx="1379">
                  <c:v>22.983324833333501</c:v>
                </c:pt>
                <c:pt idx="1380">
                  <c:v>22.999991494047801</c:v>
                </c:pt>
                <c:pt idx="1381">
                  <c:v>23.016658154762101</c:v>
                </c:pt>
                <c:pt idx="1382">
                  <c:v>23.033324815476298</c:v>
                </c:pt>
                <c:pt idx="1383">
                  <c:v>23.049991476190598</c:v>
                </c:pt>
                <c:pt idx="1384">
                  <c:v>23.066658136904898</c:v>
                </c:pt>
                <c:pt idx="1385">
                  <c:v>23.083324797619198</c:v>
                </c:pt>
                <c:pt idx="1386">
                  <c:v>23.099991458333498</c:v>
                </c:pt>
                <c:pt idx="1387">
                  <c:v>23.116658119047798</c:v>
                </c:pt>
                <c:pt idx="1388">
                  <c:v>23.133324779762098</c:v>
                </c:pt>
                <c:pt idx="1389">
                  <c:v>23.149991440476299</c:v>
                </c:pt>
                <c:pt idx="1390">
                  <c:v>23.166658101190599</c:v>
                </c:pt>
                <c:pt idx="1391">
                  <c:v>23.183324761904899</c:v>
                </c:pt>
                <c:pt idx="1392">
                  <c:v>23.199991422619199</c:v>
                </c:pt>
                <c:pt idx="1393">
                  <c:v>23.216658083333499</c:v>
                </c:pt>
                <c:pt idx="1394">
                  <c:v>23.233324744047799</c:v>
                </c:pt>
                <c:pt idx="1395">
                  <c:v>23.249991404762099</c:v>
                </c:pt>
                <c:pt idx="1396">
                  <c:v>23.2666580654763</c:v>
                </c:pt>
                <c:pt idx="1397">
                  <c:v>23.2833247261906</c:v>
                </c:pt>
                <c:pt idx="1398">
                  <c:v>23.2999913869049</c:v>
                </c:pt>
                <c:pt idx="1399">
                  <c:v>23.3166580476192</c:v>
                </c:pt>
                <c:pt idx="1400">
                  <c:v>23.3333247083335</c:v>
                </c:pt>
                <c:pt idx="1401">
                  <c:v>23.3499913690478</c:v>
                </c:pt>
                <c:pt idx="1402">
                  <c:v>23.3666580297621</c:v>
                </c:pt>
                <c:pt idx="1403">
                  <c:v>23.3833246904763</c:v>
                </c:pt>
                <c:pt idx="1404">
                  <c:v>23.3999913511906</c:v>
                </c:pt>
                <c:pt idx="1405">
                  <c:v>23.4166580119049</c:v>
                </c:pt>
                <c:pt idx="1406">
                  <c:v>23.4333246726192</c:v>
                </c:pt>
                <c:pt idx="1407">
                  <c:v>23.4499913333335</c:v>
                </c:pt>
                <c:pt idx="1408">
                  <c:v>23.4666579940478</c:v>
                </c:pt>
                <c:pt idx="1409">
                  <c:v>23.4833246547621</c:v>
                </c:pt>
                <c:pt idx="1410">
                  <c:v>23.499991315476301</c:v>
                </c:pt>
                <c:pt idx="1411">
                  <c:v>23.516657976190601</c:v>
                </c:pt>
                <c:pt idx="1412">
                  <c:v>23.533324636904901</c:v>
                </c:pt>
                <c:pt idx="1413">
                  <c:v>23.549991297619201</c:v>
                </c:pt>
                <c:pt idx="1414">
                  <c:v>23.566657958333501</c:v>
                </c:pt>
                <c:pt idx="1415">
                  <c:v>23.583324619047801</c:v>
                </c:pt>
                <c:pt idx="1416">
                  <c:v>23.599991279762101</c:v>
                </c:pt>
                <c:pt idx="1417">
                  <c:v>23.616657940476301</c:v>
                </c:pt>
                <c:pt idx="1418">
                  <c:v>23.633324601190601</c:v>
                </c:pt>
                <c:pt idx="1419">
                  <c:v>23.649991261904901</c:v>
                </c:pt>
                <c:pt idx="1420">
                  <c:v>23.666657922619201</c:v>
                </c:pt>
                <c:pt idx="1421">
                  <c:v>23.683324583333501</c:v>
                </c:pt>
                <c:pt idx="1422">
                  <c:v>23.699991244047801</c:v>
                </c:pt>
                <c:pt idx="1423">
                  <c:v>23.716657904762101</c:v>
                </c:pt>
                <c:pt idx="1424">
                  <c:v>23.733324565476298</c:v>
                </c:pt>
                <c:pt idx="1425">
                  <c:v>23.749991226190598</c:v>
                </c:pt>
                <c:pt idx="1426">
                  <c:v>23.766657886904898</c:v>
                </c:pt>
                <c:pt idx="1427">
                  <c:v>23.783324547619198</c:v>
                </c:pt>
                <c:pt idx="1428">
                  <c:v>23.799991208333498</c:v>
                </c:pt>
                <c:pt idx="1429">
                  <c:v>23.816657869047798</c:v>
                </c:pt>
                <c:pt idx="1430">
                  <c:v>23.833324529762098</c:v>
                </c:pt>
                <c:pt idx="1431">
                  <c:v>23.849991190476299</c:v>
                </c:pt>
                <c:pt idx="1432">
                  <c:v>23.866657851190599</c:v>
                </c:pt>
                <c:pt idx="1433">
                  <c:v>23.883324511904899</c:v>
                </c:pt>
                <c:pt idx="1434">
                  <c:v>23.899991172619199</c:v>
                </c:pt>
                <c:pt idx="1435">
                  <c:v>23.916657833333499</c:v>
                </c:pt>
                <c:pt idx="1436">
                  <c:v>23.933324494047799</c:v>
                </c:pt>
                <c:pt idx="1437">
                  <c:v>23.949991154762099</c:v>
                </c:pt>
                <c:pt idx="1438">
                  <c:v>23.966657815476299</c:v>
                </c:pt>
                <c:pt idx="1439">
                  <c:v>23.983324476190599</c:v>
                </c:pt>
                <c:pt idx="1440">
                  <c:v>23.999991136904899</c:v>
                </c:pt>
                <c:pt idx="1441">
                  <c:v>24.016657797619199</c:v>
                </c:pt>
                <c:pt idx="1442">
                  <c:v>24.0333244583335</c:v>
                </c:pt>
                <c:pt idx="1443">
                  <c:v>24.0499911190478</c:v>
                </c:pt>
                <c:pt idx="1444">
                  <c:v>24.0666577797621</c:v>
                </c:pt>
                <c:pt idx="1445">
                  <c:v>24.0833244404763</c:v>
                </c:pt>
                <c:pt idx="1446">
                  <c:v>24.0999911011906</c:v>
                </c:pt>
                <c:pt idx="1447">
                  <c:v>24.1166577619049</c:v>
                </c:pt>
                <c:pt idx="1448">
                  <c:v>24.1333244226192</c:v>
                </c:pt>
                <c:pt idx="1449">
                  <c:v>24.1499910833335</c:v>
                </c:pt>
                <c:pt idx="1450">
                  <c:v>24.1666577440478</c:v>
                </c:pt>
                <c:pt idx="1451">
                  <c:v>24.1833244047621</c:v>
                </c:pt>
                <c:pt idx="1452">
                  <c:v>24.199991065476301</c:v>
                </c:pt>
                <c:pt idx="1453">
                  <c:v>24.216657726190601</c:v>
                </c:pt>
                <c:pt idx="1454">
                  <c:v>24.233324386904901</c:v>
                </c:pt>
                <c:pt idx="1455">
                  <c:v>24.249991047619201</c:v>
                </c:pt>
                <c:pt idx="1456">
                  <c:v>24.266657708333501</c:v>
                </c:pt>
                <c:pt idx="1457">
                  <c:v>24.283324369047801</c:v>
                </c:pt>
                <c:pt idx="1458">
                  <c:v>24.299991029762101</c:v>
                </c:pt>
                <c:pt idx="1459">
                  <c:v>24.316657690476301</c:v>
                </c:pt>
                <c:pt idx="1460">
                  <c:v>24.333324351190601</c:v>
                </c:pt>
                <c:pt idx="1461">
                  <c:v>24.349991011904901</c:v>
                </c:pt>
                <c:pt idx="1462">
                  <c:v>24.366657672619201</c:v>
                </c:pt>
                <c:pt idx="1463">
                  <c:v>24.383324333333501</c:v>
                </c:pt>
                <c:pt idx="1464">
                  <c:v>24.399990994047801</c:v>
                </c:pt>
                <c:pt idx="1465">
                  <c:v>24.416657654762101</c:v>
                </c:pt>
                <c:pt idx="1466">
                  <c:v>24.433324315476298</c:v>
                </c:pt>
                <c:pt idx="1467">
                  <c:v>24.449990976190598</c:v>
                </c:pt>
                <c:pt idx="1468">
                  <c:v>24.466657636904898</c:v>
                </c:pt>
                <c:pt idx="1469">
                  <c:v>24.483324297619198</c:v>
                </c:pt>
                <c:pt idx="1470">
                  <c:v>24.499990958333498</c:v>
                </c:pt>
                <c:pt idx="1471">
                  <c:v>24.516657619047798</c:v>
                </c:pt>
                <c:pt idx="1472">
                  <c:v>24.533324279762098</c:v>
                </c:pt>
                <c:pt idx="1473">
                  <c:v>24.549990940476398</c:v>
                </c:pt>
                <c:pt idx="1474">
                  <c:v>24.566657601190599</c:v>
                </c:pt>
                <c:pt idx="1475">
                  <c:v>24.583324261904899</c:v>
                </c:pt>
                <c:pt idx="1476">
                  <c:v>24.599990922619199</c:v>
                </c:pt>
                <c:pt idx="1477">
                  <c:v>24.616657583333499</c:v>
                </c:pt>
                <c:pt idx="1478">
                  <c:v>24.633324244047799</c:v>
                </c:pt>
                <c:pt idx="1479">
                  <c:v>24.649990904762099</c:v>
                </c:pt>
                <c:pt idx="1480">
                  <c:v>24.666657565476399</c:v>
                </c:pt>
                <c:pt idx="1481">
                  <c:v>24.683324226190599</c:v>
                </c:pt>
                <c:pt idx="1482">
                  <c:v>24.699990886904899</c:v>
                </c:pt>
                <c:pt idx="1483">
                  <c:v>24.716657547619199</c:v>
                </c:pt>
                <c:pt idx="1484">
                  <c:v>24.733324208333499</c:v>
                </c:pt>
                <c:pt idx="1485">
                  <c:v>24.749990869047799</c:v>
                </c:pt>
                <c:pt idx="1486">
                  <c:v>24.766657529762099</c:v>
                </c:pt>
                <c:pt idx="1487">
                  <c:v>24.783324190476399</c:v>
                </c:pt>
                <c:pt idx="1488">
                  <c:v>24.7999908511906</c:v>
                </c:pt>
                <c:pt idx="1489">
                  <c:v>24.8166575119049</c:v>
                </c:pt>
                <c:pt idx="1490">
                  <c:v>24.8333241726192</c:v>
                </c:pt>
                <c:pt idx="1491">
                  <c:v>24.8499908333335</c:v>
                </c:pt>
                <c:pt idx="1492">
                  <c:v>24.8666574940478</c:v>
                </c:pt>
                <c:pt idx="1493">
                  <c:v>24.8833241547621</c:v>
                </c:pt>
                <c:pt idx="1494">
                  <c:v>24.8999908154764</c:v>
                </c:pt>
                <c:pt idx="1495">
                  <c:v>24.916657476190601</c:v>
                </c:pt>
                <c:pt idx="1496">
                  <c:v>24.933324136904901</c:v>
                </c:pt>
                <c:pt idx="1497">
                  <c:v>24.949990797619201</c:v>
                </c:pt>
                <c:pt idx="1498">
                  <c:v>24.966657458333501</c:v>
                </c:pt>
                <c:pt idx="1499">
                  <c:v>24.983324119047801</c:v>
                </c:pt>
                <c:pt idx="1500">
                  <c:v>24.999990779762101</c:v>
                </c:pt>
                <c:pt idx="1501">
                  <c:v>25.016657440476401</c:v>
                </c:pt>
                <c:pt idx="1502">
                  <c:v>25.033324101190601</c:v>
                </c:pt>
                <c:pt idx="1503">
                  <c:v>25.049990761904901</c:v>
                </c:pt>
                <c:pt idx="1504">
                  <c:v>25.066657422619201</c:v>
                </c:pt>
                <c:pt idx="1505">
                  <c:v>25.083324083333501</c:v>
                </c:pt>
                <c:pt idx="1506">
                  <c:v>25.099990744047801</c:v>
                </c:pt>
                <c:pt idx="1507">
                  <c:v>25.116657404762101</c:v>
                </c:pt>
                <c:pt idx="1508">
                  <c:v>25.133324065476401</c:v>
                </c:pt>
                <c:pt idx="1509">
                  <c:v>25.149990726190602</c:v>
                </c:pt>
                <c:pt idx="1510">
                  <c:v>25.166657386904902</c:v>
                </c:pt>
                <c:pt idx="1511">
                  <c:v>25.183324047619202</c:v>
                </c:pt>
                <c:pt idx="1512">
                  <c:v>25.199990708333502</c:v>
                </c:pt>
                <c:pt idx="1513">
                  <c:v>25.216657369047802</c:v>
                </c:pt>
                <c:pt idx="1514">
                  <c:v>25.233324029762102</c:v>
                </c:pt>
                <c:pt idx="1515">
                  <c:v>25.249990690476402</c:v>
                </c:pt>
                <c:pt idx="1516">
                  <c:v>25.266657351190599</c:v>
                </c:pt>
                <c:pt idx="1517">
                  <c:v>25.283324011904899</c:v>
                </c:pt>
                <c:pt idx="1518">
                  <c:v>25.299990672619199</c:v>
                </c:pt>
                <c:pt idx="1519">
                  <c:v>25.316657333333499</c:v>
                </c:pt>
                <c:pt idx="1520">
                  <c:v>25.333323994047799</c:v>
                </c:pt>
                <c:pt idx="1521">
                  <c:v>25.349990654762099</c:v>
                </c:pt>
                <c:pt idx="1522">
                  <c:v>25.366657315476399</c:v>
                </c:pt>
                <c:pt idx="1523">
                  <c:v>25.383323976190599</c:v>
                </c:pt>
                <c:pt idx="1524">
                  <c:v>25.399990636904899</c:v>
                </c:pt>
                <c:pt idx="1525">
                  <c:v>25.416657297619199</c:v>
                </c:pt>
                <c:pt idx="1526">
                  <c:v>25.433323958333499</c:v>
                </c:pt>
                <c:pt idx="1527">
                  <c:v>25.449990619047799</c:v>
                </c:pt>
                <c:pt idx="1528">
                  <c:v>25.466657279762099</c:v>
                </c:pt>
                <c:pt idx="1529">
                  <c:v>25.483323940476399</c:v>
                </c:pt>
                <c:pt idx="1530">
                  <c:v>25.4999906011906</c:v>
                </c:pt>
                <c:pt idx="1531">
                  <c:v>25.5166572619049</c:v>
                </c:pt>
                <c:pt idx="1532">
                  <c:v>25.5333239226192</c:v>
                </c:pt>
                <c:pt idx="1533">
                  <c:v>25.5499905833335</c:v>
                </c:pt>
                <c:pt idx="1534">
                  <c:v>25.5666572440478</c:v>
                </c:pt>
                <c:pt idx="1535">
                  <c:v>25.5833239047621</c:v>
                </c:pt>
                <c:pt idx="1536">
                  <c:v>25.5999905654764</c:v>
                </c:pt>
                <c:pt idx="1537">
                  <c:v>25.6166572261906</c:v>
                </c:pt>
                <c:pt idx="1538">
                  <c:v>25.6333238869049</c:v>
                </c:pt>
                <c:pt idx="1539">
                  <c:v>25.6499905476192</c:v>
                </c:pt>
                <c:pt idx="1540">
                  <c:v>25.666657208333501</c:v>
                </c:pt>
                <c:pt idx="1541">
                  <c:v>25.683323869047801</c:v>
                </c:pt>
                <c:pt idx="1542">
                  <c:v>25.699990529762101</c:v>
                </c:pt>
                <c:pt idx="1543">
                  <c:v>25.716657190476401</c:v>
                </c:pt>
                <c:pt idx="1544">
                  <c:v>25.733323851190601</c:v>
                </c:pt>
                <c:pt idx="1545">
                  <c:v>25.749990511904901</c:v>
                </c:pt>
                <c:pt idx="1546">
                  <c:v>25.766657172619201</c:v>
                </c:pt>
                <c:pt idx="1547">
                  <c:v>25.783323833333501</c:v>
                </c:pt>
                <c:pt idx="1548">
                  <c:v>25.799990494047801</c:v>
                </c:pt>
                <c:pt idx="1549">
                  <c:v>25.816657154762101</c:v>
                </c:pt>
                <c:pt idx="1550">
                  <c:v>25.833323815476401</c:v>
                </c:pt>
                <c:pt idx="1551">
                  <c:v>25.849990476190602</c:v>
                </c:pt>
                <c:pt idx="1552">
                  <c:v>25.866657136904902</c:v>
                </c:pt>
                <c:pt idx="1553">
                  <c:v>25.883323797619202</c:v>
                </c:pt>
                <c:pt idx="1554">
                  <c:v>25.899990458333502</c:v>
                </c:pt>
                <c:pt idx="1555">
                  <c:v>25.916657119047802</c:v>
                </c:pt>
                <c:pt idx="1556">
                  <c:v>25.933323779762102</c:v>
                </c:pt>
                <c:pt idx="1557">
                  <c:v>25.949990440476402</c:v>
                </c:pt>
                <c:pt idx="1558">
                  <c:v>25.966657101190599</c:v>
                </c:pt>
                <c:pt idx="1559">
                  <c:v>25.983323761904899</c:v>
                </c:pt>
                <c:pt idx="1560">
                  <c:v>25.999990422619199</c:v>
                </c:pt>
                <c:pt idx="1561">
                  <c:v>26.016657083333499</c:v>
                </c:pt>
                <c:pt idx="1562">
                  <c:v>26.033323744047799</c:v>
                </c:pt>
                <c:pt idx="1563">
                  <c:v>26.049990404762099</c:v>
                </c:pt>
                <c:pt idx="1564">
                  <c:v>26.066657065476399</c:v>
                </c:pt>
                <c:pt idx="1565">
                  <c:v>26.083323726190599</c:v>
                </c:pt>
                <c:pt idx="1566">
                  <c:v>26.099990386904899</c:v>
                </c:pt>
                <c:pt idx="1567">
                  <c:v>26.116657047619199</c:v>
                </c:pt>
                <c:pt idx="1568">
                  <c:v>26.133323708333499</c:v>
                </c:pt>
                <c:pt idx="1569">
                  <c:v>26.149990369047799</c:v>
                </c:pt>
                <c:pt idx="1570">
                  <c:v>26.166657029762099</c:v>
                </c:pt>
                <c:pt idx="1571">
                  <c:v>26.183323690476399</c:v>
                </c:pt>
                <c:pt idx="1572">
                  <c:v>26.1999903511906</c:v>
                </c:pt>
                <c:pt idx="1573">
                  <c:v>26.2166570119049</c:v>
                </c:pt>
                <c:pt idx="1574">
                  <c:v>26.2333236726192</c:v>
                </c:pt>
                <c:pt idx="1575">
                  <c:v>26.2499903333335</c:v>
                </c:pt>
                <c:pt idx="1576">
                  <c:v>26.2666569940478</c:v>
                </c:pt>
                <c:pt idx="1577">
                  <c:v>26.2833236547621</c:v>
                </c:pt>
                <c:pt idx="1578">
                  <c:v>26.2999903154764</c:v>
                </c:pt>
                <c:pt idx="1579">
                  <c:v>26.3166569761907</c:v>
                </c:pt>
                <c:pt idx="1580">
                  <c:v>26.3333236369049</c:v>
                </c:pt>
                <c:pt idx="1581">
                  <c:v>26.3499902976192</c:v>
                </c:pt>
                <c:pt idx="1582">
                  <c:v>26.3666569583335</c:v>
                </c:pt>
                <c:pt idx="1583">
                  <c:v>26.3833236190478</c:v>
                </c:pt>
                <c:pt idx="1584">
                  <c:v>26.3999902797621</c:v>
                </c:pt>
                <c:pt idx="1585">
                  <c:v>26.4166569404764</c:v>
                </c:pt>
                <c:pt idx="1586">
                  <c:v>26.4333236011907</c:v>
                </c:pt>
                <c:pt idx="1587">
                  <c:v>26.449990261904901</c:v>
                </c:pt>
                <c:pt idx="1588">
                  <c:v>26.466656922619201</c:v>
                </c:pt>
                <c:pt idx="1589">
                  <c:v>26.483323583333501</c:v>
                </c:pt>
                <c:pt idx="1590">
                  <c:v>26.499990244047801</c:v>
                </c:pt>
                <c:pt idx="1591">
                  <c:v>26.516656904762101</c:v>
                </c:pt>
                <c:pt idx="1592">
                  <c:v>26.533323565476401</c:v>
                </c:pt>
                <c:pt idx="1593">
                  <c:v>26.549990226190701</c:v>
                </c:pt>
                <c:pt idx="1594">
                  <c:v>26.566656886904902</c:v>
                </c:pt>
                <c:pt idx="1595">
                  <c:v>26.583323547619202</c:v>
                </c:pt>
                <c:pt idx="1596">
                  <c:v>26.599990208333502</c:v>
                </c:pt>
                <c:pt idx="1597">
                  <c:v>26.616656869047802</c:v>
                </c:pt>
                <c:pt idx="1598">
                  <c:v>26.633323529762102</c:v>
                </c:pt>
                <c:pt idx="1599">
                  <c:v>26.649990190476402</c:v>
                </c:pt>
                <c:pt idx="1600">
                  <c:v>26.666656851190702</c:v>
                </c:pt>
                <c:pt idx="1601">
                  <c:v>26.683323511904899</c:v>
                </c:pt>
                <c:pt idx="1602">
                  <c:v>26.699990172619199</c:v>
                </c:pt>
                <c:pt idx="1603">
                  <c:v>26.716656833333499</c:v>
                </c:pt>
                <c:pt idx="1604">
                  <c:v>26.733323494047799</c:v>
                </c:pt>
                <c:pt idx="1605">
                  <c:v>26.749990154762099</c:v>
                </c:pt>
                <c:pt idx="1606">
                  <c:v>26.766656815476399</c:v>
                </c:pt>
                <c:pt idx="1607">
                  <c:v>26.783323476190699</c:v>
                </c:pt>
                <c:pt idx="1608">
                  <c:v>26.799990136904899</c:v>
                </c:pt>
                <c:pt idx="1609">
                  <c:v>26.816656797619199</c:v>
                </c:pt>
                <c:pt idx="1610">
                  <c:v>26.833323458333499</c:v>
                </c:pt>
                <c:pt idx="1611">
                  <c:v>26.849990119047799</c:v>
                </c:pt>
                <c:pt idx="1612">
                  <c:v>26.866656779762099</c:v>
                </c:pt>
                <c:pt idx="1613">
                  <c:v>26.883323440476399</c:v>
                </c:pt>
                <c:pt idx="1614">
                  <c:v>26.899990101190699</c:v>
                </c:pt>
                <c:pt idx="1615">
                  <c:v>26.9166567619049</c:v>
                </c:pt>
                <c:pt idx="1616">
                  <c:v>26.9333234226192</c:v>
                </c:pt>
                <c:pt idx="1617">
                  <c:v>26.9499900833335</c:v>
                </c:pt>
                <c:pt idx="1618">
                  <c:v>26.9666567440478</c:v>
                </c:pt>
                <c:pt idx="1619">
                  <c:v>26.9833234047621</c:v>
                </c:pt>
                <c:pt idx="1620">
                  <c:v>26.9999900654764</c:v>
                </c:pt>
                <c:pt idx="1621">
                  <c:v>27.0166567261907</c:v>
                </c:pt>
                <c:pt idx="1622">
                  <c:v>27.0333233869049</c:v>
                </c:pt>
                <c:pt idx="1623">
                  <c:v>27.0499900476192</c:v>
                </c:pt>
                <c:pt idx="1624">
                  <c:v>27.0666567083335</c:v>
                </c:pt>
                <c:pt idx="1625">
                  <c:v>27.0833233690478</c:v>
                </c:pt>
                <c:pt idx="1626">
                  <c:v>27.0999900297621</c:v>
                </c:pt>
                <c:pt idx="1627">
                  <c:v>27.1166566904764</c:v>
                </c:pt>
                <c:pt idx="1628">
                  <c:v>27.1333233511907</c:v>
                </c:pt>
                <c:pt idx="1629">
                  <c:v>27.149990011904901</c:v>
                </c:pt>
                <c:pt idx="1630">
                  <c:v>27.166656672619201</c:v>
                </c:pt>
                <c:pt idx="1631">
                  <c:v>27.183323333333501</c:v>
                </c:pt>
                <c:pt idx="1632">
                  <c:v>27.199989994047801</c:v>
                </c:pt>
                <c:pt idx="1633">
                  <c:v>27.216656654762101</c:v>
                </c:pt>
                <c:pt idx="1634">
                  <c:v>27.233323315476401</c:v>
                </c:pt>
                <c:pt idx="1635">
                  <c:v>27.249989976190701</c:v>
                </c:pt>
                <c:pt idx="1636">
                  <c:v>27.266656636904901</c:v>
                </c:pt>
                <c:pt idx="1637">
                  <c:v>27.283323297619201</c:v>
                </c:pt>
                <c:pt idx="1638">
                  <c:v>27.299989958333502</c:v>
                </c:pt>
                <c:pt idx="1639">
                  <c:v>27.316656619047802</c:v>
                </c:pt>
                <c:pt idx="1640">
                  <c:v>27.333323279762102</c:v>
                </c:pt>
                <c:pt idx="1641">
                  <c:v>27.349989940476402</c:v>
                </c:pt>
                <c:pt idx="1642">
                  <c:v>27.366656601190702</c:v>
                </c:pt>
                <c:pt idx="1643">
                  <c:v>27.383323261904899</c:v>
                </c:pt>
                <c:pt idx="1644">
                  <c:v>27.399989922619199</c:v>
                </c:pt>
                <c:pt idx="1645">
                  <c:v>27.416656583333499</c:v>
                </c:pt>
                <c:pt idx="1646">
                  <c:v>27.433323244047799</c:v>
                </c:pt>
                <c:pt idx="1647">
                  <c:v>27.449989904762099</c:v>
                </c:pt>
                <c:pt idx="1648">
                  <c:v>27.466656565476399</c:v>
                </c:pt>
                <c:pt idx="1649">
                  <c:v>27.483323226190699</c:v>
                </c:pt>
                <c:pt idx="1650">
                  <c:v>27.499989886904899</c:v>
                </c:pt>
                <c:pt idx="1651">
                  <c:v>27.516656547619199</c:v>
                </c:pt>
                <c:pt idx="1652">
                  <c:v>27.533323208333499</c:v>
                </c:pt>
                <c:pt idx="1653">
                  <c:v>27.549989869047799</c:v>
                </c:pt>
                <c:pt idx="1654">
                  <c:v>27.566656529762099</c:v>
                </c:pt>
                <c:pt idx="1655">
                  <c:v>27.583323190476399</c:v>
                </c:pt>
                <c:pt idx="1656">
                  <c:v>27.599989851190699</c:v>
                </c:pt>
                <c:pt idx="1657">
                  <c:v>27.6166565119049</c:v>
                </c:pt>
                <c:pt idx="1658">
                  <c:v>27.6333231726192</c:v>
                </c:pt>
                <c:pt idx="1659">
                  <c:v>27.6499898333335</c:v>
                </c:pt>
                <c:pt idx="1660">
                  <c:v>27.6666564940478</c:v>
                </c:pt>
                <c:pt idx="1661">
                  <c:v>27.6833231547621</c:v>
                </c:pt>
                <c:pt idx="1662">
                  <c:v>27.6999898154764</c:v>
                </c:pt>
                <c:pt idx="1663">
                  <c:v>27.7166564761907</c:v>
                </c:pt>
                <c:pt idx="1664">
                  <c:v>27.7333231369049</c:v>
                </c:pt>
                <c:pt idx="1665">
                  <c:v>27.7499897976192</c:v>
                </c:pt>
                <c:pt idx="1666">
                  <c:v>27.7666564583335</c:v>
                </c:pt>
                <c:pt idx="1667">
                  <c:v>27.7833231190478</c:v>
                </c:pt>
                <c:pt idx="1668">
                  <c:v>27.7999897797621</c:v>
                </c:pt>
                <c:pt idx="1669">
                  <c:v>27.8166564404764</c:v>
                </c:pt>
                <c:pt idx="1670">
                  <c:v>27.8333231011907</c:v>
                </c:pt>
                <c:pt idx="1671">
                  <c:v>27.849989761904901</c:v>
                </c:pt>
                <c:pt idx="1672">
                  <c:v>27.866656422619201</c:v>
                </c:pt>
                <c:pt idx="1673">
                  <c:v>27.883323083333501</c:v>
                </c:pt>
                <c:pt idx="1674">
                  <c:v>27.899989744047801</c:v>
                </c:pt>
                <c:pt idx="1675">
                  <c:v>27.916656404762101</c:v>
                </c:pt>
                <c:pt idx="1676">
                  <c:v>27.933323065476401</c:v>
                </c:pt>
                <c:pt idx="1677">
                  <c:v>27.949989726190701</c:v>
                </c:pt>
                <c:pt idx="1678">
                  <c:v>27.966656386904901</c:v>
                </c:pt>
                <c:pt idx="1679">
                  <c:v>27.983323047619201</c:v>
                </c:pt>
                <c:pt idx="1680">
                  <c:v>27.999989708333501</c:v>
                </c:pt>
                <c:pt idx="1681">
                  <c:v>28.016656369047801</c:v>
                </c:pt>
                <c:pt idx="1682">
                  <c:v>28.033323029762101</c:v>
                </c:pt>
                <c:pt idx="1683">
                  <c:v>28.049989690476401</c:v>
                </c:pt>
                <c:pt idx="1684">
                  <c:v>28.066656351190701</c:v>
                </c:pt>
                <c:pt idx="1685">
                  <c:v>28.083323011904898</c:v>
                </c:pt>
                <c:pt idx="1686">
                  <c:v>28.099989672619198</c:v>
                </c:pt>
                <c:pt idx="1687">
                  <c:v>28.116656333333498</c:v>
                </c:pt>
                <c:pt idx="1688">
                  <c:v>28.133322994047798</c:v>
                </c:pt>
                <c:pt idx="1689">
                  <c:v>28.149989654762098</c:v>
                </c:pt>
                <c:pt idx="1690">
                  <c:v>28.166656315476398</c:v>
                </c:pt>
                <c:pt idx="1691">
                  <c:v>28.183322976190698</c:v>
                </c:pt>
                <c:pt idx="1692">
                  <c:v>28.199989636904998</c:v>
                </c:pt>
                <c:pt idx="1693">
                  <c:v>28.216656297619199</c:v>
                </c:pt>
                <c:pt idx="1694">
                  <c:v>28.233322958333499</c:v>
                </c:pt>
                <c:pt idx="1695">
                  <c:v>28.249989619047799</c:v>
                </c:pt>
                <c:pt idx="1696">
                  <c:v>28.266656279762099</c:v>
                </c:pt>
                <c:pt idx="1697">
                  <c:v>28.283322940476399</c:v>
                </c:pt>
                <c:pt idx="1698">
                  <c:v>28.299989601190699</c:v>
                </c:pt>
                <c:pt idx="1699">
                  <c:v>28.316656261904999</c:v>
                </c:pt>
                <c:pt idx="1700">
                  <c:v>28.3333229226192</c:v>
                </c:pt>
                <c:pt idx="1701">
                  <c:v>28.3499895833335</c:v>
                </c:pt>
                <c:pt idx="1702">
                  <c:v>28.3666562440478</c:v>
                </c:pt>
                <c:pt idx="1703">
                  <c:v>28.3833229047621</c:v>
                </c:pt>
                <c:pt idx="1704">
                  <c:v>28.3999895654764</c:v>
                </c:pt>
                <c:pt idx="1705">
                  <c:v>28.4166562261907</c:v>
                </c:pt>
                <c:pt idx="1706">
                  <c:v>28.433322886905</c:v>
                </c:pt>
                <c:pt idx="1707">
                  <c:v>28.4499895476192</c:v>
                </c:pt>
                <c:pt idx="1708">
                  <c:v>28.4666562083335</c:v>
                </c:pt>
                <c:pt idx="1709">
                  <c:v>28.4833228690478</c:v>
                </c:pt>
                <c:pt idx="1710">
                  <c:v>28.4999895297621</c:v>
                </c:pt>
                <c:pt idx="1711">
                  <c:v>28.5166561904764</c:v>
                </c:pt>
                <c:pt idx="1712">
                  <c:v>28.5333228511907</c:v>
                </c:pt>
                <c:pt idx="1713">
                  <c:v>28.549989511905</c:v>
                </c:pt>
                <c:pt idx="1714">
                  <c:v>28.566656172619201</c:v>
                </c:pt>
                <c:pt idx="1715">
                  <c:v>28.583322833333501</c:v>
                </c:pt>
                <c:pt idx="1716">
                  <c:v>28.599989494047801</c:v>
                </c:pt>
                <c:pt idx="1717">
                  <c:v>28.616656154762101</c:v>
                </c:pt>
                <c:pt idx="1718">
                  <c:v>28.633322815476401</c:v>
                </c:pt>
                <c:pt idx="1719">
                  <c:v>28.649989476190701</c:v>
                </c:pt>
                <c:pt idx="1720">
                  <c:v>28.666656136905001</c:v>
                </c:pt>
                <c:pt idx="1721">
                  <c:v>28.683322797619201</c:v>
                </c:pt>
                <c:pt idx="1722">
                  <c:v>28.699989458333501</c:v>
                </c:pt>
                <c:pt idx="1723">
                  <c:v>28.716656119047801</c:v>
                </c:pt>
                <c:pt idx="1724">
                  <c:v>28.733322779762101</c:v>
                </c:pt>
                <c:pt idx="1725">
                  <c:v>28.749989440476401</c:v>
                </c:pt>
                <c:pt idx="1726">
                  <c:v>28.766656101190701</c:v>
                </c:pt>
                <c:pt idx="1727">
                  <c:v>28.783322761905001</c:v>
                </c:pt>
                <c:pt idx="1728">
                  <c:v>28.799989422619198</c:v>
                </c:pt>
                <c:pt idx="1729">
                  <c:v>28.816656083333498</c:v>
                </c:pt>
                <c:pt idx="1730">
                  <c:v>28.833322744047798</c:v>
                </c:pt>
                <c:pt idx="1731">
                  <c:v>28.849989404762098</c:v>
                </c:pt>
                <c:pt idx="1732">
                  <c:v>28.866656065476398</c:v>
                </c:pt>
                <c:pt idx="1733">
                  <c:v>28.883322726190698</c:v>
                </c:pt>
                <c:pt idx="1734">
                  <c:v>28.899989386904998</c:v>
                </c:pt>
                <c:pt idx="1735">
                  <c:v>28.916656047619199</c:v>
                </c:pt>
                <c:pt idx="1736">
                  <c:v>28.933322708333499</c:v>
                </c:pt>
                <c:pt idx="1737">
                  <c:v>28.949989369047799</c:v>
                </c:pt>
                <c:pt idx="1738">
                  <c:v>28.966656029762099</c:v>
                </c:pt>
                <c:pt idx="1739">
                  <c:v>28.983322690476399</c:v>
                </c:pt>
                <c:pt idx="1740">
                  <c:v>28.999989351190699</c:v>
                </c:pt>
                <c:pt idx="1741">
                  <c:v>29.016656011904999</c:v>
                </c:pt>
                <c:pt idx="1742">
                  <c:v>29.0333226726192</c:v>
                </c:pt>
                <c:pt idx="1743">
                  <c:v>29.0499893333335</c:v>
                </c:pt>
                <c:pt idx="1744">
                  <c:v>29.0666559940478</c:v>
                </c:pt>
                <c:pt idx="1745">
                  <c:v>29.0833226547621</c:v>
                </c:pt>
                <c:pt idx="1746">
                  <c:v>29.0999893154764</c:v>
                </c:pt>
                <c:pt idx="1747">
                  <c:v>29.1166559761907</c:v>
                </c:pt>
                <c:pt idx="1748">
                  <c:v>29.133322636905</c:v>
                </c:pt>
                <c:pt idx="1749">
                  <c:v>29.1499892976192</c:v>
                </c:pt>
                <c:pt idx="1750">
                  <c:v>29.1666559583335</c:v>
                </c:pt>
                <c:pt idx="1751">
                  <c:v>29.1833226190478</c:v>
                </c:pt>
                <c:pt idx="1752">
                  <c:v>29.1999892797621</c:v>
                </c:pt>
                <c:pt idx="1753">
                  <c:v>29.2166559404764</c:v>
                </c:pt>
                <c:pt idx="1754">
                  <c:v>29.2333226011907</c:v>
                </c:pt>
                <c:pt idx="1755">
                  <c:v>29.249989261905</c:v>
                </c:pt>
                <c:pt idx="1756">
                  <c:v>29.266655922619201</c:v>
                </c:pt>
                <c:pt idx="1757">
                  <c:v>29.283322583333501</c:v>
                </c:pt>
                <c:pt idx="1758">
                  <c:v>29.299989244047801</c:v>
                </c:pt>
                <c:pt idx="1759">
                  <c:v>29.316655904762101</c:v>
                </c:pt>
                <c:pt idx="1760">
                  <c:v>29.333322565476401</c:v>
                </c:pt>
                <c:pt idx="1761">
                  <c:v>29.349989226190701</c:v>
                </c:pt>
                <c:pt idx="1762">
                  <c:v>29.366655886905001</c:v>
                </c:pt>
                <c:pt idx="1763">
                  <c:v>29.383322547619201</c:v>
                </c:pt>
                <c:pt idx="1764">
                  <c:v>29.399989208333501</c:v>
                </c:pt>
                <c:pt idx="1765">
                  <c:v>29.416655869047801</c:v>
                </c:pt>
                <c:pt idx="1766">
                  <c:v>29.433322529762101</c:v>
                </c:pt>
                <c:pt idx="1767">
                  <c:v>29.449989190476401</c:v>
                </c:pt>
                <c:pt idx="1768">
                  <c:v>29.466655851190701</c:v>
                </c:pt>
                <c:pt idx="1769">
                  <c:v>29.483322511905001</c:v>
                </c:pt>
                <c:pt idx="1770">
                  <c:v>29.499989172619198</c:v>
                </c:pt>
                <c:pt idx="1771">
                  <c:v>29.516655833333498</c:v>
                </c:pt>
                <c:pt idx="1772">
                  <c:v>29.533322494047798</c:v>
                </c:pt>
                <c:pt idx="1773">
                  <c:v>29.549989154762098</c:v>
                </c:pt>
                <c:pt idx="1774">
                  <c:v>29.566655815476398</c:v>
                </c:pt>
                <c:pt idx="1775">
                  <c:v>29.583322476190698</c:v>
                </c:pt>
                <c:pt idx="1776">
                  <c:v>29.599989136904998</c:v>
                </c:pt>
                <c:pt idx="1777">
                  <c:v>29.616655797619199</c:v>
                </c:pt>
                <c:pt idx="1778">
                  <c:v>29.633322458333499</c:v>
                </c:pt>
                <c:pt idx="1779">
                  <c:v>29.649989119047799</c:v>
                </c:pt>
                <c:pt idx="1780">
                  <c:v>29.666655779762099</c:v>
                </c:pt>
                <c:pt idx="1781">
                  <c:v>29.683322440476399</c:v>
                </c:pt>
                <c:pt idx="1782">
                  <c:v>29.699989101190699</c:v>
                </c:pt>
                <c:pt idx="1783">
                  <c:v>29.716655761904999</c:v>
                </c:pt>
                <c:pt idx="1784">
                  <c:v>29.733322422619199</c:v>
                </c:pt>
                <c:pt idx="1785">
                  <c:v>29.749989083333499</c:v>
                </c:pt>
                <c:pt idx="1786">
                  <c:v>29.766655744047799</c:v>
                </c:pt>
                <c:pt idx="1787">
                  <c:v>29.783322404762099</c:v>
                </c:pt>
                <c:pt idx="1788">
                  <c:v>29.799989065476399</c:v>
                </c:pt>
                <c:pt idx="1789">
                  <c:v>29.816655726190699</c:v>
                </c:pt>
                <c:pt idx="1790">
                  <c:v>29.833322386904999</c:v>
                </c:pt>
                <c:pt idx="1791">
                  <c:v>29.8499890476192</c:v>
                </c:pt>
                <c:pt idx="1792">
                  <c:v>29.8666557083335</c:v>
                </c:pt>
                <c:pt idx="1793">
                  <c:v>29.8833223690478</c:v>
                </c:pt>
                <c:pt idx="1794">
                  <c:v>29.8999890297621</c:v>
                </c:pt>
                <c:pt idx="1795">
                  <c:v>29.9166556904764</c:v>
                </c:pt>
                <c:pt idx="1796">
                  <c:v>29.9333223511907</c:v>
                </c:pt>
                <c:pt idx="1797">
                  <c:v>29.949989011905</c:v>
                </c:pt>
                <c:pt idx="1798">
                  <c:v>29.9666556726193</c:v>
                </c:pt>
                <c:pt idx="1799">
                  <c:v>29.983322333333501</c:v>
                </c:pt>
                <c:pt idx="1800">
                  <c:v>29.999988994047801</c:v>
                </c:pt>
                <c:pt idx="1801">
                  <c:v>30.016655654762101</c:v>
                </c:pt>
                <c:pt idx="1802">
                  <c:v>30.033322315476401</c:v>
                </c:pt>
                <c:pt idx="1803">
                  <c:v>30.049988976190701</c:v>
                </c:pt>
                <c:pt idx="1804">
                  <c:v>30.066655636905001</c:v>
                </c:pt>
                <c:pt idx="1805">
                  <c:v>30.083322297619301</c:v>
                </c:pt>
                <c:pt idx="1806">
                  <c:v>30.099988958333501</c:v>
                </c:pt>
                <c:pt idx="1807">
                  <c:v>30.116655619047801</c:v>
                </c:pt>
                <c:pt idx="1808">
                  <c:v>30.133322279762101</c:v>
                </c:pt>
                <c:pt idx="1809">
                  <c:v>30.149988940476401</c:v>
                </c:pt>
                <c:pt idx="1810">
                  <c:v>30.166655601190701</c:v>
                </c:pt>
                <c:pt idx="1811">
                  <c:v>30.183322261905001</c:v>
                </c:pt>
                <c:pt idx="1812">
                  <c:v>30.199988922619301</c:v>
                </c:pt>
                <c:pt idx="1813">
                  <c:v>30.216655583333502</c:v>
                </c:pt>
                <c:pt idx="1814">
                  <c:v>30.233322244047802</c:v>
                </c:pt>
                <c:pt idx="1815">
                  <c:v>30.249988904762098</c:v>
                </c:pt>
                <c:pt idx="1816">
                  <c:v>30.266655565476398</c:v>
                </c:pt>
                <c:pt idx="1817">
                  <c:v>30.283322226190698</c:v>
                </c:pt>
                <c:pt idx="1818">
                  <c:v>30.299988886904998</c:v>
                </c:pt>
                <c:pt idx="1819">
                  <c:v>30.316655547619298</c:v>
                </c:pt>
                <c:pt idx="1820">
                  <c:v>30.333322208333499</c:v>
                </c:pt>
                <c:pt idx="1821">
                  <c:v>30.349988869047799</c:v>
                </c:pt>
                <c:pt idx="1822">
                  <c:v>30.366655529762099</c:v>
                </c:pt>
                <c:pt idx="1823">
                  <c:v>30.383322190476399</c:v>
                </c:pt>
                <c:pt idx="1824">
                  <c:v>30.399988851190699</c:v>
                </c:pt>
                <c:pt idx="1825">
                  <c:v>30.416655511904999</c:v>
                </c:pt>
                <c:pt idx="1826">
                  <c:v>30.433322172619299</c:v>
                </c:pt>
                <c:pt idx="1827">
                  <c:v>30.449988833333499</c:v>
                </c:pt>
                <c:pt idx="1828">
                  <c:v>30.466655494047799</c:v>
                </c:pt>
                <c:pt idx="1829">
                  <c:v>30.483322154762099</c:v>
                </c:pt>
                <c:pt idx="1830">
                  <c:v>30.499988815476399</c:v>
                </c:pt>
                <c:pt idx="1831">
                  <c:v>30.516655476190699</c:v>
                </c:pt>
                <c:pt idx="1832">
                  <c:v>30.533322136904999</c:v>
                </c:pt>
                <c:pt idx="1833">
                  <c:v>30.549988797619299</c:v>
                </c:pt>
                <c:pt idx="1834">
                  <c:v>30.5666554583335</c:v>
                </c:pt>
                <c:pt idx="1835">
                  <c:v>30.5833221190478</c:v>
                </c:pt>
                <c:pt idx="1836">
                  <c:v>30.5999887797621</c:v>
                </c:pt>
                <c:pt idx="1837">
                  <c:v>30.6166554404764</c:v>
                </c:pt>
                <c:pt idx="1838">
                  <c:v>30.6333221011907</c:v>
                </c:pt>
                <c:pt idx="1839">
                  <c:v>30.649988761905</c:v>
                </c:pt>
                <c:pt idx="1840">
                  <c:v>30.6666554226193</c:v>
                </c:pt>
                <c:pt idx="1841">
                  <c:v>30.683322083333501</c:v>
                </c:pt>
                <c:pt idx="1842">
                  <c:v>30.699988744047801</c:v>
                </c:pt>
                <c:pt idx="1843">
                  <c:v>30.716655404762101</c:v>
                </c:pt>
                <c:pt idx="1844">
                  <c:v>30.733322065476401</c:v>
                </c:pt>
                <c:pt idx="1845">
                  <c:v>30.749988726190701</c:v>
                </c:pt>
                <c:pt idx="1846">
                  <c:v>30.766655386905001</c:v>
                </c:pt>
                <c:pt idx="1847">
                  <c:v>30.783322047619301</c:v>
                </c:pt>
                <c:pt idx="1848">
                  <c:v>30.799988708333501</c:v>
                </c:pt>
                <c:pt idx="1849">
                  <c:v>30.816655369047801</c:v>
                </c:pt>
                <c:pt idx="1850">
                  <c:v>30.833322029762101</c:v>
                </c:pt>
                <c:pt idx="1851">
                  <c:v>30.849988690476401</c:v>
                </c:pt>
                <c:pt idx="1852">
                  <c:v>30.866655351190701</c:v>
                </c:pt>
                <c:pt idx="1853">
                  <c:v>30.883322011905001</c:v>
                </c:pt>
                <c:pt idx="1854">
                  <c:v>30.899988672619301</c:v>
                </c:pt>
                <c:pt idx="1855">
                  <c:v>30.916655333333502</c:v>
                </c:pt>
                <c:pt idx="1856">
                  <c:v>30.933321994047802</c:v>
                </c:pt>
                <c:pt idx="1857">
                  <c:v>30.949988654762102</c:v>
                </c:pt>
                <c:pt idx="1858">
                  <c:v>30.966655315476402</c:v>
                </c:pt>
                <c:pt idx="1859">
                  <c:v>30.983321976190702</c:v>
                </c:pt>
                <c:pt idx="1860">
                  <c:v>30.999988636905002</c:v>
                </c:pt>
                <c:pt idx="1861">
                  <c:v>31.016655297619302</c:v>
                </c:pt>
                <c:pt idx="1862">
                  <c:v>31.033321958333499</c:v>
                </c:pt>
                <c:pt idx="1863">
                  <c:v>31.049988619047799</c:v>
                </c:pt>
                <c:pt idx="1864">
                  <c:v>31.066655279762099</c:v>
                </c:pt>
                <c:pt idx="1865">
                  <c:v>31.083321940476399</c:v>
                </c:pt>
                <c:pt idx="1866">
                  <c:v>31.099988601190699</c:v>
                </c:pt>
                <c:pt idx="1867">
                  <c:v>31.116655261904999</c:v>
                </c:pt>
                <c:pt idx="1868">
                  <c:v>31.133321922619299</c:v>
                </c:pt>
                <c:pt idx="1869">
                  <c:v>31.149988583333499</c:v>
                </c:pt>
                <c:pt idx="1870">
                  <c:v>31.166655244047799</c:v>
                </c:pt>
                <c:pt idx="1871">
                  <c:v>31.183321904762099</c:v>
                </c:pt>
                <c:pt idx="1872">
                  <c:v>31.199988565476399</c:v>
                </c:pt>
                <c:pt idx="1873">
                  <c:v>31.216655226190699</c:v>
                </c:pt>
                <c:pt idx="1874">
                  <c:v>31.233321886904999</c:v>
                </c:pt>
                <c:pt idx="1875">
                  <c:v>31.249988547619299</c:v>
                </c:pt>
                <c:pt idx="1876">
                  <c:v>31.2666552083335</c:v>
                </c:pt>
                <c:pt idx="1877">
                  <c:v>31.2833218690478</c:v>
                </c:pt>
                <c:pt idx="1878">
                  <c:v>31.2999885297621</c:v>
                </c:pt>
                <c:pt idx="1879">
                  <c:v>31.3166551904764</c:v>
                </c:pt>
                <c:pt idx="1880">
                  <c:v>31.3333218511907</c:v>
                </c:pt>
                <c:pt idx="1881">
                  <c:v>31.349988511905</c:v>
                </c:pt>
                <c:pt idx="1882">
                  <c:v>31.3666551726193</c:v>
                </c:pt>
                <c:pt idx="1883">
                  <c:v>31.3833218333335</c:v>
                </c:pt>
                <c:pt idx="1884">
                  <c:v>31.3999884940478</c:v>
                </c:pt>
                <c:pt idx="1885">
                  <c:v>31.4166551547621</c:v>
                </c:pt>
                <c:pt idx="1886">
                  <c:v>31.4333218154764</c:v>
                </c:pt>
                <c:pt idx="1887">
                  <c:v>31.4499884761907</c:v>
                </c:pt>
                <c:pt idx="1888">
                  <c:v>31.466655136905</c:v>
                </c:pt>
                <c:pt idx="1889">
                  <c:v>31.4833217976193</c:v>
                </c:pt>
                <c:pt idx="1890">
                  <c:v>31.499988458333501</c:v>
                </c:pt>
                <c:pt idx="1891">
                  <c:v>31.516655119047801</c:v>
                </c:pt>
                <c:pt idx="1892">
                  <c:v>31.533321779762101</c:v>
                </c:pt>
                <c:pt idx="1893">
                  <c:v>31.549988440476401</c:v>
                </c:pt>
                <c:pt idx="1894">
                  <c:v>31.566655101190701</c:v>
                </c:pt>
                <c:pt idx="1895">
                  <c:v>31.583321761905001</c:v>
                </c:pt>
                <c:pt idx="1896">
                  <c:v>31.599988422619301</c:v>
                </c:pt>
                <c:pt idx="1897">
                  <c:v>31.616655083333502</c:v>
                </c:pt>
                <c:pt idx="1898">
                  <c:v>31.633321744047802</c:v>
                </c:pt>
                <c:pt idx="1899">
                  <c:v>31.649988404762102</c:v>
                </c:pt>
                <c:pt idx="1900">
                  <c:v>31.666655065476402</c:v>
                </c:pt>
                <c:pt idx="1901">
                  <c:v>31.683321726190702</c:v>
                </c:pt>
                <c:pt idx="1902">
                  <c:v>31.699988386905002</c:v>
                </c:pt>
                <c:pt idx="1903">
                  <c:v>31.716655047619302</c:v>
                </c:pt>
                <c:pt idx="1904">
                  <c:v>31.733321708333499</c:v>
                </c:pt>
                <c:pt idx="1905">
                  <c:v>31.749988369047799</c:v>
                </c:pt>
                <c:pt idx="1906">
                  <c:v>31.766655029762099</c:v>
                </c:pt>
                <c:pt idx="1907">
                  <c:v>31.783321690476399</c:v>
                </c:pt>
                <c:pt idx="1908">
                  <c:v>31.799988351190699</c:v>
                </c:pt>
                <c:pt idx="1909">
                  <c:v>31.816655011904999</c:v>
                </c:pt>
                <c:pt idx="1910">
                  <c:v>31.833321672619299</c:v>
                </c:pt>
                <c:pt idx="1911">
                  <c:v>31.849988333333599</c:v>
                </c:pt>
                <c:pt idx="1912">
                  <c:v>31.866654994047799</c:v>
                </c:pt>
                <c:pt idx="1913">
                  <c:v>31.883321654762099</c:v>
                </c:pt>
                <c:pt idx="1914">
                  <c:v>31.899988315476399</c:v>
                </c:pt>
                <c:pt idx="1915">
                  <c:v>31.916654976190699</c:v>
                </c:pt>
                <c:pt idx="1916">
                  <c:v>31.933321636904999</c:v>
                </c:pt>
                <c:pt idx="1917">
                  <c:v>31.949988297619299</c:v>
                </c:pt>
                <c:pt idx="1918">
                  <c:v>31.966654958333599</c:v>
                </c:pt>
                <c:pt idx="1919">
                  <c:v>31.9833216190478</c:v>
                </c:pt>
                <c:pt idx="1920">
                  <c:v>31.9999882797621</c:v>
                </c:pt>
                <c:pt idx="1921">
                  <c:v>32.0166549404764</c:v>
                </c:pt>
                <c:pt idx="1922">
                  <c:v>32.0333216011907</c:v>
                </c:pt>
                <c:pt idx="1923">
                  <c:v>32.049988261905</c:v>
                </c:pt>
                <c:pt idx="1924">
                  <c:v>32.0666549226193</c:v>
                </c:pt>
                <c:pt idx="1925">
                  <c:v>32.0833215833336</c:v>
                </c:pt>
                <c:pt idx="1926">
                  <c:v>32.0999882440478</c:v>
                </c:pt>
                <c:pt idx="1927">
                  <c:v>32.1166549047621</c:v>
                </c:pt>
                <c:pt idx="1928">
                  <c:v>32.1333215654764</c:v>
                </c:pt>
                <c:pt idx="1929">
                  <c:v>32.1499882261907</c:v>
                </c:pt>
                <c:pt idx="1930">
                  <c:v>32.166654886905</c:v>
                </c:pt>
                <c:pt idx="1931">
                  <c:v>32.1833215476193</c:v>
                </c:pt>
                <c:pt idx="1932">
                  <c:v>32.1999882083336</c:v>
                </c:pt>
                <c:pt idx="1933">
                  <c:v>32.216654869047801</c:v>
                </c:pt>
                <c:pt idx="1934">
                  <c:v>32.233321529762101</c:v>
                </c:pt>
                <c:pt idx="1935">
                  <c:v>32.249988190476401</c:v>
                </c:pt>
                <c:pt idx="1936">
                  <c:v>32.266654851190701</c:v>
                </c:pt>
                <c:pt idx="1937">
                  <c:v>32.283321511905001</c:v>
                </c:pt>
                <c:pt idx="1938">
                  <c:v>32.299988172619301</c:v>
                </c:pt>
                <c:pt idx="1939">
                  <c:v>32.316654833333601</c:v>
                </c:pt>
                <c:pt idx="1940">
                  <c:v>32.333321494047802</c:v>
                </c:pt>
                <c:pt idx="1941">
                  <c:v>32.349988154762102</c:v>
                </c:pt>
                <c:pt idx="1942">
                  <c:v>32.366654815476402</c:v>
                </c:pt>
                <c:pt idx="1943">
                  <c:v>32.383321476190702</c:v>
                </c:pt>
                <c:pt idx="1944">
                  <c:v>32.399988136905002</c:v>
                </c:pt>
                <c:pt idx="1945">
                  <c:v>32.416654797619302</c:v>
                </c:pt>
                <c:pt idx="1946">
                  <c:v>32.433321458333602</c:v>
                </c:pt>
                <c:pt idx="1947">
                  <c:v>32.449988119047802</c:v>
                </c:pt>
                <c:pt idx="1948">
                  <c:v>32.466654779762102</c:v>
                </c:pt>
                <c:pt idx="1949">
                  <c:v>32.483321440476402</c:v>
                </c:pt>
                <c:pt idx="1950">
                  <c:v>32.499988101190702</c:v>
                </c:pt>
                <c:pt idx="1951">
                  <c:v>32.516654761905002</c:v>
                </c:pt>
                <c:pt idx="1952">
                  <c:v>32.533321422619302</c:v>
                </c:pt>
                <c:pt idx="1953">
                  <c:v>32.549988083333602</c:v>
                </c:pt>
                <c:pt idx="1954">
                  <c:v>32.566654744047803</c:v>
                </c:pt>
                <c:pt idx="1955">
                  <c:v>32.583321404762103</c:v>
                </c:pt>
                <c:pt idx="1956">
                  <c:v>32.599988065476403</c:v>
                </c:pt>
                <c:pt idx="1957">
                  <c:v>32.616654726190703</c:v>
                </c:pt>
                <c:pt idx="1958">
                  <c:v>32.633321386905003</c:v>
                </c:pt>
                <c:pt idx="1959">
                  <c:v>32.649988047619303</c:v>
                </c:pt>
                <c:pt idx="1960">
                  <c:v>32.666654708333603</c:v>
                </c:pt>
                <c:pt idx="1961">
                  <c:v>32.683321369047803</c:v>
                </c:pt>
                <c:pt idx="1962">
                  <c:v>32.699988029762103</c:v>
                </c:pt>
                <c:pt idx="1963">
                  <c:v>32.716654690476403</c:v>
                </c:pt>
                <c:pt idx="1964">
                  <c:v>32.733321351190703</c:v>
                </c:pt>
                <c:pt idx="1965">
                  <c:v>32.749988011905003</c:v>
                </c:pt>
                <c:pt idx="1966">
                  <c:v>32.766654672619303</c:v>
                </c:pt>
                <c:pt idx="1967">
                  <c:v>32.783321333333603</c:v>
                </c:pt>
                <c:pt idx="1968">
                  <c:v>32.799987994047797</c:v>
                </c:pt>
                <c:pt idx="1969">
                  <c:v>32.816654654762097</c:v>
                </c:pt>
                <c:pt idx="1970">
                  <c:v>32.833321315476397</c:v>
                </c:pt>
                <c:pt idx="1971">
                  <c:v>32.849987976190697</c:v>
                </c:pt>
                <c:pt idx="1972">
                  <c:v>32.866654636904997</c:v>
                </c:pt>
                <c:pt idx="1973">
                  <c:v>32.883321297619297</c:v>
                </c:pt>
                <c:pt idx="1974">
                  <c:v>32.899987958333597</c:v>
                </c:pt>
                <c:pt idx="1975">
                  <c:v>32.916654619047797</c:v>
                </c:pt>
                <c:pt idx="1976">
                  <c:v>32.933321279762097</c:v>
                </c:pt>
                <c:pt idx="1977">
                  <c:v>32.949987940476397</c:v>
                </c:pt>
                <c:pt idx="1978">
                  <c:v>32.966654601190697</c:v>
                </c:pt>
                <c:pt idx="1979">
                  <c:v>32.983321261904997</c:v>
                </c:pt>
                <c:pt idx="1980">
                  <c:v>32.999987922619297</c:v>
                </c:pt>
                <c:pt idx="1981">
                  <c:v>33.016654583333597</c:v>
                </c:pt>
                <c:pt idx="1982">
                  <c:v>33.033321244047798</c:v>
                </c:pt>
                <c:pt idx="1983">
                  <c:v>33.049987904762098</c:v>
                </c:pt>
                <c:pt idx="1984">
                  <c:v>33.066654565476398</c:v>
                </c:pt>
                <c:pt idx="1985">
                  <c:v>33.083321226190698</c:v>
                </c:pt>
                <c:pt idx="1986">
                  <c:v>33.099987886904998</c:v>
                </c:pt>
                <c:pt idx="1987">
                  <c:v>33.116654547619298</c:v>
                </c:pt>
                <c:pt idx="1988">
                  <c:v>33.133321208333598</c:v>
                </c:pt>
                <c:pt idx="1989">
                  <c:v>33.149987869047798</c:v>
                </c:pt>
                <c:pt idx="1990">
                  <c:v>33.166654529762098</c:v>
                </c:pt>
                <c:pt idx="1991">
                  <c:v>33.183321190476398</c:v>
                </c:pt>
                <c:pt idx="1992">
                  <c:v>33.199987851190699</c:v>
                </c:pt>
                <c:pt idx="1993">
                  <c:v>33.216654511904999</c:v>
                </c:pt>
                <c:pt idx="1994">
                  <c:v>33.233321172619299</c:v>
                </c:pt>
                <c:pt idx="1995">
                  <c:v>33.249987833333599</c:v>
                </c:pt>
                <c:pt idx="1996">
                  <c:v>33.266654494047899</c:v>
                </c:pt>
                <c:pt idx="1997">
                  <c:v>33.283321154762099</c:v>
                </c:pt>
                <c:pt idx="1998">
                  <c:v>33.299987815476399</c:v>
                </c:pt>
                <c:pt idx="1999">
                  <c:v>33.316654476190699</c:v>
                </c:pt>
                <c:pt idx="2000">
                  <c:v>33.333321136904999</c:v>
                </c:pt>
                <c:pt idx="2001">
                  <c:v>33.349987797619299</c:v>
                </c:pt>
                <c:pt idx="2002">
                  <c:v>33.366654458333599</c:v>
                </c:pt>
                <c:pt idx="2003">
                  <c:v>33.383321119047899</c:v>
                </c:pt>
                <c:pt idx="2004">
                  <c:v>33.3999877797621</c:v>
                </c:pt>
                <c:pt idx="2005">
                  <c:v>33.4166544404764</c:v>
                </c:pt>
                <c:pt idx="2006">
                  <c:v>33.4333211011907</c:v>
                </c:pt>
                <c:pt idx="2007">
                  <c:v>33.449987761905</c:v>
                </c:pt>
                <c:pt idx="2008">
                  <c:v>33.4666544226193</c:v>
                </c:pt>
                <c:pt idx="2009">
                  <c:v>33.4833210833336</c:v>
                </c:pt>
                <c:pt idx="2010">
                  <c:v>33.4999877440479</c:v>
                </c:pt>
                <c:pt idx="2011">
                  <c:v>33.5166544047621</c:v>
                </c:pt>
                <c:pt idx="2012">
                  <c:v>33.5333210654764</c:v>
                </c:pt>
                <c:pt idx="2013">
                  <c:v>33.5499877261907</c:v>
                </c:pt>
                <c:pt idx="2014">
                  <c:v>33.566654386905</c:v>
                </c:pt>
                <c:pt idx="2015">
                  <c:v>33.5833210476193</c:v>
                </c:pt>
                <c:pt idx="2016">
                  <c:v>33.5999877083336</c:v>
                </c:pt>
                <c:pt idx="2017">
                  <c:v>33.6166543690479</c:v>
                </c:pt>
                <c:pt idx="2018">
                  <c:v>33.633321029762101</c:v>
                </c:pt>
                <c:pt idx="2019">
                  <c:v>33.649987690476401</c:v>
                </c:pt>
                <c:pt idx="2020">
                  <c:v>33.666654351190701</c:v>
                </c:pt>
                <c:pt idx="2021">
                  <c:v>33.683321011905001</c:v>
                </c:pt>
                <c:pt idx="2022">
                  <c:v>33.699987672619301</c:v>
                </c:pt>
                <c:pt idx="2023">
                  <c:v>33.716654333333601</c:v>
                </c:pt>
                <c:pt idx="2024">
                  <c:v>33.733320994047901</c:v>
                </c:pt>
                <c:pt idx="2025">
                  <c:v>33.749987654762101</c:v>
                </c:pt>
                <c:pt idx="2026">
                  <c:v>33.766654315476401</c:v>
                </c:pt>
                <c:pt idx="2027">
                  <c:v>33.783320976190701</c:v>
                </c:pt>
                <c:pt idx="2028">
                  <c:v>33.799987636905001</c:v>
                </c:pt>
                <c:pt idx="2029">
                  <c:v>33.816654297619301</c:v>
                </c:pt>
                <c:pt idx="2030">
                  <c:v>33.833320958333601</c:v>
                </c:pt>
                <c:pt idx="2031">
                  <c:v>33.849987619047901</c:v>
                </c:pt>
                <c:pt idx="2032">
                  <c:v>33.866654279762102</c:v>
                </c:pt>
                <c:pt idx="2033">
                  <c:v>33.883320940476402</c:v>
                </c:pt>
                <c:pt idx="2034">
                  <c:v>33.899987601190702</c:v>
                </c:pt>
                <c:pt idx="2035">
                  <c:v>33.916654261905002</c:v>
                </c:pt>
                <c:pt idx="2036">
                  <c:v>33.933320922619302</c:v>
                </c:pt>
                <c:pt idx="2037">
                  <c:v>33.949987583333602</c:v>
                </c:pt>
                <c:pt idx="2038">
                  <c:v>33.966654244047902</c:v>
                </c:pt>
                <c:pt idx="2039">
                  <c:v>33.983320904762103</c:v>
                </c:pt>
                <c:pt idx="2040">
                  <c:v>33.999987565476403</c:v>
                </c:pt>
                <c:pt idx="2041">
                  <c:v>34.016654226190703</c:v>
                </c:pt>
                <c:pt idx="2042">
                  <c:v>34.033320886905003</c:v>
                </c:pt>
                <c:pt idx="2043">
                  <c:v>34.049987547619303</c:v>
                </c:pt>
                <c:pt idx="2044">
                  <c:v>34.066654208333603</c:v>
                </c:pt>
                <c:pt idx="2045">
                  <c:v>34.083320869047903</c:v>
                </c:pt>
                <c:pt idx="2046">
                  <c:v>34.099987529762103</c:v>
                </c:pt>
                <c:pt idx="2047">
                  <c:v>34.116654190476403</c:v>
                </c:pt>
                <c:pt idx="2048">
                  <c:v>34.133320851190703</c:v>
                </c:pt>
                <c:pt idx="2049">
                  <c:v>34.149987511905003</c:v>
                </c:pt>
                <c:pt idx="2050">
                  <c:v>34.166654172619303</c:v>
                </c:pt>
                <c:pt idx="2051">
                  <c:v>34.183320833333603</c:v>
                </c:pt>
                <c:pt idx="2052">
                  <c:v>34.199987494047903</c:v>
                </c:pt>
                <c:pt idx="2053">
                  <c:v>34.216654154762097</c:v>
                </c:pt>
                <c:pt idx="2054">
                  <c:v>34.233320815476397</c:v>
                </c:pt>
                <c:pt idx="2055">
                  <c:v>34.249987476190697</c:v>
                </c:pt>
                <c:pt idx="2056">
                  <c:v>34.266654136904997</c:v>
                </c:pt>
                <c:pt idx="2057">
                  <c:v>34.283320797619297</c:v>
                </c:pt>
                <c:pt idx="2058">
                  <c:v>34.299987458333597</c:v>
                </c:pt>
                <c:pt idx="2059">
                  <c:v>34.316654119047897</c:v>
                </c:pt>
                <c:pt idx="2060">
                  <c:v>34.333320779762097</c:v>
                </c:pt>
                <c:pt idx="2061">
                  <c:v>34.349987440476397</c:v>
                </c:pt>
                <c:pt idx="2062">
                  <c:v>34.366654101190697</c:v>
                </c:pt>
                <c:pt idx="2063">
                  <c:v>34.383320761904997</c:v>
                </c:pt>
                <c:pt idx="2064">
                  <c:v>34.399987422619297</c:v>
                </c:pt>
                <c:pt idx="2065">
                  <c:v>34.416654083333597</c:v>
                </c:pt>
                <c:pt idx="2066">
                  <c:v>34.433320744047897</c:v>
                </c:pt>
                <c:pt idx="2067">
                  <c:v>34.449987404762098</c:v>
                </c:pt>
                <c:pt idx="2068">
                  <c:v>34.466654065476398</c:v>
                </c:pt>
                <c:pt idx="2069">
                  <c:v>34.483320726190698</c:v>
                </c:pt>
                <c:pt idx="2070">
                  <c:v>34.499987386904998</c:v>
                </c:pt>
                <c:pt idx="2071">
                  <c:v>34.516654047619298</c:v>
                </c:pt>
                <c:pt idx="2072">
                  <c:v>34.533320708333598</c:v>
                </c:pt>
                <c:pt idx="2073">
                  <c:v>34.549987369047898</c:v>
                </c:pt>
                <c:pt idx="2074">
                  <c:v>34.566654029762098</c:v>
                </c:pt>
                <c:pt idx="2075">
                  <c:v>34.583320690476398</c:v>
                </c:pt>
                <c:pt idx="2076">
                  <c:v>34.599987351190698</c:v>
                </c:pt>
                <c:pt idx="2077">
                  <c:v>34.616654011904998</c:v>
                </c:pt>
                <c:pt idx="2078">
                  <c:v>34.633320672619298</c:v>
                </c:pt>
                <c:pt idx="2079">
                  <c:v>34.649987333333598</c:v>
                </c:pt>
                <c:pt idx="2080">
                  <c:v>34.666653994047898</c:v>
                </c:pt>
                <c:pt idx="2081">
                  <c:v>34.683320654762099</c:v>
                </c:pt>
                <c:pt idx="2082">
                  <c:v>34.699987315476399</c:v>
                </c:pt>
                <c:pt idx="2083">
                  <c:v>34.716653976190699</c:v>
                </c:pt>
                <c:pt idx="2084">
                  <c:v>34.733320636904999</c:v>
                </c:pt>
                <c:pt idx="2085">
                  <c:v>34.749987297619299</c:v>
                </c:pt>
                <c:pt idx="2086">
                  <c:v>34.766653958333599</c:v>
                </c:pt>
                <c:pt idx="2087">
                  <c:v>34.783320619047899</c:v>
                </c:pt>
                <c:pt idx="2088">
                  <c:v>34.799987279762099</c:v>
                </c:pt>
                <c:pt idx="2089">
                  <c:v>34.816653940476399</c:v>
                </c:pt>
                <c:pt idx="2090">
                  <c:v>34.8333206011907</c:v>
                </c:pt>
                <c:pt idx="2091">
                  <c:v>34.849987261905</c:v>
                </c:pt>
                <c:pt idx="2092">
                  <c:v>34.8666539226193</c:v>
                </c:pt>
                <c:pt idx="2093">
                  <c:v>34.8833205833336</c:v>
                </c:pt>
                <c:pt idx="2094">
                  <c:v>34.8999872440479</c:v>
                </c:pt>
                <c:pt idx="2095">
                  <c:v>34.9166539047621</c:v>
                </c:pt>
                <c:pt idx="2096">
                  <c:v>34.9333205654764</c:v>
                </c:pt>
                <c:pt idx="2097">
                  <c:v>34.9499872261907</c:v>
                </c:pt>
                <c:pt idx="2098">
                  <c:v>34.966653886905</c:v>
                </c:pt>
                <c:pt idx="2099">
                  <c:v>34.9833205476193</c:v>
                </c:pt>
                <c:pt idx="2100">
                  <c:v>34.9999872083336</c:v>
                </c:pt>
                <c:pt idx="2101">
                  <c:v>35.0166538690479</c:v>
                </c:pt>
                <c:pt idx="2102">
                  <c:v>35.033320529762101</c:v>
                </c:pt>
                <c:pt idx="2103">
                  <c:v>35.049987190476401</c:v>
                </c:pt>
                <c:pt idx="2104">
                  <c:v>35.066653851190701</c:v>
                </c:pt>
                <c:pt idx="2105">
                  <c:v>35.083320511905001</c:v>
                </c:pt>
                <c:pt idx="2106">
                  <c:v>35.099987172619301</c:v>
                </c:pt>
                <c:pt idx="2107">
                  <c:v>35.116653833333601</c:v>
                </c:pt>
                <c:pt idx="2108">
                  <c:v>35.133320494047901</c:v>
                </c:pt>
                <c:pt idx="2109">
                  <c:v>35.149987154762101</c:v>
                </c:pt>
                <c:pt idx="2110">
                  <c:v>35.166653815476401</c:v>
                </c:pt>
                <c:pt idx="2111">
                  <c:v>35.183320476190701</c:v>
                </c:pt>
                <c:pt idx="2112">
                  <c:v>35.199987136905001</c:v>
                </c:pt>
                <c:pt idx="2113">
                  <c:v>35.216653797619301</c:v>
                </c:pt>
                <c:pt idx="2114">
                  <c:v>35.233320458333601</c:v>
                </c:pt>
                <c:pt idx="2115">
                  <c:v>35.249987119047901</c:v>
                </c:pt>
                <c:pt idx="2116">
                  <c:v>35.266653779762102</c:v>
                </c:pt>
                <c:pt idx="2117">
                  <c:v>35.283320440476402</c:v>
                </c:pt>
                <c:pt idx="2118">
                  <c:v>35.299987101190702</c:v>
                </c:pt>
                <c:pt idx="2119">
                  <c:v>35.316653761905002</c:v>
                </c:pt>
                <c:pt idx="2120">
                  <c:v>35.333320422619302</c:v>
                </c:pt>
                <c:pt idx="2121">
                  <c:v>35.349987083333602</c:v>
                </c:pt>
                <c:pt idx="2122">
                  <c:v>35.366653744047902</c:v>
                </c:pt>
                <c:pt idx="2123">
                  <c:v>35.383320404762202</c:v>
                </c:pt>
                <c:pt idx="2124">
                  <c:v>35.399987065476402</c:v>
                </c:pt>
                <c:pt idx="2125">
                  <c:v>35.416653726190702</c:v>
                </c:pt>
                <c:pt idx="2126">
                  <c:v>35.433320386905002</c:v>
                </c:pt>
                <c:pt idx="2127">
                  <c:v>35.449987047619302</c:v>
                </c:pt>
                <c:pt idx="2128">
                  <c:v>35.466653708333602</c:v>
                </c:pt>
                <c:pt idx="2129">
                  <c:v>35.483320369047902</c:v>
                </c:pt>
                <c:pt idx="2130">
                  <c:v>35.499987029762202</c:v>
                </c:pt>
                <c:pt idx="2131">
                  <c:v>35.516653690476403</c:v>
                </c:pt>
                <c:pt idx="2132">
                  <c:v>35.533320351190703</c:v>
                </c:pt>
                <c:pt idx="2133">
                  <c:v>35.549987011905003</c:v>
                </c:pt>
                <c:pt idx="2134">
                  <c:v>35.566653672619303</c:v>
                </c:pt>
                <c:pt idx="2135">
                  <c:v>35.583320333333603</c:v>
                </c:pt>
                <c:pt idx="2136">
                  <c:v>35.599986994047903</c:v>
                </c:pt>
                <c:pt idx="2137">
                  <c:v>35.616653654762203</c:v>
                </c:pt>
                <c:pt idx="2138">
                  <c:v>35.633320315476404</c:v>
                </c:pt>
                <c:pt idx="2139">
                  <c:v>35.649986976190696</c:v>
                </c:pt>
                <c:pt idx="2140">
                  <c:v>35.666653636904996</c:v>
                </c:pt>
                <c:pt idx="2141">
                  <c:v>35.683320297619296</c:v>
                </c:pt>
                <c:pt idx="2142">
                  <c:v>35.699986958333596</c:v>
                </c:pt>
                <c:pt idx="2143">
                  <c:v>35.716653619047896</c:v>
                </c:pt>
                <c:pt idx="2144">
                  <c:v>35.733320279762196</c:v>
                </c:pt>
                <c:pt idx="2145">
                  <c:v>35.749986940476397</c:v>
                </c:pt>
                <c:pt idx="2146">
                  <c:v>35.766653601190697</c:v>
                </c:pt>
                <c:pt idx="2147">
                  <c:v>35.783320261904997</c:v>
                </c:pt>
                <c:pt idx="2148">
                  <c:v>35.799986922619297</c:v>
                </c:pt>
                <c:pt idx="2149">
                  <c:v>35.816653583333597</c:v>
                </c:pt>
                <c:pt idx="2150">
                  <c:v>35.833320244047897</c:v>
                </c:pt>
                <c:pt idx="2151">
                  <c:v>35.849986904762197</c:v>
                </c:pt>
                <c:pt idx="2152">
                  <c:v>35.866653565476398</c:v>
                </c:pt>
                <c:pt idx="2153">
                  <c:v>35.883320226190698</c:v>
                </c:pt>
                <c:pt idx="2154">
                  <c:v>35.899986886904998</c:v>
                </c:pt>
                <c:pt idx="2155">
                  <c:v>35.916653547619298</c:v>
                </c:pt>
                <c:pt idx="2156">
                  <c:v>35.933320208333598</c:v>
                </c:pt>
                <c:pt idx="2157">
                  <c:v>35.949986869047898</c:v>
                </c:pt>
                <c:pt idx="2158">
                  <c:v>35.966653529762198</c:v>
                </c:pt>
                <c:pt idx="2159">
                  <c:v>35.983320190476398</c:v>
                </c:pt>
                <c:pt idx="2160">
                  <c:v>35.999986851190698</c:v>
                </c:pt>
                <c:pt idx="2161">
                  <c:v>36.016653511904998</c:v>
                </c:pt>
                <c:pt idx="2162">
                  <c:v>36.033320172619298</c:v>
                </c:pt>
                <c:pt idx="2163">
                  <c:v>36.049986833333598</c:v>
                </c:pt>
                <c:pt idx="2164">
                  <c:v>36.066653494047898</c:v>
                </c:pt>
                <c:pt idx="2165">
                  <c:v>36.083320154762198</c:v>
                </c:pt>
                <c:pt idx="2166">
                  <c:v>36.099986815476399</c:v>
                </c:pt>
                <c:pt idx="2167">
                  <c:v>36.116653476190699</c:v>
                </c:pt>
                <c:pt idx="2168">
                  <c:v>36.133320136904999</c:v>
                </c:pt>
                <c:pt idx="2169">
                  <c:v>36.149986797619299</c:v>
                </c:pt>
                <c:pt idx="2170">
                  <c:v>36.166653458333599</c:v>
                </c:pt>
                <c:pt idx="2171">
                  <c:v>36.183320119047899</c:v>
                </c:pt>
                <c:pt idx="2172">
                  <c:v>36.199986779762199</c:v>
                </c:pt>
                <c:pt idx="2173">
                  <c:v>36.216653440476399</c:v>
                </c:pt>
                <c:pt idx="2174">
                  <c:v>36.233320101190699</c:v>
                </c:pt>
                <c:pt idx="2175">
                  <c:v>36.249986761904999</c:v>
                </c:pt>
                <c:pt idx="2176">
                  <c:v>36.266653422619299</c:v>
                </c:pt>
                <c:pt idx="2177">
                  <c:v>36.283320083333599</c:v>
                </c:pt>
                <c:pt idx="2178">
                  <c:v>36.299986744047899</c:v>
                </c:pt>
                <c:pt idx="2179">
                  <c:v>36.316653404762199</c:v>
                </c:pt>
                <c:pt idx="2180">
                  <c:v>36.3333200654764</c:v>
                </c:pt>
                <c:pt idx="2181">
                  <c:v>36.3499867261907</c:v>
                </c:pt>
                <c:pt idx="2182">
                  <c:v>36.366653386905</c:v>
                </c:pt>
                <c:pt idx="2183">
                  <c:v>36.3833200476193</c:v>
                </c:pt>
                <c:pt idx="2184">
                  <c:v>36.3999867083336</c:v>
                </c:pt>
                <c:pt idx="2185">
                  <c:v>36.4166533690479</c:v>
                </c:pt>
                <c:pt idx="2186">
                  <c:v>36.4333200297622</c:v>
                </c:pt>
                <c:pt idx="2187">
                  <c:v>36.4499866904764</c:v>
                </c:pt>
                <c:pt idx="2188">
                  <c:v>36.466653351190701</c:v>
                </c:pt>
                <c:pt idx="2189">
                  <c:v>36.483320011905001</c:v>
                </c:pt>
                <c:pt idx="2190">
                  <c:v>36.499986672619301</c:v>
                </c:pt>
                <c:pt idx="2191">
                  <c:v>36.516653333333601</c:v>
                </c:pt>
                <c:pt idx="2192">
                  <c:v>36.533319994047901</c:v>
                </c:pt>
                <c:pt idx="2193">
                  <c:v>36.549986654762201</c:v>
                </c:pt>
                <c:pt idx="2194">
                  <c:v>36.566653315476401</c:v>
                </c:pt>
                <c:pt idx="2195">
                  <c:v>36.583319976190701</c:v>
                </c:pt>
                <c:pt idx="2196">
                  <c:v>36.599986636905001</c:v>
                </c:pt>
                <c:pt idx="2197">
                  <c:v>36.616653297619301</c:v>
                </c:pt>
                <c:pt idx="2198">
                  <c:v>36.633319958333601</c:v>
                </c:pt>
                <c:pt idx="2199">
                  <c:v>36.649986619047901</c:v>
                </c:pt>
                <c:pt idx="2200">
                  <c:v>36.666653279762201</c:v>
                </c:pt>
                <c:pt idx="2201">
                  <c:v>36.683319940476402</c:v>
                </c:pt>
                <c:pt idx="2202">
                  <c:v>36.699986601190702</c:v>
                </c:pt>
                <c:pt idx="2203">
                  <c:v>36.716653261905002</c:v>
                </c:pt>
                <c:pt idx="2204">
                  <c:v>36.733319922619302</c:v>
                </c:pt>
                <c:pt idx="2205">
                  <c:v>36.749986583333602</c:v>
                </c:pt>
                <c:pt idx="2206">
                  <c:v>36.766653244047902</c:v>
                </c:pt>
                <c:pt idx="2207">
                  <c:v>36.783319904762202</c:v>
                </c:pt>
                <c:pt idx="2208">
                  <c:v>36.799986565476402</c:v>
                </c:pt>
                <c:pt idx="2209">
                  <c:v>36.816653226190702</c:v>
                </c:pt>
                <c:pt idx="2210">
                  <c:v>36.833319886905002</c:v>
                </c:pt>
                <c:pt idx="2211">
                  <c:v>36.849986547619302</c:v>
                </c:pt>
                <c:pt idx="2212">
                  <c:v>36.866653208333602</c:v>
                </c:pt>
                <c:pt idx="2213">
                  <c:v>36.883319869047902</c:v>
                </c:pt>
                <c:pt idx="2214">
                  <c:v>36.899986529762202</c:v>
                </c:pt>
                <c:pt idx="2215">
                  <c:v>36.916653190476403</c:v>
                </c:pt>
                <c:pt idx="2216">
                  <c:v>36.933319851190703</c:v>
                </c:pt>
                <c:pt idx="2217">
                  <c:v>36.949986511905003</c:v>
                </c:pt>
                <c:pt idx="2218">
                  <c:v>36.966653172619303</c:v>
                </c:pt>
                <c:pt idx="2219">
                  <c:v>36.983319833333603</c:v>
                </c:pt>
                <c:pt idx="2220">
                  <c:v>36.999986494047903</c:v>
                </c:pt>
                <c:pt idx="2221">
                  <c:v>37.016653154762203</c:v>
                </c:pt>
                <c:pt idx="2222">
                  <c:v>37.033319815476403</c:v>
                </c:pt>
                <c:pt idx="2223">
                  <c:v>37.049986476190703</c:v>
                </c:pt>
                <c:pt idx="2224">
                  <c:v>37.066653136905003</c:v>
                </c:pt>
                <c:pt idx="2225">
                  <c:v>37.083319797619303</c:v>
                </c:pt>
                <c:pt idx="2226">
                  <c:v>37.099986458333603</c:v>
                </c:pt>
                <c:pt idx="2227">
                  <c:v>37.116653119047903</c:v>
                </c:pt>
                <c:pt idx="2228">
                  <c:v>37.133319779762203</c:v>
                </c:pt>
                <c:pt idx="2229">
                  <c:v>37.149986440476397</c:v>
                </c:pt>
                <c:pt idx="2230">
                  <c:v>37.166653101190697</c:v>
                </c:pt>
                <c:pt idx="2231">
                  <c:v>37.183319761904997</c:v>
                </c:pt>
                <c:pt idx="2232">
                  <c:v>37.199986422619297</c:v>
                </c:pt>
                <c:pt idx="2233">
                  <c:v>37.216653083333597</c:v>
                </c:pt>
                <c:pt idx="2234">
                  <c:v>37.233319744047897</c:v>
                </c:pt>
                <c:pt idx="2235">
                  <c:v>37.249986404762197</c:v>
                </c:pt>
                <c:pt idx="2236">
                  <c:v>37.266653065476397</c:v>
                </c:pt>
                <c:pt idx="2237">
                  <c:v>37.283319726190697</c:v>
                </c:pt>
                <c:pt idx="2238">
                  <c:v>37.299986386904997</c:v>
                </c:pt>
                <c:pt idx="2239">
                  <c:v>37.316653047619297</c:v>
                </c:pt>
                <c:pt idx="2240">
                  <c:v>37.333319708333597</c:v>
                </c:pt>
                <c:pt idx="2241">
                  <c:v>37.349986369047897</c:v>
                </c:pt>
                <c:pt idx="2242">
                  <c:v>37.366653029762197</c:v>
                </c:pt>
                <c:pt idx="2243">
                  <c:v>37.383319690476398</c:v>
                </c:pt>
                <c:pt idx="2244">
                  <c:v>37.399986351190698</c:v>
                </c:pt>
                <c:pt idx="2245">
                  <c:v>37.416653011904998</c:v>
                </c:pt>
                <c:pt idx="2246">
                  <c:v>37.433319672619298</c:v>
                </c:pt>
                <c:pt idx="2247">
                  <c:v>37.449986333333598</c:v>
                </c:pt>
                <c:pt idx="2248">
                  <c:v>37.466652994047898</c:v>
                </c:pt>
                <c:pt idx="2249">
                  <c:v>37.483319654762198</c:v>
                </c:pt>
                <c:pt idx="2250">
                  <c:v>37.499986315476399</c:v>
                </c:pt>
                <c:pt idx="2251">
                  <c:v>37.516652976190699</c:v>
                </c:pt>
                <c:pt idx="2252">
                  <c:v>37.533319636904999</c:v>
                </c:pt>
                <c:pt idx="2253">
                  <c:v>37.549986297619299</c:v>
                </c:pt>
                <c:pt idx="2254">
                  <c:v>37.566652958333599</c:v>
                </c:pt>
                <c:pt idx="2255">
                  <c:v>37.583319619047899</c:v>
                </c:pt>
                <c:pt idx="2256">
                  <c:v>37.599986279762199</c:v>
                </c:pt>
                <c:pt idx="2257">
                  <c:v>37.616652940476499</c:v>
                </c:pt>
                <c:pt idx="2258">
                  <c:v>37.633319601190699</c:v>
                </c:pt>
                <c:pt idx="2259">
                  <c:v>37.649986261904999</c:v>
                </c:pt>
                <c:pt idx="2260">
                  <c:v>37.666652922619299</c:v>
                </c:pt>
                <c:pt idx="2261">
                  <c:v>37.683319583333599</c:v>
                </c:pt>
                <c:pt idx="2262">
                  <c:v>37.699986244047899</c:v>
                </c:pt>
                <c:pt idx="2263">
                  <c:v>37.716652904762199</c:v>
                </c:pt>
                <c:pt idx="2264">
                  <c:v>37.733319565476499</c:v>
                </c:pt>
                <c:pt idx="2265">
                  <c:v>37.7499862261907</c:v>
                </c:pt>
                <c:pt idx="2266">
                  <c:v>37.766652886905</c:v>
                </c:pt>
                <c:pt idx="2267">
                  <c:v>37.7833195476193</c:v>
                </c:pt>
                <c:pt idx="2268">
                  <c:v>37.7999862083336</c:v>
                </c:pt>
                <c:pt idx="2269">
                  <c:v>37.8166528690479</c:v>
                </c:pt>
                <c:pt idx="2270">
                  <c:v>37.8333195297622</c:v>
                </c:pt>
                <c:pt idx="2271">
                  <c:v>37.8499861904765</c:v>
                </c:pt>
                <c:pt idx="2272">
                  <c:v>37.8666528511907</c:v>
                </c:pt>
                <c:pt idx="2273">
                  <c:v>37.883319511905</c:v>
                </c:pt>
                <c:pt idx="2274">
                  <c:v>37.8999861726193</c:v>
                </c:pt>
                <c:pt idx="2275">
                  <c:v>37.9166528333336</c:v>
                </c:pt>
                <c:pt idx="2276">
                  <c:v>37.9333194940479</c:v>
                </c:pt>
                <c:pt idx="2277">
                  <c:v>37.9499861547622</c:v>
                </c:pt>
                <c:pt idx="2278">
                  <c:v>37.9666528154765</c:v>
                </c:pt>
                <c:pt idx="2279">
                  <c:v>37.983319476190701</c:v>
                </c:pt>
                <c:pt idx="2280">
                  <c:v>37.999986136905001</c:v>
                </c:pt>
                <c:pt idx="2281">
                  <c:v>38.016652797619301</c:v>
                </c:pt>
                <c:pt idx="2282">
                  <c:v>38.033319458333601</c:v>
                </c:pt>
                <c:pt idx="2283">
                  <c:v>38.049986119047901</c:v>
                </c:pt>
                <c:pt idx="2284">
                  <c:v>38.066652779762201</c:v>
                </c:pt>
                <c:pt idx="2285">
                  <c:v>38.083319440476501</c:v>
                </c:pt>
                <c:pt idx="2286">
                  <c:v>38.099986101190702</c:v>
                </c:pt>
                <c:pt idx="2287">
                  <c:v>38.116652761905002</c:v>
                </c:pt>
                <c:pt idx="2288">
                  <c:v>38.133319422619302</c:v>
                </c:pt>
                <c:pt idx="2289">
                  <c:v>38.149986083333602</c:v>
                </c:pt>
                <c:pt idx="2290">
                  <c:v>38.166652744047902</c:v>
                </c:pt>
                <c:pt idx="2291">
                  <c:v>38.183319404762202</c:v>
                </c:pt>
                <c:pt idx="2292">
                  <c:v>38.199986065476502</c:v>
                </c:pt>
                <c:pt idx="2293">
                  <c:v>38.216652726190702</c:v>
                </c:pt>
                <c:pt idx="2294">
                  <c:v>38.233319386905002</c:v>
                </c:pt>
                <c:pt idx="2295">
                  <c:v>38.249986047619302</c:v>
                </c:pt>
                <c:pt idx="2296">
                  <c:v>38.266652708333602</c:v>
                </c:pt>
                <c:pt idx="2297">
                  <c:v>38.283319369047902</c:v>
                </c:pt>
                <c:pt idx="2298">
                  <c:v>38.299986029762202</c:v>
                </c:pt>
                <c:pt idx="2299">
                  <c:v>38.316652690476502</c:v>
                </c:pt>
                <c:pt idx="2300">
                  <c:v>38.333319351190703</c:v>
                </c:pt>
                <c:pt idx="2301">
                  <c:v>38.349986011905003</c:v>
                </c:pt>
                <c:pt idx="2302">
                  <c:v>38.366652672619303</c:v>
                </c:pt>
                <c:pt idx="2303">
                  <c:v>38.383319333333603</c:v>
                </c:pt>
                <c:pt idx="2304">
                  <c:v>38.399985994047903</c:v>
                </c:pt>
                <c:pt idx="2305">
                  <c:v>38.416652654762203</c:v>
                </c:pt>
                <c:pt idx="2306">
                  <c:v>38.433319315476503</c:v>
                </c:pt>
                <c:pt idx="2307">
                  <c:v>38.449985976190703</c:v>
                </c:pt>
                <c:pt idx="2308">
                  <c:v>38.466652636905003</c:v>
                </c:pt>
                <c:pt idx="2309">
                  <c:v>38.483319297619303</c:v>
                </c:pt>
                <c:pt idx="2310">
                  <c:v>38.499985958333603</c:v>
                </c:pt>
                <c:pt idx="2311">
                  <c:v>38.516652619047903</c:v>
                </c:pt>
                <c:pt idx="2312">
                  <c:v>38.533319279762203</c:v>
                </c:pt>
                <c:pt idx="2313">
                  <c:v>38.549985940476503</c:v>
                </c:pt>
                <c:pt idx="2314">
                  <c:v>38.566652601190697</c:v>
                </c:pt>
                <c:pt idx="2315">
                  <c:v>38.583319261904997</c:v>
                </c:pt>
                <c:pt idx="2316">
                  <c:v>38.599985922619297</c:v>
                </c:pt>
                <c:pt idx="2317">
                  <c:v>38.616652583333597</c:v>
                </c:pt>
                <c:pt idx="2318">
                  <c:v>38.633319244047897</c:v>
                </c:pt>
                <c:pt idx="2319">
                  <c:v>38.649985904762197</c:v>
                </c:pt>
                <c:pt idx="2320">
                  <c:v>38.666652565476497</c:v>
                </c:pt>
                <c:pt idx="2321">
                  <c:v>38.683319226190697</c:v>
                </c:pt>
                <c:pt idx="2322">
                  <c:v>38.699985886904997</c:v>
                </c:pt>
                <c:pt idx="2323">
                  <c:v>38.716652547619297</c:v>
                </c:pt>
                <c:pt idx="2324">
                  <c:v>38.733319208333597</c:v>
                </c:pt>
                <c:pt idx="2325">
                  <c:v>38.749985869047897</c:v>
                </c:pt>
                <c:pt idx="2326">
                  <c:v>38.766652529762197</c:v>
                </c:pt>
                <c:pt idx="2327">
                  <c:v>38.783319190476497</c:v>
                </c:pt>
                <c:pt idx="2328">
                  <c:v>38.799985851190698</c:v>
                </c:pt>
                <c:pt idx="2329">
                  <c:v>38.816652511904998</c:v>
                </c:pt>
                <c:pt idx="2330">
                  <c:v>38.833319172619298</c:v>
                </c:pt>
                <c:pt idx="2331">
                  <c:v>38.849985833333598</c:v>
                </c:pt>
                <c:pt idx="2332">
                  <c:v>38.866652494047898</c:v>
                </c:pt>
                <c:pt idx="2333">
                  <c:v>38.883319154762198</c:v>
                </c:pt>
                <c:pt idx="2334">
                  <c:v>38.899985815476498</c:v>
                </c:pt>
                <c:pt idx="2335">
                  <c:v>38.916652476190698</c:v>
                </c:pt>
                <c:pt idx="2336">
                  <c:v>38.933319136904998</c:v>
                </c:pt>
                <c:pt idx="2337">
                  <c:v>38.949985797619298</c:v>
                </c:pt>
                <c:pt idx="2338">
                  <c:v>38.966652458333598</c:v>
                </c:pt>
                <c:pt idx="2339">
                  <c:v>38.983319119047898</c:v>
                </c:pt>
                <c:pt idx="2340">
                  <c:v>38.999985779762198</c:v>
                </c:pt>
                <c:pt idx="2341">
                  <c:v>39.016652440476498</c:v>
                </c:pt>
                <c:pt idx="2342">
                  <c:v>39.033319101190799</c:v>
                </c:pt>
                <c:pt idx="2343">
                  <c:v>39.049985761904999</c:v>
                </c:pt>
                <c:pt idx="2344">
                  <c:v>39.066652422619299</c:v>
                </c:pt>
                <c:pt idx="2345">
                  <c:v>39.083319083333599</c:v>
                </c:pt>
                <c:pt idx="2346">
                  <c:v>39.099985744047899</c:v>
                </c:pt>
                <c:pt idx="2347">
                  <c:v>39.116652404762199</c:v>
                </c:pt>
                <c:pt idx="2348">
                  <c:v>39.133319065476499</c:v>
                </c:pt>
                <c:pt idx="2349">
                  <c:v>39.149985726190799</c:v>
                </c:pt>
                <c:pt idx="2350">
                  <c:v>39.166652386905</c:v>
                </c:pt>
                <c:pt idx="2351">
                  <c:v>39.1833190476193</c:v>
                </c:pt>
                <c:pt idx="2352">
                  <c:v>39.1999857083336</c:v>
                </c:pt>
                <c:pt idx="2353">
                  <c:v>39.2166523690479</c:v>
                </c:pt>
                <c:pt idx="2354">
                  <c:v>39.2333190297622</c:v>
                </c:pt>
                <c:pt idx="2355">
                  <c:v>39.2499856904765</c:v>
                </c:pt>
                <c:pt idx="2356">
                  <c:v>39.2666523511908</c:v>
                </c:pt>
                <c:pt idx="2357">
                  <c:v>39.283319011905</c:v>
                </c:pt>
                <c:pt idx="2358">
                  <c:v>39.2999856726193</c:v>
                </c:pt>
                <c:pt idx="2359">
                  <c:v>39.3166523333336</c:v>
                </c:pt>
                <c:pt idx="2360">
                  <c:v>39.3333189940479</c:v>
                </c:pt>
                <c:pt idx="2361">
                  <c:v>39.3499856547622</c:v>
                </c:pt>
                <c:pt idx="2362">
                  <c:v>39.3666523154765</c:v>
                </c:pt>
                <c:pt idx="2363">
                  <c:v>39.3833189761908</c:v>
                </c:pt>
                <c:pt idx="2364">
                  <c:v>39.399985636905001</c:v>
                </c:pt>
                <c:pt idx="2365">
                  <c:v>39.416652297619301</c:v>
                </c:pt>
                <c:pt idx="2366">
                  <c:v>39.433318958333601</c:v>
                </c:pt>
                <c:pt idx="2367">
                  <c:v>39.449985619047901</c:v>
                </c:pt>
                <c:pt idx="2368">
                  <c:v>39.466652279762201</c:v>
                </c:pt>
                <c:pt idx="2369">
                  <c:v>39.483318940476501</c:v>
                </c:pt>
                <c:pt idx="2370">
                  <c:v>39.499985601190801</c:v>
                </c:pt>
                <c:pt idx="2371">
                  <c:v>39.516652261905001</c:v>
                </c:pt>
                <c:pt idx="2372">
                  <c:v>39.533318922619301</c:v>
                </c:pt>
                <c:pt idx="2373">
                  <c:v>39.549985583333601</c:v>
                </c:pt>
                <c:pt idx="2374">
                  <c:v>39.566652244047901</c:v>
                </c:pt>
                <c:pt idx="2375">
                  <c:v>39.583318904762201</c:v>
                </c:pt>
                <c:pt idx="2376">
                  <c:v>39.599985565476501</c:v>
                </c:pt>
                <c:pt idx="2377">
                  <c:v>39.616652226190801</c:v>
                </c:pt>
                <c:pt idx="2378">
                  <c:v>39.633318886905002</c:v>
                </c:pt>
                <c:pt idx="2379">
                  <c:v>39.649985547619302</c:v>
                </c:pt>
                <c:pt idx="2380">
                  <c:v>39.666652208333602</c:v>
                </c:pt>
                <c:pt idx="2381">
                  <c:v>39.683318869047902</c:v>
                </c:pt>
                <c:pt idx="2382">
                  <c:v>39.699985529762202</c:v>
                </c:pt>
                <c:pt idx="2383">
                  <c:v>39.716652190476502</c:v>
                </c:pt>
                <c:pt idx="2384">
                  <c:v>39.733318851190802</c:v>
                </c:pt>
                <c:pt idx="2385">
                  <c:v>39.749985511905003</c:v>
                </c:pt>
                <c:pt idx="2386">
                  <c:v>39.766652172619303</c:v>
                </c:pt>
                <c:pt idx="2387">
                  <c:v>39.783318833333603</c:v>
                </c:pt>
                <c:pt idx="2388">
                  <c:v>39.799985494047903</c:v>
                </c:pt>
                <c:pt idx="2389">
                  <c:v>39.816652154762203</c:v>
                </c:pt>
                <c:pt idx="2390">
                  <c:v>39.833318815476503</c:v>
                </c:pt>
                <c:pt idx="2391">
                  <c:v>39.849985476190803</c:v>
                </c:pt>
                <c:pt idx="2392">
                  <c:v>39.866652136905003</c:v>
                </c:pt>
                <c:pt idx="2393">
                  <c:v>39.883318797619303</c:v>
                </c:pt>
                <c:pt idx="2394">
                  <c:v>39.899985458333603</c:v>
                </c:pt>
                <c:pt idx="2395">
                  <c:v>39.916652119047903</c:v>
                </c:pt>
                <c:pt idx="2396">
                  <c:v>39.933318779762203</c:v>
                </c:pt>
                <c:pt idx="2397">
                  <c:v>39.949985440476503</c:v>
                </c:pt>
                <c:pt idx="2398">
                  <c:v>39.966652101190803</c:v>
                </c:pt>
                <c:pt idx="2399">
                  <c:v>39.983318761904997</c:v>
                </c:pt>
                <c:pt idx="2400">
                  <c:v>39.999985422619297</c:v>
                </c:pt>
                <c:pt idx="2401">
                  <c:v>40.016652083333597</c:v>
                </c:pt>
                <c:pt idx="2402">
                  <c:v>40.033318744047897</c:v>
                </c:pt>
                <c:pt idx="2403">
                  <c:v>40.049985404762197</c:v>
                </c:pt>
                <c:pt idx="2404">
                  <c:v>40.066652065476497</c:v>
                </c:pt>
                <c:pt idx="2405">
                  <c:v>40.083318726190797</c:v>
                </c:pt>
                <c:pt idx="2406">
                  <c:v>40.099985386904997</c:v>
                </c:pt>
                <c:pt idx="2407">
                  <c:v>40.116652047619297</c:v>
                </c:pt>
                <c:pt idx="2408">
                  <c:v>40.133318708333597</c:v>
                </c:pt>
                <c:pt idx="2409">
                  <c:v>40.149985369047897</c:v>
                </c:pt>
                <c:pt idx="2410">
                  <c:v>40.166652029762197</c:v>
                </c:pt>
                <c:pt idx="2411">
                  <c:v>40.183318690476497</c:v>
                </c:pt>
                <c:pt idx="2412">
                  <c:v>40.199985351190797</c:v>
                </c:pt>
                <c:pt idx="2413">
                  <c:v>40.216652011904998</c:v>
                </c:pt>
                <c:pt idx="2414">
                  <c:v>40.233318672619298</c:v>
                </c:pt>
                <c:pt idx="2415">
                  <c:v>40.249985333333598</c:v>
                </c:pt>
                <c:pt idx="2416">
                  <c:v>40.266651994047898</c:v>
                </c:pt>
                <c:pt idx="2417">
                  <c:v>40.283318654762198</c:v>
                </c:pt>
                <c:pt idx="2418">
                  <c:v>40.299985315476498</c:v>
                </c:pt>
                <c:pt idx="2419">
                  <c:v>40.316651976190798</c:v>
                </c:pt>
                <c:pt idx="2420">
                  <c:v>40.333318636904998</c:v>
                </c:pt>
                <c:pt idx="2421">
                  <c:v>40.349985297619298</c:v>
                </c:pt>
                <c:pt idx="2422">
                  <c:v>40.366651958333598</c:v>
                </c:pt>
                <c:pt idx="2423">
                  <c:v>40.383318619047898</c:v>
                </c:pt>
                <c:pt idx="2424">
                  <c:v>40.399985279762198</c:v>
                </c:pt>
                <c:pt idx="2425">
                  <c:v>40.416651940476498</c:v>
                </c:pt>
                <c:pt idx="2426">
                  <c:v>40.433318601190798</c:v>
                </c:pt>
                <c:pt idx="2427">
                  <c:v>40.449985261905098</c:v>
                </c:pt>
                <c:pt idx="2428">
                  <c:v>40.466651922619299</c:v>
                </c:pt>
                <c:pt idx="2429">
                  <c:v>40.483318583333599</c:v>
                </c:pt>
                <c:pt idx="2430">
                  <c:v>40.499985244047899</c:v>
                </c:pt>
                <c:pt idx="2431">
                  <c:v>40.516651904762199</c:v>
                </c:pt>
                <c:pt idx="2432">
                  <c:v>40.533318565476499</c:v>
                </c:pt>
                <c:pt idx="2433">
                  <c:v>40.549985226190799</c:v>
                </c:pt>
                <c:pt idx="2434">
                  <c:v>40.566651886905099</c:v>
                </c:pt>
                <c:pt idx="2435">
                  <c:v>40.583318547619299</c:v>
                </c:pt>
                <c:pt idx="2436">
                  <c:v>40.599985208333599</c:v>
                </c:pt>
                <c:pt idx="2437">
                  <c:v>40.616651869047899</c:v>
                </c:pt>
                <c:pt idx="2438">
                  <c:v>40.633318529762199</c:v>
                </c:pt>
                <c:pt idx="2439">
                  <c:v>40.649985190476499</c:v>
                </c:pt>
                <c:pt idx="2440">
                  <c:v>40.6666518511908</c:v>
                </c:pt>
                <c:pt idx="2441">
                  <c:v>40.6833185119051</c:v>
                </c:pt>
                <c:pt idx="2442">
                  <c:v>40.6999851726193</c:v>
                </c:pt>
                <c:pt idx="2443">
                  <c:v>40.7166518333336</c:v>
                </c:pt>
                <c:pt idx="2444">
                  <c:v>40.7333184940479</c:v>
                </c:pt>
                <c:pt idx="2445">
                  <c:v>40.7499851547622</c:v>
                </c:pt>
                <c:pt idx="2446">
                  <c:v>40.7666518154765</c:v>
                </c:pt>
                <c:pt idx="2447">
                  <c:v>40.7833184761908</c:v>
                </c:pt>
                <c:pt idx="2448">
                  <c:v>40.7999851369051</c:v>
                </c:pt>
                <c:pt idx="2449">
                  <c:v>40.816651797619301</c:v>
                </c:pt>
                <c:pt idx="2450">
                  <c:v>40.833318458333601</c:v>
                </c:pt>
                <c:pt idx="2451">
                  <c:v>40.849985119047901</c:v>
                </c:pt>
                <c:pt idx="2452">
                  <c:v>40.866651779762201</c:v>
                </c:pt>
                <c:pt idx="2453">
                  <c:v>40.883318440476501</c:v>
                </c:pt>
                <c:pt idx="2454">
                  <c:v>40.899985101190801</c:v>
                </c:pt>
                <c:pt idx="2455">
                  <c:v>40.916651761905101</c:v>
                </c:pt>
                <c:pt idx="2456">
                  <c:v>40.933318422619301</c:v>
                </c:pt>
                <c:pt idx="2457">
                  <c:v>40.949985083333601</c:v>
                </c:pt>
                <c:pt idx="2458">
                  <c:v>40.966651744047901</c:v>
                </c:pt>
                <c:pt idx="2459">
                  <c:v>40.983318404762201</c:v>
                </c:pt>
                <c:pt idx="2460">
                  <c:v>40.999985065476501</c:v>
                </c:pt>
                <c:pt idx="2461">
                  <c:v>41.016651726190801</c:v>
                </c:pt>
                <c:pt idx="2462">
                  <c:v>41.033318386905101</c:v>
                </c:pt>
                <c:pt idx="2463">
                  <c:v>41.049985047619302</c:v>
                </c:pt>
                <c:pt idx="2464">
                  <c:v>41.066651708333602</c:v>
                </c:pt>
                <c:pt idx="2465">
                  <c:v>41.083318369047902</c:v>
                </c:pt>
                <c:pt idx="2466">
                  <c:v>41.099985029762202</c:v>
                </c:pt>
                <c:pt idx="2467">
                  <c:v>41.116651690476502</c:v>
                </c:pt>
                <c:pt idx="2468">
                  <c:v>41.133318351190802</c:v>
                </c:pt>
                <c:pt idx="2469">
                  <c:v>41.149985011905102</c:v>
                </c:pt>
                <c:pt idx="2470">
                  <c:v>41.166651672619302</c:v>
                </c:pt>
                <c:pt idx="2471">
                  <c:v>41.183318333333602</c:v>
                </c:pt>
                <c:pt idx="2472">
                  <c:v>41.199984994047902</c:v>
                </c:pt>
                <c:pt idx="2473">
                  <c:v>41.216651654762202</c:v>
                </c:pt>
                <c:pt idx="2474">
                  <c:v>41.233318315476502</c:v>
                </c:pt>
                <c:pt idx="2475">
                  <c:v>41.249984976190802</c:v>
                </c:pt>
                <c:pt idx="2476">
                  <c:v>41.266651636905102</c:v>
                </c:pt>
                <c:pt idx="2477">
                  <c:v>41.283318297619303</c:v>
                </c:pt>
                <c:pt idx="2478">
                  <c:v>41.299984958333603</c:v>
                </c:pt>
                <c:pt idx="2479">
                  <c:v>41.316651619047903</c:v>
                </c:pt>
                <c:pt idx="2480">
                  <c:v>41.333318279762203</c:v>
                </c:pt>
                <c:pt idx="2481">
                  <c:v>41.349984940476503</c:v>
                </c:pt>
                <c:pt idx="2482">
                  <c:v>41.366651601190803</c:v>
                </c:pt>
                <c:pt idx="2483">
                  <c:v>41.383318261905103</c:v>
                </c:pt>
                <c:pt idx="2484">
                  <c:v>41.399984922619304</c:v>
                </c:pt>
                <c:pt idx="2485">
                  <c:v>41.416651583333604</c:v>
                </c:pt>
                <c:pt idx="2486">
                  <c:v>41.433318244047904</c:v>
                </c:pt>
                <c:pt idx="2487">
                  <c:v>41.449984904762204</c:v>
                </c:pt>
                <c:pt idx="2488">
                  <c:v>41.466651565476504</c:v>
                </c:pt>
                <c:pt idx="2489">
                  <c:v>41.483318226190796</c:v>
                </c:pt>
                <c:pt idx="2490">
                  <c:v>41.499984886905096</c:v>
                </c:pt>
                <c:pt idx="2491">
                  <c:v>41.516651547619297</c:v>
                </c:pt>
                <c:pt idx="2492">
                  <c:v>41.533318208333597</c:v>
                </c:pt>
                <c:pt idx="2493">
                  <c:v>41.549984869047897</c:v>
                </c:pt>
                <c:pt idx="2494">
                  <c:v>41.566651529762197</c:v>
                </c:pt>
                <c:pt idx="2495">
                  <c:v>41.583318190476497</c:v>
                </c:pt>
                <c:pt idx="2496">
                  <c:v>41.599984851190797</c:v>
                </c:pt>
                <c:pt idx="2497">
                  <c:v>41.616651511905097</c:v>
                </c:pt>
                <c:pt idx="2498">
                  <c:v>41.633318172619298</c:v>
                </c:pt>
                <c:pt idx="2499">
                  <c:v>41.649984833333598</c:v>
                </c:pt>
                <c:pt idx="2500">
                  <c:v>41.666651494047898</c:v>
                </c:pt>
                <c:pt idx="2501">
                  <c:v>41.683318154762198</c:v>
                </c:pt>
                <c:pt idx="2502">
                  <c:v>41.699984815476498</c:v>
                </c:pt>
                <c:pt idx="2503">
                  <c:v>41.716651476190798</c:v>
                </c:pt>
                <c:pt idx="2504">
                  <c:v>41.733318136905098</c:v>
                </c:pt>
                <c:pt idx="2505">
                  <c:v>41.749984797619298</c:v>
                </c:pt>
                <c:pt idx="2506">
                  <c:v>41.766651458333598</c:v>
                </c:pt>
                <c:pt idx="2507">
                  <c:v>41.783318119047898</c:v>
                </c:pt>
                <c:pt idx="2508">
                  <c:v>41.799984779762198</c:v>
                </c:pt>
                <c:pt idx="2509">
                  <c:v>41.816651440476498</c:v>
                </c:pt>
                <c:pt idx="2510">
                  <c:v>41.833318101190798</c:v>
                </c:pt>
                <c:pt idx="2511">
                  <c:v>41.849984761905098</c:v>
                </c:pt>
                <c:pt idx="2512">
                  <c:v>41.866651422619299</c:v>
                </c:pt>
                <c:pt idx="2513">
                  <c:v>41.883318083333599</c:v>
                </c:pt>
                <c:pt idx="2514">
                  <c:v>41.899984744047899</c:v>
                </c:pt>
                <c:pt idx="2515">
                  <c:v>41.916651404762199</c:v>
                </c:pt>
                <c:pt idx="2516">
                  <c:v>41.933318065476499</c:v>
                </c:pt>
                <c:pt idx="2517">
                  <c:v>41.949984726190799</c:v>
                </c:pt>
                <c:pt idx="2518">
                  <c:v>41.966651386905099</c:v>
                </c:pt>
                <c:pt idx="2519">
                  <c:v>41.983318047619299</c:v>
                </c:pt>
                <c:pt idx="2520">
                  <c:v>41.999984708333599</c:v>
                </c:pt>
                <c:pt idx="2521">
                  <c:v>42.016651369047899</c:v>
                </c:pt>
                <c:pt idx="2522">
                  <c:v>42.033318029762199</c:v>
                </c:pt>
                <c:pt idx="2523">
                  <c:v>42.049984690476499</c:v>
                </c:pt>
                <c:pt idx="2524">
                  <c:v>42.066651351190799</c:v>
                </c:pt>
                <c:pt idx="2525">
                  <c:v>42.083318011905099</c:v>
                </c:pt>
                <c:pt idx="2526">
                  <c:v>42.0999846726193</c:v>
                </c:pt>
                <c:pt idx="2527">
                  <c:v>42.1166513333336</c:v>
                </c:pt>
                <c:pt idx="2528">
                  <c:v>42.1333179940479</c:v>
                </c:pt>
                <c:pt idx="2529">
                  <c:v>42.1499846547622</c:v>
                </c:pt>
                <c:pt idx="2530">
                  <c:v>42.1666513154765</c:v>
                </c:pt>
                <c:pt idx="2531">
                  <c:v>42.1833179761908</c:v>
                </c:pt>
                <c:pt idx="2532">
                  <c:v>42.1999846369051</c:v>
                </c:pt>
                <c:pt idx="2533">
                  <c:v>42.2166512976193</c:v>
                </c:pt>
                <c:pt idx="2534">
                  <c:v>42.2333179583336</c:v>
                </c:pt>
                <c:pt idx="2535">
                  <c:v>42.2499846190479</c:v>
                </c:pt>
                <c:pt idx="2536">
                  <c:v>42.2666512797622</c:v>
                </c:pt>
                <c:pt idx="2537">
                  <c:v>42.2833179404765</c:v>
                </c:pt>
                <c:pt idx="2538">
                  <c:v>42.299984601190801</c:v>
                </c:pt>
                <c:pt idx="2539">
                  <c:v>42.316651261905101</c:v>
                </c:pt>
                <c:pt idx="2540">
                  <c:v>42.333317922619301</c:v>
                </c:pt>
                <c:pt idx="2541">
                  <c:v>42.349984583333601</c:v>
                </c:pt>
                <c:pt idx="2542">
                  <c:v>42.366651244047901</c:v>
                </c:pt>
                <c:pt idx="2543">
                  <c:v>42.383317904762201</c:v>
                </c:pt>
                <c:pt idx="2544">
                  <c:v>42.399984565476501</c:v>
                </c:pt>
                <c:pt idx="2545">
                  <c:v>42.416651226190801</c:v>
                </c:pt>
                <c:pt idx="2546">
                  <c:v>42.433317886905101</c:v>
                </c:pt>
                <c:pt idx="2547">
                  <c:v>42.449984547619302</c:v>
                </c:pt>
                <c:pt idx="2548">
                  <c:v>42.466651208333602</c:v>
                </c:pt>
                <c:pt idx="2549">
                  <c:v>42.483317869047902</c:v>
                </c:pt>
                <c:pt idx="2550">
                  <c:v>42.499984529762202</c:v>
                </c:pt>
                <c:pt idx="2551">
                  <c:v>42.516651190476502</c:v>
                </c:pt>
                <c:pt idx="2552">
                  <c:v>42.533317851190802</c:v>
                </c:pt>
                <c:pt idx="2553">
                  <c:v>42.549984511905102</c:v>
                </c:pt>
                <c:pt idx="2554">
                  <c:v>42.566651172619302</c:v>
                </c:pt>
                <c:pt idx="2555">
                  <c:v>42.583317833333602</c:v>
                </c:pt>
                <c:pt idx="2556">
                  <c:v>42.599984494047902</c:v>
                </c:pt>
                <c:pt idx="2557">
                  <c:v>42.616651154762202</c:v>
                </c:pt>
                <c:pt idx="2558">
                  <c:v>42.633317815476502</c:v>
                </c:pt>
                <c:pt idx="2559">
                  <c:v>42.649984476190802</c:v>
                </c:pt>
                <c:pt idx="2560">
                  <c:v>42.666651136905102</c:v>
                </c:pt>
                <c:pt idx="2561">
                  <c:v>42.683317797619402</c:v>
                </c:pt>
                <c:pt idx="2562">
                  <c:v>42.699984458333603</c:v>
                </c:pt>
                <c:pt idx="2563">
                  <c:v>42.716651119047903</c:v>
                </c:pt>
                <c:pt idx="2564">
                  <c:v>42.733317779762203</c:v>
                </c:pt>
                <c:pt idx="2565">
                  <c:v>42.749984440476503</c:v>
                </c:pt>
                <c:pt idx="2566">
                  <c:v>42.766651101190803</c:v>
                </c:pt>
                <c:pt idx="2567">
                  <c:v>42.783317761905103</c:v>
                </c:pt>
                <c:pt idx="2568">
                  <c:v>42.799984422619403</c:v>
                </c:pt>
                <c:pt idx="2569">
                  <c:v>42.816651083333603</c:v>
                </c:pt>
                <c:pt idx="2570">
                  <c:v>42.833317744047903</c:v>
                </c:pt>
                <c:pt idx="2571">
                  <c:v>42.849984404762203</c:v>
                </c:pt>
                <c:pt idx="2572">
                  <c:v>42.866651065476503</c:v>
                </c:pt>
                <c:pt idx="2573">
                  <c:v>42.883317726190803</c:v>
                </c:pt>
                <c:pt idx="2574">
                  <c:v>42.899984386905103</c:v>
                </c:pt>
                <c:pt idx="2575">
                  <c:v>42.916651047619403</c:v>
                </c:pt>
                <c:pt idx="2576">
                  <c:v>42.933317708333597</c:v>
                </c:pt>
                <c:pt idx="2577">
                  <c:v>42.949984369047897</c:v>
                </c:pt>
                <c:pt idx="2578">
                  <c:v>42.966651029762197</c:v>
                </c:pt>
                <c:pt idx="2579">
                  <c:v>42.983317690476497</c:v>
                </c:pt>
                <c:pt idx="2580">
                  <c:v>42.999984351190797</c:v>
                </c:pt>
                <c:pt idx="2581">
                  <c:v>43.016651011905097</c:v>
                </c:pt>
                <c:pt idx="2582">
                  <c:v>43.033317672619397</c:v>
                </c:pt>
                <c:pt idx="2583">
                  <c:v>43.049984333333597</c:v>
                </c:pt>
                <c:pt idx="2584">
                  <c:v>43.066650994047897</c:v>
                </c:pt>
                <c:pt idx="2585">
                  <c:v>43.083317654762197</c:v>
                </c:pt>
                <c:pt idx="2586">
                  <c:v>43.099984315476497</c:v>
                </c:pt>
                <c:pt idx="2587">
                  <c:v>43.116650976190797</c:v>
                </c:pt>
                <c:pt idx="2588">
                  <c:v>43.133317636905097</c:v>
                </c:pt>
                <c:pt idx="2589">
                  <c:v>43.149984297619397</c:v>
                </c:pt>
                <c:pt idx="2590">
                  <c:v>43.166650958333598</c:v>
                </c:pt>
                <c:pt idx="2591">
                  <c:v>43.183317619047898</c:v>
                </c:pt>
                <c:pt idx="2592">
                  <c:v>43.199984279762198</c:v>
                </c:pt>
                <c:pt idx="2593">
                  <c:v>43.216650940476498</c:v>
                </c:pt>
                <c:pt idx="2594">
                  <c:v>43.233317601190798</c:v>
                </c:pt>
                <c:pt idx="2595">
                  <c:v>43.249984261905098</c:v>
                </c:pt>
                <c:pt idx="2596">
                  <c:v>43.266650922619398</c:v>
                </c:pt>
                <c:pt idx="2597">
                  <c:v>43.283317583333599</c:v>
                </c:pt>
                <c:pt idx="2598">
                  <c:v>43.299984244047899</c:v>
                </c:pt>
                <c:pt idx="2599">
                  <c:v>43.316650904762199</c:v>
                </c:pt>
                <c:pt idx="2600">
                  <c:v>43.333317565476499</c:v>
                </c:pt>
                <c:pt idx="2601">
                  <c:v>43.349984226190799</c:v>
                </c:pt>
                <c:pt idx="2602">
                  <c:v>43.366650886905099</c:v>
                </c:pt>
                <c:pt idx="2603">
                  <c:v>43.383317547619399</c:v>
                </c:pt>
                <c:pt idx="2604">
                  <c:v>43.399984208333599</c:v>
                </c:pt>
                <c:pt idx="2605">
                  <c:v>43.416650869047899</c:v>
                </c:pt>
                <c:pt idx="2606">
                  <c:v>43.433317529762199</c:v>
                </c:pt>
                <c:pt idx="2607">
                  <c:v>43.449984190476499</c:v>
                </c:pt>
                <c:pt idx="2608">
                  <c:v>43.466650851190799</c:v>
                </c:pt>
                <c:pt idx="2609">
                  <c:v>43.483317511905099</c:v>
                </c:pt>
                <c:pt idx="2610">
                  <c:v>43.499984172619399</c:v>
                </c:pt>
                <c:pt idx="2611">
                  <c:v>43.5166508333336</c:v>
                </c:pt>
                <c:pt idx="2612">
                  <c:v>43.5333174940479</c:v>
                </c:pt>
                <c:pt idx="2613">
                  <c:v>43.5499841547622</c:v>
                </c:pt>
                <c:pt idx="2614">
                  <c:v>43.5666508154765</c:v>
                </c:pt>
                <c:pt idx="2615">
                  <c:v>43.5833174761908</c:v>
                </c:pt>
                <c:pt idx="2616">
                  <c:v>43.5999841369051</c:v>
                </c:pt>
                <c:pt idx="2617">
                  <c:v>43.6166507976194</c:v>
                </c:pt>
                <c:pt idx="2618">
                  <c:v>43.6333174583336</c:v>
                </c:pt>
                <c:pt idx="2619">
                  <c:v>43.6499841190479</c:v>
                </c:pt>
                <c:pt idx="2620">
                  <c:v>43.6666507797622</c:v>
                </c:pt>
                <c:pt idx="2621">
                  <c:v>43.6833174404765</c:v>
                </c:pt>
                <c:pt idx="2622">
                  <c:v>43.6999841011908</c:v>
                </c:pt>
                <c:pt idx="2623">
                  <c:v>43.7166507619051</c:v>
                </c:pt>
                <c:pt idx="2624">
                  <c:v>43.7333174226194</c:v>
                </c:pt>
                <c:pt idx="2625">
                  <c:v>43.749984083333601</c:v>
                </c:pt>
                <c:pt idx="2626">
                  <c:v>43.766650744047901</c:v>
                </c:pt>
                <c:pt idx="2627">
                  <c:v>43.783317404762201</c:v>
                </c:pt>
                <c:pt idx="2628">
                  <c:v>43.799984065476501</c:v>
                </c:pt>
                <c:pt idx="2629">
                  <c:v>43.816650726190801</c:v>
                </c:pt>
                <c:pt idx="2630">
                  <c:v>43.833317386905101</c:v>
                </c:pt>
                <c:pt idx="2631">
                  <c:v>43.849984047619401</c:v>
                </c:pt>
                <c:pt idx="2632">
                  <c:v>43.866650708333601</c:v>
                </c:pt>
                <c:pt idx="2633">
                  <c:v>43.883317369047901</c:v>
                </c:pt>
                <c:pt idx="2634">
                  <c:v>43.899984029762201</c:v>
                </c:pt>
                <c:pt idx="2635">
                  <c:v>43.916650690476501</c:v>
                </c:pt>
                <c:pt idx="2636">
                  <c:v>43.933317351190802</c:v>
                </c:pt>
                <c:pt idx="2637">
                  <c:v>43.949984011905102</c:v>
                </c:pt>
                <c:pt idx="2638">
                  <c:v>43.966650672619402</c:v>
                </c:pt>
                <c:pt idx="2639">
                  <c:v>43.983317333333602</c:v>
                </c:pt>
                <c:pt idx="2640">
                  <c:v>43.999983994047902</c:v>
                </c:pt>
                <c:pt idx="2641">
                  <c:v>44.016650654762202</c:v>
                </c:pt>
                <c:pt idx="2642">
                  <c:v>44.033317315476502</c:v>
                </c:pt>
                <c:pt idx="2643">
                  <c:v>44.049983976190802</c:v>
                </c:pt>
                <c:pt idx="2644">
                  <c:v>44.066650636905102</c:v>
                </c:pt>
                <c:pt idx="2645">
                  <c:v>44.083317297619402</c:v>
                </c:pt>
                <c:pt idx="2646">
                  <c:v>44.099983958333603</c:v>
                </c:pt>
                <c:pt idx="2647">
                  <c:v>44.116650619047903</c:v>
                </c:pt>
                <c:pt idx="2648">
                  <c:v>44.133317279762203</c:v>
                </c:pt>
                <c:pt idx="2649">
                  <c:v>44.149983940476503</c:v>
                </c:pt>
                <c:pt idx="2650">
                  <c:v>44.166650601190803</c:v>
                </c:pt>
                <c:pt idx="2651">
                  <c:v>44.183317261905103</c:v>
                </c:pt>
                <c:pt idx="2652">
                  <c:v>44.199983922619403</c:v>
                </c:pt>
                <c:pt idx="2653">
                  <c:v>44.216650583333603</c:v>
                </c:pt>
                <c:pt idx="2654">
                  <c:v>44.233317244047903</c:v>
                </c:pt>
                <c:pt idx="2655">
                  <c:v>44.249983904762203</c:v>
                </c:pt>
                <c:pt idx="2656">
                  <c:v>44.266650565476503</c:v>
                </c:pt>
                <c:pt idx="2657">
                  <c:v>44.283317226190803</c:v>
                </c:pt>
                <c:pt idx="2658">
                  <c:v>44.299983886905103</c:v>
                </c:pt>
                <c:pt idx="2659">
                  <c:v>44.316650547619403</c:v>
                </c:pt>
                <c:pt idx="2660">
                  <c:v>44.333317208333597</c:v>
                </c:pt>
                <c:pt idx="2661">
                  <c:v>44.349983869047897</c:v>
                </c:pt>
                <c:pt idx="2662">
                  <c:v>44.366650529762197</c:v>
                </c:pt>
                <c:pt idx="2663">
                  <c:v>44.383317190476497</c:v>
                </c:pt>
                <c:pt idx="2664">
                  <c:v>44.399983851190797</c:v>
                </c:pt>
                <c:pt idx="2665">
                  <c:v>44.416650511905097</c:v>
                </c:pt>
                <c:pt idx="2666">
                  <c:v>44.433317172619397</c:v>
                </c:pt>
                <c:pt idx="2667">
                  <c:v>44.449983833333597</c:v>
                </c:pt>
                <c:pt idx="2668">
                  <c:v>44.466650494047897</c:v>
                </c:pt>
                <c:pt idx="2669">
                  <c:v>44.483317154762197</c:v>
                </c:pt>
                <c:pt idx="2670">
                  <c:v>44.499983815476497</c:v>
                </c:pt>
                <c:pt idx="2671">
                  <c:v>44.516650476190797</c:v>
                </c:pt>
                <c:pt idx="2672">
                  <c:v>44.533317136905097</c:v>
                </c:pt>
                <c:pt idx="2673">
                  <c:v>44.549983797619397</c:v>
                </c:pt>
                <c:pt idx="2674">
                  <c:v>44.566650458333598</c:v>
                </c:pt>
                <c:pt idx="2675">
                  <c:v>44.583317119047898</c:v>
                </c:pt>
                <c:pt idx="2676">
                  <c:v>44.599983779762198</c:v>
                </c:pt>
                <c:pt idx="2677">
                  <c:v>44.616650440476498</c:v>
                </c:pt>
                <c:pt idx="2678">
                  <c:v>44.633317101190798</c:v>
                </c:pt>
                <c:pt idx="2679">
                  <c:v>44.649983761905098</c:v>
                </c:pt>
                <c:pt idx="2680">
                  <c:v>44.666650422619398</c:v>
                </c:pt>
                <c:pt idx="2681">
                  <c:v>44.683317083333598</c:v>
                </c:pt>
                <c:pt idx="2682">
                  <c:v>44.699983744047898</c:v>
                </c:pt>
                <c:pt idx="2683">
                  <c:v>44.716650404762198</c:v>
                </c:pt>
                <c:pt idx="2684">
                  <c:v>44.733317065476498</c:v>
                </c:pt>
                <c:pt idx="2685">
                  <c:v>44.749983726190798</c:v>
                </c:pt>
                <c:pt idx="2686">
                  <c:v>44.766650386905098</c:v>
                </c:pt>
                <c:pt idx="2687">
                  <c:v>44.783317047619398</c:v>
                </c:pt>
                <c:pt idx="2688">
                  <c:v>44.799983708333698</c:v>
                </c:pt>
                <c:pt idx="2689">
                  <c:v>44.816650369047899</c:v>
                </c:pt>
                <c:pt idx="2690">
                  <c:v>44.833317029762199</c:v>
                </c:pt>
                <c:pt idx="2691">
                  <c:v>44.849983690476499</c:v>
                </c:pt>
                <c:pt idx="2692">
                  <c:v>44.866650351190799</c:v>
                </c:pt>
                <c:pt idx="2693">
                  <c:v>44.883317011905099</c:v>
                </c:pt>
                <c:pt idx="2694">
                  <c:v>44.899983672619399</c:v>
                </c:pt>
                <c:pt idx="2695">
                  <c:v>44.916650333333699</c:v>
                </c:pt>
                <c:pt idx="2696">
                  <c:v>44.9333169940479</c:v>
                </c:pt>
                <c:pt idx="2697">
                  <c:v>44.9499836547622</c:v>
                </c:pt>
                <c:pt idx="2698">
                  <c:v>44.9666503154765</c:v>
                </c:pt>
                <c:pt idx="2699">
                  <c:v>44.9833169761908</c:v>
                </c:pt>
                <c:pt idx="2700">
                  <c:v>44.9999836369051</c:v>
                </c:pt>
                <c:pt idx="2701">
                  <c:v>45.0166502976194</c:v>
                </c:pt>
                <c:pt idx="2702">
                  <c:v>45.0333169583337</c:v>
                </c:pt>
                <c:pt idx="2703">
                  <c:v>45.0499836190479</c:v>
                </c:pt>
                <c:pt idx="2704">
                  <c:v>45.0666502797622</c:v>
                </c:pt>
                <c:pt idx="2705">
                  <c:v>45.0833169404765</c:v>
                </c:pt>
                <c:pt idx="2706">
                  <c:v>45.0999836011908</c:v>
                </c:pt>
                <c:pt idx="2707">
                  <c:v>45.1166502619051</c:v>
                </c:pt>
                <c:pt idx="2708">
                  <c:v>45.1333169226194</c:v>
                </c:pt>
                <c:pt idx="2709">
                  <c:v>45.1499835833337</c:v>
                </c:pt>
                <c:pt idx="2710">
                  <c:v>45.166650244047901</c:v>
                </c:pt>
                <c:pt idx="2711">
                  <c:v>45.183316904762201</c:v>
                </c:pt>
                <c:pt idx="2712">
                  <c:v>45.199983565476501</c:v>
                </c:pt>
                <c:pt idx="2713">
                  <c:v>45.216650226190801</c:v>
                </c:pt>
                <c:pt idx="2714">
                  <c:v>45.233316886905101</c:v>
                </c:pt>
                <c:pt idx="2715">
                  <c:v>45.249983547619401</c:v>
                </c:pt>
                <c:pt idx="2716">
                  <c:v>45.266650208333701</c:v>
                </c:pt>
                <c:pt idx="2717">
                  <c:v>45.283316869047901</c:v>
                </c:pt>
                <c:pt idx="2718">
                  <c:v>45.299983529762201</c:v>
                </c:pt>
                <c:pt idx="2719">
                  <c:v>45.316650190476501</c:v>
                </c:pt>
                <c:pt idx="2720">
                  <c:v>45.333316851190801</c:v>
                </c:pt>
                <c:pt idx="2721">
                  <c:v>45.349983511905101</c:v>
                </c:pt>
                <c:pt idx="2722">
                  <c:v>45.366650172619401</c:v>
                </c:pt>
                <c:pt idx="2723">
                  <c:v>45.383316833333701</c:v>
                </c:pt>
                <c:pt idx="2724">
                  <c:v>45.399983494047902</c:v>
                </c:pt>
                <c:pt idx="2725">
                  <c:v>45.416650154762202</c:v>
                </c:pt>
                <c:pt idx="2726">
                  <c:v>45.433316815476502</c:v>
                </c:pt>
                <c:pt idx="2727">
                  <c:v>45.449983476190802</c:v>
                </c:pt>
                <c:pt idx="2728">
                  <c:v>45.466650136905102</c:v>
                </c:pt>
                <c:pt idx="2729">
                  <c:v>45.483316797619402</c:v>
                </c:pt>
                <c:pt idx="2730">
                  <c:v>45.499983458333702</c:v>
                </c:pt>
                <c:pt idx="2731">
                  <c:v>45.516650119047902</c:v>
                </c:pt>
                <c:pt idx="2732">
                  <c:v>45.533316779762202</c:v>
                </c:pt>
                <c:pt idx="2733">
                  <c:v>45.549983440476502</c:v>
                </c:pt>
                <c:pt idx="2734">
                  <c:v>45.566650101190803</c:v>
                </c:pt>
                <c:pt idx="2735">
                  <c:v>45.583316761905103</c:v>
                </c:pt>
                <c:pt idx="2736">
                  <c:v>45.599983422619403</c:v>
                </c:pt>
                <c:pt idx="2737">
                  <c:v>45.616650083333703</c:v>
                </c:pt>
                <c:pt idx="2738">
                  <c:v>45.633316744047903</c:v>
                </c:pt>
                <c:pt idx="2739">
                  <c:v>45.649983404762203</c:v>
                </c:pt>
                <c:pt idx="2740">
                  <c:v>45.666650065476503</c:v>
                </c:pt>
                <c:pt idx="2741">
                  <c:v>45.683316726190803</c:v>
                </c:pt>
                <c:pt idx="2742">
                  <c:v>45.699983386905103</c:v>
                </c:pt>
                <c:pt idx="2743">
                  <c:v>45.716650047619403</c:v>
                </c:pt>
                <c:pt idx="2744">
                  <c:v>45.733316708333703</c:v>
                </c:pt>
                <c:pt idx="2745">
                  <c:v>45.749983369047897</c:v>
                </c:pt>
                <c:pt idx="2746">
                  <c:v>45.766650029762197</c:v>
                </c:pt>
                <c:pt idx="2747">
                  <c:v>45.783316690476497</c:v>
                </c:pt>
                <c:pt idx="2748">
                  <c:v>45.799983351190797</c:v>
                </c:pt>
                <c:pt idx="2749">
                  <c:v>45.816650011905097</c:v>
                </c:pt>
                <c:pt idx="2750">
                  <c:v>45.833316672619397</c:v>
                </c:pt>
                <c:pt idx="2751">
                  <c:v>45.849983333333697</c:v>
                </c:pt>
                <c:pt idx="2752">
                  <c:v>45.866649994047897</c:v>
                </c:pt>
                <c:pt idx="2753">
                  <c:v>45.883316654762197</c:v>
                </c:pt>
                <c:pt idx="2754">
                  <c:v>45.899983315476497</c:v>
                </c:pt>
                <c:pt idx="2755">
                  <c:v>45.916649976190797</c:v>
                </c:pt>
                <c:pt idx="2756">
                  <c:v>45.933316636905097</c:v>
                </c:pt>
                <c:pt idx="2757">
                  <c:v>45.949983297619397</c:v>
                </c:pt>
                <c:pt idx="2758">
                  <c:v>45.966649958333697</c:v>
                </c:pt>
                <c:pt idx="2759">
                  <c:v>45.983316619047898</c:v>
                </c:pt>
                <c:pt idx="2760">
                  <c:v>45.999983279762198</c:v>
                </c:pt>
                <c:pt idx="2761">
                  <c:v>46.016649940476498</c:v>
                </c:pt>
                <c:pt idx="2762">
                  <c:v>46.033316601190798</c:v>
                </c:pt>
                <c:pt idx="2763">
                  <c:v>46.049983261905098</c:v>
                </c:pt>
                <c:pt idx="2764">
                  <c:v>46.066649922619398</c:v>
                </c:pt>
                <c:pt idx="2765">
                  <c:v>46.083316583333698</c:v>
                </c:pt>
                <c:pt idx="2766">
                  <c:v>46.099983244047898</c:v>
                </c:pt>
                <c:pt idx="2767">
                  <c:v>46.116649904762198</c:v>
                </c:pt>
                <c:pt idx="2768">
                  <c:v>46.133316565476498</c:v>
                </c:pt>
                <c:pt idx="2769">
                  <c:v>46.149983226190798</c:v>
                </c:pt>
                <c:pt idx="2770">
                  <c:v>46.166649886905098</c:v>
                </c:pt>
                <c:pt idx="2771">
                  <c:v>46.183316547619398</c:v>
                </c:pt>
                <c:pt idx="2772">
                  <c:v>46.199983208333698</c:v>
                </c:pt>
                <c:pt idx="2773">
                  <c:v>46.216649869047998</c:v>
                </c:pt>
                <c:pt idx="2774">
                  <c:v>46.233316529762199</c:v>
                </c:pt>
                <c:pt idx="2775">
                  <c:v>46.249983190476499</c:v>
                </c:pt>
                <c:pt idx="2776">
                  <c:v>46.266649851190799</c:v>
                </c:pt>
                <c:pt idx="2777">
                  <c:v>46.283316511905099</c:v>
                </c:pt>
                <c:pt idx="2778">
                  <c:v>46.299983172619399</c:v>
                </c:pt>
                <c:pt idx="2779">
                  <c:v>46.316649833333699</c:v>
                </c:pt>
                <c:pt idx="2780">
                  <c:v>46.333316494047999</c:v>
                </c:pt>
                <c:pt idx="2781">
                  <c:v>46.349983154762199</c:v>
                </c:pt>
                <c:pt idx="2782">
                  <c:v>46.366649815476499</c:v>
                </c:pt>
                <c:pt idx="2783">
                  <c:v>46.383316476190799</c:v>
                </c:pt>
                <c:pt idx="2784">
                  <c:v>46.399983136905099</c:v>
                </c:pt>
                <c:pt idx="2785">
                  <c:v>46.416649797619399</c:v>
                </c:pt>
                <c:pt idx="2786">
                  <c:v>46.433316458333699</c:v>
                </c:pt>
                <c:pt idx="2787">
                  <c:v>46.449983119047999</c:v>
                </c:pt>
                <c:pt idx="2788">
                  <c:v>46.4666497797622</c:v>
                </c:pt>
                <c:pt idx="2789">
                  <c:v>46.4833164404765</c:v>
                </c:pt>
                <c:pt idx="2790">
                  <c:v>46.4999831011908</c:v>
                </c:pt>
                <c:pt idx="2791">
                  <c:v>46.5166497619051</c:v>
                </c:pt>
                <c:pt idx="2792">
                  <c:v>46.5333164226194</c:v>
                </c:pt>
                <c:pt idx="2793">
                  <c:v>46.5499830833337</c:v>
                </c:pt>
                <c:pt idx="2794">
                  <c:v>46.566649744048</c:v>
                </c:pt>
                <c:pt idx="2795">
                  <c:v>46.583316404762201</c:v>
                </c:pt>
                <c:pt idx="2796">
                  <c:v>46.599983065476501</c:v>
                </c:pt>
                <c:pt idx="2797">
                  <c:v>46.616649726190801</c:v>
                </c:pt>
                <c:pt idx="2798">
                  <c:v>46.633316386905101</c:v>
                </c:pt>
                <c:pt idx="2799">
                  <c:v>46.649983047619401</c:v>
                </c:pt>
                <c:pt idx="2800">
                  <c:v>46.666649708333701</c:v>
                </c:pt>
                <c:pt idx="2801">
                  <c:v>46.683316369048001</c:v>
                </c:pt>
                <c:pt idx="2802">
                  <c:v>46.699983029762201</c:v>
                </c:pt>
                <c:pt idx="2803">
                  <c:v>46.716649690476501</c:v>
                </c:pt>
                <c:pt idx="2804">
                  <c:v>46.733316351190801</c:v>
                </c:pt>
                <c:pt idx="2805">
                  <c:v>46.749983011905101</c:v>
                </c:pt>
                <c:pt idx="2806">
                  <c:v>46.766649672619401</c:v>
                </c:pt>
                <c:pt idx="2807">
                  <c:v>46.783316333333701</c:v>
                </c:pt>
                <c:pt idx="2808">
                  <c:v>46.799982994048001</c:v>
                </c:pt>
                <c:pt idx="2809">
                  <c:v>46.816649654762202</c:v>
                </c:pt>
                <c:pt idx="2810">
                  <c:v>46.833316315476502</c:v>
                </c:pt>
                <c:pt idx="2811">
                  <c:v>46.849982976190802</c:v>
                </c:pt>
                <c:pt idx="2812">
                  <c:v>46.866649636905102</c:v>
                </c:pt>
                <c:pt idx="2813">
                  <c:v>46.883316297619402</c:v>
                </c:pt>
                <c:pt idx="2814">
                  <c:v>46.899982958333702</c:v>
                </c:pt>
                <c:pt idx="2815">
                  <c:v>46.916649619048002</c:v>
                </c:pt>
                <c:pt idx="2816">
                  <c:v>46.933316279762202</c:v>
                </c:pt>
                <c:pt idx="2817">
                  <c:v>46.949982940476502</c:v>
                </c:pt>
                <c:pt idx="2818">
                  <c:v>46.966649601190802</c:v>
                </c:pt>
                <c:pt idx="2819">
                  <c:v>46.983316261905102</c:v>
                </c:pt>
                <c:pt idx="2820">
                  <c:v>46.999982922619402</c:v>
                </c:pt>
                <c:pt idx="2821">
                  <c:v>47.016649583333702</c:v>
                </c:pt>
                <c:pt idx="2822">
                  <c:v>47.033316244048002</c:v>
                </c:pt>
                <c:pt idx="2823">
                  <c:v>47.049982904762203</c:v>
                </c:pt>
                <c:pt idx="2824">
                  <c:v>47.066649565476503</c:v>
                </c:pt>
                <c:pt idx="2825">
                  <c:v>47.083316226190803</c:v>
                </c:pt>
                <c:pt idx="2826">
                  <c:v>47.099982886905103</c:v>
                </c:pt>
                <c:pt idx="2827">
                  <c:v>47.116649547619403</c:v>
                </c:pt>
                <c:pt idx="2828">
                  <c:v>47.133316208333703</c:v>
                </c:pt>
                <c:pt idx="2829">
                  <c:v>47.149982869048003</c:v>
                </c:pt>
                <c:pt idx="2830">
                  <c:v>47.166649529762203</c:v>
                </c:pt>
                <c:pt idx="2831">
                  <c:v>47.183316190476503</c:v>
                </c:pt>
                <c:pt idx="2832">
                  <c:v>47.199982851190804</c:v>
                </c:pt>
                <c:pt idx="2833">
                  <c:v>47.216649511905104</c:v>
                </c:pt>
                <c:pt idx="2834">
                  <c:v>47.233316172619404</c:v>
                </c:pt>
                <c:pt idx="2835">
                  <c:v>47.249982833333704</c:v>
                </c:pt>
                <c:pt idx="2836">
                  <c:v>47.266649494048004</c:v>
                </c:pt>
                <c:pt idx="2837">
                  <c:v>47.283316154762197</c:v>
                </c:pt>
                <c:pt idx="2838">
                  <c:v>47.299982815476497</c:v>
                </c:pt>
                <c:pt idx="2839">
                  <c:v>47.316649476190797</c:v>
                </c:pt>
                <c:pt idx="2840">
                  <c:v>47.333316136905097</c:v>
                </c:pt>
                <c:pt idx="2841">
                  <c:v>47.349982797619397</c:v>
                </c:pt>
                <c:pt idx="2842">
                  <c:v>47.366649458333697</c:v>
                </c:pt>
                <c:pt idx="2843">
                  <c:v>47.383316119047997</c:v>
                </c:pt>
                <c:pt idx="2844">
                  <c:v>47.399982779762198</c:v>
                </c:pt>
                <c:pt idx="2845">
                  <c:v>47.416649440476498</c:v>
                </c:pt>
                <c:pt idx="2846">
                  <c:v>47.433316101190798</c:v>
                </c:pt>
                <c:pt idx="2847">
                  <c:v>47.449982761905098</c:v>
                </c:pt>
                <c:pt idx="2848">
                  <c:v>47.466649422619398</c:v>
                </c:pt>
                <c:pt idx="2849">
                  <c:v>47.483316083333698</c:v>
                </c:pt>
                <c:pt idx="2850">
                  <c:v>47.499982744047998</c:v>
                </c:pt>
                <c:pt idx="2851">
                  <c:v>47.516649404762198</c:v>
                </c:pt>
                <c:pt idx="2852">
                  <c:v>47.533316065476498</c:v>
                </c:pt>
                <c:pt idx="2853">
                  <c:v>47.549982726190798</c:v>
                </c:pt>
                <c:pt idx="2854">
                  <c:v>47.566649386905098</c:v>
                </c:pt>
                <c:pt idx="2855">
                  <c:v>47.583316047619398</c:v>
                </c:pt>
                <c:pt idx="2856">
                  <c:v>47.599982708333698</c:v>
                </c:pt>
                <c:pt idx="2857">
                  <c:v>47.616649369047998</c:v>
                </c:pt>
                <c:pt idx="2858">
                  <c:v>47.633316029762199</c:v>
                </c:pt>
                <c:pt idx="2859">
                  <c:v>47.649982690476499</c:v>
                </c:pt>
                <c:pt idx="2860">
                  <c:v>47.666649351190799</c:v>
                </c:pt>
                <c:pt idx="2861">
                  <c:v>47.683316011905099</c:v>
                </c:pt>
                <c:pt idx="2862">
                  <c:v>47.699982672619399</c:v>
                </c:pt>
                <c:pt idx="2863">
                  <c:v>47.716649333333699</c:v>
                </c:pt>
                <c:pt idx="2864">
                  <c:v>47.733315994047999</c:v>
                </c:pt>
                <c:pt idx="2865">
                  <c:v>47.749982654762299</c:v>
                </c:pt>
                <c:pt idx="2866">
                  <c:v>47.766649315476499</c:v>
                </c:pt>
                <c:pt idx="2867">
                  <c:v>47.783315976190799</c:v>
                </c:pt>
                <c:pt idx="2868">
                  <c:v>47.799982636905099</c:v>
                </c:pt>
                <c:pt idx="2869">
                  <c:v>47.816649297619399</c:v>
                </c:pt>
                <c:pt idx="2870">
                  <c:v>47.833315958333699</c:v>
                </c:pt>
                <c:pt idx="2871">
                  <c:v>47.849982619047999</c:v>
                </c:pt>
                <c:pt idx="2872">
                  <c:v>47.866649279762299</c:v>
                </c:pt>
                <c:pt idx="2873">
                  <c:v>47.8833159404765</c:v>
                </c:pt>
                <c:pt idx="2874">
                  <c:v>47.8999826011908</c:v>
                </c:pt>
                <c:pt idx="2875">
                  <c:v>47.9166492619051</c:v>
                </c:pt>
                <c:pt idx="2876">
                  <c:v>47.9333159226194</c:v>
                </c:pt>
                <c:pt idx="2877">
                  <c:v>47.9499825833337</c:v>
                </c:pt>
                <c:pt idx="2878">
                  <c:v>47.966649244048</c:v>
                </c:pt>
                <c:pt idx="2879">
                  <c:v>47.9833159047623</c:v>
                </c:pt>
                <c:pt idx="2880">
                  <c:v>47.9999825654765</c:v>
                </c:pt>
                <c:pt idx="2881">
                  <c:v>48.0166492261908</c:v>
                </c:pt>
                <c:pt idx="2882">
                  <c:v>48.0333158869051</c:v>
                </c:pt>
                <c:pt idx="2883">
                  <c:v>48.0499825476194</c:v>
                </c:pt>
                <c:pt idx="2884">
                  <c:v>48.0666492083337</c:v>
                </c:pt>
                <c:pt idx="2885">
                  <c:v>48.083315869048</c:v>
                </c:pt>
                <c:pt idx="2886">
                  <c:v>48.0999825297623</c:v>
                </c:pt>
                <c:pt idx="2887">
                  <c:v>48.116649190476501</c:v>
                </c:pt>
                <c:pt idx="2888">
                  <c:v>48.133315851190801</c:v>
                </c:pt>
                <c:pt idx="2889">
                  <c:v>48.149982511905101</c:v>
                </c:pt>
                <c:pt idx="2890">
                  <c:v>48.166649172619401</c:v>
                </c:pt>
                <c:pt idx="2891">
                  <c:v>48.183315833333701</c:v>
                </c:pt>
                <c:pt idx="2892">
                  <c:v>48.199982494048001</c:v>
                </c:pt>
                <c:pt idx="2893">
                  <c:v>48.216649154762301</c:v>
                </c:pt>
                <c:pt idx="2894">
                  <c:v>48.233315815476502</c:v>
                </c:pt>
                <c:pt idx="2895">
                  <c:v>48.249982476190802</c:v>
                </c:pt>
                <c:pt idx="2896">
                  <c:v>48.266649136905102</c:v>
                </c:pt>
                <c:pt idx="2897">
                  <c:v>48.283315797619402</c:v>
                </c:pt>
                <c:pt idx="2898">
                  <c:v>48.299982458333702</c:v>
                </c:pt>
                <c:pt idx="2899">
                  <c:v>48.316649119048002</c:v>
                </c:pt>
                <c:pt idx="2900">
                  <c:v>48.333315779762302</c:v>
                </c:pt>
                <c:pt idx="2901">
                  <c:v>48.349982440476502</c:v>
                </c:pt>
                <c:pt idx="2902">
                  <c:v>48.366649101190802</c:v>
                </c:pt>
                <c:pt idx="2903">
                  <c:v>48.383315761905102</c:v>
                </c:pt>
                <c:pt idx="2904">
                  <c:v>48.399982422619402</c:v>
                </c:pt>
                <c:pt idx="2905">
                  <c:v>48.416649083333702</c:v>
                </c:pt>
                <c:pt idx="2906">
                  <c:v>48.433315744048002</c:v>
                </c:pt>
                <c:pt idx="2907">
                  <c:v>48.449982404762302</c:v>
                </c:pt>
                <c:pt idx="2908">
                  <c:v>48.466649065476503</c:v>
                </c:pt>
                <c:pt idx="2909">
                  <c:v>48.483315726190803</c:v>
                </c:pt>
                <c:pt idx="2910">
                  <c:v>48.499982386905103</c:v>
                </c:pt>
                <c:pt idx="2911">
                  <c:v>48.516649047619403</c:v>
                </c:pt>
                <c:pt idx="2912">
                  <c:v>48.533315708333703</c:v>
                </c:pt>
                <c:pt idx="2913">
                  <c:v>48.549982369048003</c:v>
                </c:pt>
                <c:pt idx="2914">
                  <c:v>48.566649029762303</c:v>
                </c:pt>
                <c:pt idx="2915">
                  <c:v>48.583315690476503</c:v>
                </c:pt>
                <c:pt idx="2916">
                  <c:v>48.599982351190803</c:v>
                </c:pt>
                <c:pt idx="2917">
                  <c:v>48.616649011905103</c:v>
                </c:pt>
                <c:pt idx="2918">
                  <c:v>48.633315672619403</c:v>
                </c:pt>
                <c:pt idx="2919">
                  <c:v>48.649982333333703</c:v>
                </c:pt>
                <c:pt idx="2920">
                  <c:v>48.666648994048003</c:v>
                </c:pt>
                <c:pt idx="2921">
                  <c:v>48.683315654762303</c:v>
                </c:pt>
                <c:pt idx="2922">
                  <c:v>48.699982315476497</c:v>
                </c:pt>
                <c:pt idx="2923">
                  <c:v>48.716648976190797</c:v>
                </c:pt>
                <c:pt idx="2924">
                  <c:v>48.733315636905097</c:v>
                </c:pt>
                <c:pt idx="2925">
                  <c:v>48.749982297619397</c:v>
                </c:pt>
                <c:pt idx="2926">
                  <c:v>48.766648958333697</c:v>
                </c:pt>
                <c:pt idx="2927">
                  <c:v>48.783315619047997</c:v>
                </c:pt>
                <c:pt idx="2928">
                  <c:v>48.799982279762297</c:v>
                </c:pt>
                <c:pt idx="2929">
                  <c:v>48.816648940476497</c:v>
                </c:pt>
                <c:pt idx="2930">
                  <c:v>48.833315601190797</c:v>
                </c:pt>
                <c:pt idx="2931">
                  <c:v>48.849982261905097</c:v>
                </c:pt>
                <c:pt idx="2932">
                  <c:v>48.866648922619397</c:v>
                </c:pt>
                <c:pt idx="2933">
                  <c:v>48.883315583333697</c:v>
                </c:pt>
                <c:pt idx="2934">
                  <c:v>48.899982244047997</c:v>
                </c:pt>
                <c:pt idx="2935">
                  <c:v>48.916648904762297</c:v>
                </c:pt>
                <c:pt idx="2936">
                  <c:v>48.933315565476498</c:v>
                </c:pt>
                <c:pt idx="2937">
                  <c:v>48.949982226190798</c:v>
                </c:pt>
                <c:pt idx="2938">
                  <c:v>48.966648886905098</c:v>
                </c:pt>
                <c:pt idx="2939">
                  <c:v>48.983315547619398</c:v>
                </c:pt>
                <c:pt idx="2940">
                  <c:v>48.999982208333698</c:v>
                </c:pt>
                <c:pt idx="2941">
                  <c:v>49.016648869047998</c:v>
                </c:pt>
                <c:pt idx="2942">
                  <c:v>49.033315529762298</c:v>
                </c:pt>
                <c:pt idx="2943">
                  <c:v>49.049982190476499</c:v>
                </c:pt>
                <c:pt idx="2944">
                  <c:v>49.066648851190799</c:v>
                </c:pt>
                <c:pt idx="2945">
                  <c:v>49.083315511905099</c:v>
                </c:pt>
                <c:pt idx="2946">
                  <c:v>49.099982172619399</c:v>
                </c:pt>
                <c:pt idx="2947">
                  <c:v>49.116648833333699</c:v>
                </c:pt>
                <c:pt idx="2948">
                  <c:v>49.133315494047999</c:v>
                </c:pt>
                <c:pt idx="2949">
                  <c:v>49.149982154762299</c:v>
                </c:pt>
                <c:pt idx="2950">
                  <c:v>49.166648815476499</c:v>
                </c:pt>
                <c:pt idx="2951">
                  <c:v>49.183315476190799</c:v>
                </c:pt>
                <c:pt idx="2952">
                  <c:v>49.199982136905099</c:v>
                </c:pt>
                <c:pt idx="2953">
                  <c:v>49.216648797619399</c:v>
                </c:pt>
                <c:pt idx="2954">
                  <c:v>49.233315458333699</c:v>
                </c:pt>
                <c:pt idx="2955">
                  <c:v>49.249982119047999</c:v>
                </c:pt>
                <c:pt idx="2956">
                  <c:v>49.266648779762299</c:v>
                </c:pt>
                <c:pt idx="2957">
                  <c:v>49.2833154404765</c:v>
                </c:pt>
                <c:pt idx="2958">
                  <c:v>49.2999821011908</c:v>
                </c:pt>
                <c:pt idx="2959">
                  <c:v>49.3166487619051</c:v>
                </c:pt>
                <c:pt idx="2960">
                  <c:v>49.3333154226194</c:v>
                </c:pt>
                <c:pt idx="2961">
                  <c:v>49.3499820833337</c:v>
                </c:pt>
                <c:pt idx="2962">
                  <c:v>49.366648744048</c:v>
                </c:pt>
                <c:pt idx="2963">
                  <c:v>49.3833154047623</c:v>
                </c:pt>
                <c:pt idx="2964">
                  <c:v>49.3999820654765</c:v>
                </c:pt>
                <c:pt idx="2965">
                  <c:v>49.4166487261908</c:v>
                </c:pt>
                <c:pt idx="2966">
                  <c:v>49.4333153869051</c:v>
                </c:pt>
                <c:pt idx="2967">
                  <c:v>49.4499820476194</c:v>
                </c:pt>
                <c:pt idx="2968">
                  <c:v>49.4666487083337</c:v>
                </c:pt>
                <c:pt idx="2969">
                  <c:v>49.483315369048</c:v>
                </c:pt>
                <c:pt idx="2970">
                  <c:v>49.4999820297623</c:v>
                </c:pt>
                <c:pt idx="2971">
                  <c:v>49.516648690476501</c:v>
                </c:pt>
                <c:pt idx="2972">
                  <c:v>49.533315351190801</c:v>
                </c:pt>
                <c:pt idx="2973">
                  <c:v>49.549982011905101</c:v>
                </c:pt>
                <c:pt idx="2974">
                  <c:v>49.566648672619401</c:v>
                </c:pt>
                <c:pt idx="2975">
                  <c:v>49.583315333333701</c:v>
                </c:pt>
                <c:pt idx="2976">
                  <c:v>49.599981994048001</c:v>
                </c:pt>
                <c:pt idx="2977">
                  <c:v>49.616648654762301</c:v>
                </c:pt>
                <c:pt idx="2978">
                  <c:v>49.633315315476501</c:v>
                </c:pt>
                <c:pt idx="2979">
                  <c:v>49.649981976190801</c:v>
                </c:pt>
                <c:pt idx="2980">
                  <c:v>49.666648636905101</c:v>
                </c:pt>
                <c:pt idx="2981">
                  <c:v>49.683315297619401</c:v>
                </c:pt>
                <c:pt idx="2982">
                  <c:v>49.699981958333701</c:v>
                </c:pt>
                <c:pt idx="2983">
                  <c:v>49.716648619048001</c:v>
                </c:pt>
                <c:pt idx="2984">
                  <c:v>49.733315279762301</c:v>
                </c:pt>
                <c:pt idx="2985">
                  <c:v>49.749981940476502</c:v>
                </c:pt>
                <c:pt idx="2986">
                  <c:v>49.766648601190802</c:v>
                </c:pt>
                <c:pt idx="2987">
                  <c:v>49.783315261905102</c:v>
                </c:pt>
                <c:pt idx="2988">
                  <c:v>49.799981922619402</c:v>
                </c:pt>
                <c:pt idx="2989">
                  <c:v>49.816648583333702</c:v>
                </c:pt>
                <c:pt idx="2990">
                  <c:v>49.833315244048002</c:v>
                </c:pt>
                <c:pt idx="2991">
                  <c:v>49.849981904762302</c:v>
                </c:pt>
                <c:pt idx="2992">
                  <c:v>49.866648565476503</c:v>
                </c:pt>
                <c:pt idx="2993">
                  <c:v>49.883315226190803</c:v>
                </c:pt>
                <c:pt idx="2994">
                  <c:v>49.899981886905103</c:v>
                </c:pt>
                <c:pt idx="2995">
                  <c:v>49.916648547619403</c:v>
                </c:pt>
                <c:pt idx="2996">
                  <c:v>49.933315208333703</c:v>
                </c:pt>
                <c:pt idx="2997">
                  <c:v>49.949981869048003</c:v>
                </c:pt>
                <c:pt idx="2998">
                  <c:v>49.966648529762303</c:v>
                </c:pt>
                <c:pt idx="2999">
                  <c:v>49.983315190476603</c:v>
                </c:pt>
                <c:pt idx="3000">
                  <c:v>49.999981851190803</c:v>
                </c:pt>
                <c:pt idx="3001">
                  <c:v>50.016648511905103</c:v>
                </c:pt>
                <c:pt idx="3002">
                  <c:v>50.033315172619403</c:v>
                </c:pt>
                <c:pt idx="3003">
                  <c:v>50.049981833333703</c:v>
                </c:pt>
                <c:pt idx="3004">
                  <c:v>50.066648494048003</c:v>
                </c:pt>
                <c:pt idx="3005">
                  <c:v>50.083315154762303</c:v>
                </c:pt>
                <c:pt idx="3006">
                  <c:v>50.099981815476603</c:v>
                </c:pt>
                <c:pt idx="3007">
                  <c:v>50.116648476190797</c:v>
                </c:pt>
                <c:pt idx="3008">
                  <c:v>50.133315136905097</c:v>
                </c:pt>
                <c:pt idx="3009">
                  <c:v>50.149981797619397</c:v>
                </c:pt>
                <c:pt idx="3010">
                  <c:v>50.166648458333697</c:v>
                </c:pt>
                <c:pt idx="3011">
                  <c:v>50.183315119047997</c:v>
                </c:pt>
                <c:pt idx="3012">
                  <c:v>50.199981779762297</c:v>
                </c:pt>
                <c:pt idx="3013">
                  <c:v>50.216648440476597</c:v>
                </c:pt>
                <c:pt idx="3014">
                  <c:v>50.233315101190797</c:v>
                </c:pt>
                <c:pt idx="3015">
                  <c:v>50.249981761905097</c:v>
                </c:pt>
                <c:pt idx="3016">
                  <c:v>50.266648422619397</c:v>
                </c:pt>
                <c:pt idx="3017">
                  <c:v>50.283315083333697</c:v>
                </c:pt>
                <c:pt idx="3018">
                  <c:v>50.299981744047997</c:v>
                </c:pt>
                <c:pt idx="3019">
                  <c:v>50.316648404762297</c:v>
                </c:pt>
                <c:pt idx="3020">
                  <c:v>50.333315065476597</c:v>
                </c:pt>
                <c:pt idx="3021">
                  <c:v>50.349981726190798</c:v>
                </c:pt>
                <c:pt idx="3022">
                  <c:v>50.366648386905098</c:v>
                </c:pt>
                <c:pt idx="3023">
                  <c:v>50.383315047619398</c:v>
                </c:pt>
                <c:pt idx="3024">
                  <c:v>50.399981708333698</c:v>
                </c:pt>
                <c:pt idx="3025">
                  <c:v>50.416648369047998</c:v>
                </c:pt>
                <c:pt idx="3026">
                  <c:v>50.433315029762298</c:v>
                </c:pt>
                <c:pt idx="3027">
                  <c:v>50.449981690476598</c:v>
                </c:pt>
                <c:pt idx="3028">
                  <c:v>50.466648351190798</c:v>
                </c:pt>
                <c:pt idx="3029">
                  <c:v>50.483315011905098</c:v>
                </c:pt>
                <c:pt idx="3030">
                  <c:v>50.499981672619398</c:v>
                </c:pt>
                <c:pt idx="3031">
                  <c:v>50.516648333333698</c:v>
                </c:pt>
                <c:pt idx="3032">
                  <c:v>50.533314994047998</c:v>
                </c:pt>
                <c:pt idx="3033">
                  <c:v>50.549981654762298</c:v>
                </c:pt>
                <c:pt idx="3034">
                  <c:v>50.566648315476598</c:v>
                </c:pt>
                <c:pt idx="3035">
                  <c:v>50.583314976190799</c:v>
                </c:pt>
                <c:pt idx="3036">
                  <c:v>50.599981636905099</c:v>
                </c:pt>
                <c:pt idx="3037">
                  <c:v>50.616648297619399</c:v>
                </c:pt>
                <c:pt idx="3038">
                  <c:v>50.633314958333699</c:v>
                </c:pt>
                <c:pt idx="3039">
                  <c:v>50.649981619047999</c:v>
                </c:pt>
                <c:pt idx="3040">
                  <c:v>50.666648279762299</c:v>
                </c:pt>
                <c:pt idx="3041">
                  <c:v>50.683314940476599</c:v>
                </c:pt>
                <c:pt idx="3042">
                  <c:v>50.6999816011908</c:v>
                </c:pt>
                <c:pt idx="3043">
                  <c:v>50.7166482619051</c:v>
                </c:pt>
                <c:pt idx="3044">
                  <c:v>50.7333149226194</c:v>
                </c:pt>
                <c:pt idx="3045">
                  <c:v>50.7499815833337</c:v>
                </c:pt>
                <c:pt idx="3046">
                  <c:v>50.766648244048</c:v>
                </c:pt>
                <c:pt idx="3047">
                  <c:v>50.7833149047623</c:v>
                </c:pt>
                <c:pt idx="3048">
                  <c:v>50.7999815654766</c:v>
                </c:pt>
                <c:pt idx="3049">
                  <c:v>50.8166482261908</c:v>
                </c:pt>
                <c:pt idx="3050">
                  <c:v>50.8333148869051</c:v>
                </c:pt>
                <c:pt idx="3051">
                  <c:v>50.8499815476194</c:v>
                </c:pt>
                <c:pt idx="3052">
                  <c:v>50.8666482083337</c:v>
                </c:pt>
                <c:pt idx="3053">
                  <c:v>50.883314869048</c:v>
                </c:pt>
                <c:pt idx="3054">
                  <c:v>50.8999815297623</c:v>
                </c:pt>
                <c:pt idx="3055">
                  <c:v>50.9166481904766</c:v>
                </c:pt>
                <c:pt idx="3056">
                  <c:v>50.933314851190801</c:v>
                </c:pt>
                <c:pt idx="3057">
                  <c:v>50.949981511905101</c:v>
                </c:pt>
                <c:pt idx="3058">
                  <c:v>50.966648172619401</c:v>
                </c:pt>
                <c:pt idx="3059">
                  <c:v>50.983314833333701</c:v>
                </c:pt>
                <c:pt idx="3060">
                  <c:v>50.999981494048001</c:v>
                </c:pt>
                <c:pt idx="3061">
                  <c:v>51.016648154762301</c:v>
                </c:pt>
                <c:pt idx="3062">
                  <c:v>51.033314815476601</c:v>
                </c:pt>
                <c:pt idx="3063">
                  <c:v>51.049981476190801</c:v>
                </c:pt>
                <c:pt idx="3064">
                  <c:v>51.066648136905101</c:v>
                </c:pt>
                <c:pt idx="3065">
                  <c:v>51.083314797619401</c:v>
                </c:pt>
                <c:pt idx="3066">
                  <c:v>51.099981458333701</c:v>
                </c:pt>
                <c:pt idx="3067">
                  <c:v>51.116648119048001</c:v>
                </c:pt>
                <c:pt idx="3068">
                  <c:v>51.133314779762301</c:v>
                </c:pt>
                <c:pt idx="3069">
                  <c:v>51.149981440476601</c:v>
                </c:pt>
                <c:pt idx="3070">
                  <c:v>51.166648101190802</c:v>
                </c:pt>
                <c:pt idx="3071">
                  <c:v>51.183314761905102</c:v>
                </c:pt>
                <c:pt idx="3072">
                  <c:v>51.199981422619402</c:v>
                </c:pt>
                <c:pt idx="3073">
                  <c:v>51.216648083333702</c:v>
                </c:pt>
                <c:pt idx="3074">
                  <c:v>51.233314744048002</c:v>
                </c:pt>
                <c:pt idx="3075">
                  <c:v>51.249981404762302</c:v>
                </c:pt>
                <c:pt idx="3076">
                  <c:v>51.266648065476602</c:v>
                </c:pt>
                <c:pt idx="3077">
                  <c:v>51.283314726190802</c:v>
                </c:pt>
                <c:pt idx="3078">
                  <c:v>51.299981386905102</c:v>
                </c:pt>
                <c:pt idx="3079">
                  <c:v>51.316648047619402</c:v>
                </c:pt>
                <c:pt idx="3080">
                  <c:v>51.333314708333702</c:v>
                </c:pt>
                <c:pt idx="3081">
                  <c:v>51.349981369048002</c:v>
                </c:pt>
                <c:pt idx="3082">
                  <c:v>51.366648029762302</c:v>
                </c:pt>
                <c:pt idx="3083">
                  <c:v>51.383314690476602</c:v>
                </c:pt>
                <c:pt idx="3084">
                  <c:v>51.399981351190803</c:v>
                </c:pt>
                <c:pt idx="3085">
                  <c:v>51.416648011905103</c:v>
                </c:pt>
                <c:pt idx="3086">
                  <c:v>51.433314672619403</c:v>
                </c:pt>
                <c:pt idx="3087">
                  <c:v>51.449981333333703</c:v>
                </c:pt>
                <c:pt idx="3088">
                  <c:v>51.466647994048003</c:v>
                </c:pt>
                <c:pt idx="3089">
                  <c:v>51.483314654762303</c:v>
                </c:pt>
                <c:pt idx="3090">
                  <c:v>51.499981315476603</c:v>
                </c:pt>
                <c:pt idx="3091">
                  <c:v>51.516647976190796</c:v>
                </c:pt>
                <c:pt idx="3092">
                  <c:v>51.533314636905097</c:v>
                </c:pt>
                <c:pt idx="3093">
                  <c:v>51.549981297619397</c:v>
                </c:pt>
                <c:pt idx="3094">
                  <c:v>51.566647958333697</c:v>
                </c:pt>
                <c:pt idx="3095">
                  <c:v>51.583314619047997</c:v>
                </c:pt>
                <c:pt idx="3096">
                  <c:v>51.599981279762297</c:v>
                </c:pt>
                <c:pt idx="3097">
                  <c:v>51.616647940476597</c:v>
                </c:pt>
                <c:pt idx="3098">
                  <c:v>51.633314601190797</c:v>
                </c:pt>
                <c:pt idx="3099">
                  <c:v>51.649981261905097</c:v>
                </c:pt>
                <c:pt idx="3100">
                  <c:v>51.666647922619397</c:v>
                </c:pt>
                <c:pt idx="3101">
                  <c:v>51.683314583333697</c:v>
                </c:pt>
                <c:pt idx="3102">
                  <c:v>51.699981244047997</c:v>
                </c:pt>
                <c:pt idx="3103">
                  <c:v>51.716647904762297</c:v>
                </c:pt>
                <c:pt idx="3104">
                  <c:v>51.733314565476597</c:v>
                </c:pt>
                <c:pt idx="3105">
                  <c:v>51.749981226190798</c:v>
                </c:pt>
                <c:pt idx="3106">
                  <c:v>51.766647886905098</c:v>
                </c:pt>
                <c:pt idx="3107">
                  <c:v>51.783314547619398</c:v>
                </c:pt>
                <c:pt idx="3108">
                  <c:v>51.799981208333698</c:v>
                </c:pt>
                <c:pt idx="3109">
                  <c:v>51.816647869047998</c:v>
                </c:pt>
                <c:pt idx="3110">
                  <c:v>51.833314529762298</c:v>
                </c:pt>
                <c:pt idx="3111">
                  <c:v>51.849981190476598</c:v>
                </c:pt>
                <c:pt idx="3112">
                  <c:v>51.866647851190798</c:v>
                </c:pt>
                <c:pt idx="3113">
                  <c:v>51.883314511905098</c:v>
                </c:pt>
                <c:pt idx="3114">
                  <c:v>51.899981172619398</c:v>
                </c:pt>
                <c:pt idx="3115">
                  <c:v>51.916647833333698</c:v>
                </c:pt>
                <c:pt idx="3116">
                  <c:v>51.933314494047998</c:v>
                </c:pt>
                <c:pt idx="3117">
                  <c:v>51.949981154762298</c:v>
                </c:pt>
                <c:pt idx="3118">
                  <c:v>51.966647815476598</c:v>
                </c:pt>
                <c:pt idx="3119">
                  <c:v>51.983314476190898</c:v>
                </c:pt>
                <c:pt idx="3120">
                  <c:v>51.999981136905099</c:v>
                </c:pt>
                <c:pt idx="3121">
                  <c:v>52.016647797619399</c:v>
                </c:pt>
                <c:pt idx="3122">
                  <c:v>52.033314458333699</c:v>
                </c:pt>
                <c:pt idx="3123">
                  <c:v>52.049981119047999</c:v>
                </c:pt>
                <c:pt idx="3124">
                  <c:v>52.066647779762299</c:v>
                </c:pt>
                <c:pt idx="3125">
                  <c:v>52.083314440476599</c:v>
                </c:pt>
                <c:pt idx="3126">
                  <c:v>52.099981101190899</c:v>
                </c:pt>
                <c:pt idx="3127">
                  <c:v>52.116647761905099</c:v>
                </c:pt>
                <c:pt idx="3128">
                  <c:v>52.133314422619399</c:v>
                </c:pt>
                <c:pt idx="3129">
                  <c:v>52.149981083333699</c:v>
                </c:pt>
                <c:pt idx="3130">
                  <c:v>52.166647744047999</c:v>
                </c:pt>
                <c:pt idx="3131">
                  <c:v>52.183314404762299</c:v>
                </c:pt>
                <c:pt idx="3132">
                  <c:v>52.199981065476599</c:v>
                </c:pt>
                <c:pt idx="3133">
                  <c:v>52.216647726190899</c:v>
                </c:pt>
                <c:pt idx="3134">
                  <c:v>52.2333143869051</c:v>
                </c:pt>
                <c:pt idx="3135">
                  <c:v>52.2499810476194</c:v>
                </c:pt>
                <c:pt idx="3136">
                  <c:v>52.2666477083337</c:v>
                </c:pt>
                <c:pt idx="3137">
                  <c:v>52.283314369048</c:v>
                </c:pt>
                <c:pt idx="3138">
                  <c:v>52.2999810297623</c:v>
                </c:pt>
                <c:pt idx="3139">
                  <c:v>52.3166476904766</c:v>
                </c:pt>
                <c:pt idx="3140">
                  <c:v>52.3333143511909</c:v>
                </c:pt>
                <c:pt idx="3141">
                  <c:v>52.349981011905101</c:v>
                </c:pt>
                <c:pt idx="3142">
                  <c:v>52.366647672619401</c:v>
                </c:pt>
                <c:pt idx="3143">
                  <c:v>52.383314333333701</c:v>
                </c:pt>
                <c:pt idx="3144">
                  <c:v>52.399980994048001</c:v>
                </c:pt>
                <c:pt idx="3145">
                  <c:v>52.416647654762301</c:v>
                </c:pt>
                <c:pt idx="3146">
                  <c:v>52.433314315476601</c:v>
                </c:pt>
                <c:pt idx="3147">
                  <c:v>52.449980976190901</c:v>
                </c:pt>
                <c:pt idx="3148">
                  <c:v>52.466647636905101</c:v>
                </c:pt>
                <c:pt idx="3149">
                  <c:v>52.483314297619401</c:v>
                </c:pt>
                <c:pt idx="3150">
                  <c:v>52.499980958333701</c:v>
                </c:pt>
                <c:pt idx="3151">
                  <c:v>52.516647619048001</c:v>
                </c:pt>
                <c:pt idx="3152">
                  <c:v>52.533314279762301</c:v>
                </c:pt>
                <c:pt idx="3153">
                  <c:v>52.549980940476601</c:v>
                </c:pt>
                <c:pt idx="3154">
                  <c:v>52.566647601190901</c:v>
                </c:pt>
                <c:pt idx="3155">
                  <c:v>52.583314261905102</c:v>
                </c:pt>
                <c:pt idx="3156">
                  <c:v>52.599980922619402</c:v>
                </c:pt>
                <c:pt idx="3157">
                  <c:v>52.616647583333702</c:v>
                </c:pt>
                <c:pt idx="3158">
                  <c:v>52.633314244048002</c:v>
                </c:pt>
                <c:pt idx="3159">
                  <c:v>52.649980904762302</c:v>
                </c:pt>
                <c:pt idx="3160">
                  <c:v>52.666647565476602</c:v>
                </c:pt>
                <c:pt idx="3161">
                  <c:v>52.683314226190902</c:v>
                </c:pt>
                <c:pt idx="3162">
                  <c:v>52.699980886905102</c:v>
                </c:pt>
                <c:pt idx="3163">
                  <c:v>52.716647547619402</c:v>
                </c:pt>
                <c:pt idx="3164">
                  <c:v>52.733314208333702</c:v>
                </c:pt>
                <c:pt idx="3165">
                  <c:v>52.749980869048002</c:v>
                </c:pt>
                <c:pt idx="3166">
                  <c:v>52.766647529762302</c:v>
                </c:pt>
                <c:pt idx="3167">
                  <c:v>52.783314190476602</c:v>
                </c:pt>
                <c:pt idx="3168">
                  <c:v>52.799980851190902</c:v>
                </c:pt>
                <c:pt idx="3169">
                  <c:v>52.816647511905103</c:v>
                </c:pt>
                <c:pt idx="3170">
                  <c:v>52.833314172619403</c:v>
                </c:pt>
                <c:pt idx="3171">
                  <c:v>52.849980833333703</c:v>
                </c:pt>
                <c:pt idx="3172">
                  <c:v>52.866647494048003</c:v>
                </c:pt>
                <c:pt idx="3173">
                  <c:v>52.883314154762303</c:v>
                </c:pt>
                <c:pt idx="3174">
                  <c:v>52.899980815476603</c:v>
                </c:pt>
                <c:pt idx="3175">
                  <c:v>52.916647476190903</c:v>
                </c:pt>
                <c:pt idx="3176">
                  <c:v>52.933314136905103</c:v>
                </c:pt>
                <c:pt idx="3177">
                  <c:v>52.949980797619403</c:v>
                </c:pt>
                <c:pt idx="3178">
                  <c:v>52.966647458333703</c:v>
                </c:pt>
                <c:pt idx="3179">
                  <c:v>52.983314119048003</c:v>
                </c:pt>
                <c:pt idx="3180">
                  <c:v>52.999980779762303</c:v>
                </c:pt>
                <c:pt idx="3181">
                  <c:v>53.016647440476603</c:v>
                </c:pt>
                <c:pt idx="3182">
                  <c:v>53.033314101190904</c:v>
                </c:pt>
                <c:pt idx="3183">
                  <c:v>53.049980761905097</c:v>
                </c:pt>
                <c:pt idx="3184">
                  <c:v>53.066647422619397</c:v>
                </c:pt>
                <c:pt idx="3185">
                  <c:v>53.083314083333697</c:v>
                </c:pt>
                <c:pt idx="3186">
                  <c:v>53.099980744047997</c:v>
                </c:pt>
                <c:pt idx="3187">
                  <c:v>53.116647404762297</c:v>
                </c:pt>
                <c:pt idx="3188">
                  <c:v>53.133314065476597</c:v>
                </c:pt>
                <c:pt idx="3189">
                  <c:v>53.149980726190897</c:v>
                </c:pt>
                <c:pt idx="3190">
                  <c:v>53.166647386905098</c:v>
                </c:pt>
                <c:pt idx="3191">
                  <c:v>53.183314047619398</c:v>
                </c:pt>
                <c:pt idx="3192">
                  <c:v>53.199980708333698</c:v>
                </c:pt>
                <c:pt idx="3193">
                  <c:v>53.216647369047998</c:v>
                </c:pt>
                <c:pt idx="3194">
                  <c:v>53.233314029762298</c:v>
                </c:pt>
                <c:pt idx="3195">
                  <c:v>53.249980690476598</c:v>
                </c:pt>
                <c:pt idx="3196">
                  <c:v>53.266647351190898</c:v>
                </c:pt>
                <c:pt idx="3197">
                  <c:v>53.283314011905098</c:v>
                </c:pt>
                <c:pt idx="3198">
                  <c:v>53.299980672619398</c:v>
                </c:pt>
                <c:pt idx="3199">
                  <c:v>53.316647333333698</c:v>
                </c:pt>
                <c:pt idx="3200">
                  <c:v>53.333313994047998</c:v>
                </c:pt>
                <c:pt idx="3201">
                  <c:v>53.349980654762298</c:v>
                </c:pt>
                <c:pt idx="3202">
                  <c:v>53.366647315476598</c:v>
                </c:pt>
                <c:pt idx="3203">
                  <c:v>53.383313976190898</c:v>
                </c:pt>
                <c:pt idx="3204">
                  <c:v>53.399980636905099</c:v>
                </c:pt>
                <c:pt idx="3205">
                  <c:v>53.416647297619399</c:v>
                </c:pt>
                <c:pt idx="3206">
                  <c:v>53.433313958333699</c:v>
                </c:pt>
                <c:pt idx="3207">
                  <c:v>53.449980619047999</c:v>
                </c:pt>
                <c:pt idx="3208">
                  <c:v>53.466647279762299</c:v>
                </c:pt>
                <c:pt idx="3209">
                  <c:v>53.483313940476599</c:v>
                </c:pt>
                <c:pt idx="3210">
                  <c:v>53.499980601190899</c:v>
                </c:pt>
                <c:pt idx="3211">
                  <c:v>53.516647261905199</c:v>
                </c:pt>
                <c:pt idx="3212">
                  <c:v>53.533313922619399</c:v>
                </c:pt>
                <c:pt idx="3213">
                  <c:v>53.549980583333699</c:v>
                </c:pt>
                <c:pt idx="3214">
                  <c:v>53.566647244047999</c:v>
                </c:pt>
                <c:pt idx="3215">
                  <c:v>53.583313904762299</c:v>
                </c:pt>
                <c:pt idx="3216">
                  <c:v>53.599980565476599</c:v>
                </c:pt>
                <c:pt idx="3217">
                  <c:v>53.616647226190899</c:v>
                </c:pt>
                <c:pt idx="3218">
                  <c:v>53.633313886905199</c:v>
                </c:pt>
                <c:pt idx="3219">
                  <c:v>53.6499805476194</c:v>
                </c:pt>
                <c:pt idx="3220">
                  <c:v>53.6666472083337</c:v>
                </c:pt>
                <c:pt idx="3221">
                  <c:v>53.683313869048</c:v>
                </c:pt>
                <c:pt idx="3222">
                  <c:v>53.6999805297623</c:v>
                </c:pt>
                <c:pt idx="3223">
                  <c:v>53.7166471904766</c:v>
                </c:pt>
                <c:pt idx="3224">
                  <c:v>53.7333138511909</c:v>
                </c:pt>
                <c:pt idx="3225">
                  <c:v>53.7499805119052</c:v>
                </c:pt>
                <c:pt idx="3226">
                  <c:v>53.7666471726194</c:v>
                </c:pt>
                <c:pt idx="3227">
                  <c:v>53.7833138333337</c:v>
                </c:pt>
                <c:pt idx="3228">
                  <c:v>53.799980494048</c:v>
                </c:pt>
                <c:pt idx="3229">
                  <c:v>53.8166471547623</c:v>
                </c:pt>
                <c:pt idx="3230">
                  <c:v>53.8333138154766</c:v>
                </c:pt>
                <c:pt idx="3231">
                  <c:v>53.8499804761909</c:v>
                </c:pt>
                <c:pt idx="3232">
                  <c:v>53.8666471369052</c:v>
                </c:pt>
                <c:pt idx="3233">
                  <c:v>53.883313797619401</c:v>
                </c:pt>
                <c:pt idx="3234">
                  <c:v>53.899980458333701</c:v>
                </c:pt>
                <c:pt idx="3235">
                  <c:v>53.916647119048001</c:v>
                </c:pt>
                <c:pt idx="3236">
                  <c:v>53.933313779762301</c:v>
                </c:pt>
                <c:pt idx="3237">
                  <c:v>53.949980440476601</c:v>
                </c:pt>
                <c:pt idx="3238">
                  <c:v>53.966647101190901</c:v>
                </c:pt>
                <c:pt idx="3239">
                  <c:v>53.983313761905201</c:v>
                </c:pt>
                <c:pt idx="3240">
                  <c:v>53.999980422619402</c:v>
                </c:pt>
                <c:pt idx="3241">
                  <c:v>54.016647083333702</c:v>
                </c:pt>
                <c:pt idx="3242">
                  <c:v>54.033313744048002</c:v>
                </c:pt>
                <c:pt idx="3243">
                  <c:v>54.049980404762302</c:v>
                </c:pt>
                <c:pt idx="3244">
                  <c:v>54.066647065476602</c:v>
                </c:pt>
                <c:pt idx="3245">
                  <c:v>54.083313726190902</c:v>
                </c:pt>
                <c:pt idx="3246">
                  <c:v>54.099980386905202</c:v>
                </c:pt>
                <c:pt idx="3247">
                  <c:v>54.116647047619402</c:v>
                </c:pt>
                <c:pt idx="3248">
                  <c:v>54.133313708333702</c:v>
                </c:pt>
                <c:pt idx="3249">
                  <c:v>54.149980369048002</c:v>
                </c:pt>
                <c:pt idx="3250">
                  <c:v>54.166647029762302</c:v>
                </c:pt>
                <c:pt idx="3251">
                  <c:v>54.183313690476602</c:v>
                </c:pt>
                <c:pt idx="3252">
                  <c:v>54.199980351190902</c:v>
                </c:pt>
                <c:pt idx="3253">
                  <c:v>54.216647011905202</c:v>
                </c:pt>
                <c:pt idx="3254">
                  <c:v>54.233313672619403</c:v>
                </c:pt>
                <c:pt idx="3255">
                  <c:v>54.249980333333703</c:v>
                </c:pt>
                <c:pt idx="3256">
                  <c:v>54.266646994048003</c:v>
                </c:pt>
                <c:pt idx="3257">
                  <c:v>54.283313654762303</c:v>
                </c:pt>
                <c:pt idx="3258">
                  <c:v>54.299980315476603</c:v>
                </c:pt>
                <c:pt idx="3259">
                  <c:v>54.316646976190903</c:v>
                </c:pt>
                <c:pt idx="3260">
                  <c:v>54.333313636905203</c:v>
                </c:pt>
                <c:pt idx="3261">
                  <c:v>54.349980297619403</c:v>
                </c:pt>
                <c:pt idx="3262">
                  <c:v>54.366646958333703</c:v>
                </c:pt>
                <c:pt idx="3263">
                  <c:v>54.383313619048003</c:v>
                </c:pt>
                <c:pt idx="3264">
                  <c:v>54.399980279762303</c:v>
                </c:pt>
                <c:pt idx="3265">
                  <c:v>54.416646940476603</c:v>
                </c:pt>
                <c:pt idx="3266">
                  <c:v>54.433313601190903</c:v>
                </c:pt>
                <c:pt idx="3267">
                  <c:v>54.449980261905203</c:v>
                </c:pt>
                <c:pt idx="3268">
                  <c:v>54.466646922619397</c:v>
                </c:pt>
                <c:pt idx="3269">
                  <c:v>54.483313583333697</c:v>
                </c:pt>
                <c:pt idx="3270">
                  <c:v>54.499980244047997</c:v>
                </c:pt>
                <c:pt idx="3271">
                  <c:v>54.516646904762297</c:v>
                </c:pt>
                <c:pt idx="3272">
                  <c:v>54.533313565476597</c:v>
                </c:pt>
                <c:pt idx="3273">
                  <c:v>54.549980226190897</c:v>
                </c:pt>
                <c:pt idx="3274">
                  <c:v>54.566646886905197</c:v>
                </c:pt>
                <c:pt idx="3275">
                  <c:v>54.583313547619397</c:v>
                </c:pt>
                <c:pt idx="3276">
                  <c:v>54.599980208333697</c:v>
                </c:pt>
                <c:pt idx="3277">
                  <c:v>54.616646869047997</c:v>
                </c:pt>
                <c:pt idx="3278">
                  <c:v>54.633313529762297</c:v>
                </c:pt>
                <c:pt idx="3279">
                  <c:v>54.649980190476597</c:v>
                </c:pt>
                <c:pt idx="3280">
                  <c:v>54.666646851190897</c:v>
                </c:pt>
                <c:pt idx="3281">
                  <c:v>54.683313511905197</c:v>
                </c:pt>
                <c:pt idx="3282">
                  <c:v>54.699980172619398</c:v>
                </c:pt>
                <c:pt idx="3283">
                  <c:v>54.716646833333698</c:v>
                </c:pt>
                <c:pt idx="3284">
                  <c:v>54.733313494047998</c:v>
                </c:pt>
                <c:pt idx="3285">
                  <c:v>54.749980154762298</c:v>
                </c:pt>
                <c:pt idx="3286">
                  <c:v>54.766646815476598</c:v>
                </c:pt>
                <c:pt idx="3287">
                  <c:v>54.783313476190898</c:v>
                </c:pt>
                <c:pt idx="3288">
                  <c:v>54.799980136905198</c:v>
                </c:pt>
                <c:pt idx="3289">
                  <c:v>54.816646797619399</c:v>
                </c:pt>
                <c:pt idx="3290">
                  <c:v>54.833313458333699</c:v>
                </c:pt>
                <c:pt idx="3291">
                  <c:v>54.849980119047999</c:v>
                </c:pt>
                <c:pt idx="3292">
                  <c:v>54.866646779762299</c:v>
                </c:pt>
                <c:pt idx="3293">
                  <c:v>54.883313440476599</c:v>
                </c:pt>
                <c:pt idx="3294">
                  <c:v>54.899980101190899</c:v>
                </c:pt>
                <c:pt idx="3295">
                  <c:v>54.916646761905199</c:v>
                </c:pt>
                <c:pt idx="3296">
                  <c:v>54.933313422619499</c:v>
                </c:pt>
                <c:pt idx="3297">
                  <c:v>54.949980083333699</c:v>
                </c:pt>
                <c:pt idx="3298">
                  <c:v>54.966646744047999</c:v>
                </c:pt>
                <c:pt idx="3299">
                  <c:v>54.983313404762299</c:v>
                </c:pt>
                <c:pt idx="3300">
                  <c:v>54.999980065476599</c:v>
                </c:pt>
                <c:pt idx="3301">
                  <c:v>55.016646726190899</c:v>
                </c:pt>
                <c:pt idx="3302">
                  <c:v>55.033313386905199</c:v>
                </c:pt>
                <c:pt idx="3303">
                  <c:v>55.049980047619499</c:v>
                </c:pt>
                <c:pt idx="3304">
                  <c:v>55.0666467083337</c:v>
                </c:pt>
                <c:pt idx="3305">
                  <c:v>55.083313369048</c:v>
                </c:pt>
                <c:pt idx="3306">
                  <c:v>55.0999800297623</c:v>
                </c:pt>
                <c:pt idx="3307">
                  <c:v>55.1166466904766</c:v>
                </c:pt>
                <c:pt idx="3308">
                  <c:v>55.1333133511909</c:v>
                </c:pt>
                <c:pt idx="3309">
                  <c:v>55.1499800119052</c:v>
                </c:pt>
                <c:pt idx="3310">
                  <c:v>55.1666466726195</c:v>
                </c:pt>
                <c:pt idx="3311">
                  <c:v>55.1833133333337</c:v>
                </c:pt>
                <c:pt idx="3312">
                  <c:v>55.199979994048</c:v>
                </c:pt>
                <c:pt idx="3313">
                  <c:v>55.2166466547623</c:v>
                </c:pt>
                <c:pt idx="3314">
                  <c:v>55.2333133154766</c:v>
                </c:pt>
                <c:pt idx="3315">
                  <c:v>55.2499799761909</c:v>
                </c:pt>
                <c:pt idx="3316">
                  <c:v>55.2666466369052</c:v>
                </c:pt>
                <c:pt idx="3317">
                  <c:v>55.2833132976195</c:v>
                </c:pt>
                <c:pt idx="3318">
                  <c:v>55.299979958333701</c:v>
                </c:pt>
                <c:pt idx="3319">
                  <c:v>55.316646619048001</c:v>
                </c:pt>
                <c:pt idx="3320">
                  <c:v>55.333313279762301</c:v>
                </c:pt>
                <c:pt idx="3321">
                  <c:v>55.349979940476601</c:v>
                </c:pt>
                <c:pt idx="3322">
                  <c:v>55.366646601190901</c:v>
                </c:pt>
                <c:pt idx="3323">
                  <c:v>55.383313261905201</c:v>
                </c:pt>
                <c:pt idx="3324">
                  <c:v>55.399979922619501</c:v>
                </c:pt>
                <c:pt idx="3325">
                  <c:v>55.416646583333701</c:v>
                </c:pt>
                <c:pt idx="3326">
                  <c:v>55.433313244048001</c:v>
                </c:pt>
                <c:pt idx="3327">
                  <c:v>55.449979904762301</c:v>
                </c:pt>
                <c:pt idx="3328">
                  <c:v>55.466646565476601</c:v>
                </c:pt>
                <c:pt idx="3329">
                  <c:v>55.483313226190901</c:v>
                </c:pt>
                <c:pt idx="3330">
                  <c:v>55.499979886905201</c:v>
                </c:pt>
                <c:pt idx="3331">
                  <c:v>55.516646547619501</c:v>
                </c:pt>
                <c:pt idx="3332">
                  <c:v>55.533313208333702</c:v>
                </c:pt>
                <c:pt idx="3333">
                  <c:v>55.549979869048002</c:v>
                </c:pt>
                <c:pt idx="3334">
                  <c:v>55.566646529762302</c:v>
                </c:pt>
                <c:pt idx="3335">
                  <c:v>55.583313190476602</c:v>
                </c:pt>
                <c:pt idx="3336">
                  <c:v>55.599979851190902</c:v>
                </c:pt>
                <c:pt idx="3337">
                  <c:v>55.616646511905202</c:v>
                </c:pt>
                <c:pt idx="3338">
                  <c:v>55.633313172619502</c:v>
                </c:pt>
                <c:pt idx="3339">
                  <c:v>55.649979833333703</c:v>
                </c:pt>
                <c:pt idx="3340">
                  <c:v>55.666646494048003</c:v>
                </c:pt>
                <c:pt idx="3341">
                  <c:v>55.683313154762303</c:v>
                </c:pt>
                <c:pt idx="3342">
                  <c:v>55.699979815476603</c:v>
                </c:pt>
                <c:pt idx="3343">
                  <c:v>55.716646476190903</c:v>
                </c:pt>
                <c:pt idx="3344">
                  <c:v>55.733313136905203</c:v>
                </c:pt>
                <c:pt idx="3345">
                  <c:v>55.749979797619503</c:v>
                </c:pt>
                <c:pt idx="3346">
                  <c:v>55.766646458333703</c:v>
                </c:pt>
                <c:pt idx="3347">
                  <c:v>55.783313119048003</c:v>
                </c:pt>
                <c:pt idx="3348">
                  <c:v>55.799979779762303</c:v>
                </c:pt>
                <c:pt idx="3349">
                  <c:v>55.816646440476603</c:v>
                </c:pt>
                <c:pt idx="3350">
                  <c:v>55.833313101190903</c:v>
                </c:pt>
                <c:pt idx="3351">
                  <c:v>55.849979761905203</c:v>
                </c:pt>
                <c:pt idx="3352">
                  <c:v>55.866646422619503</c:v>
                </c:pt>
                <c:pt idx="3353">
                  <c:v>55.883313083333697</c:v>
                </c:pt>
                <c:pt idx="3354">
                  <c:v>55.899979744047997</c:v>
                </c:pt>
                <c:pt idx="3355">
                  <c:v>55.916646404762297</c:v>
                </c:pt>
                <c:pt idx="3356">
                  <c:v>55.933313065476597</c:v>
                </c:pt>
                <c:pt idx="3357">
                  <c:v>55.949979726190897</c:v>
                </c:pt>
                <c:pt idx="3358">
                  <c:v>55.966646386905197</c:v>
                </c:pt>
                <c:pt idx="3359">
                  <c:v>55.983313047619497</c:v>
                </c:pt>
                <c:pt idx="3360">
                  <c:v>55.999979708333697</c:v>
                </c:pt>
                <c:pt idx="3361">
                  <c:v>56.016646369047997</c:v>
                </c:pt>
                <c:pt idx="3362">
                  <c:v>56.033313029762297</c:v>
                </c:pt>
                <c:pt idx="3363">
                  <c:v>56.049979690476597</c:v>
                </c:pt>
                <c:pt idx="3364">
                  <c:v>56.066646351190897</c:v>
                </c:pt>
                <c:pt idx="3365">
                  <c:v>56.083313011905197</c:v>
                </c:pt>
                <c:pt idx="3366">
                  <c:v>56.099979672619497</c:v>
                </c:pt>
                <c:pt idx="3367">
                  <c:v>56.116646333333698</c:v>
                </c:pt>
                <c:pt idx="3368">
                  <c:v>56.133312994047998</c:v>
                </c:pt>
                <c:pt idx="3369">
                  <c:v>56.149979654762298</c:v>
                </c:pt>
                <c:pt idx="3370">
                  <c:v>56.166646315476598</c:v>
                </c:pt>
                <c:pt idx="3371">
                  <c:v>56.183312976190898</c:v>
                </c:pt>
                <c:pt idx="3372">
                  <c:v>56.199979636905198</c:v>
                </c:pt>
                <c:pt idx="3373">
                  <c:v>56.216646297619498</c:v>
                </c:pt>
                <c:pt idx="3374">
                  <c:v>56.233312958333698</c:v>
                </c:pt>
                <c:pt idx="3375">
                  <c:v>56.249979619047998</c:v>
                </c:pt>
                <c:pt idx="3376">
                  <c:v>56.266646279762298</c:v>
                </c:pt>
                <c:pt idx="3377">
                  <c:v>56.283312940476598</c:v>
                </c:pt>
                <c:pt idx="3378">
                  <c:v>56.299979601190898</c:v>
                </c:pt>
                <c:pt idx="3379">
                  <c:v>56.316646261905198</c:v>
                </c:pt>
                <c:pt idx="3380">
                  <c:v>56.333312922619498</c:v>
                </c:pt>
                <c:pt idx="3381">
                  <c:v>56.349979583333699</c:v>
                </c:pt>
                <c:pt idx="3382">
                  <c:v>56.366646244047999</c:v>
                </c:pt>
                <c:pt idx="3383">
                  <c:v>56.383312904762299</c:v>
                </c:pt>
                <c:pt idx="3384">
                  <c:v>56.399979565476599</c:v>
                </c:pt>
                <c:pt idx="3385">
                  <c:v>56.416646226190899</c:v>
                </c:pt>
                <c:pt idx="3386">
                  <c:v>56.433312886905199</c:v>
                </c:pt>
                <c:pt idx="3387">
                  <c:v>56.449979547619499</c:v>
                </c:pt>
                <c:pt idx="3388">
                  <c:v>56.4666462083337</c:v>
                </c:pt>
                <c:pt idx="3389">
                  <c:v>56.483312869048</c:v>
                </c:pt>
                <c:pt idx="3390">
                  <c:v>56.4999795297623</c:v>
                </c:pt>
                <c:pt idx="3391">
                  <c:v>56.5166461904766</c:v>
                </c:pt>
                <c:pt idx="3392">
                  <c:v>56.5333128511909</c:v>
                </c:pt>
                <c:pt idx="3393">
                  <c:v>56.5499795119052</c:v>
                </c:pt>
                <c:pt idx="3394">
                  <c:v>56.5666461726195</c:v>
                </c:pt>
                <c:pt idx="3395">
                  <c:v>56.5833128333337</c:v>
                </c:pt>
                <c:pt idx="3396">
                  <c:v>56.599979494048</c:v>
                </c:pt>
                <c:pt idx="3397">
                  <c:v>56.6166461547623</c:v>
                </c:pt>
                <c:pt idx="3398">
                  <c:v>56.6333128154766</c:v>
                </c:pt>
                <c:pt idx="3399">
                  <c:v>56.6499794761909</c:v>
                </c:pt>
                <c:pt idx="3400">
                  <c:v>56.6666461369052</c:v>
                </c:pt>
                <c:pt idx="3401">
                  <c:v>56.6833127976195</c:v>
                </c:pt>
                <c:pt idx="3402">
                  <c:v>56.699979458333701</c:v>
                </c:pt>
                <c:pt idx="3403">
                  <c:v>56.716646119048001</c:v>
                </c:pt>
                <c:pt idx="3404">
                  <c:v>56.733312779762301</c:v>
                </c:pt>
                <c:pt idx="3405">
                  <c:v>56.749979440476601</c:v>
                </c:pt>
                <c:pt idx="3406">
                  <c:v>56.766646101190901</c:v>
                </c:pt>
                <c:pt idx="3407">
                  <c:v>56.783312761905201</c:v>
                </c:pt>
                <c:pt idx="3408">
                  <c:v>56.799979422619501</c:v>
                </c:pt>
                <c:pt idx="3409">
                  <c:v>56.816646083333701</c:v>
                </c:pt>
                <c:pt idx="3410">
                  <c:v>56.833312744048001</c:v>
                </c:pt>
                <c:pt idx="3411">
                  <c:v>56.849979404762301</c:v>
                </c:pt>
                <c:pt idx="3412">
                  <c:v>56.866646065476601</c:v>
                </c:pt>
                <c:pt idx="3413">
                  <c:v>56.883312726190901</c:v>
                </c:pt>
                <c:pt idx="3414">
                  <c:v>56.899979386905201</c:v>
                </c:pt>
                <c:pt idx="3415">
                  <c:v>56.916646047619501</c:v>
                </c:pt>
                <c:pt idx="3416">
                  <c:v>56.933312708333702</c:v>
                </c:pt>
                <c:pt idx="3417">
                  <c:v>56.949979369048002</c:v>
                </c:pt>
                <c:pt idx="3418">
                  <c:v>56.966646029762302</c:v>
                </c:pt>
                <c:pt idx="3419">
                  <c:v>56.983312690476602</c:v>
                </c:pt>
                <c:pt idx="3420">
                  <c:v>56.999979351190902</c:v>
                </c:pt>
                <c:pt idx="3421">
                  <c:v>57.016646011905202</c:v>
                </c:pt>
                <c:pt idx="3422">
                  <c:v>57.033312672619502</c:v>
                </c:pt>
                <c:pt idx="3423">
                  <c:v>57.049979333333702</c:v>
                </c:pt>
                <c:pt idx="3424">
                  <c:v>57.066645994048002</c:v>
                </c:pt>
                <c:pt idx="3425">
                  <c:v>57.083312654762302</c:v>
                </c:pt>
                <c:pt idx="3426">
                  <c:v>57.099979315476602</c:v>
                </c:pt>
                <c:pt idx="3427">
                  <c:v>57.116645976190902</c:v>
                </c:pt>
                <c:pt idx="3428">
                  <c:v>57.133312636905202</c:v>
                </c:pt>
                <c:pt idx="3429">
                  <c:v>57.149979297619502</c:v>
                </c:pt>
                <c:pt idx="3430">
                  <c:v>57.166645958333703</c:v>
                </c:pt>
                <c:pt idx="3431">
                  <c:v>57.183312619048003</c:v>
                </c:pt>
                <c:pt idx="3432">
                  <c:v>57.199979279762303</c:v>
                </c:pt>
                <c:pt idx="3433">
                  <c:v>57.216645940476603</c:v>
                </c:pt>
                <c:pt idx="3434">
                  <c:v>57.233312601190903</c:v>
                </c:pt>
                <c:pt idx="3435">
                  <c:v>57.249979261905203</c:v>
                </c:pt>
                <c:pt idx="3436">
                  <c:v>57.266645922619503</c:v>
                </c:pt>
                <c:pt idx="3437">
                  <c:v>57.283312583333696</c:v>
                </c:pt>
                <c:pt idx="3438">
                  <c:v>57.299979244047996</c:v>
                </c:pt>
                <c:pt idx="3439">
                  <c:v>57.316645904762296</c:v>
                </c:pt>
                <c:pt idx="3440">
                  <c:v>57.333312565476596</c:v>
                </c:pt>
                <c:pt idx="3441">
                  <c:v>57.349979226190896</c:v>
                </c:pt>
                <c:pt idx="3442">
                  <c:v>57.366645886905197</c:v>
                </c:pt>
                <c:pt idx="3443">
                  <c:v>57.383312547619497</c:v>
                </c:pt>
                <c:pt idx="3444">
                  <c:v>57.399979208333797</c:v>
                </c:pt>
                <c:pt idx="3445">
                  <c:v>57.416645869047997</c:v>
                </c:pt>
                <c:pt idx="3446">
                  <c:v>57.433312529762297</c:v>
                </c:pt>
                <c:pt idx="3447">
                  <c:v>57.449979190476597</c:v>
                </c:pt>
                <c:pt idx="3448">
                  <c:v>57.466645851190897</c:v>
                </c:pt>
                <c:pt idx="3449">
                  <c:v>57.483312511905197</c:v>
                </c:pt>
                <c:pt idx="3450">
                  <c:v>57.499979172619497</c:v>
                </c:pt>
                <c:pt idx="3451">
                  <c:v>57.516645833333797</c:v>
                </c:pt>
                <c:pt idx="3452">
                  <c:v>57.533312494047998</c:v>
                </c:pt>
                <c:pt idx="3453">
                  <c:v>57.549979154762298</c:v>
                </c:pt>
                <c:pt idx="3454">
                  <c:v>57.566645815476598</c:v>
                </c:pt>
                <c:pt idx="3455">
                  <c:v>57.583312476190898</c:v>
                </c:pt>
                <c:pt idx="3456">
                  <c:v>57.599979136905198</c:v>
                </c:pt>
                <c:pt idx="3457">
                  <c:v>57.616645797619498</c:v>
                </c:pt>
                <c:pt idx="3458">
                  <c:v>57.633312458333798</c:v>
                </c:pt>
                <c:pt idx="3459">
                  <c:v>57.649979119047998</c:v>
                </c:pt>
                <c:pt idx="3460">
                  <c:v>57.666645779762298</c:v>
                </c:pt>
                <c:pt idx="3461">
                  <c:v>57.683312440476598</c:v>
                </c:pt>
                <c:pt idx="3462">
                  <c:v>57.699979101190898</c:v>
                </c:pt>
                <c:pt idx="3463">
                  <c:v>57.716645761905198</c:v>
                </c:pt>
                <c:pt idx="3464">
                  <c:v>57.733312422619498</c:v>
                </c:pt>
                <c:pt idx="3465">
                  <c:v>57.749979083333798</c:v>
                </c:pt>
                <c:pt idx="3466">
                  <c:v>57.766645744047999</c:v>
                </c:pt>
                <c:pt idx="3467">
                  <c:v>57.783312404762299</c:v>
                </c:pt>
                <c:pt idx="3468">
                  <c:v>57.799979065476599</c:v>
                </c:pt>
                <c:pt idx="3469">
                  <c:v>57.816645726190899</c:v>
                </c:pt>
                <c:pt idx="3470">
                  <c:v>57.833312386905199</c:v>
                </c:pt>
                <c:pt idx="3471">
                  <c:v>57.849979047619499</c:v>
                </c:pt>
                <c:pt idx="3472">
                  <c:v>57.866645708333799</c:v>
                </c:pt>
                <c:pt idx="3473">
                  <c:v>57.883312369047999</c:v>
                </c:pt>
                <c:pt idx="3474">
                  <c:v>57.899979029762299</c:v>
                </c:pt>
                <c:pt idx="3475">
                  <c:v>57.916645690476599</c:v>
                </c:pt>
                <c:pt idx="3476">
                  <c:v>57.933312351190899</c:v>
                </c:pt>
                <c:pt idx="3477">
                  <c:v>57.949979011905199</c:v>
                </c:pt>
                <c:pt idx="3478">
                  <c:v>57.966645672619499</c:v>
                </c:pt>
                <c:pt idx="3479">
                  <c:v>57.983312333333799</c:v>
                </c:pt>
                <c:pt idx="3480">
                  <c:v>57.999978994048</c:v>
                </c:pt>
                <c:pt idx="3481">
                  <c:v>58.0166456547623</c:v>
                </c:pt>
                <c:pt idx="3482">
                  <c:v>58.0333123154766</c:v>
                </c:pt>
                <c:pt idx="3483">
                  <c:v>58.0499789761909</c:v>
                </c:pt>
                <c:pt idx="3484">
                  <c:v>58.0666456369052</c:v>
                </c:pt>
                <c:pt idx="3485">
                  <c:v>58.0833122976195</c:v>
                </c:pt>
                <c:pt idx="3486">
                  <c:v>58.0999789583338</c:v>
                </c:pt>
                <c:pt idx="3487">
                  <c:v>58.116645619048001</c:v>
                </c:pt>
                <c:pt idx="3488">
                  <c:v>58.133312279762301</c:v>
                </c:pt>
                <c:pt idx="3489">
                  <c:v>58.149978940476601</c:v>
                </c:pt>
                <c:pt idx="3490">
                  <c:v>58.166645601190901</c:v>
                </c:pt>
                <c:pt idx="3491">
                  <c:v>58.183312261905201</c:v>
                </c:pt>
                <c:pt idx="3492">
                  <c:v>58.199978922619501</c:v>
                </c:pt>
                <c:pt idx="3493">
                  <c:v>58.216645583333801</c:v>
                </c:pt>
                <c:pt idx="3494">
                  <c:v>58.233312244048001</c:v>
                </c:pt>
                <c:pt idx="3495">
                  <c:v>58.249978904762301</c:v>
                </c:pt>
                <c:pt idx="3496">
                  <c:v>58.266645565476601</c:v>
                </c:pt>
                <c:pt idx="3497">
                  <c:v>58.283312226190901</c:v>
                </c:pt>
                <c:pt idx="3498">
                  <c:v>58.299978886905201</c:v>
                </c:pt>
                <c:pt idx="3499">
                  <c:v>58.316645547619501</c:v>
                </c:pt>
                <c:pt idx="3500">
                  <c:v>58.333312208333801</c:v>
                </c:pt>
                <c:pt idx="3501">
                  <c:v>58.349978869048002</c:v>
                </c:pt>
                <c:pt idx="3502">
                  <c:v>58.366645529762302</c:v>
                </c:pt>
                <c:pt idx="3503">
                  <c:v>58.383312190476602</c:v>
                </c:pt>
                <c:pt idx="3504">
                  <c:v>58.399978851190902</c:v>
                </c:pt>
                <c:pt idx="3505">
                  <c:v>58.416645511905202</c:v>
                </c:pt>
                <c:pt idx="3506">
                  <c:v>58.433312172619502</c:v>
                </c:pt>
                <c:pt idx="3507">
                  <c:v>58.449978833333802</c:v>
                </c:pt>
                <c:pt idx="3508">
                  <c:v>58.466645494048002</c:v>
                </c:pt>
                <c:pt idx="3509">
                  <c:v>58.483312154762302</c:v>
                </c:pt>
                <c:pt idx="3510">
                  <c:v>58.499978815476602</c:v>
                </c:pt>
                <c:pt idx="3511">
                  <c:v>58.516645476190902</c:v>
                </c:pt>
                <c:pt idx="3512">
                  <c:v>58.533312136905202</c:v>
                </c:pt>
                <c:pt idx="3513">
                  <c:v>58.549978797619502</c:v>
                </c:pt>
                <c:pt idx="3514">
                  <c:v>58.566645458333802</c:v>
                </c:pt>
                <c:pt idx="3515">
                  <c:v>58.583312119048003</c:v>
                </c:pt>
                <c:pt idx="3516">
                  <c:v>58.599978779762303</c:v>
                </c:pt>
                <c:pt idx="3517">
                  <c:v>58.616645440476603</c:v>
                </c:pt>
                <c:pt idx="3518">
                  <c:v>58.633312101190903</c:v>
                </c:pt>
                <c:pt idx="3519">
                  <c:v>58.649978761905203</c:v>
                </c:pt>
                <c:pt idx="3520">
                  <c:v>58.666645422619503</c:v>
                </c:pt>
                <c:pt idx="3521">
                  <c:v>58.683312083333803</c:v>
                </c:pt>
                <c:pt idx="3522">
                  <c:v>58.699978744048003</c:v>
                </c:pt>
                <c:pt idx="3523">
                  <c:v>58.716645404762303</c:v>
                </c:pt>
                <c:pt idx="3524">
                  <c:v>58.733312065476603</c:v>
                </c:pt>
                <c:pt idx="3525">
                  <c:v>58.749978726190903</c:v>
                </c:pt>
                <c:pt idx="3526">
                  <c:v>58.766645386905203</c:v>
                </c:pt>
                <c:pt idx="3527">
                  <c:v>58.783312047619503</c:v>
                </c:pt>
                <c:pt idx="3528">
                  <c:v>58.799978708333803</c:v>
                </c:pt>
                <c:pt idx="3529">
                  <c:v>58.816645369047997</c:v>
                </c:pt>
                <c:pt idx="3530">
                  <c:v>58.833312029762297</c:v>
                </c:pt>
                <c:pt idx="3531">
                  <c:v>58.849978690476597</c:v>
                </c:pt>
                <c:pt idx="3532">
                  <c:v>58.866645351190897</c:v>
                </c:pt>
                <c:pt idx="3533">
                  <c:v>58.883312011905197</c:v>
                </c:pt>
                <c:pt idx="3534">
                  <c:v>58.899978672619497</c:v>
                </c:pt>
                <c:pt idx="3535">
                  <c:v>58.916645333333797</c:v>
                </c:pt>
                <c:pt idx="3536">
                  <c:v>58.933311994047997</c:v>
                </c:pt>
                <c:pt idx="3537">
                  <c:v>58.949978654762297</c:v>
                </c:pt>
                <c:pt idx="3538">
                  <c:v>58.966645315476597</c:v>
                </c:pt>
                <c:pt idx="3539">
                  <c:v>58.983311976190897</c:v>
                </c:pt>
                <c:pt idx="3540">
                  <c:v>58.999978636905198</c:v>
                </c:pt>
                <c:pt idx="3541">
                  <c:v>59.016645297619498</c:v>
                </c:pt>
                <c:pt idx="3542">
                  <c:v>59.033311958333798</c:v>
                </c:pt>
                <c:pt idx="3543">
                  <c:v>59.049978619047998</c:v>
                </c:pt>
                <c:pt idx="3544">
                  <c:v>59.066645279762298</c:v>
                </c:pt>
                <c:pt idx="3545">
                  <c:v>59.083311940476598</c:v>
                </c:pt>
                <c:pt idx="3546">
                  <c:v>59.099978601190898</c:v>
                </c:pt>
                <c:pt idx="3547">
                  <c:v>59.116645261905198</c:v>
                </c:pt>
                <c:pt idx="3548">
                  <c:v>59.133311922619498</c:v>
                </c:pt>
                <c:pt idx="3549">
                  <c:v>59.149978583333798</c:v>
                </c:pt>
                <c:pt idx="3550">
                  <c:v>59.166645244047999</c:v>
                </c:pt>
                <c:pt idx="3551">
                  <c:v>59.183311904762299</c:v>
                </c:pt>
                <c:pt idx="3552">
                  <c:v>59.199978565476599</c:v>
                </c:pt>
                <c:pt idx="3553">
                  <c:v>59.216645226190899</c:v>
                </c:pt>
                <c:pt idx="3554">
                  <c:v>59.233311886905199</c:v>
                </c:pt>
                <c:pt idx="3555">
                  <c:v>59.249978547619499</c:v>
                </c:pt>
                <c:pt idx="3556">
                  <c:v>59.266645208333799</c:v>
                </c:pt>
                <c:pt idx="3557">
                  <c:v>59.283311869048099</c:v>
                </c:pt>
                <c:pt idx="3558">
                  <c:v>59.299978529762299</c:v>
                </c:pt>
                <c:pt idx="3559">
                  <c:v>59.316645190476599</c:v>
                </c:pt>
                <c:pt idx="3560">
                  <c:v>59.333311851190899</c:v>
                </c:pt>
                <c:pt idx="3561">
                  <c:v>59.349978511905199</c:v>
                </c:pt>
                <c:pt idx="3562">
                  <c:v>59.366645172619499</c:v>
                </c:pt>
                <c:pt idx="3563">
                  <c:v>59.383311833333799</c:v>
                </c:pt>
                <c:pt idx="3564">
                  <c:v>59.399978494048099</c:v>
                </c:pt>
                <c:pt idx="3565">
                  <c:v>59.4166451547623</c:v>
                </c:pt>
                <c:pt idx="3566">
                  <c:v>59.4333118154766</c:v>
                </c:pt>
                <c:pt idx="3567">
                  <c:v>59.4499784761909</c:v>
                </c:pt>
                <c:pt idx="3568">
                  <c:v>59.4666451369052</c:v>
                </c:pt>
                <c:pt idx="3569">
                  <c:v>59.4833117976195</c:v>
                </c:pt>
                <c:pt idx="3570">
                  <c:v>59.4999784583338</c:v>
                </c:pt>
                <c:pt idx="3571">
                  <c:v>59.5166451190481</c:v>
                </c:pt>
                <c:pt idx="3572">
                  <c:v>59.5333117797623</c:v>
                </c:pt>
                <c:pt idx="3573">
                  <c:v>59.5499784404766</c:v>
                </c:pt>
                <c:pt idx="3574">
                  <c:v>59.5666451011909</c:v>
                </c:pt>
                <c:pt idx="3575">
                  <c:v>59.5833117619052</c:v>
                </c:pt>
                <c:pt idx="3576">
                  <c:v>59.5999784226195</c:v>
                </c:pt>
                <c:pt idx="3577">
                  <c:v>59.6166450833338</c:v>
                </c:pt>
                <c:pt idx="3578">
                  <c:v>59.6333117440481</c:v>
                </c:pt>
                <c:pt idx="3579">
                  <c:v>59.649978404762301</c:v>
                </c:pt>
                <c:pt idx="3580">
                  <c:v>59.666645065476601</c:v>
                </c:pt>
                <c:pt idx="3581">
                  <c:v>59.683311726190901</c:v>
                </c:pt>
                <c:pt idx="3582">
                  <c:v>59.699978386905201</c:v>
                </c:pt>
                <c:pt idx="3583">
                  <c:v>59.716645047619501</c:v>
                </c:pt>
                <c:pt idx="3584">
                  <c:v>59.733311708333801</c:v>
                </c:pt>
                <c:pt idx="3585">
                  <c:v>59.749978369048101</c:v>
                </c:pt>
                <c:pt idx="3586">
                  <c:v>59.766645029762302</c:v>
                </c:pt>
                <c:pt idx="3587">
                  <c:v>59.783311690476602</c:v>
                </c:pt>
                <c:pt idx="3588">
                  <c:v>59.799978351190902</c:v>
                </c:pt>
                <c:pt idx="3589">
                  <c:v>59.816645011905202</c:v>
                </c:pt>
                <c:pt idx="3590">
                  <c:v>59.833311672619502</c:v>
                </c:pt>
                <c:pt idx="3591">
                  <c:v>59.849978333333802</c:v>
                </c:pt>
                <c:pt idx="3592">
                  <c:v>59.866644994048102</c:v>
                </c:pt>
                <c:pt idx="3593">
                  <c:v>59.883311654762302</c:v>
                </c:pt>
                <c:pt idx="3594">
                  <c:v>59.899978315476602</c:v>
                </c:pt>
                <c:pt idx="3595">
                  <c:v>59.916644976190902</c:v>
                </c:pt>
                <c:pt idx="3596">
                  <c:v>59.933311636905202</c:v>
                </c:pt>
                <c:pt idx="3597">
                  <c:v>59.949978297619502</c:v>
                </c:pt>
                <c:pt idx="3598">
                  <c:v>59.966644958333802</c:v>
                </c:pt>
                <c:pt idx="3599">
                  <c:v>59.983311619048102</c:v>
                </c:pt>
                <c:pt idx="3600">
                  <c:v>59.999978279762303</c:v>
                </c:pt>
                <c:pt idx="3601">
                  <c:v>60.016644940476603</c:v>
                </c:pt>
                <c:pt idx="3602">
                  <c:v>60.033311601190903</c:v>
                </c:pt>
                <c:pt idx="3603">
                  <c:v>60.049978261905203</c:v>
                </c:pt>
                <c:pt idx="3604">
                  <c:v>60.066644922619503</c:v>
                </c:pt>
                <c:pt idx="3605">
                  <c:v>60.083311583333803</c:v>
                </c:pt>
                <c:pt idx="3606">
                  <c:v>60.099978244048103</c:v>
                </c:pt>
                <c:pt idx="3607">
                  <c:v>60.116644904762303</c:v>
                </c:pt>
                <c:pt idx="3608">
                  <c:v>60.133311565476603</c:v>
                </c:pt>
                <c:pt idx="3609">
                  <c:v>60.149978226190903</c:v>
                </c:pt>
                <c:pt idx="3610">
                  <c:v>60.166644886905203</c:v>
                </c:pt>
                <c:pt idx="3611">
                  <c:v>60.183311547619503</c:v>
                </c:pt>
                <c:pt idx="3612">
                  <c:v>60.199978208333803</c:v>
                </c:pt>
                <c:pt idx="3613">
                  <c:v>60.216644869048103</c:v>
                </c:pt>
                <c:pt idx="3614">
                  <c:v>60.233311529762297</c:v>
                </c:pt>
                <c:pt idx="3615">
                  <c:v>60.249978190476597</c:v>
                </c:pt>
                <c:pt idx="3616">
                  <c:v>60.266644851190897</c:v>
                </c:pt>
                <c:pt idx="3617">
                  <c:v>60.283311511905197</c:v>
                </c:pt>
                <c:pt idx="3618">
                  <c:v>60.299978172619497</c:v>
                </c:pt>
                <c:pt idx="3619">
                  <c:v>60.316644833333797</c:v>
                </c:pt>
                <c:pt idx="3620">
                  <c:v>60.333311494048097</c:v>
                </c:pt>
                <c:pt idx="3621">
                  <c:v>60.349978154762297</c:v>
                </c:pt>
                <c:pt idx="3622">
                  <c:v>60.366644815476597</c:v>
                </c:pt>
                <c:pt idx="3623">
                  <c:v>60.383311476190897</c:v>
                </c:pt>
                <c:pt idx="3624">
                  <c:v>60.399978136905197</c:v>
                </c:pt>
                <c:pt idx="3625">
                  <c:v>60.416644797619497</c:v>
                </c:pt>
                <c:pt idx="3626">
                  <c:v>60.433311458333797</c:v>
                </c:pt>
                <c:pt idx="3627">
                  <c:v>60.449978119048097</c:v>
                </c:pt>
                <c:pt idx="3628">
                  <c:v>60.466644779762298</c:v>
                </c:pt>
                <c:pt idx="3629">
                  <c:v>60.483311440476598</c:v>
                </c:pt>
                <c:pt idx="3630">
                  <c:v>60.499978101190898</c:v>
                </c:pt>
                <c:pt idx="3631">
                  <c:v>60.516644761905198</c:v>
                </c:pt>
                <c:pt idx="3632">
                  <c:v>60.533311422619498</c:v>
                </c:pt>
                <c:pt idx="3633">
                  <c:v>60.549978083333798</c:v>
                </c:pt>
                <c:pt idx="3634">
                  <c:v>60.566644744048098</c:v>
                </c:pt>
                <c:pt idx="3635">
                  <c:v>60.583311404762298</c:v>
                </c:pt>
                <c:pt idx="3636">
                  <c:v>60.599978065476598</c:v>
                </c:pt>
                <c:pt idx="3637">
                  <c:v>60.616644726190898</c:v>
                </c:pt>
                <c:pt idx="3638">
                  <c:v>60.633311386905199</c:v>
                </c:pt>
                <c:pt idx="3639">
                  <c:v>60.649978047619499</c:v>
                </c:pt>
                <c:pt idx="3640">
                  <c:v>60.666644708333799</c:v>
                </c:pt>
                <c:pt idx="3641">
                  <c:v>60.683311369048099</c:v>
                </c:pt>
                <c:pt idx="3642">
                  <c:v>60.699978029762399</c:v>
                </c:pt>
                <c:pt idx="3643">
                  <c:v>60.716644690476599</c:v>
                </c:pt>
                <c:pt idx="3644">
                  <c:v>60.733311351190899</c:v>
                </c:pt>
                <c:pt idx="3645">
                  <c:v>60.749978011905199</c:v>
                </c:pt>
                <c:pt idx="3646">
                  <c:v>60.766644672619499</c:v>
                </c:pt>
                <c:pt idx="3647">
                  <c:v>60.783311333333799</c:v>
                </c:pt>
                <c:pt idx="3648">
                  <c:v>60.799977994048099</c:v>
                </c:pt>
                <c:pt idx="3649">
                  <c:v>60.816644654762399</c:v>
                </c:pt>
                <c:pt idx="3650">
                  <c:v>60.8333113154766</c:v>
                </c:pt>
                <c:pt idx="3651">
                  <c:v>60.8499779761909</c:v>
                </c:pt>
                <c:pt idx="3652">
                  <c:v>60.8666446369052</c:v>
                </c:pt>
                <c:pt idx="3653">
                  <c:v>60.8833112976195</c:v>
                </c:pt>
                <c:pt idx="3654">
                  <c:v>60.8999779583338</c:v>
                </c:pt>
                <c:pt idx="3655">
                  <c:v>60.9166446190481</c:v>
                </c:pt>
                <c:pt idx="3656">
                  <c:v>60.9333112797624</c:v>
                </c:pt>
                <c:pt idx="3657">
                  <c:v>60.9499779404766</c:v>
                </c:pt>
                <c:pt idx="3658">
                  <c:v>60.9666446011909</c:v>
                </c:pt>
                <c:pt idx="3659">
                  <c:v>60.9833112619052</c:v>
                </c:pt>
                <c:pt idx="3660">
                  <c:v>60.9999779226195</c:v>
                </c:pt>
                <c:pt idx="3661">
                  <c:v>61.0166445833338</c:v>
                </c:pt>
                <c:pt idx="3662">
                  <c:v>61.0333112440481</c:v>
                </c:pt>
                <c:pt idx="3663">
                  <c:v>61.0499779047624</c:v>
                </c:pt>
                <c:pt idx="3664">
                  <c:v>61.066644565476601</c:v>
                </c:pt>
                <c:pt idx="3665">
                  <c:v>61.083311226190901</c:v>
                </c:pt>
                <c:pt idx="3666">
                  <c:v>61.099977886905201</c:v>
                </c:pt>
                <c:pt idx="3667">
                  <c:v>61.116644547619501</c:v>
                </c:pt>
                <c:pt idx="3668">
                  <c:v>61.133311208333801</c:v>
                </c:pt>
                <c:pt idx="3669">
                  <c:v>61.149977869048101</c:v>
                </c:pt>
                <c:pt idx="3670">
                  <c:v>61.166644529762401</c:v>
                </c:pt>
                <c:pt idx="3671">
                  <c:v>61.183311190476601</c:v>
                </c:pt>
                <c:pt idx="3672">
                  <c:v>61.199977851190901</c:v>
                </c:pt>
                <c:pt idx="3673">
                  <c:v>61.216644511905201</c:v>
                </c:pt>
                <c:pt idx="3674">
                  <c:v>61.233311172619501</c:v>
                </c:pt>
                <c:pt idx="3675">
                  <c:v>61.249977833333801</c:v>
                </c:pt>
                <c:pt idx="3676">
                  <c:v>61.266644494048101</c:v>
                </c:pt>
                <c:pt idx="3677">
                  <c:v>61.283311154762401</c:v>
                </c:pt>
                <c:pt idx="3678">
                  <c:v>61.299977815476602</c:v>
                </c:pt>
                <c:pt idx="3679">
                  <c:v>61.316644476190902</c:v>
                </c:pt>
                <c:pt idx="3680">
                  <c:v>61.333311136905202</c:v>
                </c:pt>
                <c:pt idx="3681">
                  <c:v>61.349977797619502</c:v>
                </c:pt>
                <c:pt idx="3682">
                  <c:v>61.366644458333802</c:v>
                </c:pt>
                <c:pt idx="3683">
                  <c:v>61.383311119048102</c:v>
                </c:pt>
                <c:pt idx="3684">
                  <c:v>61.399977779762402</c:v>
                </c:pt>
                <c:pt idx="3685">
                  <c:v>61.416644440476603</c:v>
                </c:pt>
                <c:pt idx="3686">
                  <c:v>61.433311101190903</c:v>
                </c:pt>
                <c:pt idx="3687">
                  <c:v>61.449977761905203</c:v>
                </c:pt>
                <c:pt idx="3688">
                  <c:v>61.466644422619503</c:v>
                </c:pt>
                <c:pt idx="3689">
                  <c:v>61.483311083333803</c:v>
                </c:pt>
                <c:pt idx="3690">
                  <c:v>61.499977744048103</c:v>
                </c:pt>
                <c:pt idx="3691">
                  <c:v>61.516644404762403</c:v>
                </c:pt>
                <c:pt idx="3692">
                  <c:v>61.533311065476603</c:v>
                </c:pt>
                <c:pt idx="3693">
                  <c:v>61.549977726190903</c:v>
                </c:pt>
                <c:pt idx="3694">
                  <c:v>61.566644386905203</c:v>
                </c:pt>
                <c:pt idx="3695">
                  <c:v>61.583311047619503</c:v>
                </c:pt>
                <c:pt idx="3696">
                  <c:v>61.599977708333803</c:v>
                </c:pt>
                <c:pt idx="3697">
                  <c:v>61.616644369048103</c:v>
                </c:pt>
                <c:pt idx="3698">
                  <c:v>61.633311029762403</c:v>
                </c:pt>
                <c:pt idx="3699">
                  <c:v>61.649977690476597</c:v>
                </c:pt>
                <c:pt idx="3700">
                  <c:v>61.666644351190897</c:v>
                </c:pt>
                <c:pt idx="3701">
                  <c:v>61.683311011905197</c:v>
                </c:pt>
                <c:pt idx="3702">
                  <c:v>61.699977672619497</c:v>
                </c:pt>
                <c:pt idx="3703">
                  <c:v>61.716644333333797</c:v>
                </c:pt>
                <c:pt idx="3704">
                  <c:v>61.733310994048097</c:v>
                </c:pt>
                <c:pt idx="3705">
                  <c:v>61.749977654762397</c:v>
                </c:pt>
                <c:pt idx="3706">
                  <c:v>61.766644315476597</c:v>
                </c:pt>
                <c:pt idx="3707">
                  <c:v>61.783310976190897</c:v>
                </c:pt>
                <c:pt idx="3708">
                  <c:v>61.799977636905197</c:v>
                </c:pt>
                <c:pt idx="3709">
                  <c:v>61.816644297619497</c:v>
                </c:pt>
                <c:pt idx="3710">
                  <c:v>61.833310958333797</c:v>
                </c:pt>
                <c:pt idx="3711">
                  <c:v>61.849977619048097</c:v>
                </c:pt>
                <c:pt idx="3712">
                  <c:v>61.866644279762397</c:v>
                </c:pt>
                <c:pt idx="3713">
                  <c:v>61.883310940476598</c:v>
                </c:pt>
                <c:pt idx="3714">
                  <c:v>61.899977601190898</c:v>
                </c:pt>
                <c:pt idx="3715">
                  <c:v>61.916644261905198</c:v>
                </c:pt>
                <c:pt idx="3716">
                  <c:v>61.933310922619498</c:v>
                </c:pt>
                <c:pt idx="3717">
                  <c:v>61.949977583333798</c:v>
                </c:pt>
                <c:pt idx="3718">
                  <c:v>61.966644244048098</c:v>
                </c:pt>
                <c:pt idx="3719">
                  <c:v>61.983310904762398</c:v>
                </c:pt>
                <c:pt idx="3720">
                  <c:v>61.999977565476598</c:v>
                </c:pt>
                <c:pt idx="3721">
                  <c:v>62.016644226190898</c:v>
                </c:pt>
                <c:pt idx="3722">
                  <c:v>62.033310886905198</c:v>
                </c:pt>
                <c:pt idx="3723">
                  <c:v>62.049977547619498</c:v>
                </c:pt>
                <c:pt idx="3724">
                  <c:v>62.066644208333798</c:v>
                </c:pt>
                <c:pt idx="3725">
                  <c:v>62.083310869048098</c:v>
                </c:pt>
                <c:pt idx="3726">
                  <c:v>62.099977529762398</c:v>
                </c:pt>
                <c:pt idx="3727">
                  <c:v>62.116644190476599</c:v>
                </c:pt>
                <c:pt idx="3728">
                  <c:v>62.133310851190899</c:v>
                </c:pt>
                <c:pt idx="3729">
                  <c:v>62.149977511905199</c:v>
                </c:pt>
                <c:pt idx="3730">
                  <c:v>62.166644172619499</c:v>
                </c:pt>
                <c:pt idx="3731">
                  <c:v>62.183310833333799</c:v>
                </c:pt>
                <c:pt idx="3732">
                  <c:v>62.199977494048099</c:v>
                </c:pt>
                <c:pt idx="3733">
                  <c:v>62.216644154762399</c:v>
                </c:pt>
                <c:pt idx="3734">
                  <c:v>62.233310815476699</c:v>
                </c:pt>
                <c:pt idx="3735">
                  <c:v>62.249977476190899</c:v>
                </c:pt>
                <c:pt idx="3736">
                  <c:v>62.2666441369052</c:v>
                </c:pt>
                <c:pt idx="3737">
                  <c:v>62.2833107976195</c:v>
                </c:pt>
                <c:pt idx="3738">
                  <c:v>62.2999774583338</c:v>
                </c:pt>
                <c:pt idx="3739">
                  <c:v>62.3166441190481</c:v>
                </c:pt>
                <c:pt idx="3740">
                  <c:v>62.3333107797624</c:v>
                </c:pt>
                <c:pt idx="3741">
                  <c:v>62.3499774404767</c:v>
                </c:pt>
                <c:pt idx="3742">
                  <c:v>62.3666441011909</c:v>
                </c:pt>
                <c:pt idx="3743">
                  <c:v>62.3833107619052</c:v>
                </c:pt>
                <c:pt idx="3744">
                  <c:v>62.3999774226195</c:v>
                </c:pt>
                <c:pt idx="3745">
                  <c:v>62.4166440833338</c:v>
                </c:pt>
                <c:pt idx="3746">
                  <c:v>62.4333107440481</c:v>
                </c:pt>
                <c:pt idx="3747">
                  <c:v>62.4499774047624</c:v>
                </c:pt>
                <c:pt idx="3748">
                  <c:v>62.4666440654767</c:v>
                </c:pt>
                <c:pt idx="3749">
                  <c:v>62.483310726190901</c:v>
                </c:pt>
                <c:pt idx="3750">
                  <c:v>62.499977386905201</c:v>
                </c:pt>
                <c:pt idx="3751">
                  <c:v>62.516644047619501</c:v>
                </c:pt>
                <c:pt idx="3752">
                  <c:v>62.533310708333801</c:v>
                </c:pt>
                <c:pt idx="3753">
                  <c:v>62.549977369048101</c:v>
                </c:pt>
                <c:pt idx="3754">
                  <c:v>62.566644029762401</c:v>
                </c:pt>
                <c:pt idx="3755">
                  <c:v>62.583310690476701</c:v>
                </c:pt>
                <c:pt idx="3756">
                  <c:v>62.599977351190901</c:v>
                </c:pt>
                <c:pt idx="3757">
                  <c:v>62.616644011905201</c:v>
                </c:pt>
                <c:pt idx="3758">
                  <c:v>62.633310672619501</c:v>
                </c:pt>
                <c:pt idx="3759">
                  <c:v>62.649977333333801</c:v>
                </c:pt>
                <c:pt idx="3760">
                  <c:v>62.666643994048101</c:v>
                </c:pt>
                <c:pt idx="3761">
                  <c:v>62.683310654762401</c:v>
                </c:pt>
                <c:pt idx="3762">
                  <c:v>62.699977315476701</c:v>
                </c:pt>
                <c:pt idx="3763">
                  <c:v>62.716643976190902</c:v>
                </c:pt>
                <c:pt idx="3764">
                  <c:v>62.733310636905202</c:v>
                </c:pt>
                <c:pt idx="3765">
                  <c:v>62.749977297619502</c:v>
                </c:pt>
                <c:pt idx="3766">
                  <c:v>62.766643958333802</c:v>
                </c:pt>
                <c:pt idx="3767">
                  <c:v>62.783310619048102</c:v>
                </c:pt>
                <c:pt idx="3768">
                  <c:v>62.799977279762402</c:v>
                </c:pt>
                <c:pt idx="3769">
                  <c:v>62.816643940476702</c:v>
                </c:pt>
                <c:pt idx="3770">
                  <c:v>62.833310601190902</c:v>
                </c:pt>
                <c:pt idx="3771">
                  <c:v>62.849977261905202</c:v>
                </c:pt>
                <c:pt idx="3772">
                  <c:v>62.866643922619502</c:v>
                </c:pt>
                <c:pt idx="3773">
                  <c:v>62.883310583333802</c:v>
                </c:pt>
                <c:pt idx="3774">
                  <c:v>62.899977244048102</c:v>
                </c:pt>
                <c:pt idx="3775">
                  <c:v>62.916643904762402</c:v>
                </c:pt>
                <c:pt idx="3776">
                  <c:v>62.933310565476702</c:v>
                </c:pt>
                <c:pt idx="3777">
                  <c:v>62.949977226190903</c:v>
                </c:pt>
                <c:pt idx="3778">
                  <c:v>62.966643886905203</c:v>
                </c:pt>
                <c:pt idx="3779">
                  <c:v>62.983310547619503</c:v>
                </c:pt>
                <c:pt idx="3780">
                  <c:v>62.999977208333803</c:v>
                </c:pt>
                <c:pt idx="3781">
                  <c:v>63.016643869048103</c:v>
                </c:pt>
                <c:pt idx="3782">
                  <c:v>63.033310529762403</c:v>
                </c:pt>
                <c:pt idx="3783">
                  <c:v>63.049977190476703</c:v>
                </c:pt>
                <c:pt idx="3784">
                  <c:v>63.066643851190904</c:v>
                </c:pt>
                <c:pt idx="3785">
                  <c:v>63.083310511905196</c:v>
                </c:pt>
                <c:pt idx="3786">
                  <c:v>63.099977172619496</c:v>
                </c:pt>
                <c:pt idx="3787">
                  <c:v>63.116643833333796</c:v>
                </c:pt>
                <c:pt idx="3788">
                  <c:v>63.133310494048096</c:v>
                </c:pt>
                <c:pt idx="3789">
                  <c:v>63.149977154762396</c:v>
                </c:pt>
                <c:pt idx="3790">
                  <c:v>63.166643815476696</c:v>
                </c:pt>
                <c:pt idx="3791">
                  <c:v>63.183310476190897</c:v>
                </c:pt>
                <c:pt idx="3792">
                  <c:v>63.199977136905197</c:v>
                </c:pt>
                <c:pt idx="3793">
                  <c:v>63.216643797619497</c:v>
                </c:pt>
                <c:pt idx="3794">
                  <c:v>63.233310458333797</c:v>
                </c:pt>
                <c:pt idx="3795">
                  <c:v>63.249977119048097</c:v>
                </c:pt>
                <c:pt idx="3796">
                  <c:v>63.266643779762397</c:v>
                </c:pt>
                <c:pt idx="3797">
                  <c:v>63.283310440476697</c:v>
                </c:pt>
                <c:pt idx="3798">
                  <c:v>63.299977101190898</c:v>
                </c:pt>
                <c:pt idx="3799">
                  <c:v>63.316643761905198</c:v>
                </c:pt>
                <c:pt idx="3800">
                  <c:v>63.333310422619498</c:v>
                </c:pt>
                <c:pt idx="3801">
                  <c:v>63.349977083333798</c:v>
                </c:pt>
                <c:pt idx="3802">
                  <c:v>63.366643744048098</c:v>
                </c:pt>
                <c:pt idx="3803">
                  <c:v>63.383310404762398</c:v>
                </c:pt>
                <c:pt idx="3804">
                  <c:v>63.399977065476698</c:v>
                </c:pt>
                <c:pt idx="3805">
                  <c:v>63.416643726190898</c:v>
                </c:pt>
                <c:pt idx="3806">
                  <c:v>63.433310386905198</c:v>
                </c:pt>
                <c:pt idx="3807">
                  <c:v>63.449977047619498</c:v>
                </c:pt>
                <c:pt idx="3808">
                  <c:v>63.466643708333798</c:v>
                </c:pt>
                <c:pt idx="3809">
                  <c:v>63.483310369048098</c:v>
                </c:pt>
                <c:pt idx="3810">
                  <c:v>63.499977029762398</c:v>
                </c:pt>
                <c:pt idx="3811">
                  <c:v>63.516643690476698</c:v>
                </c:pt>
                <c:pt idx="3812">
                  <c:v>63.533310351190899</c:v>
                </c:pt>
                <c:pt idx="3813">
                  <c:v>63.549977011905199</c:v>
                </c:pt>
                <c:pt idx="3814">
                  <c:v>63.566643672619499</c:v>
                </c:pt>
                <c:pt idx="3815">
                  <c:v>63.583310333333799</c:v>
                </c:pt>
                <c:pt idx="3816">
                  <c:v>63.599976994048099</c:v>
                </c:pt>
                <c:pt idx="3817">
                  <c:v>63.616643654762399</c:v>
                </c:pt>
                <c:pt idx="3818">
                  <c:v>63.633310315476699</c:v>
                </c:pt>
                <c:pt idx="3819">
                  <c:v>63.649976976190899</c:v>
                </c:pt>
                <c:pt idx="3820">
                  <c:v>63.666643636905199</c:v>
                </c:pt>
                <c:pt idx="3821">
                  <c:v>63.683310297619499</c:v>
                </c:pt>
                <c:pt idx="3822">
                  <c:v>63.699976958333799</c:v>
                </c:pt>
                <c:pt idx="3823">
                  <c:v>63.716643619048099</c:v>
                </c:pt>
                <c:pt idx="3824">
                  <c:v>63.733310279762399</c:v>
                </c:pt>
                <c:pt idx="3825">
                  <c:v>63.749976940476699</c:v>
                </c:pt>
                <c:pt idx="3826">
                  <c:v>63.7666436011909</c:v>
                </c:pt>
                <c:pt idx="3827">
                  <c:v>63.7833102619052</c:v>
                </c:pt>
                <c:pt idx="3828">
                  <c:v>63.7999769226195</c:v>
                </c:pt>
                <c:pt idx="3829">
                  <c:v>63.8166435833338</c:v>
                </c:pt>
                <c:pt idx="3830">
                  <c:v>63.8333102440481</c:v>
                </c:pt>
                <c:pt idx="3831">
                  <c:v>63.8499769047624</c:v>
                </c:pt>
                <c:pt idx="3832">
                  <c:v>63.8666435654767</c:v>
                </c:pt>
                <c:pt idx="3833">
                  <c:v>63.8833102261909</c:v>
                </c:pt>
                <c:pt idx="3834">
                  <c:v>63.899976886905201</c:v>
                </c:pt>
                <c:pt idx="3835">
                  <c:v>63.916643547619501</c:v>
                </c:pt>
                <c:pt idx="3836">
                  <c:v>63.933310208333801</c:v>
                </c:pt>
                <c:pt idx="3837">
                  <c:v>63.949976869048101</c:v>
                </c:pt>
                <c:pt idx="3838">
                  <c:v>63.966643529762401</c:v>
                </c:pt>
                <c:pt idx="3839">
                  <c:v>63.983310190476701</c:v>
                </c:pt>
                <c:pt idx="3840">
                  <c:v>63.999976851190901</c:v>
                </c:pt>
                <c:pt idx="3841">
                  <c:v>64.016643511905201</c:v>
                </c:pt>
                <c:pt idx="3842">
                  <c:v>64.033310172619494</c:v>
                </c:pt>
                <c:pt idx="3843">
                  <c:v>64.049976833333801</c:v>
                </c:pt>
                <c:pt idx="3844">
                  <c:v>64.066643494048094</c:v>
                </c:pt>
                <c:pt idx="3845">
                  <c:v>64.083310154762401</c:v>
                </c:pt>
                <c:pt idx="3846">
                  <c:v>64.099976815476694</c:v>
                </c:pt>
                <c:pt idx="3847">
                  <c:v>64.116643476191001</c:v>
                </c:pt>
                <c:pt idx="3848">
                  <c:v>64.133310136905195</c:v>
                </c:pt>
                <c:pt idx="3849">
                  <c:v>64.149976797619502</c:v>
                </c:pt>
                <c:pt idx="3850">
                  <c:v>64.166643458333795</c:v>
                </c:pt>
                <c:pt idx="3851">
                  <c:v>64.183310119048102</c:v>
                </c:pt>
                <c:pt idx="3852">
                  <c:v>64.199976779762395</c:v>
                </c:pt>
                <c:pt idx="3853">
                  <c:v>64.216643440476702</c:v>
                </c:pt>
                <c:pt idx="3854">
                  <c:v>64.233310101190895</c:v>
                </c:pt>
                <c:pt idx="3855">
                  <c:v>64.249976761905202</c:v>
                </c:pt>
                <c:pt idx="3856">
                  <c:v>64.266643422619495</c:v>
                </c:pt>
                <c:pt idx="3857">
                  <c:v>64.283310083333802</c:v>
                </c:pt>
                <c:pt idx="3858">
                  <c:v>64.299976744048095</c:v>
                </c:pt>
                <c:pt idx="3859">
                  <c:v>64.316643404762402</c:v>
                </c:pt>
                <c:pt idx="3860">
                  <c:v>64.333310065476695</c:v>
                </c:pt>
                <c:pt idx="3861">
                  <c:v>64.349976726191002</c:v>
                </c:pt>
                <c:pt idx="3862">
                  <c:v>64.366643386905196</c:v>
                </c:pt>
                <c:pt idx="3863">
                  <c:v>64.383310047619503</c:v>
                </c:pt>
                <c:pt idx="3864">
                  <c:v>64.399976708333796</c:v>
                </c:pt>
                <c:pt idx="3865">
                  <c:v>64.416643369048103</c:v>
                </c:pt>
                <c:pt idx="3866">
                  <c:v>64.433310029762396</c:v>
                </c:pt>
                <c:pt idx="3867">
                  <c:v>64.449976690476703</c:v>
                </c:pt>
                <c:pt idx="3868">
                  <c:v>64.466643351190896</c:v>
                </c:pt>
                <c:pt idx="3869">
                  <c:v>64.483310011905203</c:v>
                </c:pt>
                <c:pt idx="3870">
                  <c:v>64.499976672619496</c:v>
                </c:pt>
                <c:pt idx="3871">
                  <c:v>64.516643333333803</c:v>
                </c:pt>
                <c:pt idx="3872">
                  <c:v>64.533309994048096</c:v>
                </c:pt>
                <c:pt idx="3873">
                  <c:v>64.549976654762403</c:v>
                </c:pt>
                <c:pt idx="3874">
                  <c:v>64.566643315476696</c:v>
                </c:pt>
                <c:pt idx="3875">
                  <c:v>64.583309976191003</c:v>
                </c:pt>
                <c:pt idx="3876">
                  <c:v>64.599976636905197</c:v>
                </c:pt>
                <c:pt idx="3877">
                  <c:v>64.616643297619504</c:v>
                </c:pt>
                <c:pt idx="3878">
                  <c:v>64.633309958333797</c:v>
                </c:pt>
                <c:pt idx="3879">
                  <c:v>64.649976619048104</c:v>
                </c:pt>
                <c:pt idx="3880">
                  <c:v>64.666643279762397</c:v>
                </c:pt>
                <c:pt idx="3881">
                  <c:v>64.683309940476704</c:v>
                </c:pt>
                <c:pt idx="3882">
                  <c:v>64.699976601190897</c:v>
                </c:pt>
                <c:pt idx="3883">
                  <c:v>64.716643261905205</c:v>
                </c:pt>
                <c:pt idx="3884">
                  <c:v>64.733309922619497</c:v>
                </c:pt>
                <c:pt idx="3885">
                  <c:v>64.749976583333805</c:v>
                </c:pt>
                <c:pt idx="3886">
                  <c:v>64.766643244048097</c:v>
                </c:pt>
                <c:pt idx="3887">
                  <c:v>64.783309904762405</c:v>
                </c:pt>
                <c:pt idx="3888">
                  <c:v>64.799976565476697</c:v>
                </c:pt>
                <c:pt idx="3889">
                  <c:v>64.816643226191005</c:v>
                </c:pt>
                <c:pt idx="3890">
                  <c:v>64.833309886905198</c:v>
                </c:pt>
                <c:pt idx="3891">
                  <c:v>64.849976547619505</c:v>
                </c:pt>
                <c:pt idx="3892">
                  <c:v>64.866643208333798</c:v>
                </c:pt>
                <c:pt idx="3893">
                  <c:v>64.883309869048105</c:v>
                </c:pt>
                <c:pt idx="3894">
                  <c:v>64.899976529762398</c:v>
                </c:pt>
                <c:pt idx="3895">
                  <c:v>64.916643190476705</c:v>
                </c:pt>
                <c:pt idx="3896">
                  <c:v>64.933309851190899</c:v>
                </c:pt>
                <c:pt idx="3897">
                  <c:v>64.949976511905206</c:v>
                </c:pt>
                <c:pt idx="3898">
                  <c:v>64.966643172619499</c:v>
                </c:pt>
                <c:pt idx="3899">
                  <c:v>64.983309833333806</c:v>
                </c:pt>
                <c:pt idx="3900">
                  <c:v>64.999976494048099</c:v>
                </c:pt>
                <c:pt idx="3901">
                  <c:v>65.016643154762406</c:v>
                </c:pt>
                <c:pt idx="3902">
                  <c:v>65.033309815476699</c:v>
                </c:pt>
                <c:pt idx="3903">
                  <c:v>65.049976476191006</c:v>
                </c:pt>
                <c:pt idx="3904">
                  <c:v>65.066643136905199</c:v>
                </c:pt>
                <c:pt idx="3905">
                  <c:v>65.083309797619506</c:v>
                </c:pt>
                <c:pt idx="3906">
                  <c:v>65.099976458333799</c:v>
                </c:pt>
                <c:pt idx="3907">
                  <c:v>65.116643119048106</c:v>
                </c:pt>
                <c:pt idx="3908">
                  <c:v>65.133309779762399</c:v>
                </c:pt>
                <c:pt idx="3909">
                  <c:v>65.149976440476706</c:v>
                </c:pt>
                <c:pt idx="3910">
                  <c:v>65.166643101190999</c:v>
                </c:pt>
                <c:pt idx="3911">
                  <c:v>65.183309761905207</c:v>
                </c:pt>
                <c:pt idx="3912">
                  <c:v>65.1999764226195</c:v>
                </c:pt>
                <c:pt idx="3913">
                  <c:v>65.216643083333807</c:v>
                </c:pt>
                <c:pt idx="3914">
                  <c:v>65.2333097440481</c:v>
                </c:pt>
                <c:pt idx="3915">
                  <c:v>65.249976404762407</c:v>
                </c:pt>
                <c:pt idx="3916">
                  <c:v>65.2666430654767</c:v>
                </c:pt>
                <c:pt idx="3917">
                  <c:v>65.283309726191007</c:v>
                </c:pt>
                <c:pt idx="3918">
                  <c:v>65.2999763869052</c:v>
                </c:pt>
                <c:pt idx="3919">
                  <c:v>65.316643047619493</c:v>
                </c:pt>
                <c:pt idx="3920">
                  <c:v>65.3333097083338</c:v>
                </c:pt>
                <c:pt idx="3921">
                  <c:v>65.349976369048093</c:v>
                </c:pt>
                <c:pt idx="3922">
                  <c:v>65.3666430297624</c:v>
                </c:pt>
                <c:pt idx="3923">
                  <c:v>65.383309690476693</c:v>
                </c:pt>
                <c:pt idx="3924">
                  <c:v>65.399976351191</c:v>
                </c:pt>
                <c:pt idx="3925">
                  <c:v>65.416643011905194</c:v>
                </c:pt>
                <c:pt idx="3926">
                  <c:v>65.433309672619501</c:v>
                </c:pt>
                <c:pt idx="3927">
                  <c:v>65.449976333333794</c:v>
                </c:pt>
                <c:pt idx="3928">
                  <c:v>65.466642994048101</c:v>
                </c:pt>
                <c:pt idx="3929">
                  <c:v>65.483309654762394</c:v>
                </c:pt>
                <c:pt idx="3930">
                  <c:v>65.499976315476701</c:v>
                </c:pt>
                <c:pt idx="3931">
                  <c:v>65.516642976190994</c:v>
                </c:pt>
                <c:pt idx="3932">
                  <c:v>65.533309636905202</c:v>
                </c:pt>
                <c:pt idx="3933">
                  <c:v>65.549976297619494</c:v>
                </c:pt>
                <c:pt idx="3934">
                  <c:v>65.566642958333802</c:v>
                </c:pt>
                <c:pt idx="3935">
                  <c:v>65.583309619048094</c:v>
                </c:pt>
                <c:pt idx="3936">
                  <c:v>65.599976279762402</c:v>
                </c:pt>
                <c:pt idx="3937">
                  <c:v>65.616642940476694</c:v>
                </c:pt>
                <c:pt idx="3938">
                  <c:v>65.633309601191002</c:v>
                </c:pt>
                <c:pt idx="3939">
                  <c:v>65.649976261905195</c:v>
                </c:pt>
                <c:pt idx="3940">
                  <c:v>65.666642922619502</c:v>
                </c:pt>
                <c:pt idx="3941">
                  <c:v>65.683309583333795</c:v>
                </c:pt>
                <c:pt idx="3942">
                  <c:v>65.699976244048102</c:v>
                </c:pt>
                <c:pt idx="3943">
                  <c:v>65.716642904762395</c:v>
                </c:pt>
                <c:pt idx="3944">
                  <c:v>65.733309565476702</c:v>
                </c:pt>
                <c:pt idx="3945">
                  <c:v>65.749976226190995</c:v>
                </c:pt>
                <c:pt idx="3946">
                  <c:v>65.766642886905203</c:v>
                </c:pt>
                <c:pt idx="3947">
                  <c:v>65.783309547619496</c:v>
                </c:pt>
                <c:pt idx="3948">
                  <c:v>65.799976208333803</c:v>
                </c:pt>
                <c:pt idx="3949">
                  <c:v>65.816642869048096</c:v>
                </c:pt>
                <c:pt idx="3950">
                  <c:v>65.833309529762403</c:v>
                </c:pt>
                <c:pt idx="3951">
                  <c:v>65.849976190476696</c:v>
                </c:pt>
                <c:pt idx="3952">
                  <c:v>65.866642851191003</c:v>
                </c:pt>
                <c:pt idx="3953">
                  <c:v>65.883309511905196</c:v>
                </c:pt>
                <c:pt idx="3954">
                  <c:v>65.899976172619503</c:v>
                </c:pt>
                <c:pt idx="3955">
                  <c:v>65.916642833333796</c:v>
                </c:pt>
                <c:pt idx="3956">
                  <c:v>65.933309494048103</c:v>
                </c:pt>
                <c:pt idx="3957">
                  <c:v>65.949976154762396</c:v>
                </c:pt>
                <c:pt idx="3958">
                  <c:v>65.966642815476703</c:v>
                </c:pt>
                <c:pt idx="3959">
                  <c:v>65.983309476190996</c:v>
                </c:pt>
                <c:pt idx="3960">
                  <c:v>65.999976136905303</c:v>
                </c:pt>
                <c:pt idx="3961">
                  <c:v>66.016642797619497</c:v>
                </c:pt>
                <c:pt idx="3962">
                  <c:v>66.033309458333804</c:v>
                </c:pt>
                <c:pt idx="3963">
                  <c:v>66.049976119048097</c:v>
                </c:pt>
                <c:pt idx="3964">
                  <c:v>66.066642779762404</c:v>
                </c:pt>
                <c:pt idx="3965">
                  <c:v>66.083309440476697</c:v>
                </c:pt>
                <c:pt idx="3966">
                  <c:v>66.099976101191004</c:v>
                </c:pt>
                <c:pt idx="3967">
                  <c:v>66.116642761905197</c:v>
                </c:pt>
                <c:pt idx="3968">
                  <c:v>66.133309422619504</c:v>
                </c:pt>
                <c:pt idx="3969">
                  <c:v>66.149976083333797</c:v>
                </c:pt>
                <c:pt idx="3970">
                  <c:v>66.166642744048104</c:v>
                </c:pt>
                <c:pt idx="3971">
                  <c:v>66.183309404762397</c:v>
                </c:pt>
                <c:pt idx="3972">
                  <c:v>66.199976065476704</c:v>
                </c:pt>
                <c:pt idx="3973">
                  <c:v>66.216642726190997</c:v>
                </c:pt>
                <c:pt idx="3974">
                  <c:v>66.233309386905304</c:v>
                </c:pt>
                <c:pt idx="3975">
                  <c:v>66.249976047619498</c:v>
                </c:pt>
                <c:pt idx="3976">
                  <c:v>66.266642708333805</c:v>
                </c:pt>
                <c:pt idx="3977">
                  <c:v>66.283309369048098</c:v>
                </c:pt>
                <c:pt idx="3978">
                  <c:v>66.299976029762405</c:v>
                </c:pt>
                <c:pt idx="3979">
                  <c:v>66.316642690476698</c:v>
                </c:pt>
                <c:pt idx="3980">
                  <c:v>66.333309351191005</c:v>
                </c:pt>
                <c:pt idx="3981">
                  <c:v>66.349976011905198</c:v>
                </c:pt>
                <c:pt idx="3982">
                  <c:v>66.366642672619506</c:v>
                </c:pt>
                <c:pt idx="3983">
                  <c:v>66.383309333333798</c:v>
                </c:pt>
                <c:pt idx="3984">
                  <c:v>66.399975994048106</c:v>
                </c:pt>
                <c:pt idx="3985">
                  <c:v>66.416642654762398</c:v>
                </c:pt>
                <c:pt idx="3986">
                  <c:v>66.433309315476706</c:v>
                </c:pt>
                <c:pt idx="3987">
                  <c:v>66.449975976190998</c:v>
                </c:pt>
                <c:pt idx="3988">
                  <c:v>66.466642636905306</c:v>
                </c:pt>
                <c:pt idx="3989">
                  <c:v>66.483309297619499</c:v>
                </c:pt>
                <c:pt idx="3990">
                  <c:v>66.499975958333806</c:v>
                </c:pt>
                <c:pt idx="3991">
                  <c:v>66.516642619048099</c:v>
                </c:pt>
                <c:pt idx="3992">
                  <c:v>66.533309279762406</c:v>
                </c:pt>
                <c:pt idx="3993">
                  <c:v>66.549975940476699</c:v>
                </c:pt>
                <c:pt idx="3994">
                  <c:v>66.566642601191006</c:v>
                </c:pt>
                <c:pt idx="3995">
                  <c:v>66.583309261905299</c:v>
                </c:pt>
                <c:pt idx="3996">
                  <c:v>66.599975922619507</c:v>
                </c:pt>
                <c:pt idx="3997">
                  <c:v>66.6166425833338</c:v>
                </c:pt>
                <c:pt idx="3998">
                  <c:v>66.633309244048107</c:v>
                </c:pt>
                <c:pt idx="3999">
                  <c:v>66.6499759047624</c:v>
                </c:pt>
                <c:pt idx="4000">
                  <c:v>66.666642565476707</c:v>
                </c:pt>
                <c:pt idx="4001">
                  <c:v>66.683309226191</c:v>
                </c:pt>
                <c:pt idx="4002">
                  <c:v>66.699975886905307</c:v>
                </c:pt>
                <c:pt idx="4003">
                  <c:v>66.7166425476195</c:v>
                </c:pt>
                <c:pt idx="4004">
                  <c:v>66.733309208333793</c:v>
                </c:pt>
                <c:pt idx="4005">
                  <c:v>66.7499758690481</c:v>
                </c:pt>
                <c:pt idx="4006">
                  <c:v>66.766642529762393</c:v>
                </c:pt>
                <c:pt idx="4007">
                  <c:v>66.7833091904767</c:v>
                </c:pt>
                <c:pt idx="4008">
                  <c:v>66.799975851190993</c:v>
                </c:pt>
                <c:pt idx="4009">
                  <c:v>66.8166425119053</c:v>
                </c:pt>
                <c:pt idx="4010">
                  <c:v>66.833309172619494</c:v>
                </c:pt>
                <c:pt idx="4011">
                  <c:v>66.849975833333801</c:v>
                </c:pt>
                <c:pt idx="4012">
                  <c:v>66.866642494048094</c:v>
                </c:pt>
                <c:pt idx="4013">
                  <c:v>66.883309154762401</c:v>
                </c:pt>
                <c:pt idx="4014">
                  <c:v>66.899975815476694</c:v>
                </c:pt>
                <c:pt idx="4015">
                  <c:v>66.916642476191001</c:v>
                </c:pt>
                <c:pt idx="4016">
                  <c:v>66.933309136905294</c:v>
                </c:pt>
                <c:pt idx="4017">
                  <c:v>66.949975797619501</c:v>
                </c:pt>
                <c:pt idx="4018">
                  <c:v>66.966642458333794</c:v>
                </c:pt>
                <c:pt idx="4019">
                  <c:v>66.983309119048101</c:v>
                </c:pt>
                <c:pt idx="4020">
                  <c:v>66.999975779762394</c:v>
                </c:pt>
                <c:pt idx="4021">
                  <c:v>67.016642440476701</c:v>
                </c:pt>
                <c:pt idx="4022">
                  <c:v>67.033309101190994</c:v>
                </c:pt>
                <c:pt idx="4023">
                  <c:v>67.049975761905301</c:v>
                </c:pt>
                <c:pt idx="4024">
                  <c:v>67.066642422619495</c:v>
                </c:pt>
                <c:pt idx="4025">
                  <c:v>67.083309083333802</c:v>
                </c:pt>
                <c:pt idx="4026">
                  <c:v>67.099975744048095</c:v>
                </c:pt>
                <c:pt idx="4027">
                  <c:v>67.116642404762402</c:v>
                </c:pt>
                <c:pt idx="4028">
                  <c:v>67.133309065476695</c:v>
                </c:pt>
                <c:pt idx="4029">
                  <c:v>67.149975726191002</c:v>
                </c:pt>
                <c:pt idx="4030">
                  <c:v>67.166642386905295</c:v>
                </c:pt>
                <c:pt idx="4031">
                  <c:v>67.183309047619503</c:v>
                </c:pt>
                <c:pt idx="4032">
                  <c:v>67.199975708333795</c:v>
                </c:pt>
                <c:pt idx="4033">
                  <c:v>67.216642369048103</c:v>
                </c:pt>
                <c:pt idx="4034">
                  <c:v>67.233309029762395</c:v>
                </c:pt>
                <c:pt idx="4035">
                  <c:v>67.249975690476703</c:v>
                </c:pt>
                <c:pt idx="4036">
                  <c:v>67.266642351190995</c:v>
                </c:pt>
                <c:pt idx="4037">
                  <c:v>67.283309011905303</c:v>
                </c:pt>
                <c:pt idx="4038">
                  <c:v>67.299975672619496</c:v>
                </c:pt>
                <c:pt idx="4039">
                  <c:v>67.316642333333803</c:v>
                </c:pt>
                <c:pt idx="4040">
                  <c:v>67.333308994048096</c:v>
                </c:pt>
                <c:pt idx="4041">
                  <c:v>67.349975654762403</c:v>
                </c:pt>
                <c:pt idx="4042">
                  <c:v>67.366642315476696</c:v>
                </c:pt>
                <c:pt idx="4043">
                  <c:v>67.383308976191003</c:v>
                </c:pt>
                <c:pt idx="4044">
                  <c:v>67.399975636905296</c:v>
                </c:pt>
                <c:pt idx="4045">
                  <c:v>67.416642297619504</c:v>
                </c:pt>
                <c:pt idx="4046">
                  <c:v>67.433308958333797</c:v>
                </c:pt>
                <c:pt idx="4047">
                  <c:v>67.449975619048104</c:v>
                </c:pt>
                <c:pt idx="4048">
                  <c:v>67.466642279762397</c:v>
                </c:pt>
                <c:pt idx="4049">
                  <c:v>67.483308940476704</c:v>
                </c:pt>
                <c:pt idx="4050">
                  <c:v>67.499975601190997</c:v>
                </c:pt>
                <c:pt idx="4051">
                  <c:v>67.516642261905304</c:v>
                </c:pt>
                <c:pt idx="4052">
                  <c:v>67.533308922619497</c:v>
                </c:pt>
                <c:pt idx="4053">
                  <c:v>67.549975583333804</c:v>
                </c:pt>
                <c:pt idx="4054">
                  <c:v>67.566642244048097</c:v>
                </c:pt>
                <c:pt idx="4055">
                  <c:v>67.583308904762404</c:v>
                </c:pt>
                <c:pt idx="4056">
                  <c:v>67.599975565476697</c:v>
                </c:pt>
                <c:pt idx="4057">
                  <c:v>67.616642226191004</c:v>
                </c:pt>
                <c:pt idx="4058">
                  <c:v>67.633308886905297</c:v>
                </c:pt>
                <c:pt idx="4059">
                  <c:v>67.649975547619505</c:v>
                </c:pt>
                <c:pt idx="4060">
                  <c:v>67.666642208333798</c:v>
                </c:pt>
                <c:pt idx="4061">
                  <c:v>67.683308869048105</c:v>
                </c:pt>
                <c:pt idx="4062">
                  <c:v>67.699975529762398</c:v>
                </c:pt>
                <c:pt idx="4063">
                  <c:v>67.716642190476705</c:v>
                </c:pt>
                <c:pt idx="4064">
                  <c:v>67.733308851190998</c:v>
                </c:pt>
                <c:pt idx="4065">
                  <c:v>67.749975511905305</c:v>
                </c:pt>
                <c:pt idx="4066">
                  <c:v>67.766642172619498</c:v>
                </c:pt>
                <c:pt idx="4067">
                  <c:v>67.783308833333805</c:v>
                </c:pt>
                <c:pt idx="4068">
                  <c:v>67.799975494048098</c:v>
                </c:pt>
                <c:pt idx="4069">
                  <c:v>67.816642154762405</c:v>
                </c:pt>
                <c:pt idx="4070">
                  <c:v>67.833308815476698</c:v>
                </c:pt>
                <c:pt idx="4071">
                  <c:v>67.849975476191005</c:v>
                </c:pt>
                <c:pt idx="4072">
                  <c:v>67.866642136905298</c:v>
                </c:pt>
                <c:pt idx="4073">
                  <c:v>67.883308797619506</c:v>
                </c:pt>
                <c:pt idx="4074">
                  <c:v>67.899975458333799</c:v>
                </c:pt>
                <c:pt idx="4075">
                  <c:v>67.916642119048106</c:v>
                </c:pt>
                <c:pt idx="4076">
                  <c:v>67.933308779762399</c:v>
                </c:pt>
                <c:pt idx="4077">
                  <c:v>67.949975440476706</c:v>
                </c:pt>
                <c:pt idx="4078">
                  <c:v>67.966642101190999</c:v>
                </c:pt>
                <c:pt idx="4079">
                  <c:v>67.983308761905306</c:v>
                </c:pt>
                <c:pt idx="4080">
                  <c:v>67.999975422619599</c:v>
                </c:pt>
                <c:pt idx="4081">
                  <c:v>68.016642083333807</c:v>
                </c:pt>
                <c:pt idx="4082">
                  <c:v>68.033308744048099</c:v>
                </c:pt>
                <c:pt idx="4083">
                  <c:v>68.049975404762407</c:v>
                </c:pt>
                <c:pt idx="4084">
                  <c:v>68.066642065476699</c:v>
                </c:pt>
                <c:pt idx="4085">
                  <c:v>68.083308726191007</c:v>
                </c:pt>
                <c:pt idx="4086">
                  <c:v>68.0999753869053</c:v>
                </c:pt>
                <c:pt idx="4087">
                  <c:v>68.116642047619493</c:v>
                </c:pt>
                <c:pt idx="4088">
                  <c:v>68.1333087083338</c:v>
                </c:pt>
                <c:pt idx="4089">
                  <c:v>68.149975369048093</c:v>
                </c:pt>
                <c:pt idx="4090">
                  <c:v>68.1666420297624</c:v>
                </c:pt>
                <c:pt idx="4091">
                  <c:v>68.183308690476693</c:v>
                </c:pt>
                <c:pt idx="4092">
                  <c:v>68.199975351191</c:v>
                </c:pt>
                <c:pt idx="4093">
                  <c:v>68.216642011905293</c:v>
                </c:pt>
                <c:pt idx="4094">
                  <c:v>68.2333086726196</c:v>
                </c:pt>
                <c:pt idx="4095">
                  <c:v>68.249975333333794</c:v>
                </c:pt>
                <c:pt idx="4096">
                  <c:v>68.266641994048101</c:v>
                </c:pt>
                <c:pt idx="4097">
                  <c:v>68.283308654762394</c:v>
                </c:pt>
                <c:pt idx="4098">
                  <c:v>68.299975315476701</c:v>
                </c:pt>
                <c:pt idx="4099">
                  <c:v>68.316641976190994</c:v>
                </c:pt>
                <c:pt idx="4100">
                  <c:v>68.333308636905301</c:v>
                </c:pt>
                <c:pt idx="4101">
                  <c:v>68.349975297619594</c:v>
                </c:pt>
                <c:pt idx="4102">
                  <c:v>68.366641958333801</c:v>
                </c:pt>
                <c:pt idx="4103">
                  <c:v>68.383308619048094</c:v>
                </c:pt>
                <c:pt idx="4104">
                  <c:v>68.399975279762401</c:v>
                </c:pt>
                <c:pt idx="4105">
                  <c:v>68.416641940476694</c:v>
                </c:pt>
                <c:pt idx="4106">
                  <c:v>68.433308601191001</c:v>
                </c:pt>
                <c:pt idx="4107">
                  <c:v>68.449975261905294</c:v>
                </c:pt>
                <c:pt idx="4108">
                  <c:v>68.466641922619601</c:v>
                </c:pt>
                <c:pt idx="4109">
                  <c:v>68.483308583333795</c:v>
                </c:pt>
                <c:pt idx="4110">
                  <c:v>68.499975244048102</c:v>
                </c:pt>
                <c:pt idx="4111">
                  <c:v>68.516641904762395</c:v>
                </c:pt>
                <c:pt idx="4112">
                  <c:v>68.533308565476702</c:v>
                </c:pt>
                <c:pt idx="4113">
                  <c:v>68.549975226190995</c:v>
                </c:pt>
                <c:pt idx="4114">
                  <c:v>68.566641886905302</c:v>
                </c:pt>
                <c:pt idx="4115">
                  <c:v>68.583308547619595</c:v>
                </c:pt>
                <c:pt idx="4116">
                  <c:v>68.599975208333802</c:v>
                </c:pt>
                <c:pt idx="4117">
                  <c:v>68.616641869048095</c:v>
                </c:pt>
                <c:pt idx="4118">
                  <c:v>68.633308529762402</c:v>
                </c:pt>
                <c:pt idx="4119">
                  <c:v>68.649975190476695</c:v>
                </c:pt>
                <c:pt idx="4120">
                  <c:v>68.666641851191002</c:v>
                </c:pt>
                <c:pt idx="4121">
                  <c:v>68.683308511905295</c:v>
                </c:pt>
                <c:pt idx="4122">
                  <c:v>68.699975172619602</c:v>
                </c:pt>
                <c:pt idx="4123">
                  <c:v>68.716641833333796</c:v>
                </c:pt>
                <c:pt idx="4124">
                  <c:v>68.733308494048103</c:v>
                </c:pt>
                <c:pt idx="4125">
                  <c:v>68.749975154762396</c:v>
                </c:pt>
                <c:pt idx="4126">
                  <c:v>68.766641815476703</c:v>
                </c:pt>
                <c:pt idx="4127">
                  <c:v>68.783308476190996</c:v>
                </c:pt>
                <c:pt idx="4128">
                  <c:v>68.799975136905303</c:v>
                </c:pt>
                <c:pt idx="4129">
                  <c:v>68.816641797619596</c:v>
                </c:pt>
                <c:pt idx="4130">
                  <c:v>68.833308458333804</c:v>
                </c:pt>
                <c:pt idx="4131">
                  <c:v>68.849975119048096</c:v>
                </c:pt>
                <c:pt idx="4132">
                  <c:v>68.866641779762404</c:v>
                </c:pt>
                <c:pt idx="4133">
                  <c:v>68.883308440476696</c:v>
                </c:pt>
                <c:pt idx="4134">
                  <c:v>68.899975101191004</c:v>
                </c:pt>
                <c:pt idx="4135">
                  <c:v>68.916641761905296</c:v>
                </c:pt>
                <c:pt idx="4136">
                  <c:v>68.933308422619604</c:v>
                </c:pt>
                <c:pt idx="4137">
                  <c:v>68.949975083333797</c:v>
                </c:pt>
                <c:pt idx="4138">
                  <c:v>68.966641744048104</c:v>
                </c:pt>
                <c:pt idx="4139">
                  <c:v>68.983308404762397</c:v>
                </c:pt>
                <c:pt idx="4140">
                  <c:v>68.999975065476704</c:v>
                </c:pt>
                <c:pt idx="4141">
                  <c:v>69.016641726190997</c:v>
                </c:pt>
                <c:pt idx="4142">
                  <c:v>69.033308386905304</c:v>
                </c:pt>
                <c:pt idx="4143">
                  <c:v>69.049975047619597</c:v>
                </c:pt>
                <c:pt idx="4144">
                  <c:v>69.066641708333805</c:v>
                </c:pt>
                <c:pt idx="4145">
                  <c:v>69.083308369048098</c:v>
                </c:pt>
                <c:pt idx="4146">
                  <c:v>69.099975029762405</c:v>
                </c:pt>
                <c:pt idx="4147">
                  <c:v>69.116641690476698</c:v>
                </c:pt>
                <c:pt idx="4148">
                  <c:v>69.133308351191005</c:v>
                </c:pt>
                <c:pt idx="4149">
                  <c:v>69.149975011905298</c:v>
                </c:pt>
                <c:pt idx="4150">
                  <c:v>69.166641672619605</c:v>
                </c:pt>
                <c:pt idx="4151">
                  <c:v>69.183308333333798</c:v>
                </c:pt>
                <c:pt idx="4152">
                  <c:v>69.199974994048105</c:v>
                </c:pt>
                <c:pt idx="4153">
                  <c:v>69.216641654762398</c:v>
                </c:pt>
                <c:pt idx="4154">
                  <c:v>69.233308315476705</c:v>
                </c:pt>
                <c:pt idx="4155">
                  <c:v>69.249974976190998</c:v>
                </c:pt>
                <c:pt idx="4156">
                  <c:v>69.266641636905305</c:v>
                </c:pt>
                <c:pt idx="4157">
                  <c:v>69.283308297619598</c:v>
                </c:pt>
                <c:pt idx="4158">
                  <c:v>69.299974958333806</c:v>
                </c:pt>
                <c:pt idx="4159">
                  <c:v>69.316641619048099</c:v>
                </c:pt>
                <c:pt idx="4160">
                  <c:v>69.333308279762406</c:v>
                </c:pt>
                <c:pt idx="4161">
                  <c:v>69.349974940476699</c:v>
                </c:pt>
                <c:pt idx="4162">
                  <c:v>69.366641601191006</c:v>
                </c:pt>
                <c:pt idx="4163">
                  <c:v>69.383308261905299</c:v>
                </c:pt>
                <c:pt idx="4164">
                  <c:v>69.399974922619606</c:v>
                </c:pt>
                <c:pt idx="4165">
                  <c:v>69.416641583333899</c:v>
                </c:pt>
                <c:pt idx="4166">
                  <c:v>69.433308244048106</c:v>
                </c:pt>
                <c:pt idx="4167">
                  <c:v>69.449974904762399</c:v>
                </c:pt>
                <c:pt idx="4168">
                  <c:v>69.466641565476706</c:v>
                </c:pt>
                <c:pt idx="4169">
                  <c:v>69.483308226190999</c:v>
                </c:pt>
                <c:pt idx="4170">
                  <c:v>69.499974886905306</c:v>
                </c:pt>
                <c:pt idx="4171">
                  <c:v>69.516641547619599</c:v>
                </c:pt>
                <c:pt idx="4172">
                  <c:v>69.533308208333807</c:v>
                </c:pt>
                <c:pt idx="4173">
                  <c:v>69.5499748690481</c:v>
                </c:pt>
                <c:pt idx="4174">
                  <c:v>69.566641529762407</c:v>
                </c:pt>
                <c:pt idx="4175">
                  <c:v>69.5833081904767</c:v>
                </c:pt>
                <c:pt idx="4176">
                  <c:v>69.599974851191007</c:v>
                </c:pt>
                <c:pt idx="4177">
                  <c:v>69.6166415119053</c:v>
                </c:pt>
                <c:pt idx="4178">
                  <c:v>69.633308172619607</c:v>
                </c:pt>
                <c:pt idx="4179">
                  <c:v>69.6499748333339</c:v>
                </c:pt>
                <c:pt idx="4180">
                  <c:v>69.666641494048093</c:v>
                </c:pt>
                <c:pt idx="4181">
                  <c:v>69.6833081547624</c:v>
                </c:pt>
                <c:pt idx="4182">
                  <c:v>69.699974815476693</c:v>
                </c:pt>
                <c:pt idx="4183">
                  <c:v>69.716641476191</c:v>
                </c:pt>
                <c:pt idx="4184">
                  <c:v>69.733308136905293</c:v>
                </c:pt>
                <c:pt idx="4185">
                  <c:v>69.749974797619601</c:v>
                </c:pt>
                <c:pt idx="4186">
                  <c:v>69.766641458333794</c:v>
                </c:pt>
                <c:pt idx="4187">
                  <c:v>69.783308119048101</c:v>
                </c:pt>
                <c:pt idx="4188">
                  <c:v>69.799974779762394</c:v>
                </c:pt>
                <c:pt idx="4189">
                  <c:v>69.816641440476701</c:v>
                </c:pt>
                <c:pt idx="4190">
                  <c:v>69.833308101190994</c:v>
                </c:pt>
                <c:pt idx="4191">
                  <c:v>69.849974761905301</c:v>
                </c:pt>
                <c:pt idx="4192">
                  <c:v>69.866641422619594</c:v>
                </c:pt>
                <c:pt idx="4193">
                  <c:v>69.883308083333901</c:v>
                </c:pt>
                <c:pt idx="4194">
                  <c:v>69.899974744048095</c:v>
                </c:pt>
                <c:pt idx="4195">
                  <c:v>69.916641404762402</c:v>
                </c:pt>
                <c:pt idx="4196">
                  <c:v>69.933308065476695</c:v>
                </c:pt>
                <c:pt idx="4197">
                  <c:v>69.949974726191002</c:v>
                </c:pt>
                <c:pt idx="4198">
                  <c:v>69.966641386905295</c:v>
                </c:pt>
                <c:pt idx="4199">
                  <c:v>69.983308047619602</c:v>
                </c:pt>
                <c:pt idx="4200">
                  <c:v>69.999974708333795</c:v>
                </c:pt>
                <c:pt idx="4201">
                  <c:v>70.016641369048102</c:v>
                </c:pt>
                <c:pt idx="4202">
                  <c:v>70.033308029762395</c:v>
                </c:pt>
                <c:pt idx="4203">
                  <c:v>70.049974690476702</c:v>
                </c:pt>
                <c:pt idx="4204">
                  <c:v>70.066641351190995</c:v>
                </c:pt>
                <c:pt idx="4205">
                  <c:v>70.083308011905302</c:v>
                </c:pt>
                <c:pt idx="4206">
                  <c:v>70.099974672619595</c:v>
                </c:pt>
                <c:pt idx="4207">
                  <c:v>70.116641333333902</c:v>
                </c:pt>
                <c:pt idx="4208">
                  <c:v>70.133307994048096</c:v>
                </c:pt>
                <c:pt idx="4209">
                  <c:v>70.149974654762403</c:v>
                </c:pt>
                <c:pt idx="4210">
                  <c:v>70.166641315476696</c:v>
                </c:pt>
                <c:pt idx="4211">
                  <c:v>70.183307976191003</c:v>
                </c:pt>
                <c:pt idx="4212">
                  <c:v>70.199974636905296</c:v>
                </c:pt>
                <c:pt idx="4213">
                  <c:v>70.216641297619603</c:v>
                </c:pt>
                <c:pt idx="4214">
                  <c:v>70.233307958333796</c:v>
                </c:pt>
                <c:pt idx="4215">
                  <c:v>70.249974619048103</c:v>
                </c:pt>
                <c:pt idx="4216">
                  <c:v>70.266641279762396</c:v>
                </c:pt>
                <c:pt idx="4217">
                  <c:v>70.283307940476703</c:v>
                </c:pt>
                <c:pt idx="4218">
                  <c:v>70.299974601190996</c:v>
                </c:pt>
                <c:pt idx="4219">
                  <c:v>70.316641261905303</c:v>
                </c:pt>
                <c:pt idx="4220">
                  <c:v>70.333307922619596</c:v>
                </c:pt>
                <c:pt idx="4221">
                  <c:v>70.349974583333903</c:v>
                </c:pt>
                <c:pt idx="4222">
                  <c:v>70.366641244048097</c:v>
                </c:pt>
                <c:pt idx="4223">
                  <c:v>70.383307904762404</c:v>
                </c:pt>
                <c:pt idx="4224">
                  <c:v>70.399974565476697</c:v>
                </c:pt>
                <c:pt idx="4225">
                  <c:v>70.416641226191004</c:v>
                </c:pt>
                <c:pt idx="4226">
                  <c:v>70.433307886905297</c:v>
                </c:pt>
                <c:pt idx="4227">
                  <c:v>70.449974547619604</c:v>
                </c:pt>
                <c:pt idx="4228">
                  <c:v>70.466641208333797</c:v>
                </c:pt>
                <c:pt idx="4229">
                  <c:v>70.483307869048105</c:v>
                </c:pt>
                <c:pt idx="4230">
                  <c:v>70.499974529762397</c:v>
                </c:pt>
                <c:pt idx="4231">
                  <c:v>70.516641190476705</c:v>
                </c:pt>
                <c:pt idx="4232">
                  <c:v>70.533307851190997</c:v>
                </c:pt>
                <c:pt idx="4233">
                  <c:v>70.549974511905305</c:v>
                </c:pt>
                <c:pt idx="4234">
                  <c:v>70.566641172619597</c:v>
                </c:pt>
                <c:pt idx="4235">
                  <c:v>70.583307833333905</c:v>
                </c:pt>
                <c:pt idx="4236">
                  <c:v>70.599974494048098</c:v>
                </c:pt>
                <c:pt idx="4237">
                  <c:v>70.616641154762405</c:v>
                </c:pt>
                <c:pt idx="4238">
                  <c:v>70.633307815476698</c:v>
                </c:pt>
                <c:pt idx="4239">
                  <c:v>70.649974476191005</c:v>
                </c:pt>
                <c:pt idx="4240">
                  <c:v>70.666641136905298</c:v>
                </c:pt>
                <c:pt idx="4241">
                  <c:v>70.683307797619605</c:v>
                </c:pt>
                <c:pt idx="4242">
                  <c:v>70.699974458333799</c:v>
                </c:pt>
                <c:pt idx="4243">
                  <c:v>70.716641119048106</c:v>
                </c:pt>
                <c:pt idx="4244">
                  <c:v>70.733307779762399</c:v>
                </c:pt>
                <c:pt idx="4245">
                  <c:v>70.749974440476706</c:v>
                </c:pt>
                <c:pt idx="4246">
                  <c:v>70.766641101190999</c:v>
                </c:pt>
                <c:pt idx="4247">
                  <c:v>70.783307761905306</c:v>
                </c:pt>
                <c:pt idx="4248">
                  <c:v>70.799974422619599</c:v>
                </c:pt>
                <c:pt idx="4249">
                  <c:v>70.816641083333906</c:v>
                </c:pt>
                <c:pt idx="4250">
                  <c:v>70.833307744048199</c:v>
                </c:pt>
                <c:pt idx="4251">
                  <c:v>70.849974404762406</c:v>
                </c:pt>
                <c:pt idx="4252">
                  <c:v>70.866641065476699</c:v>
                </c:pt>
                <c:pt idx="4253">
                  <c:v>70.883307726191006</c:v>
                </c:pt>
                <c:pt idx="4254">
                  <c:v>70.899974386905299</c:v>
                </c:pt>
                <c:pt idx="4255">
                  <c:v>70.916641047619606</c:v>
                </c:pt>
                <c:pt idx="4256">
                  <c:v>70.933307708333899</c:v>
                </c:pt>
                <c:pt idx="4257">
                  <c:v>70.949974369048107</c:v>
                </c:pt>
                <c:pt idx="4258">
                  <c:v>70.9666410297624</c:v>
                </c:pt>
                <c:pt idx="4259">
                  <c:v>70.983307690476707</c:v>
                </c:pt>
                <c:pt idx="4260">
                  <c:v>70.999974351191</c:v>
                </c:pt>
                <c:pt idx="4261">
                  <c:v>71.016641011905307</c:v>
                </c:pt>
                <c:pt idx="4262">
                  <c:v>71.0333076726196</c:v>
                </c:pt>
                <c:pt idx="4263">
                  <c:v>71.049974333333907</c:v>
                </c:pt>
                <c:pt idx="4264">
                  <c:v>71.0666409940482</c:v>
                </c:pt>
                <c:pt idx="4265">
                  <c:v>71.083307654762393</c:v>
                </c:pt>
                <c:pt idx="4266">
                  <c:v>71.0999743154767</c:v>
                </c:pt>
                <c:pt idx="4267">
                  <c:v>71.116640976190993</c:v>
                </c:pt>
                <c:pt idx="4268">
                  <c:v>71.1333076369053</c:v>
                </c:pt>
                <c:pt idx="4269">
                  <c:v>71.149974297619593</c:v>
                </c:pt>
                <c:pt idx="4270">
                  <c:v>71.1666409583339</c:v>
                </c:pt>
                <c:pt idx="4271">
                  <c:v>71.183307619048094</c:v>
                </c:pt>
                <c:pt idx="4272">
                  <c:v>71.199974279762401</c:v>
                </c:pt>
                <c:pt idx="4273">
                  <c:v>71.216640940476694</c:v>
                </c:pt>
                <c:pt idx="4274">
                  <c:v>71.233307601191001</c:v>
                </c:pt>
                <c:pt idx="4275">
                  <c:v>71.249974261905294</c:v>
                </c:pt>
                <c:pt idx="4276">
                  <c:v>71.266640922619601</c:v>
                </c:pt>
                <c:pt idx="4277">
                  <c:v>71.283307583333894</c:v>
                </c:pt>
                <c:pt idx="4278">
                  <c:v>71.299974244048201</c:v>
                </c:pt>
                <c:pt idx="4279">
                  <c:v>71.316640904762394</c:v>
                </c:pt>
                <c:pt idx="4280">
                  <c:v>71.333307565476701</c:v>
                </c:pt>
                <c:pt idx="4281">
                  <c:v>71.349974226190994</c:v>
                </c:pt>
                <c:pt idx="4282">
                  <c:v>71.366640886905301</c:v>
                </c:pt>
                <c:pt idx="4283">
                  <c:v>71.383307547619594</c:v>
                </c:pt>
                <c:pt idx="4284">
                  <c:v>71.399974208333902</c:v>
                </c:pt>
                <c:pt idx="4285">
                  <c:v>71.416640869048095</c:v>
                </c:pt>
                <c:pt idx="4286">
                  <c:v>71.433307529762402</c:v>
                </c:pt>
                <c:pt idx="4287">
                  <c:v>71.449974190476695</c:v>
                </c:pt>
                <c:pt idx="4288">
                  <c:v>71.466640851191002</c:v>
                </c:pt>
                <c:pt idx="4289">
                  <c:v>71.483307511905295</c:v>
                </c:pt>
                <c:pt idx="4290">
                  <c:v>71.499974172619602</c:v>
                </c:pt>
                <c:pt idx="4291">
                  <c:v>71.516640833333895</c:v>
                </c:pt>
                <c:pt idx="4292">
                  <c:v>71.533307494048202</c:v>
                </c:pt>
                <c:pt idx="4293">
                  <c:v>71.549974154762396</c:v>
                </c:pt>
                <c:pt idx="4294">
                  <c:v>71.566640815476703</c:v>
                </c:pt>
                <c:pt idx="4295">
                  <c:v>71.583307476190996</c:v>
                </c:pt>
                <c:pt idx="4296">
                  <c:v>71.599974136905303</c:v>
                </c:pt>
                <c:pt idx="4297">
                  <c:v>71.616640797619596</c:v>
                </c:pt>
                <c:pt idx="4298">
                  <c:v>71.633307458333903</c:v>
                </c:pt>
                <c:pt idx="4299">
                  <c:v>71.649974119048096</c:v>
                </c:pt>
                <c:pt idx="4300">
                  <c:v>71.666640779762403</c:v>
                </c:pt>
                <c:pt idx="4301">
                  <c:v>71.683307440476696</c:v>
                </c:pt>
                <c:pt idx="4302">
                  <c:v>71.699974101191003</c:v>
                </c:pt>
                <c:pt idx="4303">
                  <c:v>71.716640761905296</c:v>
                </c:pt>
                <c:pt idx="4304">
                  <c:v>71.733307422619603</c:v>
                </c:pt>
                <c:pt idx="4305">
                  <c:v>71.749974083333896</c:v>
                </c:pt>
                <c:pt idx="4306">
                  <c:v>71.766640744048203</c:v>
                </c:pt>
                <c:pt idx="4307">
                  <c:v>71.783307404762397</c:v>
                </c:pt>
                <c:pt idx="4308">
                  <c:v>71.799974065476704</c:v>
                </c:pt>
                <c:pt idx="4309">
                  <c:v>71.816640726190997</c:v>
                </c:pt>
                <c:pt idx="4310">
                  <c:v>71.833307386905304</c:v>
                </c:pt>
                <c:pt idx="4311">
                  <c:v>71.849974047619597</c:v>
                </c:pt>
                <c:pt idx="4312">
                  <c:v>71.866640708333904</c:v>
                </c:pt>
                <c:pt idx="4313">
                  <c:v>71.883307369048097</c:v>
                </c:pt>
                <c:pt idx="4314">
                  <c:v>71.899974029762404</c:v>
                </c:pt>
                <c:pt idx="4315">
                  <c:v>71.916640690476697</c:v>
                </c:pt>
                <c:pt idx="4316">
                  <c:v>71.933307351191004</c:v>
                </c:pt>
                <c:pt idx="4317">
                  <c:v>71.949974011905297</c:v>
                </c:pt>
                <c:pt idx="4318">
                  <c:v>71.966640672619604</c:v>
                </c:pt>
                <c:pt idx="4319">
                  <c:v>71.983307333333897</c:v>
                </c:pt>
                <c:pt idx="4320">
                  <c:v>71.999973994048204</c:v>
                </c:pt>
                <c:pt idx="4321">
                  <c:v>72.016640654762398</c:v>
                </c:pt>
                <c:pt idx="4322">
                  <c:v>72.033307315476705</c:v>
                </c:pt>
                <c:pt idx="4323">
                  <c:v>72.049973976190998</c:v>
                </c:pt>
                <c:pt idx="4324">
                  <c:v>72.066640636905305</c:v>
                </c:pt>
                <c:pt idx="4325">
                  <c:v>72.083307297619598</c:v>
                </c:pt>
                <c:pt idx="4326">
                  <c:v>72.099973958333905</c:v>
                </c:pt>
                <c:pt idx="4327">
                  <c:v>72.116640619048098</c:v>
                </c:pt>
                <c:pt idx="4328">
                  <c:v>72.133307279762406</c:v>
                </c:pt>
                <c:pt idx="4329">
                  <c:v>72.149973940476698</c:v>
                </c:pt>
                <c:pt idx="4330">
                  <c:v>72.166640601191006</c:v>
                </c:pt>
                <c:pt idx="4331">
                  <c:v>72.183307261905298</c:v>
                </c:pt>
                <c:pt idx="4332">
                  <c:v>72.199973922619606</c:v>
                </c:pt>
                <c:pt idx="4333">
                  <c:v>72.216640583333898</c:v>
                </c:pt>
                <c:pt idx="4334">
                  <c:v>72.233307244048206</c:v>
                </c:pt>
                <c:pt idx="4335">
                  <c:v>72.249973904762399</c:v>
                </c:pt>
                <c:pt idx="4336">
                  <c:v>72.266640565476706</c:v>
                </c:pt>
                <c:pt idx="4337">
                  <c:v>72.283307226190999</c:v>
                </c:pt>
                <c:pt idx="4338">
                  <c:v>72.299973886905306</c:v>
                </c:pt>
                <c:pt idx="4339">
                  <c:v>72.316640547619599</c:v>
                </c:pt>
                <c:pt idx="4340">
                  <c:v>72.333307208333906</c:v>
                </c:pt>
                <c:pt idx="4341">
                  <c:v>72.349973869048199</c:v>
                </c:pt>
                <c:pt idx="4342">
                  <c:v>72.366640529762407</c:v>
                </c:pt>
                <c:pt idx="4343">
                  <c:v>72.3833071904767</c:v>
                </c:pt>
                <c:pt idx="4344">
                  <c:v>72.399973851191007</c:v>
                </c:pt>
                <c:pt idx="4345">
                  <c:v>72.4166405119053</c:v>
                </c:pt>
                <c:pt idx="4346">
                  <c:v>72.433307172619607</c:v>
                </c:pt>
                <c:pt idx="4347">
                  <c:v>72.4499738333339</c:v>
                </c:pt>
                <c:pt idx="4348">
                  <c:v>72.466640494048207</c:v>
                </c:pt>
                <c:pt idx="4349">
                  <c:v>72.4833071547624</c:v>
                </c:pt>
                <c:pt idx="4350">
                  <c:v>72.499973815476693</c:v>
                </c:pt>
                <c:pt idx="4351">
                  <c:v>72.516640476191</c:v>
                </c:pt>
                <c:pt idx="4352">
                  <c:v>72.533307136905293</c:v>
                </c:pt>
                <c:pt idx="4353">
                  <c:v>72.5499737976196</c:v>
                </c:pt>
                <c:pt idx="4354">
                  <c:v>72.566640458333893</c:v>
                </c:pt>
                <c:pt idx="4355">
                  <c:v>72.5833071190482</c:v>
                </c:pt>
                <c:pt idx="4356">
                  <c:v>72.599973779762394</c:v>
                </c:pt>
                <c:pt idx="4357">
                  <c:v>72.616640440476701</c:v>
                </c:pt>
                <c:pt idx="4358">
                  <c:v>72.633307101190994</c:v>
                </c:pt>
                <c:pt idx="4359">
                  <c:v>72.649973761905301</c:v>
                </c:pt>
                <c:pt idx="4360">
                  <c:v>72.666640422619594</c:v>
                </c:pt>
                <c:pt idx="4361">
                  <c:v>72.683307083333901</c:v>
                </c:pt>
                <c:pt idx="4362">
                  <c:v>72.699973744048194</c:v>
                </c:pt>
                <c:pt idx="4363">
                  <c:v>72.716640404762401</c:v>
                </c:pt>
                <c:pt idx="4364">
                  <c:v>72.733307065476694</c:v>
                </c:pt>
                <c:pt idx="4365">
                  <c:v>72.749973726191001</c:v>
                </c:pt>
                <c:pt idx="4366">
                  <c:v>72.766640386905294</c:v>
                </c:pt>
                <c:pt idx="4367">
                  <c:v>72.783307047619601</c:v>
                </c:pt>
                <c:pt idx="4368">
                  <c:v>72.799973708333894</c:v>
                </c:pt>
                <c:pt idx="4369">
                  <c:v>72.816640369048201</c:v>
                </c:pt>
                <c:pt idx="4370">
                  <c:v>72.833307029762395</c:v>
                </c:pt>
                <c:pt idx="4371">
                  <c:v>72.849973690476702</c:v>
                </c:pt>
                <c:pt idx="4372">
                  <c:v>72.866640351190995</c:v>
                </c:pt>
                <c:pt idx="4373">
                  <c:v>72.883307011905302</c:v>
                </c:pt>
                <c:pt idx="4374">
                  <c:v>72.899973672619595</c:v>
                </c:pt>
                <c:pt idx="4375">
                  <c:v>72.916640333333902</c:v>
                </c:pt>
                <c:pt idx="4376">
                  <c:v>72.933306994048195</c:v>
                </c:pt>
                <c:pt idx="4377">
                  <c:v>72.949973654762402</c:v>
                </c:pt>
                <c:pt idx="4378">
                  <c:v>72.966640315476695</c:v>
                </c:pt>
                <c:pt idx="4379">
                  <c:v>72.983306976191002</c:v>
                </c:pt>
                <c:pt idx="4380">
                  <c:v>72.999973636905295</c:v>
                </c:pt>
                <c:pt idx="4381">
                  <c:v>73.016640297619603</c:v>
                </c:pt>
                <c:pt idx="4382">
                  <c:v>73.033306958333895</c:v>
                </c:pt>
                <c:pt idx="4383">
                  <c:v>73.049973619048203</c:v>
                </c:pt>
                <c:pt idx="4384">
                  <c:v>73.066640279762396</c:v>
                </c:pt>
                <c:pt idx="4385">
                  <c:v>73.083306940476703</c:v>
                </c:pt>
                <c:pt idx="4386">
                  <c:v>73.099973601190996</c:v>
                </c:pt>
                <c:pt idx="4387">
                  <c:v>73.116640261905303</c:v>
                </c:pt>
                <c:pt idx="4388">
                  <c:v>73.133306922619596</c:v>
                </c:pt>
                <c:pt idx="4389">
                  <c:v>73.149973583333903</c:v>
                </c:pt>
                <c:pt idx="4390">
                  <c:v>73.166640244048196</c:v>
                </c:pt>
                <c:pt idx="4391">
                  <c:v>73.183306904762503</c:v>
                </c:pt>
                <c:pt idx="4392">
                  <c:v>73.199973565476697</c:v>
                </c:pt>
                <c:pt idx="4393">
                  <c:v>73.216640226191004</c:v>
                </c:pt>
                <c:pt idx="4394">
                  <c:v>73.233306886905297</c:v>
                </c:pt>
                <c:pt idx="4395">
                  <c:v>73.249973547619604</c:v>
                </c:pt>
                <c:pt idx="4396">
                  <c:v>73.266640208333897</c:v>
                </c:pt>
                <c:pt idx="4397">
                  <c:v>73.283306869048204</c:v>
                </c:pt>
                <c:pt idx="4398">
                  <c:v>73.299973529762397</c:v>
                </c:pt>
                <c:pt idx="4399">
                  <c:v>73.316640190476704</c:v>
                </c:pt>
                <c:pt idx="4400">
                  <c:v>73.333306851190997</c:v>
                </c:pt>
                <c:pt idx="4401">
                  <c:v>73.349973511905304</c:v>
                </c:pt>
                <c:pt idx="4402">
                  <c:v>73.366640172619597</c:v>
                </c:pt>
                <c:pt idx="4403">
                  <c:v>73.383306833333904</c:v>
                </c:pt>
                <c:pt idx="4404">
                  <c:v>73.399973494048197</c:v>
                </c:pt>
                <c:pt idx="4405">
                  <c:v>73.416640154762504</c:v>
                </c:pt>
                <c:pt idx="4406">
                  <c:v>73.433306815476698</c:v>
                </c:pt>
                <c:pt idx="4407">
                  <c:v>73.449973476191005</c:v>
                </c:pt>
                <c:pt idx="4408">
                  <c:v>73.466640136905298</c:v>
                </c:pt>
                <c:pt idx="4409">
                  <c:v>73.483306797619605</c:v>
                </c:pt>
                <c:pt idx="4410">
                  <c:v>73.499973458333898</c:v>
                </c:pt>
                <c:pt idx="4411">
                  <c:v>73.516640119048205</c:v>
                </c:pt>
                <c:pt idx="4412">
                  <c:v>73.533306779762398</c:v>
                </c:pt>
                <c:pt idx="4413">
                  <c:v>73.549973440476705</c:v>
                </c:pt>
                <c:pt idx="4414">
                  <c:v>73.566640101190998</c:v>
                </c:pt>
                <c:pt idx="4415">
                  <c:v>73.583306761905305</c:v>
                </c:pt>
                <c:pt idx="4416">
                  <c:v>73.599973422619598</c:v>
                </c:pt>
                <c:pt idx="4417">
                  <c:v>73.616640083333905</c:v>
                </c:pt>
                <c:pt idx="4418">
                  <c:v>73.633306744048198</c:v>
                </c:pt>
                <c:pt idx="4419">
                  <c:v>73.649973404762505</c:v>
                </c:pt>
                <c:pt idx="4420">
                  <c:v>73.666640065476699</c:v>
                </c:pt>
                <c:pt idx="4421">
                  <c:v>73.683306726191006</c:v>
                </c:pt>
                <c:pt idx="4422">
                  <c:v>73.699973386905299</c:v>
                </c:pt>
                <c:pt idx="4423">
                  <c:v>73.716640047619606</c:v>
                </c:pt>
                <c:pt idx="4424">
                  <c:v>73.733306708333899</c:v>
                </c:pt>
                <c:pt idx="4425">
                  <c:v>73.749973369048206</c:v>
                </c:pt>
                <c:pt idx="4426">
                  <c:v>73.766640029762499</c:v>
                </c:pt>
                <c:pt idx="4427">
                  <c:v>73.783306690476707</c:v>
                </c:pt>
                <c:pt idx="4428">
                  <c:v>73.799973351190999</c:v>
                </c:pt>
                <c:pt idx="4429">
                  <c:v>73.816640011905307</c:v>
                </c:pt>
                <c:pt idx="4430">
                  <c:v>73.833306672619599</c:v>
                </c:pt>
                <c:pt idx="4431">
                  <c:v>73.849973333333907</c:v>
                </c:pt>
                <c:pt idx="4432">
                  <c:v>73.866639994048199</c:v>
                </c:pt>
                <c:pt idx="4433">
                  <c:v>73.883306654762507</c:v>
                </c:pt>
                <c:pt idx="4434">
                  <c:v>73.8999733154767</c:v>
                </c:pt>
                <c:pt idx="4435">
                  <c:v>73.916639976190993</c:v>
                </c:pt>
                <c:pt idx="4436">
                  <c:v>73.9333066369053</c:v>
                </c:pt>
                <c:pt idx="4437">
                  <c:v>73.949973297619593</c:v>
                </c:pt>
                <c:pt idx="4438">
                  <c:v>73.9666399583339</c:v>
                </c:pt>
                <c:pt idx="4439">
                  <c:v>73.983306619048193</c:v>
                </c:pt>
                <c:pt idx="4440">
                  <c:v>73.9999732797625</c:v>
                </c:pt>
                <c:pt idx="4441">
                  <c:v>74.016639940476693</c:v>
                </c:pt>
                <c:pt idx="4442">
                  <c:v>74.033306601191001</c:v>
                </c:pt>
                <c:pt idx="4443">
                  <c:v>74.049973261905293</c:v>
                </c:pt>
                <c:pt idx="4444">
                  <c:v>74.066639922619601</c:v>
                </c:pt>
                <c:pt idx="4445">
                  <c:v>74.083306583333894</c:v>
                </c:pt>
                <c:pt idx="4446">
                  <c:v>74.099973244048201</c:v>
                </c:pt>
                <c:pt idx="4447">
                  <c:v>74.116639904762494</c:v>
                </c:pt>
                <c:pt idx="4448">
                  <c:v>74.133306565476701</c:v>
                </c:pt>
                <c:pt idx="4449">
                  <c:v>74.149973226190994</c:v>
                </c:pt>
                <c:pt idx="4450">
                  <c:v>74.166639886905301</c:v>
                </c:pt>
                <c:pt idx="4451">
                  <c:v>74.183306547619594</c:v>
                </c:pt>
                <c:pt idx="4452">
                  <c:v>74.199973208333901</c:v>
                </c:pt>
                <c:pt idx="4453">
                  <c:v>74.216639869048194</c:v>
                </c:pt>
                <c:pt idx="4454">
                  <c:v>74.233306529762501</c:v>
                </c:pt>
                <c:pt idx="4455">
                  <c:v>74.249973190476695</c:v>
                </c:pt>
                <c:pt idx="4456">
                  <c:v>74.266639851191002</c:v>
                </c:pt>
                <c:pt idx="4457">
                  <c:v>74.283306511905295</c:v>
                </c:pt>
                <c:pt idx="4458">
                  <c:v>74.299973172619602</c:v>
                </c:pt>
                <c:pt idx="4459">
                  <c:v>74.316639833333895</c:v>
                </c:pt>
                <c:pt idx="4460">
                  <c:v>74.333306494048202</c:v>
                </c:pt>
                <c:pt idx="4461">
                  <c:v>74.349973154762495</c:v>
                </c:pt>
                <c:pt idx="4462">
                  <c:v>74.366639815476702</c:v>
                </c:pt>
                <c:pt idx="4463">
                  <c:v>74.383306476190995</c:v>
                </c:pt>
                <c:pt idx="4464">
                  <c:v>74.399973136905302</c:v>
                </c:pt>
                <c:pt idx="4465">
                  <c:v>74.416639797619595</c:v>
                </c:pt>
                <c:pt idx="4466">
                  <c:v>74.433306458333902</c:v>
                </c:pt>
                <c:pt idx="4467">
                  <c:v>74.449973119048195</c:v>
                </c:pt>
                <c:pt idx="4468">
                  <c:v>74.466639779762502</c:v>
                </c:pt>
                <c:pt idx="4469">
                  <c:v>74.483306440476696</c:v>
                </c:pt>
                <c:pt idx="4470">
                  <c:v>74.499973101191003</c:v>
                </c:pt>
                <c:pt idx="4471">
                  <c:v>74.516639761905296</c:v>
                </c:pt>
                <c:pt idx="4472">
                  <c:v>74.533306422619603</c:v>
                </c:pt>
                <c:pt idx="4473">
                  <c:v>74.549973083333896</c:v>
                </c:pt>
                <c:pt idx="4474">
                  <c:v>74.566639744048203</c:v>
                </c:pt>
                <c:pt idx="4475">
                  <c:v>74.583306404762496</c:v>
                </c:pt>
                <c:pt idx="4476">
                  <c:v>74.599973065476703</c:v>
                </c:pt>
                <c:pt idx="4477">
                  <c:v>74.616639726190996</c:v>
                </c:pt>
                <c:pt idx="4478">
                  <c:v>74.633306386905303</c:v>
                </c:pt>
                <c:pt idx="4479">
                  <c:v>74.649973047619596</c:v>
                </c:pt>
                <c:pt idx="4480">
                  <c:v>74.666639708333904</c:v>
                </c:pt>
                <c:pt idx="4481">
                  <c:v>74.683306369048196</c:v>
                </c:pt>
                <c:pt idx="4482">
                  <c:v>74.699973029762504</c:v>
                </c:pt>
                <c:pt idx="4483">
                  <c:v>74.716639690476697</c:v>
                </c:pt>
                <c:pt idx="4484">
                  <c:v>74.733306351191004</c:v>
                </c:pt>
                <c:pt idx="4485">
                  <c:v>74.749973011905297</c:v>
                </c:pt>
                <c:pt idx="4486">
                  <c:v>74.766639672619604</c:v>
                </c:pt>
                <c:pt idx="4487">
                  <c:v>74.783306333333897</c:v>
                </c:pt>
                <c:pt idx="4488">
                  <c:v>74.799972994048204</c:v>
                </c:pt>
                <c:pt idx="4489">
                  <c:v>74.816639654762497</c:v>
                </c:pt>
                <c:pt idx="4490">
                  <c:v>74.833306315476705</c:v>
                </c:pt>
                <c:pt idx="4491">
                  <c:v>74.849972976190998</c:v>
                </c:pt>
                <c:pt idx="4492">
                  <c:v>74.866639636905305</c:v>
                </c:pt>
                <c:pt idx="4493">
                  <c:v>74.883306297619598</c:v>
                </c:pt>
                <c:pt idx="4494">
                  <c:v>74.899972958333905</c:v>
                </c:pt>
                <c:pt idx="4495">
                  <c:v>74.916639619048198</c:v>
                </c:pt>
                <c:pt idx="4496">
                  <c:v>74.933306279762505</c:v>
                </c:pt>
                <c:pt idx="4497">
                  <c:v>74.949972940476698</c:v>
                </c:pt>
                <c:pt idx="4498">
                  <c:v>74.966639601191005</c:v>
                </c:pt>
                <c:pt idx="4499">
                  <c:v>74.983306261905298</c:v>
                </c:pt>
                <c:pt idx="4500">
                  <c:v>74.999972922619605</c:v>
                </c:pt>
                <c:pt idx="4501">
                  <c:v>75.016639583333898</c:v>
                </c:pt>
                <c:pt idx="4502">
                  <c:v>75.033306244048205</c:v>
                </c:pt>
                <c:pt idx="4503">
                  <c:v>75.049972904762498</c:v>
                </c:pt>
                <c:pt idx="4504">
                  <c:v>75.066639565476706</c:v>
                </c:pt>
                <c:pt idx="4505">
                  <c:v>75.083306226190999</c:v>
                </c:pt>
                <c:pt idx="4506">
                  <c:v>75.099972886905306</c:v>
                </c:pt>
                <c:pt idx="4507">
                  <c:v>75.116639547619599</c:v>
                </c:pt>
                <c:pt idx="4508">
                  <c:v>75.133306208333906</c:v>
                </c:pt>
                <c:pt idx="4509">
                  <c:v>75.149972869048199</c:v>
                </c:pt>
                <c:pt idx="4510">
                  <c:v>75.166639529762506</c:v>
                </c:pt>
                <c:pt idx="4511">
                  <c:v>75.183306190476799</c:v>
                </c:pt>
                <c:pt idx="4512">
                  <c:v>75.199972851191006</c:v>
                </c:pt>
                <c:pt idx="4513">
                  <c:v>75.216639511905299</c:v>
                </c:pt>
                <c:pt idx="4514">
                  <c:v>75.233306172619606</c:v>
                </c:pt>
                <c:pt idx="4515">
                  <c:v>75.249972833333899</c:v>
                </c:pt>
                <c:pt idx="4516">
                  <c:v>75.266639494048206</c:v>
                </c:pt>
                <c:pt idx="4517">
                  <c:v>75.283306154762499</c:v>
                </c:pt>
                <c:pt idx="4518">
                  <c:v>75.299972815476707</c:v>
                </c:pt>
                <c:pt idx="4519">
                  <c:v>75.316639476191</c:v>
                </c:pt>
                <c:pt idx="4520">
                  <c:v>75.333306136905307</c:v>
                </c:pt>
                <c:pt idx="4521">
                  <c:v>75.3499727976196</c:v>
                </c:pt>
                <c:pt idx="4522">
                  <c:v>75.366639458333907</c:v>
                </c:pt>
                <c:pt idx="4523">
                  <c:v>75.3833061190482</c:v>
                </c:pt>
                <c:pt idx="4524">
                  <c:v>75.399972779762507</c:v>
                </c:pt>
                <c:pt idx="4525">
                  <c:v>75.4166394404768</c:v>
                </c:pt>
                <c:pt idx="4526">
                  <c:v>75.433306101190993</c:v>
                </c:pt>
                <c:pt idx="4527">
                  <c:v>75.4499727619053</c:v>
                </c:pt>
                <c:pt idx="4528">
                  <c:v>75.466639422619593</c:v>
                </c:pt>
                <c:pt idx="4529">
                  <c:v>75.4833060833339</c:v>
                </c:pt>
                <c:pt idx="4530">
                  <c:v>75.499972744048193</c:v>
                </c:pt>
                <c:pt idx="4531">
                  <c:v>75.5166394047625</c:v>
                </c:pt>
                <c:pt idx="4532">
                  <c:v>75.533306065476694</c:v>
                </c:pt>
                <c:pt idx="4533">
                  <c:v>75.549972726191001</c:v>
                </c:pt>
                <c:pt idx="4534">
                  <c:v>75.566639386905294</c:v>
                </c:pt>
                <c:pt idx="4535">
                  <c:v>75.583306047619601</c:v>
                </c:pt>
                <c:pt idx="4536">
                  <c:v>75.599972708333894</c:v>
                </c:pt>
                <c:pt idx="4537">
                  <c:v>75.616639369048201</c:v>
                </c:pt>
                <c:pt idx="4538">
                  <c:v>75.633306029762494</c:v>
                </c:pt>
                <c:pt idx="4539">
                  <c:v>75.649972690476801</c:v>
                </c:pt>
                <c:pt idx="4540">
                  <c:v>75.666639351190994</c:v>
                </c:pt>
                <c:pt idx="4541">
                  <c:v>75.683306011905302</c:v>
                </c:pt>
                <c:pt idx="4542">
                  <c:v>75.699972672619595</c:v>
                </c:pt>
                <c:pt idx="4543">
                  <c:v>75.716639333333902</c:v>
                </c:pt>
                <c:pt idx="4544">
                  <c:v>75.733305994048195</c:v>
                </c:pt>
                <c:pt idx="4545">
                  <c:v>75.749972654762502</c:v>
                </c:pt>
                <c:pt idx="4546">
                  <c:v>75.766639315476795</c:v>
                </c:pt>
                <c:pt idx="4547">
                  <c:v>75.783305976191002</c:v>
                </c:pt>
                <c:pt idx="4548">
                  <c:v>75.799972636905295</c:v>
                </c:pt>
                <c:pt idx="4549">
                  <c:v>75.816639297619602</c:v>
                </c:pt>
                <c:pt idx="4550">
                  <c:v>75.833305958333895</c:v>
                </c:pt>
                <c:pt idx="4551">
                  <c:v>75.849972619048202</c:v>
                </c:pt>
                <c:pt idx="4552">
                  <c:v>75.866639279762495</c:v>
                </c:pt>
                <c:pt idx="4553">
                  <c:v>75.883305940476802</c:v>
                </c:pt>
                <c:pt idx="4554">
                  <c:v>75.899972601190996</c:v>
                </c:pt>
                <c:pt idx="4555">
                  <c:v>75.916639261905303</c:v>
                </c:pt>
                <c:pt idx="4556">
                  <c:v>75.933305922619596</c:v>
                </c:pt>
                <c:pt idx="4557">
                  <c:v>75.949972583333903</c:v>
                </c:pt>
                <c:pt idx="4558">
                  <c:v>75.966639244048196</c:v>
                </c:pt>
                <c:pt idx="4559">
                  <c:v>75.983305904762503</c:v>
                </c:pt>
                <c:pt idx="4560">
                  <c:v>75.999972565476796</c:v>
                </c:pt>
                <c:pt idx="4561">
                  <c:v>76.016639226191003</c:v>
                </c:pt>
                <c:pt idx="4562">
                  <c:v>76.033305886905296</c:v>
                </c:pt>
                <c:pt idx="4563">
                  <c:v>76.049972547619603</c:v>
                </c:pt>
                <c:pt idx="4564">
                  <c:v>76.066639208333896</c:v>
                </c:pt>
                <c:pt idx="4565">
                  <c:v>76.083305869048203</c:v>
                </c:pt>
                <c:pt idx="4566">
                  <c:v>76.099972529762496</c:v>
                </c:pt>
                <c:pt idx="4567">
                  <c:v>76.116639190476803</c:v>
                </c:pt>
                <c:pt idx="4568">
                  <c:v>76.133305851190997</c:v>
                </c:pt>
                <c:pt idx="4569">
                  <c:v>76.149972511905304</c:v>
                </c:pt>
                <c:pt idx="4570">
                  <c:v>76.166639172619597</c:v>
                </c:pt>
                <c:pt idx="4571">
                  <c:v>76.183305833333904</c:v>
                </c:pt>
                <c:pt idx="4572">
                  <c:v>76.199972494048197</c:v>
                </c:pt>
                <c:pt idx="4573">
                  <c:v>76.216639154762504</c:v>
                </c:pt>
                <c:pt idx="4574">
                  <c:v>76.233305815476797</c:v>
                </c:pt>
                <c:pt idx="4575">
                  <c:v>76.249972476191004</c:v>
                </c:pt>
                <c:pt idx="4576">
                  <c:v>76.266639136905297</c:v>
                </c:pt>
                <c:pt idx="4577">
                  <c:v>76.283305797619605</c:v>
                </c:pt>
                <c:pt idx="4578">
                  <c:v>76.299972458333897</c:v>
                </c:pt>
                <c:pt idx="4579">
                  <c:v>76.316639119048205</c:v>
                </c:pt>
                <c:pt idx="4580">
                  <c:v>76.333305779762497</c:v>
                </c:pt>
                <c:pt idx="4581">
                  <c:v>76.349972440476805</c:v>
                </c:pt>
                <c:pt idx="4582">
                  <c:v>76.366639101190998</c:v>
                </c:pt>
                <c:pt idx="4583">
                  <c:v>76.383305761905305</c:v>
                </c:pt>
                <c:pt idx="4584">
                  <c:v>76.399972422619598</c:v>
                </c:pt>
                <c:pt idx="4585">
                  <c:v>76.416639083333905</c:v>
                </c:pt>
                <c:pt idx="4586">
                  <c:v>76.433305744048198</c:v>
                </c:pt>
                <c:pt idx="4587">
                  <c:v>76.449972404762505</c:v>
                </c:pt>
                <c:pt idx="4588">
                  <c:v>76.466639065476798</c:v>
                </c:pt>
                <c:pt idx="4589">
                  <c:v>76.483305726191006</c:v>
                </c:pt>
                <c:pt idx="4590">
                  <c:v>76.499972386905299</c:v>
                </c:pt>
                <c:pt idx="4591">
                  <c:v>76.516639047619606</c:v>
                </c:pt>
                <c:pt idx="4592">
                  <c:v>76.533305708333899</c:v>
                </c:pt>
                <c:pt idx="4593">
                  <c:v>76.549972369048206</c:v>
                </c:pt>
                <c:pt idx="4594">
                  <c:v>76.566639029762499</c:v>
                </c:pt>
                <c:pt idx="4595">
                  <c:v>76.583305690476806</c:v>
                </c:pt>
                <c:pt idx="4596">
                  <c:v>76.599972351191099</c:v>
                </c:pt>
                <c:pt idx="4597">
                  <c:v>76.616639011905306</c:v>
                </c:pt>
                <c:pt idx="4598">
                  <c:v>76.633305672619599</c:v>
                </c:pt>
                <c:pt idx="4599">
                  <c:v>76.649972333333906</c:v>
                </c:pt>
                <c:pt idx="4600">
                  <c:v>76.666638994048199</c:v>
                </c:pt>
                <c:pt idx="4601">
                  <c:v>76.683305654762506</c:v>
                </c:pt>
                <c:pt idx="4602">
                  <c:v>76.699972315476799</c:v>
                </c:pt>
                <c:pt idx="4603">
                  <c:v>76.716638976191007</c:v>
                </c:pt>
                <c:pt idx="4604">
                  <c:v>76.7333056369053</c:v>
                </c:pt>
                <c:pt idx="4605">
                  <c:v>76.749972297619607</c:v>
                </c:pt>
                <c:pt idx="4606">
                  <c:v>76.7666389583339</c:v>
                </c:pt>
                <c:pt idx="4607">
                  <c:v>76.783305619048207</c:v>
                </c:pt>
                <c:pt idx="4608">
                  <c:v>76.7999722797625</c:v>
                </c:pt>
                <c:pt idx="4609">
                  <c:v>76.816638940476807</c:v>
                </c:pt>
                <c:pt idx="4610">
                  <c:v>76.8333056011911</c:v>
                </c:pt>
                <c:pt idx="4611">
                  <c:v>76.849972261905293</c:v>
                </c:pt>
                <c:pt idx="4612">
                  <c:v>76.8666389226196</c:v>
                </c:pt>
                <c:pt idx="4613">
                  <c:v>76.883305583333893</c:v>
                </c:pt>
                <c:pt idx="4614">
                  <c:v>76.8999722440482</c:v>
                </c:pt>
                <c:pt idx="4615">
                  <c:v>76.916638904762493</c:v>
                </c:pt>
                <c:pt idx="4616">
                  <c:v>76.9333055654768</c:v>
                </c:pt>
                <c:pt idx="4617">
                  <c:v>76.949972226190994</c:v>
                </c:pt>
                <c:pt idx="4618">
                  <c:v>76.966638886905301</c:v>
                </c:pt>
                <c:pt idx="4619">
                  <c:v>76.983305547619594</c:v>
                </c:pt>
                <c:pt idx="4620">
                  <c:v>76.999972208333901</c:v>
                </c:pt>
                <c:pt idx="4621">
                  <c:v>77.016638869048194</c:v>
                </c:pt>
                <c:pt idx="4622">
                  <c:v>77.033305529762501</c:v>
                </c:pt>
                <c:pt idx="4623">
                  <c:v>77.049972190476794</c:v>
                </c:pt>
                <c:pt idx="4624">
                  <c:v>77.066638851191101</c:v>
                </c:pt>
                <c:pt idx="4625">
                  <c:v>77.083305511905294</c:v>
                </c:pt>
                <c:pt idx="4626">
                  <c:v>77.099972172619601</c:v>
                </c:pt>
                <c:pt idx="4627">
                  <c:v>77.116638833333894</c:v>
                </c:pt>
                <c:pt idx="4628">
                  <c:v>77.133305494048201</c:v>
                </c:pt>
                <c:pt idx="4629">
                  <c:v>77.149972154762494</c:v>
                </c:pt>
                <c:pt idx="4630">
                  <c:v>77.166638815476801</c:v>
                </c:pt>
                <c:pt idx="4631">
                  <c:v>77.183305476190995</c:v>
                </c:pt>
                <c:pt idx="4632">
                  <c:v>77.199972136905302</c:v>
                </c:pt>
                <c:pt idx="4633">
                  <c:v>77.216638797619595</c:v>
                </c:pt>
                <c:pt idx="4634">
                  <c:v>77.233305458333902</c:v>
                </c:pt>
                <c:pt idx="4635">
                  <c:v>77.249972119048195</c:v>
                </c:pt>
                <c:pt idx="4636">
                  <c:v>77.266638779762502</c:v>
                </c:pt>
                <c:pt idx="4637">
                  <c:v>77.283305440476795</c:v>
                </c:pt>
                <c:pt idx="4638">
                  <c:v>77.299972101191102</c:v>
                </c:pt>
                <c:pt idx="4639">
                  <c:v>77.316638761905295</c:v>
                </c:pt>
                <c:pt idx="4640">
                  <c:v>77.333305422619603</c:v>
                </c:pt>
                <c:pt idx="4641">
                  <c:v>77.349972083333896</c:v>
                </c:pt>
                <c:pt idx="4642">
                  <c:v>77.366638744048203</c:v>
                </c:pt>
                <c:pt idx="4643">
                  <c:v>77.383305404762496</c:v>
                </c:pt>
                <c:pt idx="4644">
                  <c:v>77.399972065476803</c:v>
                </c:pt>
                <c:pt idx="4645">
                  <c:v>77.416638726190996</c:v>
                </c:pt>
                <c:pt idx="4646">
                  <c:v>77.433305386905303</c:v>
                </c:pt>
                <c:pt idx="4647">
                  <c:v>77.449972047619596</c:v>
                </c:pt>
                <c:pt idx="4648">
                  <c:v>77.466638708333903</c:v>
                </c:pt>
                <c:pt idx="4649">
                  <c:v>77.483305369048196</c:v>
                </c:pt>
                <c:pt idx="4650">
                  <c:v>77.499972029762503</c:v>
                </c:pt>
                <c:pt idx="4651">
                  <c:v>77.516638690476796</c:v>
                </c:pt>
                <c:pt idx="4652">
                  <c:v>77.533305351191103</c:v>
                </c:pt>
                <c:pt idx="4653">
                  <c:v>77.549972011905297</c:v>
                </c:pt>
                <c:pt idx="4654">
                  <c:v>77.566638672619604</c:v>
                </c:pt>
                <c:pt idx="4655">
                  <c:v>77.583305333333897</c:v>
                </c:pt>
                <c:pt idx="4656">
                  <c:v>77.599971994048204</c:v>
                </c:pt>
                <c:pt idx="4657">
                  <c:v>77.616638654762497</c:v>
                </c:pt>
                <c:pt idx="4658">
                  <c:v>77.633305315476804</c:v>
                </c:pt>
                <c:pt idx="4659">
                  <c:v>77.649971976190997</c:v>
                </c:pt>
                <c:pt idx="4660">
                  <c:v>77.666638636905304</c:v>
                </c:pt>
                <c:pt idx="4661">
                  <c:v>77.683305297619597</c:v>
                </c:pt>
                <c:pt idx="4662">
                  <c:v>77.699971958333904</c:v>
                </c:pt>
                <c:pt idx="4663">
                  <c:v>77.716638619048197</c:v>
                </c:pt>
                <c:pt idx="4664">
                  <c:v>77.733305279762504</c:v>
                </c:pt>
                <c:pt idx="4665">
                  <c:v>77.749971940476797</c:v>
                </c:pt>
                <c:pt idx="4666">
                  <c:v>77.766638601191104</c:v>
                </c:pt>
                <c:pt idx="4667">
                  <c:v>77.783305261905298</c:v>
                </c:pt>
                <c:pt idx="4668">
                  <c:v>77.799971922619605</c:v>
                </c:pt>
                <c:pt idx="4669">
                  <c:v>77.816638583333898</c:v>
                </c:pt>
                <c:pt idx="4670">
                  <c:v>77.833305244048205</c:v>
                </c:pt>
                <c:pt idx="4671">
                  <c:v>77.849971904762498</c:v>
                </c:pt>
                <c:pt idx="4672">
                  <c:v>77.866638565476805</c:v>
                </c:pt>
                <c:pt idx="4673">
                  <c:v>77.883305226190998</c:v>
                </c:pt>
                <c:pt idx="4674">
                  <c:v>77.899971886905305</c:v>
                </c:pt>
                <c:pt idx="4675">
                  <c:v>77.916638547619598</c:v>
                </c:pt>
                <c:pt idx="4676">
                  <c:v>77.933305208333906</c:v>
                </c:pt>
                <c:pt idx="4677">
                  <c:v>77.949971869048198</c:v>
                </c:pt>
                <c:pt idx="4678">
                  <c:v>77.966638529762506</c:v>
                </c:pt>
                <c:pt idx="4679">
                  <c:v>77.983305190476798</c:v>
                </c:pt>
                <c:pt idx="4680">
                  <c:v>77.999971851191106</c:v>
                </c:pt>
                <c:pt idx="4681">
                  <c:v>78.016638511905299</c:v>
                </c:pt>
                <c:pt idx="4682">
                  <c:v>78.033305172619606</c:v>
                </c:pt>
                <c:pt idx="4683">
                  <c:v>78.049971833333899</c:v>
                </c:pt>
                <c:pt idx="4684">
                  <c:v>78.066638494048206</c:v>
                </c:pt>
                <c:pt idx="4685">
                  <c:v>78.083305154762499</c:v>
                </c:pt>
                <c:pt idx="4686">
                  <c:v>78.099971815476806</c:v>
                </c:pt>
                <c:pt idx="4687">
                  <c:v>78.116638476191099</c:v>
                </c:pt>
                <c:pt idx="4688">
                  <c:v>78.133305136905307</c:v>
                </c:pt>
                <c:pt idx="4689">
                  <c:v>78.1499717976196</c:v>
                </c:pt>
                <c:pt idx="4690">
                  <c:v>78.166638458333907</c:v>
                </c:pt>
                <c:pt idx="4691">
                  <c:v>78.1833051190482</c:v>
                </c:pt>
                <c:pt idx="4692">
                  <c:v>78.199971779762507</c:v>
                </c:pt>
                <c:pt idx="4693">
                  <c:v>78.2166384404768</c:v>
                </c:pt>
                <c:pt idx="4694">
                  <c:v>78.233305101191107</c:v>
                </c:pt>
                <c:pt idx="4695">
                  <c:v>78.2499717619054</c:v>
                </c:pt>
                <c:pt idx="4696">
                  <c:v>78.266638422619593</c:v>
                </c:pt>
                <c:pt idx="4697">
                  <c:v>78.2833050833339</c:v>
                </c:pt>
                <c:pt idx="4698">
                  <c:v>78.299971744048193</c:v>
                </c:pt>
                <c:pt idx="4699">
                  <c:v>78.3166384047625</c:v>
                </c:pt>
                <c:pt idx="4700">
                  <c:v>78.333305065476793</c:v>
                </c:pt>
                <c:pt idx="4701">
                  <c:v>78.3499717261911</c:v>
                </c:pt>
                <c:pt idx="4702">
                  <c:v>78.366638386905294</c:v>
                </c:pt>
                <c:pt idx="4703">
                  <c:v>78.383305047619601</c:v>
                </c:pt>
                <c:pt idx="4704">
                  <c:v>78.399971708333894</c:v>
                </c:pt>
                <c:pt idx="4705">
                  <c:v>78.416638369048201</c:v>
                </c:pt>
                <c:pt idx="4706">
                  <c:v>78.433305029762494</c:v>
                </c:pt>
                <c:pt idx="4707">
                  <c:v>78.449971690476801</c:v>
                </c:pt>
                <c:pt idx="4708">
                  <c:v>78.466638351191094</c:v>
                </c:pt>
                <c:pt idx="4709">
                  <c:v>78.483305011905401</c:v>
                </c:pt>
                <c:pt idx="4710">
                  <c:v>78.499971672619594</c:v>
                </c:pt>
                <c:pt idx="4711">
                  <c:v>78.516638333333901</c:v>
                </c:pt>
                <c:pt idx="4712">
                  <c:v>78.533304994048194</c:v>
                </c:pt>
                <c:pt idx="4713">
                  <c:v>78.549971654762501</c:v>
                </c:pt>
                <c:pt idx="4714">
                  <c:v>78.566638315476794</c:v>
                </c:pt>
                <c:pt idx="4715">
                  <c:v>78.583304976191101</c:v>
                </c:pt>
                <c:pt idx="4716">
                  <c:v>78.599971636905295</c:v>
                </c:pt>
                <c:pt idx="4717">
                  <c:v>78.616638297619602</c:v>
                </c:pt>
                <c:pt idx="4718">
                  <c:v>78.633304958333895</c:v>
                </c:pt>
                <c:pt idx="4719">
                  <c:v>78.649971619048202</c:v>
                </c:pt>
                <c:pt idx="4720">
                  <c:v>78.666638279762495</c:v>
                </c:pt>
                <c:pt idx="4721">
                  <c:v>78.683304940476802</c:v>
                </c:pt>
                <c:pt idx="4722">
                  <c:v>78.699971601191095</c:v>
                </c:pt>
                <c:pt idx="4723">
                  <c:v>78.716638261905402</c:v>
                </c:pt>
                <c:pt idx="4724">
                  <c:v>78.733304922619595</c:v>
                </c:pt>
                <c:pt idx="4725">
                  <c:v>78.749971583333902</c:v>
                </c:pt>
                <c:pt idx="4726">
                  <c:v>78.766638244048195</c:v>
                </c:pt>
                <c:pt idx="4727">
                  <c:v>78.783304904762502</c:v>
                </c:pt>
                <c:pt idx="4728">
                  <c:v>78.799971565476795</c:v>
                </c:pt>
                <c:pt idx="4729">
                  <c:v>78.816638226191102</c:v>
                </c:pt>
                <c:pt idx="4730">
                  <c:v>78.833304886905296</c:v>
                </c:pt>
                <c:pt idx="4731">
                  <c:v>78.849971547619603</c:v>
                </c:pt>
                <c:pt idx="4732">
                  <c:v>78.866638208333896</c:v>
                </c:pt>
                <c:pt idx="4733">
                  <c:v>78.883304869048203</c:v>
                </c:pt>
                <c:pt idx="4734">
                  <c:v>78.899971529762496</c:v>
                </c:pt>
                <c:pt idx="4735">
                  <c:v>78.916638190476803</c:v>
                </c:pt>
                <c:pt idx="4736">
                  <c:v>78.933304851191096</c:v>
                </c:pt>
                <c:pt idx="4737">
                  <c:v>78.949971511905403</c:v>
                </c:pt>
                <c:pt idx="4738">
                  <c:v>78.966638172619597</c:v>
                </c:pt>
                <c:pt idx="4739">
                  <c:v>78.983304833333904</c:v>
                </c:pt>
                <c:pt idx="4740">
                  <c:v>78.999971494048197</c:v>
                </c:pt>
                <c:pt idx="4741">
                  <c:v>79.016638154762504</c:v>
                </c:pt>
                <c:pt idx="4742">
                  <c:v>79.033304815476797</c:v>
                </c:pt>
                <c:pt idx="4743">
                  <c:v>79.049971476191104</c:v>
                </c:pt>
                <c:pt idx="4744">
                  <c:v>79.066638136905297</c:v>
                </c:pt>
                <c:pt idx="4745">
                  <c:v>79.083304797619604</c:v>
                </c:pt>
                <c:pt idx="4746">
                  <c:v>79.099971458333897</c:v>
                </c:pt>
                <c:pt idx="4747">
                  <c:v>79.116638119048204</c:v>
                </c:pt>
                <c:pt idx="4748">
                  <c:v>79.133304779762497</c:v>
                </c:pt>
                <c:pt idx="4749">
                  <c:v>79.149971440476804</c:v>
                </c:pt>
                <c:pt idx="4750">
                  <c:v>79.166638101191097</c:v>
                </c:pt>
                <c:pt idx="4751">
                  <c:v>79.183304761905404</c:v>
                </c:pt>
                <c:pt idx="4752">
                  <c:v>79.199971422619598</c:v>
                </c:pt>
                <c:pt idx="4753">
                  <c:v>79.216638083333905</c:v>
                </c:pt>
                <c:pt idx="4754">
                  <c:v>79.233304744048198</c:v>
                </c:pt>
                <c:pt idx="4755">
                  <c:v>79.249971404762505</c:v>
                </c:pt>
                <c:pt idx="4756">
                  <c:v>79.266638065476798</c:v>
                </c:pt>
                <c:pt idx="4757">
                  <c:v>79.283304726191105</c:v>
                </c:pt>
                <c:pt idx="4758">
                  <c:v>79.299971386905298</c:v>
                </c:pt>
                <c:pt idx="4759">
                  <c:v>79.316638047619605</c:v>
                </c:pt>
                <c:pt idx="4760">
                  <c:v>79.333304708333898</c:v>
                </c:pt>
                <c:pt idx="4761">
                  <c:v>79.349971369048205</c:v>
                </c:pt>
                <c:pt idx="4762">
                  <c:v>79.366638029762498</c:v>
                </c:pt>
                <c:pt idx="4763">
                  <c:v>79.383304690476805</c:v>
                </c:pt>
                <c:pt idx="4764">
                  <c:v>79.399971351191098</c:v>
                </c:pt>
                <c:pt idx="4765">
                  <c:v>79.416638011905405</c:v>
                </c:pt>
                <c:pt idx="4766">
                  <c:v>79.433304672619599</c:v>
                </c:pt>
                <c:pt idx="4767">
                  <c:v>79.449971333333906</c:v>
                </c:pt>
                <c:pt idx="4768">
                  <c:v>79.466637994048199</c:v>
                </c:pt>
                <c:pt idx="4769">
                  <c:v>79.483304654762506</c:v>
                </c:pt>
                <c:pt idx="4770">
                  <c:v>79.499971315476799</c:v>
                </c:pt>
                <c:pt idx="4771">
                  <c:v>79.516637976191106</c:v>
                </c:pt>
                <c:pt idx="4772">
                  <c:v>79.533304636905399</c:v>
                </c:pt>
                <c:pt idx="4773">
                  <c:v>79.549971297619607</c:v>
                </c:pt>
                <c:pt idx="4774">
                  <c:v>79.566637958333899</c:v>
                </c:pt>
                <c:pt idx="4775">
                  <c:v>79.583304619048207</c:v>
                </c:pt>
                <c:pt idx="4776">
                  <c:v>79.599971279762499</c:v>
                </c:pt>
                <c:pt idx="4777">
                  <c:v>79.616637940476807</c:v>
                </c:pt>
                <c:pt idx="4778">
                  <c:v>79.633304601191099</c:v>
                </c:pt>
                <c:pt idx="4779">
                  <c:v>79.649971261905407</c:v>
                </c:pt>
                <c:pt idx="4780">
                  <c:v>79.6666379226196</c:v>
                </c:pt>
                <c:pt idx="4781">
                  <c:v>79.683304583333907</c:v>
                </c:pt>
                <c:pt idx="4782">
                  <c:v>79.6999712440482</c:v>
                </c:pt>
                <c:pt idx="4783">
                  <c:v>79.716637904762507</c:v>
                </c:pt>
                <c:pt idx="4784">
                  <c:v>79.7333045654768</c:v>
                </c:pt>
                <c:pt idx="4785">
                  <c:v>79.749971226191093</c:v>
                </c:pt>
                <c:pt idx="4786">
                  <c:v>79.7666378869054</c:v>
                </c:pt>
                <c:pt idx="4787">
                  <c:v>79.783304547619593</c:v>
                </c:pt>
                <c:pt idx="4788">
                  <c:v>79.799971208333901</c:v>
                </c:pt>
                <c:pt idx="4789">
                  <c:v>79.816637869048193</c:v>
                </c:pt>
                <c:pt idx="4790">
                  <c:v>79.833304529762501</c:v>
                </c:pt>
                <c:pt idx="4791">
                  <c:v>79.849971190476793</c:v>
                </c:pt>
                <c:pt idx="4792">
                  <c:v>79.866637851191101</c:v>
                </c:pt>
                <c:pt idx="4793">
                  <c:v>79.883304511905393</c:v>
                </c:pt>
                <c:pt idx="4794">
                  <c:v>79.899971172619601</c:v>
                </c:pt>
                <c:pt idx="4795">
                  <c:v>79.916637833333894</c:v>
                </c:pt>
                <c:pt idx="4796">
                  <c:v>79.933304494048201</c:v>
                </c:pt>
                <c:pt idx="4797">
                  <c:v>79.949971154762494</c:v>
                </c:pt>
                <c:pt idx="4798">
                  <c:v>79.966637815476801</c:v>
                </c:pt>
                <c:pt idx="4799">
                  <c:v>79.983304476191094</c:v>
                </c:pt>
                <c:pt idx="4800">
                  <c:v>79.999971136905401</c:v>
                </c:pt>
                <c:pt idx="4801">
                  <c:v>80.016637797619595</c:v>
                </c:pt>
                <c:pt idx="4802">
                  <c:v>80.033304458333902</c:v>
                </c:pt>
                <c:pt idx="4803">
                  <c:v>80.049971119048195</c:v>
                </c:pt>
                <c:pt idx="4804">
                  <c:v>80.066637779762502</c:v>
                </c:pt>
                <c:pt idx="4805">
                  <c:v>80.083304440476795</c:v>
                </c:pt>
                <c:pt idx="4806">
                  <c:v>80.099971101191102</c:v>
                </c:pt>
                <c:pt idx="4807">
                  <c:v>80.116637761905395</c:v>
                </c:pt>
                <c:pt idx="4808">
                  <c:v>80.133304422619602</c:v>
                </c:pt>
                <c:pt idx="4809">
                  <c:v>80.149971083333895</c:v>
                </c:pt>
                <c:pt idx="4810">
                  <c:v>80.166637744048202</c:v>
                </c:pt>
                <c:pt idx="4811">
                  <c:v>80.183304404762495</c:v>
                </c:pt>
                <c:pt idx="4812">
                  <c:v>80.199971065476802</c:v>
                </c:pt>
                <c:pt idx="4813">
                  <c:v>80.216637726191095</c:v>
                </c:pt>
                <c:pt idx="4814">
                  <c:v>80.233304386905402</c:v>
                </c:pt>
                <c:pt idx="4815">
                  <c:v>80.249971047619596</c:v>
                </c:pt>
                <c:pt idx="4816">
                  <c:v>80.266637708333903</c:v>
                </c:pt>
                <c:pt idx="4817">
                  <c:v>80.283304369048196</c:v>
                </c:pt>
                <c:pt idx="4818">
                  <c:v>80.299971029762503</c:v>
                </c:pt>
                <c:pt idx="4819">
                  <c:v>80.316637690476796</c:v>
                </c:pt>
                <c:pt idx="4820">
                  <c:v>80.333304351191103</c:v>
                </c:pt>
                <c:pt idx="4821">
                  <c:v>80.349971011905396</c:v>
                </c:pt>
                <c:pt idx="4822">
                  <c:v>80.366637672619603</c:v>
                </c:pt>
                <c:pt idx="4823">
                  <c:v>80.383304333333896</c:v>
                </c:pt>
                <c:pt idx="4824">
                  <c:v>80.399970994048203</c:v>
                </c:pt>
                <c:pt idx="4825">
                  <c:v>80.416637654762496</c:v>
                </c:pt>
                <c:pt idx="4826">
                  <c:v>80.433304315476803</c:v>
                </c:pt>
                <c:pt idx="4827">
                  <c:v>80.449970976191096</c:v>
                </c:pt>
                <c:pt idx="4828">
                  <c:v>80.466637636905403</c:v>
                </c:pt>
                <c:pt idx="4829">
                  <c:v>80.483304297619597</c:v>
                </c:pt>
                <c:pt idx="4830">
                  <c:v>80.499970958333904</c:v>
                </c:pt>
                <c:pt idx="4831">
                  <c:v>80.516637619048197</c:v>
                </c:pt>
                <c:pt idx="4832">
                  <c:v>80.533304279762504</c:v>
                </c:pt>
                <c:pt idx="4833">
                  <c:v>80.549970940476797</c:v>
                </c:pt>
                <c:pt idx="4834">
                  <c:v>80.566637601191104</c:v>
                </c:pt>
                <c:pt idx="4835">
                  <c:v>80.583304261905397</c:v>
                </c:pt>
                <c:pt idx="4836">
                  <c:v>80.599970922619704</c:v>
                </c:pt>
                <c:pt idx="4837">
                  <c:v>80.616637583333898</c:v>
                </c:pt>
                <c:pt idx="4838">
                  <c:v>80.633304244048205</c:v>
                </c:pt>
                <c:pt idx="4839">
                  <c:v>80.649970904762498</c:v>
                </c:pt>
                <c:pt idx="4840">
                  <c:v>80.666637565476805</c:v>
                </c:pt>
                <c:pt idx="4841">
                  <c:v>80.683304226191098</c:v>
                </c:pt>
                <c:pt idx="4842">
                  <c:v>80.699970886905405</c:v>
                </c:pt>
                <c:pt idx="4843">
                  <c:v>80.716637547619598</c:v>
                </c:pt>
                <c:pt idx="4844">
                  <c:v>80.733304208333905</c:v>
                </c:pt>
                <c:pt idx="4845">
                  <c:v>80.749970869048198</c:v>
                </c:pt>
                <c:pt idx="4846">
                  <c:v>80.766637529762505</c:v>
                </c:pt>
                <c:pt idx="4847">
                  <c:v>80.783304190476798</c:v>
                </c:pt>
                <c:pt idx="4848">
                  <c:v>80.799970851191105</c:v>
                </c:pt>
                <c:pt idx="4849">
                  <c:v>80.816637511905398</c:v>
                </c:pt>
                <c:pt idx="4850">
                  <c:v>80.833304172619705</c:v>
                </c:pt>
                <c:pt idx="4851">
                  <c:v>80.849970833333899</c:v>
                </c:pt>
                <c:pt idx="4852">
                  <c:v>80.866637494048206</c:v>
                </c:pt>
                <c:pt idx="4853">
                  <c:v>80.883304154762499</c:v>
                </c:pt>
                <c:pt idx="4854">
                  <c:v>80.899970815476806</c:v>
                </c:pt>
                <c:pt idx="4855">
                  <c:v>80.916637476191099</c:v>
                </c:pt>
                <c:pt idx="4856">
                  <c:v>80.933304136905406</c:v>
                </c:pt>
                <c:pt idx="4857">
                  <c:v>80.949970797619699</c:v>
                </c:pt>
                <c:pt idx="4858">
                  <c:v>80.966637458333906</c:v>
                </c:pt>
                <c:pt idx="4859">
                  <c:v>80.983304119048199</c:v>
                </c:pt>
                <c:pt idx="4860">
                  <c:v>80.999970779762506</c:v>
                </c:pt>
                <c:pt idx="4861">
                  <c:v>81.016637440476799</c:v>
                </c:pt>
                <c:pt idx="4862">
                  <c:v>81.033304101191106</c:v>
                </c:pt>
                <c:pt idx="4863">
                  <c:v>81.049970761905399</c:v>
                </c:pt>
                <c:pt idx="4864">
                  <c:v>81.066637422619706</c:v>
                </c:pt>
                <c:pt idx="4865">
                  <c:v>81.0833040833339</c:v>
                </c:pt>
                <c:pt idx="4866">
                  <c:v>81.099970744048207</c:v>
                </c:pt>
                <c:pt idx="4867">
                  <c:v>81.1166374047625</c:v>
                </c:pt>
                <c:pt idx="4868">
                  <c:v>81.133304065476807</c:v>
                </c:pt>
                <c:pt idx="4869">
                  <c:v>81.1499707261911</c:v>
                </c:pt>
                <c:pt idx="4870">
                  <c:v>81.166637386905407</c:v>
                </c:pt>
                <c:pt idx="4871">
                  <c:v>81.1833040476197</c:v>
                </c:pt>
                <c:pt idx="4872">
                  <c:v>81.199970708333893</c:v>
                </c:pt>
                <c:pt idx="4873">
                  <c:v>81.2166373690482</c:v>
                </c:pt>
                <c:pt idx="4874">
                  <c:v>81.233304029762493</c:v>
                </c:pt>
                <c:pt idx="4875">
                  <c:v>81.2499706904768</c:v>
                </c:pt>
                <c:pt idx="4876">
                  <c:v>81.266637351191093</c:v>
                </c:pt>
                <c:pt idx="4877">
                  <c:v>81.2833040119054</c:v>
                </c:pt>
                <c:pt idx="4878">
                  <c:v>81.299970672619693</c:v>
                </c:pt>
                <c:pt idx="4879">
                  <c:v>81.316637333333901</c:v>
                </c:pt>
                <c:pt idx="4880">
                  <c:v>81.333303994048194</c:v>
                </c:pt>
                <c:pt idx="4881">
                  <c:v>81.349970654762501</c:v>
                </c:pt>
                <c:pt idx="4882">
                  <c:v>81.366637315476794</c:v>
                </c:pt>
                <c:pt idx="4883">
                  <c:v>81.383303976191101</c:v>
                </c:pt>
                <c:pt idx="4884">
                  <c:v>81.399970636905394</c:v>
                </c:pt>
                <c:pt idx="4885">
                  <c:v>81.416637297619701</c:v>
                </c:pt>
                <c:pt idx="4886">
                  <c:v>81.433303958333894</c:v>
                </c:pt>
                <c:pt idx="4887">
                  <c:v>81.449970619048202</c:v>
                </c:pt>
                <c:pt idx="4888">
                  <c:v>81.466637279762494</c:v>
                </c:pt>
                <c:pt idx="4889">
                  <c:v>81.483303940476802</c:v>
                </c:pt>
                <c:pt idx="4890">
                  <c:v>81.499970601191094</c:v>
                </c:pt>
                <c:pt idx="4891">
                  <c:v>81.516637261905402</c:v>
                </c:pt>
                <c:pt idx="4892">
                  <c:v>81.533303922619695</c:v>
                </c:pt>
                <c:pt idx="4893">
                  <c:v>81.549970583333902</c:v>
                </c:pt>
                <c:pt idx="4894">
                  <c:v>81.566637244048195</c:v>
                </c:pt>
                <c:pt idx="4895">
                  <c:v>81.583303904762502</c:v>
                </c:pt>
                <c:pt idx="4896">
                  <c:v>81.599970565476795</c:v>
                </c:pt>
                <c:pt idx="4897">
                  <c:v>81.616637226191102</c:v>
                </c:pt>
                <c:pt idx="4898">
                  <c:v>81.633303886905395</c:v>
                </c:pt>
                <c:pt idx="4899">
                  <c:v>81.649970547619702</c:v>
                </c:pt>
                <c:pt idx="4900">
                  <c:v>81.666637208333896</c:v>
                </c:pt>
                <c:pt idx="4901">
                  <c:v>81.683303869048203</c:v>
                </c:pt>
                <c:pt idx="4902">
                  <c:v>81.699970529762496</c:v>
                </c:pt>
                <c:pt idx="4903">
                  <c:v>81.716637190476803</c:v>
                </c:pt>
                <c:pt idx="4904">
                  <c:v>81.733303851191096</c:v>
                </c:pt>
                <c:pt idx="4905">
                  <c:v>81.749970511905403</c:v>
                </c:pt>
                <c:pt idx="4906">
                  <c:v>81.766637172619696</c:v>
                </c:pt>
                <c:pt idx="4907">
                  <c:v>81.783303833333903</c:v>
                </c:pt>
                <c:pt idx="4908">
                  <c:v>81.799970494048196</c:v>
                </c:pt>
                <c:pt idx="4909">
                  <c:v>81.816637154762503</c:v>
                </c:pt>
                <c:pt idx="4910">
                  <c:v>81.833303815476796</c:v>
                </c:pt>
                <c:pt idx="4911">
                  <c:v>81.849970476191103</c:v>
                </c:pt>
                <c:pt idx="4912">
                  <c:v>81.866637136905396</c:v>
                </c:pt>
                <c:pt idx="4913">
                  <c:v>81.883303797619703</c:v>
                </c:pt>
                <c:pt idx="4914">
                  <c:v>81.899970458333897</c:v>
                </c:pt>
                <c:pt idx="4915">
                  <c:v>81.916637119048204</c:v>
                </c:pt>
                <c:pt idx="4916">
                  <c:v>81.933303779762497</c:v>
                </c:pt>
                <c:pt idx="4917">
                  <c:v>81.949970440476804</c:v>
                </c:pt>
                <c:pt idx="4918">
                  <c:v>81.966637101191097</c:v>
                </c:pt>
                <c:pt idx="4919">
                  <c:v>81.983303761905404</c:v>
                </c:pt>
                <c:pt idx="4920">
                  <c:v>81.999970422619697</c:v>
                </c:pt>
                <c:pt idx="4921">
                  <c:v>82.016637083333904</c:v>
                </c:pt>
                <c:pt idx="4922">
                  <c:v>82.033303744048197</c:v>
                </c:pt>
                <c:pt idx="4923">
                  <c:v>82.049970404762504</c:v>
                </c:pt>
                <c:pt idx="4924">
                  <c:v>82.066637065476797</c:v>
                </c:pt>
                <c:pt idx="4925">
                  <c:v>82.083303726191104</c:v>
                </c:pt>
                <c:pt idx="4926">
                  <c:v>82.099970386905397</c:v>
                </c:pt>
                <c:pt idx="4927">
                  <c:v>82.116637047619705</c:v>
                </c:pt>
                <c:pt idx="4928">
                  <c:v>82.133303708333898</c:v>
                </c:pt>
                <c:pt idx="4929">
                  <c:v>82.149970369048205</c:v>
                </c:pt>
                <c:pt idx="4930">
                  <c:v>82.166637029762498</c:v>
                </c:pt>
                <c:pt idx="4931">
                  <c:v>82.183303690476805</c:v>
                </c:pt>
                <c:pt idx="4932">
                  <c:v>82.199970351191098</c:v>
                </c:pt>
                <c:pt idx="4933">
                  <c:v>82.216637011905405</c:v>
                </c:pt>
                <c:pt idx="4934">
                  <c:v>82.233303672619698</c:v>
                </c:pt>
                <c:pt idx="4935">
                  <c:v>82.249970333333906</c:v>
                </c:pt>
                <c:pt idx="4936">
                  <c:v>82.266636994048199</c:v>
                </c:pt>
                <c:pt idx="4937">
                  <c:v>82.283303654762506</c:v>
                </c:pt>
                <c:pt idx="4938">
                  <c:v>82.299970315476799</c:v>
                </c:pt>
                <c:pt idx="4939">
                  <c:v>82.316636976191106</c:v>
                </c:pt>
                <c:pt idx="4940">
                  <c:v>82.333303636905399</c:v>
                </c:pt>
                <c:pt idx="4941">
                  <c:v>82.349970297619706</c:v>
                </c:pt>
                <c:pt idx="4942">
                  <c:v>82.366636958333999</c:v>
                </c:pt>
                <c:pt idx="4943">
                  <c:v>82.383303619048206</c:v>
                </c:pt>
                <c:pt idx="4944">
                  <c:v>82.399970279762499</c:v>
                </c:pt>
                <c:pt idx="4945">
                  <c:v>82.416636940476806</c:v>
                </c:pt>
                <c:pt idx="4946">
                  <c:v>82.433303601191099</c:v>
                </c:pt>
                <c:pt idx="4947">
                  <c:v>82.449970261905406</c:v>
                </c:pt>
                <c:pt idx="4948">
                  <c:v>82.466636922619699</c:v>
                </c:pt>
                <c:pt idx="4949">
                  <c:v>82.483303583333907</c:v>
                </c:pt>
                <c:pt idx="4950">
                  <c:v>82.4999702440482</c:v>
                </c:pt>
                <c:pt idx="4951">
                  <c:v>82.516636904762507</c:v>
                </c:pt>
                <c:pt idx="4952">
                  <c:v>82.5333035654768</c:v>
                </c:pt>
                <c:pt idx="4953">
                  <c:v>82.549970226191107</c:v>
                </c:pt>
                <c:pt idx="4954">
                  <c:v>82.5666368869054</c:v>
                </c:pt>
                <c:pt idx="4955">
                  <c:v>82.583303547619707</c:v>
                </c:pt>
                <c:pt idx="4956">
                  <c:v>82.599970208334</c:v>
                </c:pt>
                <c:pt idx="4957">
                  <c:v>82.616636869048193</c:v>
                </c:pt>
                <c:pt idx="4958">
                  <c:v>82.6333035297625</c:v>
                </c:pt>
                <c:pt idx="4959">
                  <c:v>82.649970190476793</c:v>
                </c:pt>
                <c:pt idx="4960">
                  <c:v>82.6666368511911</c:v>
                </c:pt>
                <c:pt idx="4961">
                  <c:v>82.683303511905393</c:v>
                </c:pt>
                <c:pt idx="4962">
                  <c:v>82.6999701726197</c:v>
                </c:pt>
                <c:pt idx="4963">
                  <c:v>82.716636833333894</c:v>
                </c:pt>
                <c:pt idx="4964">
                  <c:v>82.733303494048201</c:v>
                </c:pt>
                <c:pt idx="4965">
                  <c:v>82.749970154762494</c:v>
                </c:pt>
                <c:pt idx="4966">
                  <c:v>82.766636815476801</c:v>
                </c:pt>
                <c:pt idx="4967">
                  <c:v>82.783303476191094</c:v>
                </c:pt>
                <c:pt idx="4968">
                  <c:v>82.799970136905401</c:v>
                </c:pt>
                <c:pt idx="4969">
                  <c:v>82.816636797619694</c:v>
                </c:pt>
                <c:pt idx="4970">
                  <c:v>82.833303458334001</c:v>
                </c:pt>
                <c:pt idx="4971">
                  <c:v>82.849970119048194</c:v>
                </c:pt>
                <c:pt idx="4972">
                  <c:v>82.866636779762501</c:v>
                </c:pt>
                <c:pt idx="4973">
                  <c:v>82.883303440476794</c:v>
                </c:pt>
                <c:pt idx="4974">
                  <c:v>82.899970101191101</c:v>
                </c:pt>
                <c:pt idx="4975">
                  <c:v>82.916636761905394</c:v>
                </c:pt>
                <c:pt idx="4976">
                  <c:v>82.933303422619701</c:v>
                </c:pt>
                <c:pt idx="4977">
                  <c:v>82.949970083333994</c:v>
                </c:pt>
                <c:pt idx="4978">
                  <c:v>82.966636744048202</c:v>
                </c:pt>
                <c:pt idx="4979">
                  <c:v>82.983303404762495</c:v>
                </c:pt>
                <c:pt idx="4980">
                  <c:v>82.999970065476802</c:v>
                </c:pt>
                <c:pt idx="4981">
                  <c:v>83.016636726191095</c:v>
                </c:pt>
                <c:pt idx="4982">
                  <c:v>83.033303386905402</c:v>
                </c:pt>
                <c:pt idx="4983">
                  <c:v>83.049970047619695</c:v>
                </c:pt>
                <c:pt idx="4984">
                  <c:v>83.066636708334002</c:v>
                </c:pt>
                <c:pt idx="4985">
                  <c:v>83.083303369048195</c:v>
                </c:pt>
                <c:pt idx="4986">
                  <c:v>83.099970029762503</c:v>
                </c:pt>
                <c:pt idx="4987">
                  <c:v>83.116636690476795</c:v>
                </c:pt>
                <c:pt idx="4988">
                  <c:v>83.133303351191103</c:v>
                </c:pt>
                <c:pt idx="4989">
                  <c:v>83.149970011905395</c:v>
                </c:pt>
                <c:pt idx="4990">
                  <c:v>83.166636672619703</c:v>
                </c:pt>
                <c:pt idx="4991">
                  <c:v>83.183303333333996</c:v>
                </c:pt>
                <c:pt idx="4992">
                  <c:v>83.199969994048203</c:v>
                </c:pt>
                <c:pt idx="4993">
                  <c:v>83.216636654762496</c:v>
                </c:pt>
                <c:pt idx="4994">
                  <c:v>83.233303315476803</c:v>
                </c:pt>
                <c:pt idx="4995">
                  <c:v>83.249969976191096</c:v>
                </c:pt>
                <c:pt idx="4996">
                  <c:v>83.266636636905403</c:v>
                </c:pt>
                <c:pt idx="4997">
                  <c:v>83.283303297619696</c:v>
                </c:pt>
                <c:pt idx="4998">
                  <c:v>83.299969958334003</c:v>
                </c:pt>
                <c:pt idx="4999">
                  <c:v>83.316636619048197</c:v>
                </c:pt>
                <c:pt idx="5000">
                  <c:v>83.333303279762504</c:v>
                </c:pt>
                <c:pt idx="5001">
                  <c:v>83.349969940476797</c:v>
                </c:pt>
                <c:pt idx="5002">
                  <c:v>83.366636601191104</c:v>
                </c:pt>
                <c:pt idx="5003">
                  <c:v>83.383303261905397</c:v>
                </c:pt>
                <c:pt idx="5004">
                  <c:v>83.399969922619704</c:v>
                </c:pt>
                <c:pt idx="5005">
                  <c:v>83.416636583333997</c:v>
                </c:pt>
                <c:pt idx="5006">
                  <c:v>83.433303244048204</c:v>
                </c:pt>
                <c:pt idx="5007">
                  <c:v>83.449969904762497</c:v>
                </c:pt>
                <c:pt idx="5008">
                  <c:v>83.466636565476804</c:v>
                </c:pt>
                <c:pt idx="5009">
                  <c:v>83.483303226191097</c:v>
                </c:pt>
                <c:pt idx="5010">
                  <c:v>83.499969886905404</c:v>
                </c:pt>
                <c:pt idx="5011">
                  <c:v>83.516636547619697</c:v>
                </c:pt>
                <c:pt idx="5012">
                  <c:v>83.533303208334004</c:v>
                </c:pt>
                <c:pt idx="5013">
                  <c:v>83.549969869048198</c:v>
                </c:pt>
                <c:pt idx="5014">
                  <c:v>83.566636529762505</c:v>
                </c:pt>
                <c:pt idx="5015">
                  <c:v>83.583303190476798</c:v>
                </c:pt>
                <c:pt idx="5016">
                  <c:v>83.599969851191105</c:v>
                </c:pt>
                <c:pt idx="5017">
                  <c:v>83.616636511905398</c:v>
                </c:pt>
                <c:pt idx="5018">
                  <c:v>83.633303172619705</c:v>
                </c:pt>
                <c:pt idx="5019">
                  <c:v>83.649969833333998</c:v>
                </c:pt>
                <c:pt idx="5020">
                  <c:v>83.666636494048205</c:v>
                </c:pt>
                <c:pt idx="5021">
                  <c:v>83.683303154762498</c:v>
                </c:pt>
                <c:pt idx="5022">
                  <c:v>83.699969815476805</c:v>
                </c:pt>
                <c:pt idx="5023">
                  <c:v>83.716636476191098</c:v>
                </c:pt>
                <c:pt idx="5024">
                  <c:v>83.733303136905405</c:v>
                </c:pt>
                <c:pt idx="5025">
                  <c:v>83.749969797619698</c:v>
                </c:pt>
                <c:pt idx="5026">
                  <c:v>83.766636458334006</c:v>
                </c:pt>
                <c:pt idx="5027">
                  <c:v>83.783303119048298</c:v>
                </c:pt>
                <c:pt idx="5028">
                  <c:v>83.799969779762506</c:v>
                </c:pt>
                <c:pt idx="5029">
                  <c:v>83.816636440476799</c:v>
                </c:pt>
                <c:pt idx="5030">
                  <c:v>83.833303101191106</c:v>
                </c:pt>
                <c:pt idx="5031">
                  <c:v>83.849969761905399</c:v>
                </c:pt>
                <c:pt idx="5032">
                  <c:v>83.866636422619706</c:v>
                </c:pt>
                <c:pt idx="5033">
                  <c:v>83.883303083333999</c:v>
                </c:pt>
                <c:pt idx="5034">
                  <c:v>83.899969744048207</c:v>
                </c:pt>
                <c:pt idx="5035">
                  <c:v>83.9166364047625</c:v>
                </c:pt>
                <c:pt idx="5036">
                  <c:v>83.933303065476807</c:v>
                </c:pt>
                <c:pt idx="5037">
                  <c:v>83.9499697261911</c:v>
                </c:pt>
                <c:pt idx="5038">
                  <c:v>83.966636386905407</c:v>
                </c:pt>
                <c:pt idx="5039">
                  <c:v>83.9833030476197</c:v>
                </c:pt>
                <c:pt idx="5040">
                  <c:v>83.999969708334007</c:v>
                </c:pt>
                <c:pt idx="5041">
                  <c:v>84.0166363690483</c:v>
                </c:pt>
                <c:pt idx="5042">
                  <c:v>84.033303029762493</c:v>
                </c:pt>
                <c:pt idx="5043">
                  <c:v>84.0499696904768</c:v>
                </c:pt>
                <c:pt idx="5044">
                  <c:v>84.066636351191093</c:v>
                </c:pt>
                <c:pt idx="5045">
                  <c:v>84.0833030119054</c:v>
                </c:pt>
                <c:pt idx="5046">
                  <c:v>84.099969672619693</c:v>
                </c:pt>
                <c:pt idx="5047">
                  <c:v>84.116636333334</c:v>
                </c:pt>
                <c:pt idx="5048">
                  <c:v>84.133302994048194</c:v>
                </c:pt>
                <c:pt idx="5049">
                  <c:v>84.149969654762501</c:v>
                </c:pt>
                <c:pt idx="5050">
                  <c:v>84.166636315476794</c:v>
                </c:pt>
                <c:pt idx="5051">
                  <c:v>84.183302976191101</c:v>
                </c:pt>
                <c:pt idx="5052">
                  <c:v>84.199969636905394</c:v>
                </c:pt>
                <c:pt idx="5053">
                  <c:v>84.216636297619701</c:v>
                </c:pt>
                <c:pt idx="5054">
                  <c:v>84.233302958333994</c:v>
                </c:pt>
                <c:pt idx="5055">
                  <c:v>84.249969619048301</c:v>
                </c:pt>
                <c:pt idx="5056">
                  <c:v>84.266636279762494</c:v>
                </c:pt>
                <c:pt idx="5057">
                  <c:v>84.283302940476801</c:v>
                </c:pt>
                <c:pt idx="5058">
                  <c:v>84.299969601191094</c:v>
                </c:pt>
                <c:pt idx="5059">
                  <c:v>84.316636261905401</c:v>
                </c:pt>
                <c:pt idx="5060">
                  <c:v>84.333302922619694</c:v>
                </c:pt>
                <c:pt idx="5061">
                  <c:v>84.349969583334001</c:v>
                </c:pt>
                <c:pt idx="5062">
                  <c:v>84.366636244048195</c:v>
                </c:pt>
                <c:pt idx="5063">
                  <c:v>84.383302904762502</c:v>
                </c:pt>
                <c:pt idx="5064">
                  <c:v>84.399969565476795</c:v>
                </c:pt>
                <c:pt idx="5065">
                  <c:v>84.416636226191102</c:v>
                </c:pt>
                <c:pt idx="5066">
                  <c:v>84.433302886905395</c:v>
                </c:pt>
                <c:pt idx="5067">
                  <c:v>84.449969547619702</c:v>
                </c:pt>
                <c:pt idx="5068">
                  <c:v>84.466636208333995</c:v>
                </c:pt>
                <c:pt idx="5069">
                  <c:v>84.483302869048302</c:v>
                </c:pt>
                <c:pt idx="5070">
                  <c:v>84.499969529762495</c:v>
                </c:pt>
                <c:pt idx="5071">
                  <c:v>84.516636190476802</c:v>
                </c:pt>
                <c:pt idx="5072">
                  <c:v>84.533302851191095</c:v>
                </c:pt>
                <c:pt idx="5073">
                  <c:v>84.549969511905402</c:v>
                </c:pt>
                <c:pt idx="5074">
                  <c:v>84.566636172619695</c:v>
                </c:pt>
                <c:pt idx="5075">
                  <c:v>84.583302833334002</c:v>
                </c:pt>
                <c:pt idx="5076">
                  <c:v>84.599969494048196</c:v>
                </c:pt>
                <c:pt idx="5077">
                  <c:v>84.616636154762503</c:v>
                </c:pt>
                <c:pt idx="5078">
                  <c:v>84.633302815476796</c:v>
                </c:pt>
                <c:pt idx="5079">
                  <c:v>84.649969476191103</c:v>
                </c:pt>
                <c:pt idx="5080">
                  <c:v>84.666636136905396</c:v>
                </c:pt>
                <c:pt idx="5081">
                  <c:v>84.683302797619703</c:v>
                </c:pt>
                <c:pt idx="5082">
                  <c:v>84.699969458333996</c:v>
                </c:pt>
                <c:pt idx="5083">
                  <c:v>84.716636119048303</c:v>
                </c:pt>
                <c:pt idx="5084">
                  <c:v>84.733302779762496</c:v>
                </c:pt>
                <c:pt idx="5085">
                  <c:v>84.749969440476804</c:v>
                </c:pt>
                <c:pt idx="5086">
                  <c:v>84.766636101191096</c:v>
                </c:pt>
                <c:pt idx="5087">
                  <c:v>84.783302761905404</c:v>
                </c:pt>
                <c:pt idx="5088">
                  <c:v>84.799969422619697</c:v>
                </c:pt>
                <c:pt idx="5089">
                  <c:v>84.816636083334004</c:v>
                </c:pt>
                <c:pt idx="5090">
                  <c:v>84.833302744048197</c:v>
                </c:pt>
                <c:pt idx="5091">
                  <c:v>84.849969404762504</c:v>
                </c:pt>
                <c:pt idx="5092">
                  <c:v>84.866636065476797</c:v>
                </c:pt>
                <c:pt idx="5093">
                  <c:v>84.883302726191104</c:v>
                </c:pt>
                <c:pt idx="5094">
                  <c:v>84.899969386905397</c:v>
                </c:pt>
                <c:pt idx="5095">
                  <c:v>84.916636047619704</c:v>
                </c:pt>
                <c:pt idx="5096">
                  <c:v>84.933302708333997</c:v>
                </c:pt>
                <c:pt idx="5097">
                  <c:v>84.949969369048304</c:v>
                </c:pt>
                <c:pt idx="5098">
                  <c:v>84.966636029762498</c:v>
                </c:pt>
                <c:pt idx="5099">
                  <c:v>84.983302690476805</c:v>
                </c:pt>
                <c:pt idx="5100">
                  <c:v>84.999969351191098</c:v>
                </c:pt>
                <c:pt idx="5101">
                  <c:v>85.016636011905405</c:v>
                </c:pt>
                <c:pt idx="5102">
                  <c:v>85.033302672619698</c:v>
                </c:pt>
                <c:pt idx="5103">
                  <c:v>85.049969333334005</c:v>
                </c:pt>
                <c:pt idx="5104">
                  <c:v>85.066635994048198</c:v>
                </c:pt>
                <c:pt idx="5105">
                  <c:v>85.083302654762505</c:v>
                </c:pt>
                <c:pt idx="5106">
                  <c:v>85.099969315476798</c:v>
                </c:pt>
                <c:pt idx="5107">
                  <c:v>85.116635976191105</c:v>
                </c:pt>
                <c:pt idx="5108">
                  <c:v>85.133302636905398</c:v>
                </c:pt>
                <c:pt idx="5109">
                  <c:v>85.149969297619705</c:v>
                </c:pt>
                <c:pt idx="5110">
                  <c:v>85.166635958333998</c:v>
                </c:pt>
                <c:pt idx="5111">
                  <c:v>85.183302619048305</c:v>
                </c:pt>
                <c:pt idx="5112">
                  <c:v>85.199969279762499</c:v>
                </c:pt>
                <c:pt idx="5113">
                  <c:v>85.216635940476806</c:v>
                </c:pt>
                <c:pt idx="5114">
                  <c:v>85.233302601191099</c:v>
                </c:pt>
                <c:pt idx="5115">
                  <c:v>85.249969261905406</c:v>
                </c:pt>
                <c:pt idx="5116">
                  <c:v>85.266635922619699</c:v>
                </c:pt>
                <c:pt idx="5117">
                  <c:v>85.283302583334006</c:v>
                </c:pt>
                <c:pt idx="5118">
                  <c:v>85.299969244048299</c:v>
                </c:pt>
                <c:pt idx="5119">
                  <c:v>85.316635904762506</c:v>
                </c:pt>
                <c:pt idx="5120">
                  <c:v>85.333302565476799</c:v>
                </c:pt>
                <c:pt idx="5121">
                  <c:v>85.349969226191106</c:v>
                </c:pt>
                <c:pt idx="5122">
                  <c:v>85.366635886905399</c:v>
                </c:pt>
                <c:pt idx="5123">
                  <c:v>85.383302547619707</c:v>
                </c:pt>
                <c:pt idx="5124">
                  <c:v>85.399969208333999</c:v>
                </c:pt>
                <c:pt idx="5125">
                  <c:v>85.416635869048307</c:v>
                </c:pt>
                <c:pt idx="5126">
                  <c:v>85.433302529762599</c:v>
                </c:pt>
                <c:pt idx="5127">
                  <c:v>85.449969190476807</c:v>
                </c:pt>
                <c:pt idx="5128">
                  <c:v>85.4666358511911</c:v>
                </c:pt>
                <c:pt idx="5129">
                  <c:v>85.483302511905407</c:v>
                </c:pt>
                <c:pt idx="5130">
                  <c:v>85.4999691726197</c:v>
                </c:pt>
                <c:pt idx="5131">
                  <c:v>85.516635833334007</c:v>
                </c:pt>
                <c:pt idx="5132">
                  <c:v>85.5333024940483</c:v>
                </c:pt>
                <c:pt idx="5133">
                  <c:v>85.549969154762493</c:v>
                </c:pt>
                <c:pt idx="5134">
                  <c:v>85.566635815476801</c:v>
                </c:pt>
                <c:pt idx="5135">
                  <c:v>85.583302476191093</c:v>
                </c:pt>
                <c:pt idx="5136">
                  <c:v>85.599969136905401</c:v>
                </c:pt>
                <c:pt idx="5137">
                  <c:v>85.616635797619693</c:v>
                </c:pt>
                <c:pt idx="5138">
                  <c:v>85.633302458334001</c:v>
                </c:pt>
                <c:pt idx="5139">
                  <c:v>85.649969119048293</c:v>
                </c:pt>
                <c:pt idx="5140">
                  <c:v>85.666635779762601</c:v>
                </c:pt>
                <c:pt idx="5141">
                  <c:v>85.683302440476794</c:v>
                </c:pt>
                <c:pt idx="5142">
                  <c:v>85.699969101191101</c:v>
                </c:pt>
                <c:pt idx="5143">
                  <c:v>85.716635761905394</c:v>
                </c:pt>
                <c:pt idx="5144">
                  <c:v>85.733302422619701</c:v>
                </c:pt>
                <c:pt idx="5145">
                  <c:v>85.749969083333994</c:v>
                </c:pt>
                <c:pt idx="5146">
                  <c:v>85.766635744048301</c:v>
                </c:pt>
                <c:pt idx="5147">
                  <c:v>85.783302404762495</c:v>
                </c:pt>
                <c:pt idx="5148">
                  <c:v>85.799969065476802</c:v>
                </c:pt>
                <c:pt idx="5149">
                  <c:v>85.816635726191095</c:v>
                </c:pt>
                <c:pt idx="5150">
                  <c:v>85.833302386905402</c:v>
                </c:pt>
                <c:pt idx="5151">
                  <c:v>85.849969047619695</c:v>
                </c:pt>
                <c:pt idx="5152">
                  <c:v>85.866635708334002</c:v>
                </c:pt>
                <c:pt idx="5153">
                  <c:v>85.883302369048295</c:v>
                </c:pt>
                <c:pt idx="5154">
                  <c:v>85.899969029762602</c:v>
                </c:pt>
                <c:pt idx="5155">
                  <c:v>85.916635690476795</c:v>
                </c:pt>
                <c:pt idx="5156">
                  <c:v>85.933302351191102</c:v>
                </c:pt>
                <c:pt idx="5157">
                  <c:v>85.949969011905395</c:v>
                </c:pt>
                <c:pt idx="5158">
                  <c:v>85.966635672619702</c:v>
                </c:pt>
                <c:pt idx="5159">
                  <c:v>85.983302333333995</c:v>
                </c:pt>
                <c:pt idx="5160">
                  <c:v>85.999968994048302</c:v>
                </c:pt>
                <c:pt idx="5161">
                  <c:v>86.016635654762496</c:v>
                </c:pt>
                <c:pt idx="5162">
                  <c:v>86.033302315476803</c:v>
                </c:pt>
                <c:pt idx="5163">
                  <c:v>86.049968976191096</c:v>
                </c:pt>
                <c:pt idx="5164">
                  <c:v>86.066635636905403</c:v>
                </c:pt>
                <c:pt idx="5165">
                  <c:v>86.083302297619696</c:v>
                </c:pt>
                <c:pt idx="5166">
                  <c:v>86.099968958334003</c:v>
                </c:pt>
                <c:pt idx="5167">
                  <c:v>86.116635619048296</c:v>
                </c:pt>
                <c:pt idx="5168">
                  <c:v>86.133302279762603</c:v>
                </c:pt>
                <c:pt idx="5169">
                  <c:v>86.149968940476796</c:v>
                </c:pt>
                <c:pt idx="5170">
                  <c:v>86.166635601191103</c:v>
                </c:pt>
                <c:pt idx="5171">
                  <c:v>86.183302261905396</c:v>
                </c:pt>
                <c:pt idx="5172">
                  <c:v>86.199968922619703</c:v>
                </c:pt>
                <c:pt idx="5173">
                  <c:v>86.216635583333996</c:v>
                </c:pt>
                <c:pt idx="5174">
                  <c:v>86.233302244048303</c:v>
                </c:pt>
                <c:pt idx="5175">
                  <c:v>86.249968904762497</c:v>
                </c:pt>
                <c:pt idx="5176">
                  <c:v>86.266635565476804</c:v>
                </c:pt>
                <c:pt idx="5177">
                  <c:v>86.283302226191097</c:v>
                </c:pt>
                <c:pt idx="5178">
                  <c:v>86.299968886905404</c:v>
                </c:pt>
                <c:pt idx="5179">
                  <c:v>86.316635547619697</c:v>
                </c:pt>
                <c:pt idx="5180">
                  <c:v>86.333302208334004</c:v>
                </c:pt>
                <c:pt idx="5181">
                  <c:v>86.349968869048297</c:v>
                </c:pt>
                <c:pt idx="5182">
                  <c:v>86.366635529762604</c:v>
                </c:pt>
                <c:pt idx="5183">
                  <c:v>86.383302190476797</c:v>
                </c:pt>
                <c:pt idx="5184">
                  <c:v>86.399968851191105</c:v>
                </c:pt>
                <c:pt idx="5185">
                  <c:v>86.416635511905397</c:v>
                </c:pt>
                <c:pt idx="5186">
                  <c:v>86.433302172619705</c:v>
                </c:pt>
                <c:pt idx="5187">
                  <c:v>86.449968833333998</c:v>
                </c:pt>
                <c:pt idx="5188">
                  <c:v>86.466635494048305</c:v>
                </c:pt>
                <c:pt idx="5189">
                  <c:v>86.483302154762498</c:v>
                </c:pt>
                <c:pt idx="5190">
                  <c:v>86.499968815476805</c:v>
                </c:pt>
                <c:pt idx="5191">
                  <c:v>86.516635476191098</c:v>
                </c:pt>
                <c:pt idx="5192">
                  <c:v>86.533302136905405</c:v>
                </c:pt>
                <c:pt idx="5193">
                  <c:v>86.549968797619698</c:v>
                </c:pt>
                <c:pt idx="5194">
                  <c:v>86.566635458334005</c:v>
                </c:pt>
                <c:pt idx="5195">
                  <c:v>86.583302119048298</c:v>
                </c:pt>
                <c:pt idx="5196">
                  <c:v>86.599968779762605</c:v>
                </c:pt>
                <c:pt idx="5197">
                  <c:v>86.616635440476799</c:v>
                </c:pt>
                <c:pt idx="5198">
                  <c:v>86.633302101191106</c:v>
                </c:pt>
                <c:pt idx="5199">
                  <c:v>86.649968761905399</c:v>
                </c:pt>
                <c:pt idx="5200">
                  <c:v>86.666635422619706</c:v>
                </c:pt>
                <c:pt idx="5201">
                  <c:v>86.683302083333999</c:v>
                </c:pt>
                <c:pt idx="5202">
                  <c:v>86.699968744048306</c:v>
                </c:pt>
                <c:pt idx="5203">
                  <c:v>86.716635404762599</c:v>
                </c:pt>
                <c:pt idx="5204">
                  <c:v>86.733302065476806</c:v>
                </c:pt>
                <c:pt idx="5205">
                  <c:v>86.749968726191099</c:v>
                </c:pt>
                <c:pt idx="5206">
                  <c:v>86.766635386905406</c:v>
                </c:pt>
                <c:pt idx="5207">
                  <c:v>86.783302047619699</c:v>
                </c:pt>
                <c:pt idx="5208">
                  <c:v>86.799968708334006</c:v>
                </c:pt>
                <c:pt idx="5209">
                  <c:v>86.816635369048299</c:v>
                </c:pt>
                <c:pt idx="5210">
                  <c:v>86.833302029762606</c:v>
                </c:pt>
                <c:pt idx="5211">
                  <c:v>86.8499686904768</c:v>
                </c:pt>
                <c:pt idx="5212">
                  <c:v>86.866635351191107</c:v>
                </c:pt>
                <c:pt idx="5213">
                  <c:v>86.8833020119054</c:v>
                </c:pt>
                <c:pt idx="5214">
                  <c:v>86.899968672619707</c:v>
                </c:pt>
                <c:pt idx="5215">
                  <c:v>86.916635333334</c:v>
                </c:pt>
                <c:pt idx="5216">
                  <c:v>86.933301994048307</c:v>
                </c:pt>
                <c:pt idx="5217">
                  <c:v>86.9499686547626</c:v>
                </c:pt>
                <c:pt idx="5218">
                  <c:v>86.966635315476793</c:v>
                </c:pt>
                <c:pt idx="5219">
                  <c:v>86.9833019761911</c:v>
                </c:pt>
                <c:pt idx="5220">
                  <c:v>86.999968636905393</c:v>
                </c:pt>
                <c:pt idx="5221">
                  <c:v>87.0166352976197</c:v>
                </c:pt>
                <c:pt idx="5222">
                  <c:v>87.033301958333993</c:v>
                </c:pt>
                <c:pt idx="5223">
                  <c:v>87.0499686190483</c:v>
                </c:pt>
                <c:pt idx="5224">
                  <c:v>87.066635279762593</c:v>
                </c:pt>
                <c:pt idx="5225">
                  <c:v>87.083301940476801</c:v>
                </c:pt>
                <c:pt idx="5226">
                  <c:v>87.099968601191094</c:v>
                </c:pt>
                <c:pt idx="5227">
                  <c:v>87.116635261905401</c:v>
                </c:pt>
                <c:pt idx="5228">
                  <c:v>87.133301922619694</c:v>
                </c:pt>
                <c:pt idx="5229">
                  <c:v>87.149968583334001</c:v>
                </c:pt>
                <c:pt idx="5230">
                  <c:v>87.166635244048294</c:v>
                </c:pt>
                <c:pt idx="5231">
                  <c:v>87.183301904762601</c:v>
                </c:pt>
                <c:pt idx="5232">
                  <c:v>87.199968565476794</c:v>
                </c:pt>
                <c:pt idx="5233">
                  <c:v>87.216635226191102</c:v>
                </c:pt>
                <c:pt idx="5234">
                  <c:v>87.233301886905394</c:v>
                </c:pt>
                <c:pt idx="5235">
                  <c:v>87.249968547619702</c:v>
                </c:pt>
                <c:pt idx="5236">
                  <c:v>87.266635208333994</c:v>
                </c:pt>
                <c:pt idx="5237">
                  <c:v>87.283301869048302</c:v>
                </c:pt>
                <c:pt idx="5238">
                  <c:v>87.299968529762594</c:v>
                </c:pt>
                <c:pt idx="5239">
                  <c:v>87.316635190476802</c:v>
                </c:pt>
                <c:pt idx="5240">
                  <c:v>87.333301851191095</c:v>
                </c:pt>
                <c:pt idx="5241">
                  <c:v>87.349968511905402</c:v>
                </c:pt>
                <c:pt idx="5242">
                  <c:v>87.366635172619695</c:v>
                </c:pt>
                <c:pt idx="5243">
                  <c:v>87.383301833334002</c:v>
                </c:pt>
                <c:pt idx="5244">
                  <c:v>87.399968494048295</c:v>
                </c:pt>
                <c:pt idx="5245">
                  <c:v>87.416635154762602</c:v>
                </c:pt>
                <c:pt idx="5246">
                  <c:v>87.433301815476796</c:v>
                </c:pt>
                <c:pt idx="5247">
                  <c:v>87.449968476191103</c:v>
                </c:pt>
                <c:pt idx="5248">
                  <c:v>87.466635136905396</c:v>
                </c:pt>
                <c:pt idx="5249">
                  <c:v>87.483301797619703</c:v>
                </c:pt>
                <c:pt idx="5250">
                  <c:v>87.499968458333996</c:v>
                </c:pt>
                <c:pt idx="5251">
                  <c:v>87.516635119048303</c:v>
                </c:pt>
                <c:pt idx="5252">
                  <c:v>87.533301779762596</c:v>
                </c:pt>
                <c:pt idx="5253">
                  <c:v>87.549968440476803</c:v>
                </c:pt>
                <c:pt idx="5254">
                  <c:v>87.566635101191096</c:v>
                </c:pt>
                <c:pt idx="5255">
                  <c:v>87.583301761905403</c:v>
                </c:pt>
                <c:pt idx="5256">
                  <c:v>87.599968422619696</c:v>
                </c:pt>
                <c:pt idx="5257">
                  <c:v>87.616635083334003</c:v>
                </c:pt>
                <c:pt idx="5258">
                  <c:v>87.633301744048296</c:v>
                </c:pt>
                <c:pt idx="5259">
                  <c:v>87.649968404762603</c:v>
                </c:pt>
                <c:pt idx="5260">
                  <c:v>87.666635065476797</c:v>
                </c:pt>
                <c:pt idx="5261">
                  <c:v>87.683301726191104</c:v>
                </c:pt>
                <c:pt idx="5262">
                  <c:v>87.699968386905397</c:v>
                </c:pt>
                <c:pt idx="5263">
                  <c:v>87.716635047619704</c:v>
                </c:pt>
                <c:pt idx="5264">
                  <c:v>87.733301708333997</c:v>
                </c:pt>
                <c:pt idx="5265">
                  <c:v>87.749968369048304</c:v>
                </c:pt>
                <c:pt idx="5266">
                  <c:v>87.766635029762597</c:v>
                </c:pt>
                <c:pt idx="5267">
                  <c:v>87.783301690476904</c:v>
                </c:pt>
                <c:pt idx="5268">
                  <c:v>87.799968351191097</c:v>
                </c:pt>
                <c:pt idx="5269">
                  <c:v>87.816635011905404</c:v>
                </c:pt>
                <c:pt idx="5270">
                  <c:v>87.833301672619697</c:v>
                </c:pt>
                <c:pt idx="5271">
                  <c:v>87.849968333334004</c:v>
                </c:pt>
                <c:pt idx="5272">
                  <c:v>87.866634994048297</c:v>
                </c:pt>
                <c:pt idx="5273">
                  <c:v>87.883301654762604</c:v>
                </c:pt>
                <c:pt idx="5274">
                  <c:v>87.899968315476798</c:v>
                </c:pt>
                <c:pt idx="5275">
                  <c:v>87.916634976191105</c:v>
                </c:pt>
                <c:pt idx="5276">
                  <c:v>87.933301636905398</c:v>
                </c:pt>
                <c:pt idx="5277">
                  <c:v>87.949968297619705</c:v>
                </c:pt>
                <c:pt idx="5278">
                  <c:v>87.966634958333998</c:v>
                </c:pt>
                <c:pt idx="5279">
                  <c:v>87.983301619048305</c:v>
                </c:pt>
                <c:pt idx="5280">
                  <c:v>87.999968279762598</c:v>
                </c:pt>
                <c:pt idx="5281">
                  <c:v>88.016634940476905</c:v>
                </c:pt>
                <c:pt idx="5282">
                  <c:v>88.033301601191098</c:v>
                </c:pt>
                <c:pt idx="5283">
                  <c:v>88.049968261905406</c:v>
                </c:pt>
                <c:pt idx="5284">
                  <c:v>88.066634922619699</c:v>
                </c:pt>
                <c:pt idx="5285">
                  <c:v>88.083301583334006</c:v>
                </c:pt>
                <c:pt idx="5286">
                  <c:v>88.099968244048299</c:v>
                </c:pt>
                <c:pt idx="5287">
                  <c:v>88.116634904762606</c:v>
                </c:pt>
                <c:pt idx="5288">
                  <c:v>88.133301565476899</c:v>
                </c:pt>
                <c:pt idx="5289">
                  <c:v>88.149968226191106</c:v>
                </c:pt>
                <c:pt idx="5290">
                  <c:v>88.166634886905399</c:v>
                </c:pt>
                <c:pt idx="5291">
                  <c:v>88.183301547619706</c:v>
                </c:pt>
                <c:pt idx="5292">
                  <c:v>88.199968208333999</c:v>
                </c:pt>
                <c:pt idx="5293">
                  <c:v>88.216634869048306</c:v>
                </c:pt>
                <c:pt idx="5294">
                  <c:v>88.233301529762599</c:v>
                </c:pt>
                <c:pt idx="5295">
                  <c:v>88.249968190476906</c:v>
                </c:pt>
                <c:pt idx="5296">
                  <c:v>88.2666348511911</c:v>
                </c:pt>
                <c:pt idx="5297">
                  <c:v>88.283301511905407</c:v>
                </c:pt>
                <c:pt idx="5298">
                  <c:v>88.2999681726197</c:v>
                </c:pt>
                <c:pt idx="5299">
                  <c:v>88.316634833334007</c:v>
                </c:pt>
                <c:pt idx="5300">
                  <c:v>88.3333014940483</c:v>
                </c:pt>
                <c:pt idx="5301">
                  <c:v>88.349968154762607</c:v>
                </c:pt>
                <c:pt idx="5302">
                  <c:v>88.3666348154769</c:v>
                </c:pt>
                <c:pt idx="5303">
                  <c:v>88.383301476191093</c:v>
                </c:pt>
                <c:pt idx="5304">
                  <c:v>88.3999681369054</c:v>
                </c:pt>
                <c:pt idx="5305">
                  <c:v>88.416634797619693</c:v>
                </c:pt>
                <c:pt idx="5306">
                  <c:v>88.433301458334</c:v>
                </c:pt>
                <c:pt idx="5307">
                  <c:v>88.449968119048293</c:v>
                </c:pt>
                <c:pt idx="5308">
                  <c:v>88.4666347797626</c:v>
                </c:pt>
                <c:pt idx="5309">
                  <c:v>88.483301440476893</c:v>
                </c:pt>
                <c:pt idx="5310">
                  <c:v>88.499968101191101</c:v>
                </c:pt>
                <c:pt idx="5311">
                  <c:v>88.516634761905394</c:v>
                </c:pt>
                <c:pt idx="5312">
                  <c:v>88.533301422619701</c:v>
                </c:pt>
                <c:pt idx="5313">
                  <c:v>88.549968083333994</c:v>
                </c:pt>
                <c:pt idx="5314">
                  <c:v>88.566634744048301</c:v>
                </c:pt>
                <c:pt idx="5315">
                  <c:v>88.583301404762594</c:v>
                </c:pt>
                <c:pt idx="5316">
                  <c:v>88.599968065476901</c:v>
                </c:pt>
                <c:pt idx="5317">
                  <c:v>88.616634726191094</c:v>
                </c:pt>
                <c:pt idx="5318">
                  <c:v>88.633301386905401</c:v>
                </c:pt>
                <c:pt idx="5319">
                  <c:v>88.649968047619694</c:v>
                </c:pt>
                <c:pt idx="5320">
                  <c:v>88.666634708334001</c:v>
                </c:pt>
                <c:pt idx="5321">
                  <c:v>88.683301369048294</c:v>
                </c:pt>
                <c:pt idx="5322">
                  <c:v>88.699968029762601</c:v>
                </c:pt>
                <c:pt idx="5323">
                  <c:v>88.716634690476894</c:v>
                </c:pt>
                <c:pt idx="5324">
                  <c:v>88.733301351191102</c:v>
                </c:pt>
                <c:pt idx="5325">
                  <c:v>88.749968011905395</c:v>
                </c:pt>
                <c:pt idx="5326">
                  <c:v>88.766634672619702</c:v>
                </c:pt>
                <c:pt idx="5327">
                  <c:v>88.783301333333995</c:v>
                </c:pt>
                <c:pt idx="5328">
                  <c:v>88.799967994048302</c:v>
                </c:pt>
                <c:pt idx="5329">
                  <c:v>88.816634654762595</c:v>
                </c:pt>
                <c:pt idx="5330">
                  <c:v>88.833301315476902</c:v>
                </c:pt>
                <c:pt idx="5331">
                  <c:v>88.849967976191095</c:v>
                </c:pt>
                <c:pt idx="5332">
                  <c:v>88.866634636905403</c:v>
                </c:pt>
                <c:pt idx="5333">
                  <c:v>88.883301297619695</c:v>
                </c:pt>
                <c:pt idx="5334">
                  <c:v>88.899967958334003</c:v>
                </c:pt>
                <c:pt idx="5335">
                  <c:v>88.916634619048295</c:v>
                </c:pt>
                <c:pt idx="5336">
                  <c:v>88.933301279762603</c:v>
                </c:pt>
                <c:pt idx="5337">
                  <c:v>88.949967940476895</c:v>
                </c:pt>
                <c:pt idx="5338">
                  <c:v>88.966634601191103</c:v>
                </c:pt>
                <c:pt idx="5339">
                  <c:v>88.983301261905396</c:v>
                </c:pt>
                <c:pt idx="5340">
                  <c:v>88.999967922619703</c:v>
                </c:pt>
                <c:pt idx="5341">
                  <c:v>89.016634583333996</c:v>
                </c:pt>
                <c:pt idx="5342">
                  <c:v>89.033301244048303</c:v>
                </c:pt>
                <c:pt idx="5343">
                  <c:v>89.049967904762596</c:v>
                </c:pt>
                <c:pt idx="5344">
                  <c:v>89.066634565476903</c:v>
                </c:pt>
                <c:pt idx="5345">
                  <c:v>89.083301226191097</c:v>
                </c:pt>
                <c:pt idx="5346">
                  <c:v>89.099967886905404</c:v>
                </c:pt>
                <c:pt idx="5347">
                  <c:v>89.116634547619697</c:v>
                </c:pt>
                <c:pt idx="5348">
                  <c:v>89.133301208334004</c:v>
                </c:pt>
                <c:pt idx="5349">
                  <c:v>89.149967869048297</c:v>
                </c:pt>
                <c:pt idx="5350">
                  <c:v>89.166634529762604</c:v>
                </c:pt>
                <c:pt idx="5351">
                  <c:v>89.183301190476897</c:v>
                </c:pt>
                <c:pt idx="5352">
                  <c:v>89.199967851191104</c:v>
                </c:pt>
                <c:pt idx="5353">
                  <c:v>89.216634511905397</c:v>
                </c:pt>
                <c:pt idx="5354">
                  <c:v>89.233301172619704</c:v>
                </c:pt>
                <c:pt idx="5355">
                  <c:v>89.249967833333997</c:v>
                </c:pt>
                <c:pt idx="5356">
                  <c:v>89.266634494048304</c:v>
                </c:pt>
                <c:pt idx="5357">
                  <c:v>89.283301154762597</c:v>
                </c:pt>
                <c:pt idx="5358">
                  <c:v>89.299967815476904</c:v>
                </c:pt>
                <c:pt idx="5359">
                  <c:v>89.316634476191098</c:v>
                </c:pt>
                <c:pt idx="5360">
                  <c:v>89.333301136905405</c:v>
                </c:pt>
                <c:pt idx="5361">
                  <c:v>89.349967797619698</c:v>
                </c:pt>
                <c:pt idx="5362">
                  <c:v>89.366634458334005</c:v>
                </c:pt>
                <c:pt idx="5363">
                  <c:v>89.383301119048298</c:v>
                </c:pt>
                <c:pt idx="5364">
                  <c:v>89.399967779762605</c:v>
                </c:pt>
                <c:pt idx="5365">
                  <c:v>89.416634440476898</c:v>
                </c:pt>
                <c:pt idx="5366">
                  <c:v>89.433301101191105</c:v>
                </c:pt>
                <c:pt idx="5367">
                  <c:v>89.449967761905398</c:v>
                </c:pt>
                <c:pt idx="5368">
                  <c:v>89.466634422619705</c:v>
                </c:pt>
                <c:pt idx="5369">
                  <c:v>89.483301083333998</c:v>
                </c:pt>
                <c:pt idx="5370">
                  <c:v>89.499967744048305</c:v>
                </c:pt>
                <c:pt idx="5371">
                  <c:v>89.516634404762598</c:v>
                </c:pt>
                <c:pt idx="5372">
                  <c:v>89.533301065476905</c:v>
                </c:pt>
                <c:pt idx="5373">
                  <c:v>89.549967726191198</c:v>
                </c:pt>
                <c:pt idx="5374">
                  <c:v>89.566634386905406</c:v>
                </c:pt>
                <c:pt idx="5375">
                  <c:v>89.583301047619699</c:v>
                </c:pt>
                <c:pt idx="5376">
                  <c:v>89.599967708334006</c:v>
                </c:pt>
                <c:pt idx="5377">
                  <c:v>89.616634369048299</c:v>
                </c:pt>
                <c:pt idx="5378">
                  <c:v>89.633301029762606</c:v>
                </c:pt>
                <c:pt idx="5379">
                  <c:v>89.649967690476899</c:v>
                </c:pt>
                <c:pt idx="5380">
                  <c:v>89.666634351191107</c:v>
                </c:pt>
                <c:pt idx="5381">
                  <c:v>89.683301011905399</c:v>
                </c:pt>
                <c:pt idx="5382">
                  <c:v>89.699967672619707</c:v>
                </c:pt>
                <c:pt idx="5383">
                  <c:v>89.716634333334</c:v>
                </c:pt>
                <c:pt idx="5384">
                  <c:v>89.733300994048307</c:v>
                </c:pt>
                <c:pt idx="5385">
                  <c:v>89.7499676547626</c:v>
                </c:pt>
                <c:pt idx="5386">
                  <c:v>89.766634315476907</c:v>
                </c:pt>
                <c:pt idx="5387">
                  <c:v>89.7833009761912</c:v>
                </c:pt>
                <c:pt idx="5388">
                  <c:v>89.799967636905393</c:v>
                </c:pt>
                <c:pt idx="5389">
                  <c:v>89.8166342976197</c:v>
                </c:pt>
                <c:pt idx="5390">
                  <c:v>89.833300958333993</c:v>
                </c:pt>
                <c:pt idx="5391">
                  <c:v>89.8499676190483</c:v>
                </c:pt>
                <c:pt idx="5392">
                  <c:v>89.866634279762593</c:v>
                </c:pt>
                <c:pt idx="5393">
                  <c:v>89.8833009404769</c:v>
                </c:pt>
                <c:pt idx="5394">
                  <c:v>89.899967601191094</c:v>
                </c:pt>
                <c:pt idx="5395">
                  <c:v>89.916634261905401</c:v>
                </c:pt>
                <c:pt idx="5396">
                  <c:v>89.933300922619694</c:v>
                </c:pt>
                <c:pt idx="5397">
                  <c:v>89.949967583334001</c:v>
                </c:pt>
                <c:pt idx="5398">
                  <c:v>89.966634244048294</c:v>
                </c:pt>
                <c:pt idx="5399">
                  <c:v>89.983300904762601</c:v>
                </c:pt>
                <c:pt idx="5400">
                  <c:v>89.999967565476894</c:v>
                </c:pt>
                <c:pt idx="5401">
                  <c:v>90.016634226191201</c:v>
                </c:pt>
                <c:pt idx="5402">
                  <c:v>90.033300886905394</c:v>
                </c:pt>
                <c:pt idx="5403">
                  <c:v>90.049967547619701</c:v>
                </c:pt>
                <c:pt idx="5404">
                  <c:v>90.066634208333994</c:v>
                </c:pt>
                <c:pt idx="5405">
                  <c:v>90.083300869048301</c:v>
                </c:pt>
                <c:pt idx="5406">
                  <c:v>90.099967529762594</c:v>
                </c:pt>
                <c:pt idx="5407">
                  <c:v>90.116634190476901</c:v>
                </c:pt>
                <c:pt idx="5408">
                  <c:v>90.133300851191095</c:v>
                </c:pt>
                <c:pt idx="5409">
                  <c:v>90.149967511905402</c:v>
                </c:pt>
                <c:pt idx="5410">
                  <c:v>90.166634172619695</c:v>
                </c:pt>
                <c:pt idx="5411">
                  <c:v>90.183300833334002</c:v>
                </c:pt>
                <c:pt idx="5412">
                  <c:v>90.199967494048295</c:v>
                </c:pt>
                <c:pt idx="5413">
                  <c:v>90.216634154762602</c:v>
                </c:pt>
                <c:pt idx="5414">
                  <c:v>90.233300815476895</c:v>
                </c:pt>
                <c:pt idx="5415">
                  <c:v>90.249967476191202</c:v>
                </c:pt>
                <c:pt idx="5416">
                  <c:v>90.266634136905395</c:v>
                </c:pt>
                <c:pt idx="5417">
                  <c:v>90.283300797619702</c:v>
                </c:pt>
                <c:pt idx="5418">
                  <c:v>90.299967458333995</c:v>
                </c:pt>
                <c:pt idx="5419">
                  <c:v>90.316634119048302</c:v>
                </c:pt>
                <c:pt idx="5420">
                  <c:v>90.333300779762595</c:v>
                </c:pt>
                <c:pt idx="5421">
                  <c:v>90.349967440476902</c:v>
                </c:pt>
                <c:pt idx="5422">
                  <c:v>90.366634101191195</c:v>
                </c:pt>
                <c:pt idx="5423">
                  <c:v>90.383300761905403</c:v>
                </c:pt>
                <c:pt idx="5424">
                  <c:v>90.399967422619696</c:v>
                </c:pt>
                <c:pt idx="5425">
                  <c:v>90.416634083334003</c:v>
                </c:pt>
                <c:pt idx="5426">
                  <c:v>90.433300744048296</c:v>
                </c:pt>
                <c:pt idx="5427">
                  <c:v>90.449967404762603</c:v>
                </c:pt>
                <c:pt idx="5428">
                  <c:v>90.466634065476896</c:v>
                </c:pt>
                <c:pt idx="5429">
                  <c:v>90.483300726191203</c:v>
                </c:pt>
                <c:pt idx="5430">
                  <c:v>90.499967386905396</c:v>
                </c:pt>
                <c:pt idx="5431">
                  <c:v>90.516634047619704</c:v>
                </c:pt>
                <c:pt idx="5432">
                  <c:v>90.533300708333996</c:v>
                </c:pt>
                <c:pt idx="5433">
                  <c:v>90.549967369048304</c:v>
                </c:pt>
                <c:pt idx="5434">
                  <c:v>90.566634029762596</c:v>
                </c:pt>
                <c:pt idx="5435">
                  <c:v>90.583300690476904</c:v>
                </c:pt>
                <c:pt idx="5436">
                  <c:v>90.599967351191196</c:v>
                </c:pt>
                <c:pt idx="5437">
                  <c:v>90.616634011905404</c:v>
                </c:pt>
                <c:pt idx="5438">
                  <c:v>90.633300672619697</c:v>
                </c:pt>
                <c:pt idx="5439">
                  <c:v>90.649967333334004</c:v>
                </c:pt>
                <c:pt idx="5440">
                  <c:v>90.666633994048297</c:v>
                </c:pt>
                <c:pt idx="5441">
                  <c:v>90.683300654762604</c:v>
                </c:pt>
                <c:pt idx="5442">
                  <c:v>90.699967315476897</c:v>
                </c:pt>
                <c:pt idx="5443">
                  <c:v>90.716633976191204</c:v>
                </c:pt>
                <c:pt idx="5444">
                  <c:v>90.733300636905398</c:v>
                </c:pt>
                <c:pt idx="5445">
                  <c:v>90.749967297619705</c:v>
                </c:pt>
                <c:pt idx="5446">
                  <c:v>90.766633958333998</c:v>
                </c:pt>
                <c:pt idx="5447">
                  <c:v>90.783300619048305</c:v>
                </c:pt>
                <c:pt idx="5448">
                  <c:v>90.799967279762598</c:v>
                </c:pt>
                <c:pt idx="5449">
                  <c:v>90.816633940476905</c:v>
                </c:pt>
                <c:pt idx="5450">
                  <c:v>90.833300601191198</c:v>
                </c:pt>
                <c:pt idx="5451">
                  <c:v>90.849967261905405</c:v>
                </c:pt>
                <c:pt idx="5452">
                  <c:v>90.866633922619698</c:v>
                </c:pt>
                <c:pt idx="5453">
                  <c:v>90.883300583334005</c:v>
                </c:pt>
                <c:pt idx="5454">
                  <c:v>90.899967244048298</c:v>
                </c:pt>
                <c:pt idx="5455">
                  <c:v>90.916633904762605</c:v>
                </c:pt>
                <c:pt idx="5456">
                  <c:v>90.933300565476898</c:v>
                </c:pt>
                <c:pt idx="5457">
                  <c:v>90.949967226191205</c:v>
                </c:pt>
                <c:pt idx="5458">
                  <c:v>90.966633886905399</c:v>
                </c:pt>
                <c:pt idx="5459">
                  <c:v>90.983300547619706</c:v>
                </c:pt>
                <c:pt idx="5460">
                  <c:v>90.999967208333999</c:v>
                </c:pt>
                <c:pt idx="5461">
                  <c:v>91.016633869048306</c:v>
                </c:pt>
                <c:pt idx="5462">
                  <c:v>91.033300529762599</c:v>
                </c:pt>
                <c:pt idx="5463">
                  <c:v>91.049967190476906</c:v>
                </c:pt>
                <c:pt idx="5464">
                  <c:v>91.066633851191199</c:v>
                </c:pt>
                <c:pt idx="5465">
                  <c:v>91.083300511905406</c:v>
                </c:pt>
                <c:pt idx="5466">
                  <c:v>91.099967172619699</c:v>
                </c:pt>
                <c:pt idx="5467">
                  <c:v>91.116633833334006</c:v>
                </c:pt>
                <c:pt idx="5468">
                  <c:v>91.133300494048299</c:v>
                </c:pt>
                <c:pt idx="5469">
                  <c:v>91.149967154762606</c:v>
                </c:pt>
                <c:pt idx="5470">
                  <c:v>91.166633815476899</c:v>
                </c:pt>
                <c:pt idx="5471">
                  <c:v>91.183300476191206</c:v>
                </c:pt>
                <c:pt idx="5472">
                  <c:v>91.199967136905499</c:v>
                </c:pt>
                <c:pt idx="5473">
                  <c:v>91.216633797619707</c:v>
                </c:pt>
                <c:pt idx="5474">
                  <c:v>91.233300458334</c:v>
                </c:pt>
                <c:pt idx="5475">
                  <c:v>91.249967119048307</c:v>
                </c:pt>
                <c:pt idx="5476">
                  <c:v>91.2666337797626</c:v>
                </c:pt>
                <c:pt idx="5477">
                  <c:v>91.283300440476907</c:v>
                </c:pt>
                <c:pt idx="5478">
                  <c:v>91.2999671011912</c:v>
                </c:pt>
                <c:pt idx="5479">
                  <c:v>91.316633761905393</c:v>
                </c:pt>
                <c:pt idx="5480">
                  <c:v>91.3333004226197</c:v>
                </c:pt>
                <c:pt idx="5481">
                  <c:v>91.349967083333993</c:v>
                </c:pt>
                <c:pt idx="5482">
                  <c:v>91.366633744048301</c:v>
                </c:pt>
                <c:pt idx="5483">
                  <c:v>91.383300404762593</c:v>
                </c:pt>
                <c:pt idx="5484">
                  <c:v>91.399967065476901</c:v>
                </c:pt>
                <c:pt idx="5485">
                  <c:v>91.416633726191193</c:v>
                </c:pt>
                <c:pt idx="5486">
                  <c:v>91.433300386905501</c:v>
                </c:pt>
                <c:pt idx="5487">
                  <c:v>91.449967047619694</c:v>
                </c:pt>
                <c:pt idx="5488">
                  <c:v>91.466633708334001</c:v>
                </c:pt>
                <c:pt idx="5489">
                  <c:v>91.483300369048294</c:v>
                </c:pt>
                <c:pt idx="5490">
                  <c:v>91.499967029762601</c:v>
                </c:pt>
                <c:pt idx="5491">
                  <c:v>91.516633690476894</c:v>
                </c:pt>
                <c:pt idx="5492">
                  <c:v>91.533300351191201</c:v>
                </c:pt>
                <c:pt idx="5493">
                  <c:v>91.549967011905395</c:v>
                </c:pt>
                <c:pt idx="5494">
                  <c:v>91.566633672619702</c:v>
                </c:pt>
                <c:pt idx="5495">
                  <c:v>91.583300333333995</c:v>
                </c:pt>
                <c:pt idx="5496">
                  <c:v>91.599966994048302</c:v>
                </c:pt>
                <c:pt idx="5497">
                  <c:v>91.616633654762595</c:v>
                </c:pt>
                <c:pt idx="5498">
                  <c:v>91.633300315476902</c:v>
                </c:pt>
                <c:pt idx="5499">
                  <c:v>91.649966976191195</c:v>
                </c:pt>
                <c:pt idx="5500">
                  <c:v>91.666633636905502</c:v>
                </c:pt>
                <c:pt idx="5501">
                  <c:v>91.683300297619695</c:v>
                </c:pt>
                <c:pt idx="5502">
                  <c:v>91.699966958334002</c:v>
                </c:pt>
                <c:pt idx="5503">
                  <c:v>91.716633619048295</c:v>
                </c:pt>
                <c:pt idx="5504">
                  <c:v>91.733300279762602</c:v>
                </c:pt>
                <c:pt idx="5505">
                  <c:v>91.749966940476895</c:v>
                </c:pt>
                <c:pt idx="5506">
                  <c:v>91.766633601191202</c:v>
                </c:pt>
                <c:pt idx="5507">
                  <c:v>91.783300261905396</c:v>
                </c:pt>
                <c:pt idx="5508">
                  <c:v>91.799966922619703</c:v>
                </c:pt>
                <c:pt idx="5509">
                  <c:v>91.816633583333996</c:v>
                </c:pt>
                <c:pt idx="5510">
                  <c:v>91.833300244048303</c:v>
                </c:pt>
                <c:pt idx="5511">
                  <c:v>91.849966904762596</c:v>
                </c:pt>
                <c:pt idx="5512">
                  <c:v>91.866633565476903</c:v>
                </c:pt>
                <c:pt idx="5513">
                  <c:v>91.883300226191196</c:v>
                </c:pt>
                <c:pt idx="5514">
                  <c:v>91.899966886905503</c:v>
                </c:pt>
                <c:pt idx="5515">
                  <c:v>91.916633547619696</c:v>
                </c:pt>
                <c:pt idx="5516">
                  <c:v>91.933300208334003</c:v>
                </c:pt>
                <c:pt idx="5517">
                  <c:v>91.949966869048296</c:v>
                </c:pt>
                <c:pt idx="5518">
                  <c:v>91.966633529762603</c:v>
                </c:pt>
                <c:pt idx="5519">
                  <c:v>91.983300190476896</c:v>
                </c:pt>
                <c:pt idx="5520">
                  <c:v>91.999966851191203</c:v>
                </c:pt>
                <c:pt idx="5521">
                  <c:v>92.016633511905397</c:v>
                </c:pt>
                <c:pt idx="5522">
                  <c:v>92.033300172619704</c:v>
                </c:pt>
                <c:pt idx="5523">
                  <c:v>92.049966833333997</c:v>
                </c:pt>
                <c:pt idx="5524">
                  <c:v>92.066633494048304</c:v>
                </c:pt>
                <c:pt idx="5525">
                  <c:v>92.083300154762597</c:v>
                </c:pt>
                <c:pt idx="5526">
                  <c:v>92.099966815476904</c:v>
                </c:pt>
                <c:pt idx="5527">
                  <c:v>92.116633476191197</c:v>
                </c:pt>
                <c:pt idx="5528">
                  <c:v>92.133300136905504</c:v>
                </c:pt>
                <c:pt idx="5529">
                  <c:v>92.149966797619697</c:v>
                </c:pt>
                <c:pt idx="5530">
                  <c:v>92.166633458334005</c:v>
                </c:pt>
                <c:pt idx="5531">
                  <c:v>92.183300119048297</c:v>
                </c:pt>
                <c:pt idx="5532">
                  <c:v>92.199966779762605</c:v>
                </c:pt>
                <c:pt idx="5533">
                  <c:v>92.216633440476897</c:v>
                </c:pt>
                <c:pt idx="5534">
                  <c:v>92.233300101191205</c:v>
                </c:pt>
                <c:pt idx="5535">
                  <c:v>92.249966761905398</c:v>
                </c:pt>
                <c:pt idx="5536">
                  <c:v>92.266633422619705</c:v>
                </c:pt>
                <c:pt idx="5537">
                  <c:v>92.283300083333998</c:v>
                </c:pt>
                <c:pt idx="5538">
                  <c:v>92.299966744048305</c:v>
                </c:pt>
                <c:pt idx="5539">
                  <c:v>92.316633404762598</c:v>
                </c:pt>
                <c:pt idx="5540">
                  <c:v>92.333300065476905</c:v>
                </c:pt>
                <c:pt idx="5541">
                  <c:v>92.349966726191198</c:v>
                </c:pt>
                <c:pt idx="5542">
                  <c:v>92.366633386905505</c:v>
                </c:pt>
                <c:pt idx="5543">
                  <c:v>92.383300047619699</c:v>
                </c:pt>
                <c:pt idx="5544">
                  <c:v>92.399966708334006</c:v>
                </c:pt>
                <c:pt idx="5545">
                  <c:v>92.416633369048299</c:v>
                </c:pt>
                <c:pt idx="5546">
                  <c:v>92.433300029762606</c:v>
                </c:pt>
                <c:pt idx="5547">
                  <c:v>92.449966690476899</c:v>
                </c:pt>
                <c:pt idx="5548">
                  <c:v>92.466633351191206</c:v>
                </c:pt>
                <c:pt idx="5549">
                  <c:v>92.483300011905499</c:v>
                </c:pt>
                <c:pt idx="5550">
                  <c:v>92.499966672619706</c:v>
                </c:pt>
                <c:pt idx="5551">
                  <c:v>92.516633333333999</c:v>
                </c:pt>
                <c:pt idx="5552">
                  <c:v>92.533299994048306</c:v>
                </c:pt>
                <c:pt idx="5553">
                  <c:v>92.549966654762599</c:v>
                </c:pt>
                <c:pt idx="5554">
                  <c:v>92.566633315476906</c:v>
                </c:pt>
                <c:pt idx="5555">
                  <c:v>92.583299976191199</c:v>
                </c:pt>
                <c:pt idx="5556">
                  <c:v>92.599966636905506</c:v>
                </c:pt>
                <c:pt idx="5557">
                  <c:v>92.6166332976197</c:v>
                </c:pt>
                <c:pt idx="5558">
                  <c:v>92.633299958334007</c:v>
                </c:pt>
                <c:pt idx="5559">
                  <c:v>92.6499666190483</c:v>
                </c:pt>
                <c:pt idx="5560">
                  <c:v>92.666633279762607</c:v>
                </c:pt>
                <c:pt idx="5561">
                  <c:v>92.6832999404769</c:v>
                </c:pt>
                <c:pt idx="5562">
                  <c:v>92.699966601191207</c:v>
                </c:pt>
                <c:pt idx="5563">
                  <c:v>92.7166332619055</c:v>
                </c:pt>
                <c:pt idx="5564">
                  <c:v>92.733299922619693</c:v>
                </c:pt>
                <c:pt idx="5565">
                  <c:v>92.749966583334</c:v>
                </c:pt>
                <c:pt idx="5566">
                  <c:v>92.766633244048293</c:v>
                </c:pt>
                <c:pt idx="5567">
                  <c:v>92.7832999047626</c:v>
                </c:pt>
                <c:pt idx="5568">
                  <c:v>92.799966565476893</c:v>
                </c:pt>
                <c:pt idx="5569">
                  <c:v>92.8166332261912</c:v>
                </c:pt>
                <c:pt idx="5570">
                  <c:v>92.833299886905493</c:v>
                </c:pt>
                <c:pt idx="5571">
                  <c:v>92.8499665476198</c:v>
                </c:pt>
                <c:pt idx="5572">
                  <c:v>92.866633208333994</c:v>
                </c:pt>
                <c:pt idx="5573">
                  <c:v>92.883299869048301</c:v>
                </c:pt>
                <c:pt idx="5574">
                  <c:v>92.899966529762594</c:v>
                </c:pt>
                <c:pt idx="5575">
                  <c:v>92.916633190476901</c:v>
                </c:pt>
                <c:pt idx="5576">
                  <c:v>92.933299851191194</c:v>
                </c:pt>
                <c:pt idx="5577">
                  <c:v>92.949966511905501</c:v>
                </c:pt>
                <c:pt idx="5578">
                  <c:v>92.966633172619694</c:v>
                </c:pt>
                <c:pt idx="5579">
                  <c:v>92.983299833334002</c:v>
                </c:pt>
                <c:pt idx="5580">
                  <c:v>92.999966494048294</c:v>
                </c:pt>
                <c:pt idx="5581">
                  <c:v>93.016633154762602</c:v>
                </c:pt>
                <c:pt idx="5582">
                  <c:v>93.033299815476894</c:v>
                </c:pt>
                <c:pt idx="5583">
                  <c:v>93.049966476191202</c:v>
                </c:pt>
                <c:pt idx="5584">
                  <c:v>93.066633136905494</c:v>
                </c:pt>
                <c:pt idx="5585">
                  <c:v>93.083299797619802</c:v>
                </c:pt>
                <c:pt idx="5586">
                  <c:v>93.099966458333995</c:v>
                </c:pt>
                <c:pt idx="5587">
                  <c:v>93.116633119048302</c:v>
                </c:pt>
                <c:pt idx="5588">
                  <c:v>93.133299779762595</c:v>
                </c:pt>
                <c:pt idx="5589">
                  <c:v>93.149966440476902</c:v>
                </c:pt>
                <c:pt idx="5590">
                  <c:v>93.166633101191195</c:v>
                </c:pt>
                <c:pt idx="5591">
                  <c:v>93.183299761905502</c:v>
                </c:pt>
                <c:pt idx="5592">
                  <c:v>93.199966422619696</c:v>
                </c:pt>
                <c:pt idx="5593">
                  <c:v>93.216633083334003</c:v>
                </c:pt>
                <c:pt idx="5594">
                  <c:v>93.233299744048296</c:v>
                </c:pt>
                <c:pt idx="5595">
                  <c:v>93.249966404762603</c:v>
                </c:pt>
                <c:pt idx="5596">
                  <c:v>93.266633065476896</c:v>
                </c:pt>
                <c:pt idx="5597">
                  <c:v>93.283299726191203</c:v>
                </c:pt>
                <c:pt idx="5598">
                  <c:v>93.299966386905496</c:v>
                </c:pt>
                <c:pt idx="5599">
                  <c:v>93.316633047619803</c:v>
                </c:pt>
                <c:pt idx="5600">
                  <c:v>93.333299708333996</c:v>
                </c:pt>
                <c:pt idx="5601">
                  <c:v>93.349966369048303</c:v>
                </c:pt>
                <c:pt idx="5602">
                  <c:v>93.366633029762596</c:v>
                </c:pt>
                <c:pt idx="5603">
                  <c:v>93.383299690476903</c:v>
                </c:pt>
                <c:pt idx="5604">
                  <c:v>93.399966351191196</c:v>
                </c:pt>
                <c:pt idx="5605">
                  <c:v>93.416633011905503</c:v>
                </c:pt>
                <c:pt idx="5606">
                  <c:v>93.433299672619697</c:v>
                </c:pt>
                <c:pt idx="5607">
                  <c:v>93.449966333334004</c:v>
                </c:pt>
                <c:pt idx="5608">
                  <c:v>93.466632994048297</c:v>
                </c:pt>
                <c:pt idx="5609">
                  <c:v>93.483299654762604</c:v>
                </c:pt>
                <c:pt idx="5610">
                  <c:v>93.499966315476897</c:v>
                </c:pt>
                <c:pt idx="5611">
                  <c:v>93.516632976191204</c:v>
                </c:pt>
                <c:pt idx="5612">
                  <c:v>93.533299636905497</c:v>
                </c:pt>
                <c:pt idx="5613">
                  <c:v>93.549966297619804</c:v>
                </c:pt>
                <c:pt idx="5614">
                  <c:v>93.566632958333997</c:v>
                </c:pt>
                <c:pt idx="5615">
                  <c:v>93.583299619048304</c:v>
                </c:pt>
                <c:pt idx="5616">
                  <c:v>93.599966279762597</c:v>
                </c:pt>
                <c:pt idx="5617">
                  <c:v>93.616632940476904</c:v>
                </c:pt>
                <c:pt idx="5618">
                  <c:v>93.633299601191197</c:v>
                </c:pt>
                <c:pt idx="5619">
                  <c:v>93.649966261905504</c:v>
                </c:pt>
                <c:pt idx="5620">
                  <c:v>93.666632922619698</c:v>
                </c:pt>
                <c:pt idx="5621">
                  <c:v>93.683299583334005</c:v>
                </c:pt>
                <c:pt idx="5622">
                  <c:v>93.699966244048298</c:v>
                </c:pt>
                <c:pt idx="5623">
                  <c:v>93.716632904762605</c:v>
                </c:pt>
                <c:pt idx="5624">
                  <c:v>93.733299565476898</c:v>
                </c:pt>
                <c:pt idx="5625">
                  <c:v>93.749966226191205</c:v>
                </c:pt>
                <c:pt idx="5626">
                  <c:v>93.766632886905498</c:v>
                </c:pt>
                <c:pt idx="5627">
                  <c:v>93.783299547619805</c:v>
                </c:pt>
                <c:pt idx="5628">
                  <c:v>93.799966208333998</c:v>
                </c:pt>
                <c:pt idx="5629">
                  <c:v>93.816632869048306</c:v>
                </c:pt>
                <c:pt idx="5630">
                  <c:v>93.833299529762598</c:v>
                </c:pt>
                <c:pt idx="5631">
                  <c:v>93.849966190476906</c:v>
                </c:pt>
                <c:pt idx="5632">
                  <c:v>93.866632851191198</c:v>
                </c:pt>
                <c:pt idx="5633">
                  <c:v>93.883299511905506</c:v>
                </c:pt>
                <c:pt idx="5634">
                  <c:v>93.899966172619798</c:v>
                </c:pt>
                <c:pt idx="5635">
                  <c:v>93.916632833334006</c:v>
                </c:pt>
                <c:pt idx="5636">
                  <c:v>93.933299494048299</c:v>
                </c:pt>
                <c:pt idx="5637">
                  <c:v>93.949966154762606</c:v>
                </c:pt>
                <c:pt idx="5638">
                  <c:v>93.966632815476899</c:v>
                </c:pt>
                <c:pt idx="5639">
                  <c:v>93.983299476191206</c:v>
                </c:pt>
                <c:pt idx="5640">
                  <c:v>93.999966136905499</c:v>
                </c:pt>
                <c:pt idx="5641">
                  <c:v>94.016632797619806</c:v>
                </c:pt>
                <c:pt idx="5642">
                  <c:v>94.033299458334</c:v>
                </c:pt>
                <c:pt idx="5643">
                  <c:v>94.049966119048307</c:v>
                </c:pt>
                <c:pt idx="5644">
                  <c:v>94.0666327797626</c:v>
                </c:pt>
                <c:pt idx="5645">
                  <c:v>94.083299440476907</c:v>
                </c:pt>
                <c:pt idx="5646">
                  <c:v>94.0999661011912</c:v>
                </c:pt>
                <c:pt idx="5647">
                  <c:v>94.116632761905507</c:v>
                </c:pt>
                <c:pt idx="5648">
                  <c:v>94.1332994226198</c:v>
                </c:pt>
                <c:pt idx="5649">
                  <c:v>94.149966083333993</c:v>
                </c:pt>
                <c:pt idx="5650">
                  <c:v>94.1666327440483</c:v>
                </c:pt>
                <c:pt idx="5651">
                  <c:v>94.183299404762593</c:v>
                </c:pt>
                <c:pt idx="5652">
                  <c:v>94.1999660654769</c:v>
                </c:pt>
                <c:pt idx="5653">
                  <c:v>94.216632726191193</c:v>
                </c:pt>
                <c:pt idx="5654">
                  <c:v>94.2332993869055</c:v>
                </c:pt>
                <c:pt idx="5655">
                  <c:v>94.249966047619793</c:v>
                </c:pt>
                <c:pt idx="5656">
                  <c:v>94.266632708334001</c:v>
                </c:pt>
                <c:pt idx="5657">
                  <c:v>94.283299369048294</c:v>
                </c:pt>
                <c:pt idx="5658">
                  <c:v>94.299966029762601</c:v>
                </c:pt>
                <c:pt idx="5659">
                  <c:v>94.316632690476894</c:v>
                </c:pt>
                <c:pt idx="5660">
                  <c:v>94.333299351191201</c:v>
                </c:pt>
                <c:pt idx="5661">
                  <c:v>94.349966011905494</c:v>
                </c:pt>
                <c:pt idx="5662">
                  <c:v>94.366632672619801</c:v>
                </c:pt>
                <c:pt idx="5663">
                  <c:v>94.383299333333994</c:v>
                </c:pt>
                <c:pt idx="5664">
                  <c:v>94.399965994048301</c:v>
                </c:pt>
                <c:pt idx="5665">
                  <c:v>94.416632654762594</c:v>
                </c:pt>
                <c:pt idx="5666">
                  <c:v>94.433299315476901</c:v>
                </c:pt>
                <c:pt idx="5667">
                  <c:v>94.449965976191194</c:v>
                </c:pt>
                <c:pt idx="5668">
                  <c:v>94.466632636905501</c:v>
                </c:pt>
                <c:pt idx="5669">
                  <c:v>94.483299297619794</c:v>
                </c:pt>
                <c:pt idx="5670">
                  <c:v>94.499965958334002</c:v>
                </c:pt>
                <c:pt idx="5671">
                  <c:v>94.516632619048295</c:v>
                </c:pt>
                <c:pt idx="5672">
                  <c:v>94.533299279762602</c:v>
                </c:pt>
                <c:pt idx="5673">
                  <c:v>94.549965940476895</c:v>
                </c:pt>
                <c:pt idx="5674">
                  <c:v>94.566632601191202</c:v>
                </c:pt>
                <c:pt idx="5675">
                  <c:v>94.583299261905495</c:v>
                </c:pt>
                <c:pt idx="5676">
                  <c:v>94.599965922619802</c:v>
                </c:pt>
                <c:pt idx="5677">
                  <c:v>94.616632583333995</c:v>
                </c:pt>
                <c:pt idx="5678">
                  <c:v>94.633299244048303</c:v>
                </c:pt>
                <c:pt idx="5679">
                  <c:v>94.649965904762595</c:v>
                </c:pt>
                <c:pt idx="5680">
                  <c:v>94.666632565476903</c:v>
                </c:pt>
                <c:pt idx="5681">
                  <c:v>94.683299226191195</c:v>
                </c:pt>
                <c:pt idx="5682">
                  <c:v>94.699965886905503</c:v>
                </c:pt>
                <c:pt idx="5683">
                  <c:v>94.716632547619795</c:v>
                </c:pt>
                <c:pt idx="5684">
                  <c:v>94.733299208334003</c:v>
                </c:pt>
                <c:pt idx="5685">
                  <c:v>94.749965869048296</c:v>
                </c:pt>
                <c:pt idx="5686">
                  <c:v>94.766632529762603</c:v>
                </c:pt>
                <c:pt idx="5687">
                  <c:v>94.783299190476896</c:v>
                </c:pt>
                <c:pt idx="5688">
                  <c:v>94.799965851191203</c:v>
                </c:pt>
                <c:pt idx="5689">
                  <c:v>94.816632511905496</c:v>
                </c:pt>
                <c:pt idx="5690">
                  <c:v>94.833299172619803</c:v>
                </c:pt>
                <c:pt idx="5691">
                  <c:v>94.849965833333997</c:v>
                </c:pt>
                <c:pt idx="5692">
                  <c:v>94.866632494048304</c:v>
                </c:pt>
                <c:pt idx="5693">
                  <c:v>94.883299154762597</c:v>
                </c:pt>
                <c:pt idx="5694">
                  <c:v>94.899965815476904</c:v>
                </c:pt>
                <c:pt idx="5695">
                  <c:v>94.916632476191197</c:v>
                </c:pt>
                <c:pt idx="5696">
                  <c:v>94.933299136905504</c:v>
                </c:pt>
                <c:pt idx="5697">
                  <c:v>94.949965797619797</c:v>
                </c:pt>
                <c:pt idx="5698">
                  <c:v>94.966632458334004</c:v>
                </c:pt>
                <c:pt idx="5699">
                  <c:v>94.983299119048297</c:v>
                </c:pt>
                <c:pt idx="5700">
                  <c:v>94.999965779762604</c:v>
                </c:pt>
                <c:pt idx="5701">
                  <c:v>95.016632440476897</c:v>
                </c:pt>
                <c:pt idx="5702">
                  <c:v>95.033299101191204</c:v>
                </c:pt>
                <c:pt idx="5703">
                  <c:v>95.049965761905497</c:v>
                </c:pt>
                <c:pt idx="5704">
                  <c:v>95.066632422619804</c:v>
                </c:pt>
                <c:pt idx="5705">
                  <c:v>95.083299083333998</c:v>
                </c:pt>
                <c:pt idx="5706">
                  <c:v>95.099965744048305</c:v>
                </c:pt>
                <c:pt idx="5707">
                  <c:v>95.116632404762598</c:v>
                </c:pt>
                <c:pt idx="5708">
                  <c:v>95.133299065476905</c:v>
                </c:pt>
                <c:pt idx="5709">
                  <c:v>95.149965726191198</c:v>
                </c:pt>
                <c:pt idx="5710">
                  <c:v>95.166632386905505</c:v>
                </c:pt>
                <c:pt idx="5711">
                  <c:v>95.183299047619798</c:v>
                </c:pt>
                <c:pt idx="5712">
                  <c:v>95.199965708334105</c:v>
                </c:pt>
                <c:pt idx="5713">
                  <c:v>95.216632369048298</c:v>
                </c:pt>
                <c:pt idx="5714">
                  <c:v>95.233299029762605</c:v>
                </c:pt>
                <c:pt idx="5715">
                  <c:v>95.249965690476898</c:v>
                </c:pt>
                <c:pt idx="5716">
                  <c:v>95.266632351191205</c:v>
                </c:pt>
                <c:pt idx="5717">
                  <c:v>95.283299011905498</c:v>
                </c:pt>
                <c:pt idx="5718">
                  <c:v>95.299965672619805</c:v>
                </c:pt>
                <c:pt idx="5719">
                  <c:v>95.316632333334098</c:v>
                </c:pt>
                <c:pt idx="5720">
                  <c:v>95.333298994048306</c:v>
                </c:pt>
                <c:pt idx="5721">
                  <c:v>95.349965654762599</c:v>
                </c:pt>
                <c:pt idx="5722">
                  <c:v>95.366632315476906</c:v>
                </c:pt>
                <c:pt idx="5723">
                  <c:v>95.383298976191199</c:v>
                </c:pt>
                <c:pt idx="5724">
                  <c:v>95.399965636905506</c:v>
                </c:pt>
                <c:pt idx="5725">
                  <c:v>95.416632297619799</c:v>
                </c:pt>
                <c:pt idx="5726">
                  <c:v>95.433298958334106</c:v>
                </c:pt>
                <c:pt idx="5727">
                  <c:v>95.449965619048299</c:v>
                </c:pt>
                <c:pt idx="5728">
                  <c:v>95.466632279762607</c:v>
                </c:pt>
                <c:pt idx="5729">
                  <c:v>95.483298940476899</c:v>
                </c:pt>
                <c:pt idx="5730">
                  <c:v>95.499965601191207</c:v>
                </c:pt>
                <c:pt idx="5731">
                  <c:v>95.516632261905499</c:v>
                </c:pt>
                <c:pt idx="5732">
                  <c:v>95.533298922619807</c:v>
                </c:pt>
                <c:pt idx="5733">
                  <c:v>95.5499655833341</c:v>
                </c:pt>
                <c:pt idx="5734">
                  <c:v>95.566632244048293</c:v>
                </c:pt>
                <c:pt idx="5735">
                  <c:v>95.5832989047626</c:v>
                </c:pt>
                <c:pt idx="5736">
                  <c:v>95.599965565476893</c:v>
                </c:pt>
                <c:pt idx="5737">
                  <c:v>95.6166322261912</c:v>
                </c:pt>
                <c:pt idx="5738">
                  <c:v>95.633298886905493</c:v>
                </c:pt>
                <c:pt idx="5739">
                  <c:v>95.6499655476198</c:v>
                </c:pt>
                <c:pt idx="5740">
                  <c:v>95.666632208334093</c:v>
                </c:pt>
                <c:pt idx="5741">
                  <c:v>95.683298869048301</c:v>
                </c:pt>
                <c:pt idx="5742">
                  <c:v>95.699965529762594</c:v>
                </c:pt>
                <c:pt idx="5743">
                  <c:v>95.716632190476901</c:v>
                </c:pt>
                <c:pt idx="5744">
                  <c:v>95.733298851191194</c:v>
                </c:pt>
                <c:pt idx="5745">
                  <c:v>95.749965511905501</c:v>
                </c:pt>
                <c:pt idx="5746">
                  <c:v>95.766632172619794</c:v>
                </c:pt>
                <c:pt idx="5747">
                  <c:v>95.783298833334101</c:v>
                </c:pt>
                <c:pt idx="5748">
                  <c:v>95.799965494048294</c:v>
                </c:pt>
                <c:pt idx="5749">
                  <c:v>95.816632154762601</c:v>
                </c:pt>
                <c:pt idx="5750">
                  <c:v>95.833298815476894</c:v>
                </c:pt>
                <c:pt idx="5751">
                  <c:v>95.849965476191201</c:v>
                </c:pt>
                <c:pt idx="5752">
                  <c:v>95.866632136905494</c:v>
                </c:pt>
                <c:pt idx="5753">
                  <c:v>95.883298797619801</c:v>
                </c:pt>
                <c:pt idx="5754">
                  <c:v>95.899965458334094</c:v>
                </c:pt>
                <c:pt idx="5755">
                  <c:v>95.916632119048302</c:v>
                </c:pt>
                <c:pt idx="5756">
                  <c:v>95.933298779762595</c:v>
                </c:pt>
                <c:pt idx="5757">
                  <c:v>95.949965440476902</c:v>
                </c:pt>
                <c:pt idx="5758">
                  <c:v>95.966632101191195</c:v>
                </c:pt>
                <c:pt idx="5759">
                  <c:v>95.983298761905502</c:v>
                </c:pt>
                <c:pt idx="5760">
                  <c:v>95.999965422619795</c:v>
                </c:pt>
                <c:pt idx="5761">
                  <c:v>96.016632083334102</c:v>
                </c:pt>
                <c:pt idx="5762">
                  <c:v>96.033298744048295</c:v>
                </c:pt>
                <c:pt idx="5763">
                  <c:v>96.049965404762602</c:v>
                </c:pt>
                <c:pt idx="5764">
                  <c:v>96.066632065476895</c:v>
                </c:pt>
                <c:pt idx="5765">
                  <c:v>96.083298726191202</c:v>
                </c:pt>
                <c:pt idx="5766">
                  <c:v>96.099965386905495</c:v>
                </c:pt>
                <c:pt idx="5767">
                  <c:v>96.116632047619802</c:v>
                </c:pt>
                <c:pt idx="5768">
                  <c:v>96.133298708334095</c:v>
                </c:pt>
                <c:pt idx="5769">
                  <c:v>96.149965369048303</c:v>
                </c:pt>
                <c:pt idx="5770">
                  <c:v>96.166632029762596</c:v>
                </c:pt>
                <c:pt idx="5771">
                  <c:v>96.183298690476903</c:v>
                </c:pt>
                <c:pt idx="5772">
                  <c:v>96.199965351191196</c:v>
                </c:pt>
                <c:pt idx="5773">
                  <c:v>96.216632011905503</c:v>
                </c:pt>
                <c:pt idx="5774">
                  <c:v>96.233298672619796</c:v>
                </c:pt>
                <c:pt idx="5775">
                  <c:v>96.249965333334103</c:v>
                </c:pt>
                <c:pt idx="5776">
                  <c:v>96.266631994048296</c:v>
                </c:pt>
                <c:pt idx="5777">
                  <c:v>96.283298654762604</c:v>
                </c:pt>
                <c:pt idx="5778">
                  <c:v>96.299965315476896</c:v>
                </c:pt>
                <c:pt idx="5779">
                  <c:v>96.316631976191204</c:v>
                </c:pt>
                <c:pt idx="5780">
                  <c:v>96.333298636905496</c:v>
                </c:pt>
                <c:pt idx="5781">
                  <c:v>96.349965297619804</c:v>
                </c:pt>
                <c:pt idx="5782">
                  <c:v>96.366631958334096</c:v>
                </c:pt>
                <c:pt idx="5783">
                  <c:v>96.383298619048304</c:v>
                </c:pt>
                <c:pt idx="5784">
                  <c:v>96.399965279762597</c:v>
                </c:pt>
                <c:pt idx="5785">
                  <c:v>96.416631940476904</c:v>
                </c:pt>
                <c:pt idx="5786">
                  <c:v>96.433298601191197</c:v>
                </c:pt>
                <c:pt idx="5787">
                  <c:v>96.449965261905504</c:v>
                </c:pt>
                <c:pt idx="5788">
                  <c:v>96.466631922619797</c:v>
                </c:pt>
                <c:pt idx="5789">
                  <c:v>96.483298583334104</c:v>
                </c:pt>
                <c:pt idx="5790">
                  <c:v>96.499965244048298</c:v>
                </c:pt>
                <c:pt idx="5791">
                  <c:v>96.516631904762605</c:v>
                </c:pt>
                <c:pt idx="5792">
                  <c:v>96.533298565476898</c:v>
                </c:pt>
                <c:pt idx="5793">
                  <c:v>96.549965226191205</c:v>
                </c:pt>
                <c:pt idx="5794">
                  <c:v>96.566631886905498</c:v>
                </c:pt>
                <c:pt idx="5795">
                  <c:v>96.583298547619805</c:v>
                </c:pt>
                <c:pt idx="5796">
                  <c:v>96.599965208334098</c:v>
                </c:pt>
                <c:pt idx="5797">
                  <c:v>96.616631869048305</c:v>
                </c:pt>
                <c:pt idx="5798">
                  <c:v>96.633298529762598</c:v>
                </c:pt>
                <c:pt idx="5799">
                  <c:v>96.649965190476905</c:v>
                </c:pt>
                <c:pt idx="5800">
                  <c:v>96.666631851191198</c:v>
                </c:pt>
                <c:pt idx="5801">
                  <c:v>96.683298511905505</c:v>
                </c:pt>
                <c:pt idx="5802">
                  <c:v>96.699965172619798</c:v>
                </c:pt>
                <c:pt idx="5803">
                  <c:v>96.716631833334105</c:v>
                </c:pt>
                <c:pt idx="5804">
                  <c:v>96.733298494048299</c:v>
                </c:pt>
                <c:pt idx="5805">
                  <c:v>96.749965154762606</c:v>
                </c:pt>
                <c:pt idx="5806">
                  <c:v>96.766631815476899</c:v>
                </c:pt>
                <c:pt idx="5807">
                  <c:v>96.783298476191206</c:v>
                </c:pt>
                <c:pt idx="5808">
                  <c:v>96.799965136905499</c:v>
                </c:pt>
                <c:pt idx="5809">
                  <c:v>96.816631797619806</c:v>
                </c:pt>
                <c:pt idx="5810">
                  <c:v>96.833298458334099</c:v>
                </c:pt>
                <c:pt idx="5811">
                  <c:v>96.849965119048306</c:v>
                </c:pt>
                <c:pt idx="5812">
                  <c:v>96.866631779762599</c:v>
                </c:pt>
                <c:pt idx="5813">
                  <c:v>96.883298440476906</c:v>
                </c:pt>
                <c:pt idx="5814">
                  <c:v>96.899965101191199</c:v>
                </c:pt>
                <c:pt idx="5815">
                  <c:v>96.916631761905506</c:v>
                </c:pt>
                <c:pt idx="5816">
                  <c:v>96.933298422619799</c:v>
                </c:pt>
                <c:pt idx="5817">
                  <c:v>96.949965083334106</c:v>
                </c:pt>
                <c:pt idx="5818">
                  <c:v>96.966631744048399</c:v>
                </c:pt>
                <c:pt idx="5819">
                  <c:v>96.983298404762607</c:v>
                </c:pt>
                <c:pt idx="5820">
                  <c:v>96.9999650654769</c:v>
                </c:pt>
                <c:pt idx="5821">
                  <c:v>97.016631726191207</c:v>
                </c:pt>
                <c:pt idx="5822">
                  <c:v>97.0332983869055</c:v>
                </c:pt>
                <c:pt idx="5823">
                  <c:v>97.049965047619807</c:v>
                </c:pt>
                <c:pt idx="5824">
                  <c:v>97.0666317083341</c:v>
                </c:pt>
                <c:pt idx="5825">
                  <c:v>97.083298369048293</c:v>
                </c:pt>
                <c:pt idx="5826">
                  <c:v>97.0999650297626</c:v>
                </c:pt>
                <c:pt idx="5827">
                  <c:v>97.116631690476893</c:v>
                </c:pt>
                <c:pt idx="5828">
                  <c:v>97.1332983511912</c:v>
                </c:pt>
                <c:pt idx="5829">
                  <c:v>97.149965011905493</c:v>
                </c:pt>
                <c:pt idx="5830">
                  <c:v>97.1666316726198</c:v>
                </c:pt>
                <c:pt idx="5831">
                  <c:v>97.183298333334093</c:v>
                </c:pt>
                <c:pt idx="5832">
                  <c:v>97.199964994048401</c:v>
                </c:pt>
                <c:pt idx="5833">
                  <c:v>97.216631654762594</c:v>
                </c:pt>
                <c:pt idx="5834">
                  <c:v>97.233298315476901</c:v>
                </c:pt>
                <c:pt idx="5835">
                  <c:v>97.249964976191194</c:v>
                </c:pt>
                <c:pt idx="5836">
                  <c:v>97.266631636905501</c:v>
                </c:pt>
                <c:pt idx="5837">
                  <c:v>97.283298297619794</c:v>
                </c:pt>
                <c:pt idx="5838">
                  <c:v>97.299964958334101</c:v>
                </c:pt>
                <c:pt idx="5839">
                  <c:v>97.316631619048295</c:v>
                </c:pt>
                <c:pt idx="5840">
                  <c:v>97.333298279762602</c:v>
                </c:pt>
                <c:pt idx="5841">
                  <c:v>97.349964940476895</c:v>
                </c:pt>
                <c:pt idx="5842">
                  <c:v>97.366631601191202</c:v>
                </c:pt>
                <c:pt idx="5843">
                  <c:v>97.383298261905495</c:v>
                </c:pt>
                <c:pt idx="5844">
                  <c:v>97.399964922619802</c:v>
                </c:pt>
                <c:pt idx="5845">
                  <c:v>97.416631583334095</c:v>
                </c:pt>
                <c:pt idx="5846">
                  <c:v>97.433298244048402</c:v>
                </c:pt>
                <c:pt idx="5847">
                  <c:v>97.449964904762595</c:v>
                </c:pt>
                <c:pt idx="5848">
                  <c:v>97.466631565476902</c:v>
                </c:pt>
                <c:pt idx="5849">
                  <c:v>97.483298226191195</c:v>
                </c:pt>
                <c:pt idx="5850">
                  <c:v>97.499964886905502</c:v>
                </c:pt>
                <c:pt idx="5851">
                  <c:v>97.516631547619795</c:v>
                </c:pt>
                <c:pt idx="5852">
                  <c:v>97.533298208334102</c:v>
                </c:pt>
                <c:pt idx="5853">
                  <c:v>97.549964869048395</c:v>
                </c:pt>
                <c:pt idx="5854">
                  <c:v>97.566631529762603</c:v>
                </c:pt>
                <c:pt idx="5855">
                  <c:v>97.583298190476896</c:v>
                </c:pt>
                <c:pt idx="5856">
                  <c:v>97.599964851191203</c:v>
                </c:pt>
                <c:pt idx="5857">
                  <c:v>97.616631511905496</c:v>
                </c:pt>
                <c:pt idx="5858">
                  <c:v>97.633298172619803</c:v>
                </c:pt>
                <c:pt idx="5859">
                  <c:v>97.649964833334096</c:v>
                </c:pt>
                <c:pt idx="5860">
                  <c:v>97.666631494048403</c:v>
                </c:pt>
                <c:pt idx="5861">
                  <c:v>97.683298154762596</c:v>
                </c:pt>
                <c:pt idx="5862">
                  <c:v>97.699964815476903</c:v>
                </c:pt>
                <c:pt idx="5863">
                  <c:v>97.716631476191196</c:v>
                </c:pt>
                <c:pt idx="5864">
                  <c:v>97.733298136905503</c:v>
                </c:pt>
                <c:pt idx="5865">
                  <c:v>97.749964797619796</c:v>
                </c:pt>
                <c:pt idx="5866">
                  <c:v>97.766631458334103</c:v>
                </c:pt>
                <c:pt idx="5867">
                  <c:v>97.783298119048396</c:v>
                </c:pt>
                <c:pt idx="5868">
                  <c:v>97.799964779762604</c:v>
                </c:pt>
                <c:pt idx="5869">
                  <c:v>97.816631440476897</c:v>
                </c:pt>
                <c:pt idx="5870">
                  <c:v>97.833298101191204</c:v>
                </c:pt>
                <c:pt idx="5871">
                  <c:v>97.849964761905497</c:v>
                </c:pt>
                <c:pt idx="5872">
                  <c:v>97.866631422619804</c:v>
                </c:pt>
                <c:pt idx="5873">
                  <c:v>97.883298083334097</c:v>
                </c:pt>
                <c:pt idx="5874">
                  <c:v>97.899964744048404</c:v>
                </c:pt>
                <c:pt idx="5875">
                  <c:v>97.916631404762597</c:v>
                </c:pt>
                <c:pt idx="5876">
                  <c:v>97.933298065476905</c:v>
                </c:pt>
                <c:pt idx="5877">
                  <c:v>97.949964726191197</c:v>
                </c:pt>
                <c:pt idx="5878">
                  <c:v>97.966631386905505</c:v>
                </c:pt>
                <c:pt idx="5879">
                  <c:v>97.983298047619797</c:v>
                </c:pt>
                <c:pt idx="5880">
                  <c:v>97.999964708334105</c:v>
                </c:pt>
                <c:pt idx="5881">
                  <c:v>98.016631369048397</c:v>
                </c:pt>
                <c:pt idx="5882">
                  <c:v>98.033298029762605</c:v>
                </c:pt>
                <c:pt idx="5883">
                  <c:v>98.049964690476898</c:v>
                </c:pt>
                <c:pt idx="5884">
                  <c:v>98.066631351191205</c:v>
                </c:pt>
                <c:pt idx="5885">
                  <c:v>98.083298011905498</c:v>
                </c:pt>
                <c:pt idx="5886">
                  <c:v>98.099964672619805</c:v>
                </c:pt>
                <c:pt idx="5887">
                  <c:v>98.116631333334098</c:v>
                </c:pt>
                <c:pt idx="5888">
                  <c:v>98.133297994048405</c:v>
                </c:pt>
                <c:pt idx="5889">
                  <c:v>98.149964654762599</c:v>
                </c:pt>
                <c:pt idx="5890">
                  <c:v>98.166631315476906</c:v>
                </c:pt>
                <c:pt idx="5891">
                  <c:v>98.183297976191199</c:v>
                </c:pt>
                <c:pt idx="5892">
                  <c:v>98.199964636905506</c:v>
                </c:pt>
                <c:pt idx="5893">
                  <c:v>98.216631297619799</c:v>
                </c:pt>
                <c:pt idx="5894">
                  <c:v>98.233297958334106</c:v>
                </c:pt>
                <c:pt idx="5895">
                  <c:v>98.249964619048399</c:v>
                </c:pt>
                <c:pt idx="5896">
                  <c:v>98.266631279762606</c:v>
                </c:pt>
                <c:pt idx="5897">
                  <c:v>98.283297940476899</c:v>
                </c:pt>
                <c:pt idx="5898">
                  <c:v>98.299964601191206</c:v>
                </c:pt>
                <c:pt idx="5899">
                  <c:v>98.316631261905499</c:v>
                </c:pt>
                <c:pt idx="5900">
                  <c:v>98.333297922619806</c:v>
                </c:pt>
                <c:pt idx="5901">
                  <c:v>98.349964583334099</c:v>
                </c:pt>
                <c:pt idx="5902">
                  <c:v>98.366631244048406</c:v>
                </c:pt>
                <c:pt idx="5903">
                  <c:v>98.383297904762699</c:v>
                </c:pt>
                <c:pt idx="5904">
                  <c:v>98.399964565476907</c:v>
                </c:pt>
                <c:pt idx="5905">
                  <c:v>98.4166312261912</c:v>
                </c:pt>
                <c:pt idx="5906">
                  <c:v>98.433297886905507</c:v>
                </c:pt>
                <c:pt idx="5907">
                  <c:v>98.4499645476198</c:v>
                </c:pt>
                <c:pt idx="5908">
                  <c:v>98.466631208334107</c:v>
                </c:pt>
                <c:pt idx="5909">
                  <c:v>98.4832978690484</c:v>
                </c:pt>
                <c:pt idx="5910">
                  <c:v>98.499964529762593</c:v>
                </c:pt>
                <c:pt idx="5911">
                  <c:v>98.5166311904769</c:v>
                </c:pt>
                <c:pt idx="5912">
                  <c:v>98.533297851191193</c:v>
                </c:pt>
                <c:pt idx="5913">
                  <c:v>98.5499645119055</c:v>
                </c:pt>
                <c:pt idx="5914">
                  <c:v>98.566631172619793</c:v>
                </c:pt>
                <c:pt idx="5915">
                  <c:v>98.5832978333341</c:v>
                </c:pt>
                <c:pt idx="5916">
                  <c:v>98.599964494048393</c:v>
                </c:pt>
                <c:pt idx="5917">
                  <c:v>98.6166311547627</c:v>
                </c:pt>
                <c:pt idx="5918">
                  <c:v>98.633297815476894</c:v>
                </c:pt>
                <c:pt idx="5919">
                  <c:v>98.649964476191201</c:v>
                </c:pt>
                <c:pt idx="5920">
                  <c:v>98.666631136905494</c:v>
                </c:pt>
                <c:pt idx="5921">
                  <c:v>98.683297797619801</c:v>
                </c:pt>
                <c:pt idx="5922">
                  <c:v>98.699964458334094</c:v>
                </c:pt>
                <c:pt idx="5923">
                  <c:v>98.716631119048401</c:v>
                </c:pt>
                <c:pt idx="5924">
                  <c:v>98.733297779762594</c:v>
                </c:pt>
                <c:pt idx="5925">
                  <c:v>98.749964440476901</c:v>
                </c:pt>
                <c:pt idx="5926">
                  <c:v>98.766631101191194</c:v>
                </c:pt>
                <c:pt idx="5927">
                  <c:v>98.783297761905501</c:v>
                </c:pt>
                <c:pt idx="5928">
                  <c:v>98.799964422619794</c:v>
                </c:pt>
                <c:pt idx="5929">
                  <c:v>98.816631083334102</c:v>
                </c:pt>
                <c:pt idx="5930">
                  <c:v>98.833297744048394</c:v>
                </c:pt>
                <c:pt idx="5931">
                  <c:v>98.849964404762702</c:v>
                </c:pt>
                <c:pt idx="5932">
                  <c:v>98.866631065476895</c:v>
                </c:pt>
                <c:pt idx="5933">
                  <c:v>98.883297726191202</c:v>
                </c:pt>
                <c:pt idx="5934">
                  <c:v>98.899964386905495</c:v>
                </c:pt>
                <c:pt idx="5935">
                  <c:v>98.916631047619802</c:v>
                </c:pt>
                <c:pt idx="5936">
                  <c:v>98.933297708334095</c:v>
                </c:pt>
                <c:pt idx="5937">
                  <c:v>98.949964369048402</c:v>
                </c:pt>
                <c:pt idx="5938">
                  <c:v>98.966631029762596</c:v>
                </c:pt>
                <c:pt idx="5939">
                  <c:v>98.983297690476903</c:v>
                </c:pt>
                <c:pt idx="5940">
                  <c:v>98.999964351191196</c:v>
                </c:pt>
                <c:pt idx="5941">
                  <c:v>99.016631011905503</c:v>
                </c:pt>
                <c:pt idx="5942">
                  <c:v>99.033297672619796</c:v>
                </c:pt>
                <c:pt idx="5943">
                  <c:v>99.049964333334103</c:v>
                </c:pt>
                <c:pt idx="5944">
                  <c:v>99.066630994048396</c:v>
                </c:pt>
                <c:pt idx="5945">
                  <c:v>99.083297654762703</c:v>
                </c:pt>
                <c:pt idx="5946">
                  <c:v>99.099964315476896</c:v>
                </c:pt>
                <c:pt idx="5947">
                  <c:v>99.116630976191203</c:v>
                </c:pt>
                <c:pt idx="5948">
                  <c:v>99.133297636905496</c:v>
                </c:pt>
                <c:pt idx="5949">
                  <c:v>99.149964297619803</c:v>
                </c:pt>
                <c:pt idx="5950">
                  <c:v>99.166630958334096</c:v>
                </c:pt>
                <c:pt idx="5951">
                  <c:v>99.183297619048403</c:v>
                </c:pt>
                <c:pt idx="5952">
                  <c:v>99.199964279762597</c:v>
                </c:pt>
                <c:pt idx="5953">
                  <c:v>99.216630940476904</c:v>
                </c:pt>
                <c:pt idx="5954">
                  <c:v>99.233297601191197</c:v>
                </c:pt>
                <c:pt idx="5955">
                  <c:v>99.249964261905504</c:v>
                </c:pt>
                <c:pt idx="5956">
                  <c:v>99.266630922619797</c:v>
                </c:pt>
                <c:pt idx="5957">
                  <c:v>99.283297583334104</c:v>
                </c:pt>
                <c:pt idx="5958">
                  <c:v>99.299964244048397</c:v>
                </c:pt>
                <c:pt idx="5959">
                  <c:v>99.316630904762704</c:v>
                </c:pt>
                <c:pt idx="5960">
                  <c:v>99.333297565476897</c:v>
                </c:pt>
                <c:pt idx="5961">
                  <c:v>99.349964226191204</c:v>
                </c:pt>
                <c:pt idx="5962">
                  <c:v>99.366630886905497</c:v>
                </c:pt>
                <c:pt idx="5963">
                  <c:v>99.383297547619804</c:v>
                </c:pt>
                <c:pt idx="5964">
                  <c:v>99.399964208334097</c:v>
                </c:pt>
                <c:pt idx="5965">
                  <c:v>99.416630869048404</c:v>
                </c:pt>
                <c:pt idx="5966">
                  <c:v>99.433297529762598</c:v>
                </c:pt>
                <c:pt idx="5967">
                  <c:v>99.449964190476905</c:v>
                </c:pt>
                <c:pt idx="5968">
                  <c:v>99.466630851191198</c:v>
                </c:pt>
                <c:pt idx="5969">
                  <c:v>99.483297511905505</c:v>
                </c:pt>
                <c:pt idx="5970">
                  <c:v>99.499964172619798</c:v>
                </c:pt>
                <c:pt idx="5971">
                  <c:v>99.516630833334105</c:v>
                </c:pt>
                <c:pt idx="5972">
                  <c:v>99.533297494048398</c:v>
                </c:pt>
                <c:pt idx="5973">
                  <c:v>99.549964154762705</c:v>
                </c:pt>
                <c:pt idx="5974">
                  <c:v>99.566630815476898</c:v>
                </c:pt>
                <c:pt idx="5975">
                  <c:v>99.583297476191206</c:v>
                </c:pt>
                <c:pt idx="5976">
                  <c:v>99.599964136905498</c:v>
                </c:pt>
                <c:pt idx="5977">
                  <c:v>99.616630797619806</c:v>
                </c:pt>
                <c:pt idx="5978">
                  <c:v>99.633297458334098</c:v>
                </c:pt>
                <c:pt idx="5979">
                  <c:v>99.649964119048406</c:v>
                </c:pt>
                <c:pt idx="5980">
                  <c:v>99.666630779762698</c:v>
                </c:pt>
                <c:pt idx="5981">
                  <c:v>99.683297440476906</c:v>
                </c:pt>
                <c:pt idx="5982">
                  <c:v>99.699964101191199</c:v>
                </c:pt>
                <c:pt idx="5983">
                  <c:v>99.716630761905506</c:v>
                </c:pt>
                <c:pt idx="5984">
                  <c:v>99.733297422619799</c:v>
                </c:pt>
                <c:pt idx="5985">
                  <c:v>99.749964083334106</c:v>
                </c:pt>
                <c:pt idx="5986">
                  <c:v>99.766630744048399</c:v>
                </c:pt>
                <c:pt idx="5987">
                  <c:v>99.783297404762706</c:v>
                </c:pt>
                <c:pt idx="5988">
                  <c:v>99.7999640654769</c:v>
                </c:pt>
                <c:pt idx="5989">
                  <c:v>99.816630726191207</c:v>
                </c:pt>
                <c:pt idx="5990">
                  <c:v>99.8332973869055</c:v>
                </c:pt>
                <c:pt idx="5991">
                  <c:v>99.849964047619807</c:v>
                </c:pt>
                <c:pt idx="5992">
                  <c:v>99.8666307083341</c:v>
                </c:pt>
                <c:pt idx="5993">
                  <c:v>99.883297369048407</c:v>
                </c:pt>
                <c:pt idx="5994">
                  <c:v>99.8999640297627</c:v>
                </c:pt>
                <c:pt idx="5995">
                  <c:v>99.916630690476893</c:v>
                </c:pt>
                <c:pt idx="5996">
                  <c:v>99.9332973511912</c:v>
                </c:pt>
                <c:pt idx="5997">
                  <c:v>99.949964011905493</c:v>
                </c:pt>
                <c:pt idx="5998">
                  <c:v>99.9666306726198</c:v>
                </c:pt>
                <c:pt idx="5999">
                  <c:v>99.983297333334093</c:v>
                </c:pt>
                <c:pt idx="6000">
                  <c:v>99.9999639940484</c:v>
                </c:pt>
                <c:pt idx="6001">
                  <c:v>100.016630654762</c:v>
                </c:pt>
                <c:pt idx="6002">
                  <c:v>100.033297315477</c:v>
                </c:pt>
                <c:pt idx="6003">
                  <c:v>100.04996397619099</c:v>
                </c:pt>
                <c:pt idx="6004">
                  <c:v>100.066630636905</c:v>
                </c:pt>
                <c:pt idx="6005">
                  <c:v>100.08329729762001</c:v>
                </c:pt>
                <c:pt idx="6006">
                  <c:v>100.099963958334</c:v>
                </c:pt>
                <c:pt idx="6007">
                  <c:v>100.116630619048</c:v>
                </c:pt>
                <c:pt idx="6008">
                  <c:v>100.133297279762</c:v>
                </c:pt>
                <c:pt idx="6009">
                  <c:v>100.14996394047699</c:v>
                </c:pt>
                <c:pt idx="6010">
                  <c:v>100.166630601191</c:v>
                </c:pt>
                <c:pt idx="6011">
                  <c:v>100.183297261905</c:v>
                </c:pt>
                <c:pt idx="6012">
                  <c:v>100.19996392262</c:v>
                </c:pt>
                <c:pt idx="6013">
                  <c:v>100.21663058333399</c:v>
                </c:pt>
                <c:pt idx="6014">
                  <c:v>100.233297244048</c:v>
                </c:pt>
                <c:pt idx="6015">
                  <c:v>100.249963904762</c:v>
                </c:pt>
                <c:pt idx="6016">
                  <c:v>100.266630565477</c:v>
                </c:pt>
                <c:pt idx="6017">
                  <c:v>100.283297226191</c:v>
                </c:pt>
                <c:pt idx="6018">
                  <c:v>100.299963886905</c:v>
                </c:pt>
                <c:pt idx="6019">
                  <c:v>100.31663054761999</c:v>
                </c:pt>
                <c:pt idx="6020">
                  <c:v>100.333297208334</c:v>
                </c:pt>
                <c:pt idx="6021">
                  <c:v>100.349963869048</c:v>
                </c:pt>
                <c:pt idx="6022">
                  <c:v>100.36663052976201</c:v>
                </c:pt>
                <c:pt idx="6023">
                  <c:v>100.38329719047699</c:v>
                </c:pt>
                <c:pt idx="6024">
                  <c:v>100.399963851191</c:v>
                </c:pt>
                <c:pt idx="6025">
                  <c:v>100.416630511905</c:v>
                </c:pt>
                <c:pt idx="6026">
                  <c:v>100.43329717262</c:v>
                </c:pt>
                <c:pt idx="6027">
                  <c:v>100.449963833334</c:v>
                </c:pt>
                <c:pt idx="6028">
                  <c:v>100.466630494048</c:v>
                </c:pt>
                <c:pt idx="6029">
                  <c:v>100.483297154762</c:v>
                </c:pt>
                <c:pt idx="6030">
                  <c:v>100.499963815477</c:v>
                </c:pt>
                <c:pt idx="6031">
                  <c:v>100.516630476191</c:v>
                </c:pt>
                <c:pt idx="6032">
                  <c:v>100.53329713690501</c:v>
                </c:pt>
                <c:pt idx="6033">
                  <c:v>100.54996379761999</c:v>
                </c:pt>
                <c:pt idx="6034">
                  <c:v>100.566630458334</c:v>
                </c:pt>
                <c:pt idx="6035">
                  <c:v>100.583297119048</c:v>
                </c:pt>
                <c:pt idx="6036">
                  <c:v>100.59996377976201</c:v>
                </c:pt>
                <c:pt idx="6037">
                  <c:v>100.616630440477</c:v>
                </c:pt>
                <c:pt idx="6038">
                  <c:v>100.633297101191</c:v>
                </c:pt>
                <c:pt idx="6039">
                  <c:v>100.649963761905</c:v>
                </c:pt>
                <c:pt idx="6040">
                  <c:v>100.66663042262</c:v>
                </c:pt>
                <c:pt idx="6041">
                  <c:v>100.683297083334</c:v>
                </c:pt>
                <c:pt idx="6042">
                  <c:v>100.69996374404801</c:v>
                </c:pt>
                <c:pt idx="6043">
                  <c:v>100.716630404762</c:v>
                </c:pt>
                <c:pt idx="6044">
                  <c:v>100.733297065477</c:v>
                </c:pt>
                <c:pt idx="6045">
                  <c:v>100.749963726191</c:v>
                </c:pt>
                <c:pt idx="6046">
                  <c:v>100.76663038690501</c:v>
                </c:pt>
                <c:pt idx="6047">
                  <c:v>100.78329704762</c:v>
                </c:pt>
                <c:pt idx="6048">
                  <c:v>100.799963708334</c:v>
                </c:pt>
                <c:pt idx="6049">
                  <c:v>100.816630369048</c:v>
                </c:pt>
                <c:pt idx="6050">
                  <c:v>100.83329702976199</c:v>
                </c:pt>
                <c:pt idx="6051">
                  <c:v>100.849963690477</c:v>
                </c:pt>
                <c:pt idx="6052">
                  <c:v>100.86663035119101</c:v>
                </c:pt>
                <c:pt idx="6053">
                  <c:v>100.883297011905</c:v>
                </c:pt>
                <c:pt idx="6054">
                  <c:v>100.89996367262</c:v>
                </c:pt>
                <c:pt idx="6055">
                  <c:v>100.916630333334</c:v>
                </c:pt>
                <c:pt idx="6056">
                  <c:v>100.93329699404801</c:v>
                </c:pt>
                <c:pt idx="6057">
                  <c:v>100.949963654762</c:v>
                </c:pt>
                <c:pt idx="6058">
                  <c:v>100.966630315477</c:v>
                </c:pt>
                <c:pt idx="6059">
                  <c:v>100.983296976191</c:v>
                </c:pt>
                <c:pt idx="6060">
                  <c:v>100.99996363690499</c:v>
                </c:pt>
                <c:pt idx="6061">
                  <c:v>101.01663029762</c:v>
                </c:pt>
                <c:pt idx="6062">
                  <c:v>101.03329695833401</c:v>
                </c:pt>
                <c:pt idx="6063">
                  <c:v>101.049963619048</c:v>
                </c:pt>
                <c:pt idx="6064">
                  <c:v>101.06663027976199</c:v>
                </c:pt>
                <c:pt idx="6065">
                  <c:v>101.083296940477</c:v>
                </c:pt>
                <c:pt idx="6066">
                  <c:v>101.09996360119101</c:v>
                </c:pt>
                <c:pt idx="6067">
                  <c:v>101.116630261905</c:v>
                </c:pt>
                <c:pt idx="6068">
                  <c:v>101.13329692262</c:v>
                </c:pt>
                <c:pt idx="6069">
                  <c:v>101.149963583334</c:v>
                </c:pt>
                <c:pt idx="6070">
                  <c:v>101.16663024404799</c:v>
                </c:pt>
                <c:pt idx="6071">
                  <c:v>101.183296904762</c:v>
                </c:pt>
                <c:pt idx="6072">
                  <c:v>101.19996356547701</c:v>
                </c:pt>
                <c:pt idx="6073">
                  <c:v>101.216630226191</c:v>
                </c:pt>
                <c:pt idx="6074">
                  <c:v>101.23329688690499</c:v>
                </c:pt>
                <c:pt idx="6075">
                  <c:v>101.24996354762</c:v>
                </c:pt>
                <c:pt idx="6076">
                  <c:v>101.26663020833401</c:v>
                </c:pt>
                <c:pt idx="6077">
                  <c:v>101.283296869048</c:v>
                </c:pt>
                <c:pt idx="6078">
                  <c:v>101.299963529762</c:v>
                </c:pt>
                <c:pt idx="6079">
                  <c:v>101.316630190477</c:v>
                </c:pt>
                <c:pt idx="6080">
                  <c:v>101.33329685119099</c:v>
                </c:pt>
                <c:pt idx="6081">
                  <c:v>101.349963511905</c:v>
                </c:pt>
                <c:pt idx="6082">
                  <c:v>101.36663017262001</c:v>
                </c:pt>
                <c:pt idx="6083">
                  <c:v>101.383296833334</c:v>
                </c:pt>
                <c:pt idx="6084">
                  <c:v>101.399963494048</c:v>
                </c:pt>
                <c:pt idx="6085">
                  <c:v>101.416630154762</c:v>
                </c:pt>
                <c:pt idx="6086">
                  <c:v>101.43329681547699</c:v>
                </c:pt>
                <c:pt idx="6087">
                  <c:v>101.449963476191</c:v>
                </c:pt>
                <c:pt idx="6088">
                  <c:v>101.466630136905</c:v>
                </c:pt>
                <c:pt idx="6089">
                  <c:v>101.48329679762</c:v>
                </c:pt>
                <c:pt idx="6090">
                  <c:v>101.49996345833399</c:v>
                </c:pt>
                <c:pt idx="6091">
                  <c:v>101.516630119048</c:v>
                </c:pt>
                <c:pt idx="6092">
                  <c:v>101.533296779762</c:v>
                </c:pt>
                <c:pt idx="6093">
                  <c:v>101.549963440477</c:v>
                </c:pt>
                <c:pt idx="6094">
                  <c:v>101.566630101191</c:v>
                </c:pt>
                <c:pt idx="6095">
                  <c:v>101.583296761905</c:v>
                </c:pt>
                <c:pt idx="6096">
                  <c:v>101.59996342261999</c:v>
                </c:pt>
                <c:pt idx="6097">
                  <c:v>101.616630083334</c:v>
                </c:pt>
                <c:pt idx="6098">
                  <c:v>101.633296744048</c:v>
                </c:pt>
                <c:pt idx="6099">
                  <c:v>101.649963404762</c:v>
                </c:pt>
                <c:pt idx="6100">
                  <c:v>101.66663006547699</c:v>
                </c:pt>
                <c:pt idx="6101">
                  <c:v>101.683296726191</c:v>
                </c:pt>
                <c:pt idx="6102">
                  <c:v>101.699963386905</c:v>
                </c:pt>
                <c:pt idx="6103">
                  <c:v>101.71663004762</c:v>
                </c:pt>
                <c:pt idx="6104">
                  <c:v>101.733296708334</c:v>
                </c:pt>
                <c:pt idx="6105">
                  <c:v>101.749963369048</c:v>
                </c:pt>
                <c:pt idx="6106">
                  <c:v>101.766630029762</c:v>
                </c:pt>
                <c:pt idx="6107">
                  <c:v>101.783296690477</c:v>
                </c:pt>
                <c:pt idx="6108">
                  <c:v>101.799963351191</c:v>
                </c:pt>
                <c:pt idx="6109">
                  <c:v>101.816630011905</c:v>
                </c:pt>
                <c:pt idx="6110">
                  <c:v>101.83329667261999</c:v>
                </c:pt>
                <c:pt idx="6111">
                  <c:v>101.849963333334</c:v>
                </c:pt>
                <c:pt idx="6112">
                  <c:v>101.866629994048</c:v>
                </c:pt>
                <c:pt idx="6113">
                  <c:v>101.88329665476201</c:v>
                </c:pt>
                <c:pt idx="6114">
                  <c:v>101.899963315477</c:v>
                </c:pt>
                <c:pt idx="6115">
                  <c:v>101.916629976191</c:v>
                </c:pt>
                <c:pt idx="6116">
                  <c:v>101.933296636905</c:v>
                </c:pt>
                <c:pt idx="6117">
                  <c:v>101.94996329762</c:v>
                </c:pt>
                <c:pt idx="6118">
                  <c:v>101.966629958334</c:v>
                </c:pt>
                <c:pt idx="6119">
                  <c:v>101.98329661904801</c:v>
                </c:pt>
                <c:pt idx="6120">
                  <c:v>101.999963279762</c:v>
                </c:pt>
                <c:pt idx="6121">
                  <c:v>102.016629940477</c:v>
                </c:pt>
                <c:pt idx="6122">
                  <c:v>102.033296601191</c:v>
                </c:pt>
                <c:pt idx="6123">
                  <c:v>102.04996326190501</c:v>
                </c:pt>
                <c:pt idx="6124">
                  <c:v>102.06662992262</c:v>
                </c:pt>
                <c:pt idx="6125">
                  <c:v>102.083296583334</c:v>
                </c:pt>
                <c:pt idx="6126">
                  <c:v>102.099963244048</c:v>
                </c:pt>
                <c:pt idx="6127">
                  <c:v>102.11662990476199</c:v>
                </c:pt>
                <c:pt idx="6128">
                  <c:v>102.133296565477</c:v>
                </c:pt>
                <c:pt idx="6129">
                  <c:v>102.14996322619101</c:v>
                </c:pt>
                <c:pt idx="6130">
                  <c:v>102.166629886905</c:v>
                </c:pt>
                <c:pt idx="6131">
                  <c:v>102.18329654762</c:v>
                </c:pt>
                <c:pt idx="6132">
                  <c:v>102.199963208334</c:v>
                </c:pt>
                <c:pt idx="6133">
                  <c:v>102.21662986904801</c:v>
                </c:pt>
                <c:pt idx="6134">
                  <c:v>102.233296529762</c:v>
                </c:pt>
                <c:pt idx="6135">
                  <c:v>102.249963190477</c:v>
                </c:pt>
                <c:pt idx="6136">
                  <c:v>102.266629851191</c:v>
                </c:pt>
                <c:pt idx="6137">
                  <c:v>102.28329651190499</c:v>
                </c:pt>
                <c:pt idx="6138">
                  <c:v>102.29996317262</c:v>
                </c:pt>
                <c:pt idx="6139">
                  <c:v>102.31662983333401</c:v>
                </c:pt>
                <c:pt idx="6140">
                  <c:v>102.333296494048</c:v>
                </c:pt>
                <c:pt idx="6141">
                  <c:v>102.34996315476199</c:v>
                </c:pt>
                <c:pt idx="6142">
                  <c:v>102.366629815477</c:v>
                </c:pt>
                <c:pt idx="6143">
                  <c:v>102.38329647619101</c:v>
                </c:pt>
                <c:pt idx="6144">
                  <c:v>102.399963136905</c:v>
                </c:pt>
                <c:pt idx="6145">
                  <c:v>102.41662979762</c:v>
                </c:pt>
                <c:pt idx="6146">
                  <c:v>102.433296458334</c:v>
                </c:pt>
                <c:pt idx="6147">
                  <c:v>102.44996311904799</c:v>
                </c:pt>
                <c:pt idx="6148">
                  <c:v>102.466629779762</c:v>
                </c:pt>
                <c:pt idx="6149">
                  <c:v>102.48329644047701</c:v>
                </c:pt>
                <c:pt idx="6150">
                  <c:v>102.499963101191</c:v>
                </c:pt>
                <c:pt idx="6151">
                  <c:v>102.51662976190499</c:v>
                </c:pt>
                <c:pt idx="6152">
                  <c:v>102.53329642262</c:v>
                </c:pt>
                <c:pt idx="6153">
                  <c:v>102.54996308333401</c:v>
                </c:pt>
                <c:pt idx="6154">
                  <c:v>102.566629744048</c:v>
                </c:pt>
                <c:pt idx="6155">
                  <c:v>102.583296404762</c:v>
                </c:pt>
                <c:pt idx="6156">
                  <c:v>102.599963065477</c:v>
                </c:pt>
                <c:pt idx="6157">
                  <c:v>102.61662972619099</c:v>
                </c:pt>
                <c:pt idx="6158">
                  <c:v>102.633296386905</c:v>
                </c:pt>
                <c:pt idx="6159">
                  <c:v>102.64996304762001</c:v>
                </c:pt>
                <c:pt idx="6160">
                  <c:v>102.666629708334</c:v>
                </c:pt>
                <c:pt idx="6161">
                  <c:v>102.68329636904799</c:v>
                </c:pt>
                <c:pt idx="6162">
                  <c:v>102.699963029762</c:v>
                </c:pt>
                <c:pt idx="6163">
                  <c:v>102.71662969047701</c:v>
                </c:pt>
                <c:pt idx="6164">
                  <c:v>102.733296351191</c:v>
                </c:pt>
                <c:pt idx="6165">
                  <c:v>102.749963011905</c:v>
                </c:pt>
                <c:pt idx="6166">
                  <c:v>102.76662967262</c:v>
                </c:pt>
                <c:pt idx="6167">
                  <c:v>102.78329633333399</c:v>
                </c:pt>
                <c:pt idx="6168">
                  <c:v>102.799962994048</c:v>
                </c:pt>
                <c:pt idx="6169">
                  <c:v>102.816629654762</c:v>
                </c:pt>
                <c:pt idx="6170">
                  <c:v>102.833296315477</c:v>
                </c:pt>
                <c:pt idx="6171">
                  <c:v>102.84996297619099</c:v>
                </c:pt>
                <c:pt idx="6172">
                  <c:v>102.866629636905</c:v>
                </c:pt>
                <c:pt idx="6173">
                  <c:v>102.88329629762001</c:v>
                </c:pt>
                <c:pt idx="6174">
                  <c:v>102.899962958334</c:v>
                </c:pt>
                <c:pt idx="6175">
                  <c:v>102.916629619048</c:v>
                </c:pt>
                <c:pt idx="6176">
                  <c:v>102.933296279762</c:v>
                </c:pt>
                <c:pt idx="6177">
                  <c:v>102.94996294047699</c:v>
                </c:pt>
                <c:pt idx="6178">
                  <c:v>102.966629601191</c:v>
                </c:pt>
                <c:pt idx="6179">
                  <c:v>102.983296261905</c:v>
                </c:pt>
                <c:pt idx="6180">
                  <c:v>102.99996292262</c:v>
                </c:pt>
                <c:pt idx="6181">
                  <c:v>103.01662958333399</c:v>
                </c:pt>
                <c:pt idx="6182">
                  <c:v>103.033296244048</c:v>
                </c:pt>
                <c:pt idx="6183">
                  <c:v>103.049962904762</c:v>
                </c:pt>
                <c:pt idx="6184">
                  <c:v>103.066629565477</c:v>
                </c:pt>
                <c:pt idx="6185">
                  <c:v>103.083296226191</c:v>
                </c:pt>
                <c:pt idx="6186">
                  <c:v>103.099962886905</c:v>
                </c:pt>
                <c:pt idx="6187">
                  <c:v>103.11662954761999</c:v>
                </c:pt>
                <c:pt idx="6188">
                  <c:v>103.133296208334</c:v>
                </c:pt>
                <c:pt idx="6189">
                  <c:v>103.149962869048</c:v>
                </c:pt>
                <c:pt idx="6190">
                  <c:v>103.16662952976201</c:v>
                </c:pt>
                <c:pt idx="6191">
                  <c:v>103.18329619047699</c:v>
                </c:pt>
                <c:pt idx="6192">
                  <c:v>103.199962851191</c:v>
                </c:pt>
                <c:pt idx="6193">
                  <c:v>103.216629511905</c:v>
                </c:pt>
                <c:pt idx="6194">
                  <c:v>103.23329617262</c:v>
                </c:pt>
                <c:pt idx="6195">
                  <c:v>103.249962833334</c:v>
                </c:pt>
                <c:pt idx="6196">
                  <c:v>103.266629494048</c:v>
                </c:pt>
                <c:pt idx="6197">
                  <c:v>103.283296154762</c:v>
                </c:pt>
                <c:pt idx="6198">
                  <c:v>103.299962815477</c:v>
                </c:pt>
                <c:pt idx="6199">
                  <c:v>103.316629476191</c:v>
                </c:pt>
                <c:pt idx="6200">
                  <c:v>103.33329613690501</c:v>
                </c:pt>
                <c:pt idx="6201">
                  <c:v>103.34996279761999</c:v>
                </c:pt>
                <c:pt idx="6202">
                  <c:v>103.366629458334</c:v>
                </c:pt>
                <c:pt idx="6203">
                  <c:v>103.383296119048</c:v>
                </c:pt>
                <c:pt idx="6204">
                  <c:v>103.39996277976201</c:v>
                </c:pt>
                <c:pt idx="6205">
                  <c:v>103.416629440477</c:v>
                </c:pt>
                <c:pt idx="6206">
                  <c:v>103.433296101191</c:v>
                </c:pt>
                <c:pt idx="6207">
                  <c:v>103.449962761905</c:v>
                </c:pt>
                <c:pt idx="6208">
                  <c:v>103.46662942262</c:v>
                </c:pt>
                <c:pt idx="6209">
                  <c:v>103.483296083334</c:v>
                </c:pt>
                <c:pt idx="6210">
                  <c:v>103.49996274404801</c:v>
                </c:pt>
                <c:pt idx="6211">
                  <c:v>103.516629404762</c:v>
                </c:pt>
                <c:pt idx="6212">
                  <c:v>103.533296065477</c:v>
                </c:pt>
                <c:pt idx="6213">
                  <c:v>103.549962726191</c:v>
                </c:pt>
                <c:pt idx="6214">
                  <c:v>103.56662938690501</c:v>
                </c:pt>
                <c:pt idx="6215">
                  <c:v>103.58329604762</c:v>
                </c:pt>
                <c:pt idx="6216">
                  <c:v>103.599962708334</c:v>
                </c:pt>
                <c:pt idx="6217">
                  <c:v>103.616629369048</c:v>
                </c:pt>
                <c:pt idx="6218">
                  <c:v>103.63329602976199</c:v>
                </c:pt>
                <c:pt idx="6219">
                  <c:v>103.649962690477</c:v>
                </c:pt>
                <c:pt idx="6220">
                  <c:v>103.66662935119101</c:v>
                </c:pt>
                <c:pt idx="6221">
                  <c:v>103.683296011905</c:v>
                </c:pt>
                <c:pt idx="6222">
                  <c:v>103.69996267262</c:v>
                </c:pt>
                <c:pt idx="6223">
                  <c:v>103.716629333334</c:v>
                </c:pt>
                <c:pt idx="6224">
                  <c:v>103.73329599404801</c:v>
                </c:pt>
                <c:pt idx="6225">
                  <c:v>103.749962654762</c:v>
                </c:pt>
                <c:pt idx="6226">
                  <c:v>103.766629315477</c:v>
                </c:pt>
                <c:pt idx="6227">
                  <c:v>103.783295976191</c:v>
                </c:pt>
                <c:pt idx="6228">
                  <c:v>103.79996263690499</c:v>
                </c:pt>
                <c:pt idx="6229">
                  <c:v>103.81662929762</c:v>
                </c:pt>
                <c:pt idx="6230">
                  <c:v>103.83329595833401</c:v>
                </c:pt>
                <c:pt idx="6231">
                  <c:v>103.849962619048</c:v>
                </c:pt>
                <c:pt idx="6232">
                  <c:v>103.86662927976199</c:v>
                </c:pt>
                <c:pt idx="6233">
                  <c:v>103.883295940477</c:v>
                </c:pt>
                <c:pt idx="6234">
                  <c:v>103.89996260119101</c:v>
                </c:pt>
                <c:pt idx="6235">
                  <c:v>103.916629261905</c:v>
                </c:pt>
                <c:pt idx="6236">
                  <c:v>103.93329592262</c:v>
                </c:pt>
                <c:pt idx="6237">
                  <c:v>103.949962583334</c:v>
                </c:pt>
                <c:pt idx="6238">
                  <c:v>103.96662924404799</c:v>
                </c:pt>
                <c:pt idx="6239">
                  <c:v>103.983295904762</c:v>
                </c:pt>
                <c:pt idx="6240">
                  <c:v>103.99996256547701</c:v>
                </c:pt>
                <c:pt idx="6241">
                  <c:v>104.016629226191</c:v>
                </c:pt>
                <c:pt idx="6242">
                  <c:v>104.03329588690499</c:v>
                </c:pt>
                <c:pt idx="6243">
                  <c:v>104.04996254762</c:v>
                </c:pt>
                <c:pt idx="6244">
                  <c:v>104.06662920833401</c:v>
                </c:pt>
                <c:pt idx="6245">
                  <c:v>104.083295869048</c:v>
                </c:pt>
                <c:pt idx="6246">
                  <c:v>104.099962529762</c:v>
                </c:pt>
                <c:pt idx="6247">
                  <c:v>104.116629190477</c:v>
                </c:pt>
                <c:pt idx="6248">
                  <c:v>104.13329585119099</c:v>
                </c:pt>
                <c:pt idx="6249">
                  <c:v>104.149962511905</c:v>
                </c:pt>
                <c:pt idx="6250">
                  <c:v>104.16662917262001</c:v>
                </c:pt>
                <c:pt idx="6251">
                  <c:v>104.183295833334</c:v>
                </c:pt>
                <c:pt idx="6252">
                  <c:v>104.19996249404799</c:v>
                </c:pt>
                <c:pt idx="6253">
                  <c:v>104.216629154762</c:v>
                </c:pt>
                <c:pt idx="6254">
                  <c:v>104.23329581547701</c:v>
                </c:pt>
                <c:pt idx="6255">
                  <c:v>104.249962476191</c:v>
                </c:pt>
                <c:pt idx="6256">
                  <c:v>104.266629136905</c:v>
                </c:pt>
                <c:pt idx="6257">
                  <c:v>104.28329579762</c:v>
                </c:pt>
                <c:pt idx="6258">
                  <c:v>104.29996245833399</c:v>
                </c:pt>
                <c:pt idx="6259">
                  <c:v>104.316629119048</c:v>
                </c:pt>
                <c:pt idx="6260">
                  <c:v>104.333295779762</c:v>
                </c:pt>
                <c:pt idx="6261">
                  <c:v>104.349962440477</c:v>
                </c:pt>
                <c:pt idx="6262">
                  <c:v>104.36662910119099</c:v>
                </c:pt>
                <c:pt idx="6263">
                  <c:v>104.383295761905</c:v>
                </c:pt>
                <c:pt idx="6264">
                  <c:v>104.39996242262001</c:v>
                </c:pt>
                <c:pt idx="6265">
                  <c:v>104.416629083334</c:v>
                </c:pt>
                <c:pt idx="6266">
                  <c:v>104.433295744048</c:v>
                </c:pt>
                <c:pt idx="6267">
                  <c:v>104.449962404762</c:v>
                </c:pt>
                <c:pt idx="6268">
                  <c:v>104.46662906547699</c:v>
                </c:pt>
                <c:pt idx="6269">
                  <c:v>104.483295726191</c:v>
                </c:pt>
                <c:pt idx="6270">
                  <c:v>104.499962386905</c:v>
                </c:pt>
                <c:pt idx="6271">
                  <c:v>104.51662904762</c:v>
                </c:pt>
                <c:pt idx="6272">
                  <c:v>104.53329570833399</c:v>
                </c:pt>
                <c:pt idx="6273">
                  <c:v>104.549962369048</c:v>
                </c:pt>
                <c:pt idx="6274">
                  <c:v>104.566629029762</c:v>
                </c:pt>
                <c:pt idx="6275">
                  <c:v>104.583295690477</c:v>
                </c:pt>
                <c:pt idx="6276">
                  <c:v>104.599962351191</c:v>
                </c:pt>
                <c:pt idx="6277">
                  <c:v>104.616629011905</c:v>
                </c:pt>
                <c:pt idx="6278">
                  <c:v>104.63329567261999</c:v>
                </c:pt>
                <c:pt idx="6279">
                  <c:v>104.649962333334</c:v>
                </c:pt>
                <c:pt idx="6280">
                  <c:v>104.666628994048</c:v>
                </c:pt>
                <c:pt idx="6281">
                  <c:v>104.68329565476201</c:v>
                </c:pt>
                <c:pt idx="6282">
                  <c:v>104.69996231547699</c:v>
                </c:pt>
                <c:pt idx="6283">
                  <c:v>104.716628976191</c:v>
                </c:pt>
                <c:pt idx="6284">
                  <c:v>104.733295636905</c:v>
                </c:pt>
                <c:pt idx="6285">
                  <c:v>104.74996229762</c:v>
                </c:pt>
                <c:pt idx="6286">
                  <c:v>104.766628958334</c:v>
                </c:pt>
                <c:pt idx="6287">
                  <c:v>104.783295619048</c:v>
                </c:pt>
                <c:pt idx="6288">
                  <c:v>104.799962279762</c:v>
                </c:pt>
                <c:pt idx="6289">
                  <c:v>104.816628940477</c:v>
                </c:pt>
                <c:pt idx="6290">
                  <c:v>104.833295601191</c:v>
                </c:pt>
                <c:pt idx="6291">
                  <c:v>104.84996226190501</c:v>
                </c:pt>
                <c:pt idx="6292">
                  <c:v>104.86662892262</c:v>
                </c:pt>
                <c:pt idx="6293">
                  <c:v>104.883295583334</c:v>
                </c:pt>
                <c:pt idx="6294">
                  <c:v>104.899962244048</c:v>
                </c:pt>
                <c:pt idx="6295">
                  <c:v>104.91662890476201</c:v>
                </c:pt>
                <c:pt idx="6296">
                  <c:v>104.933295565477</c:v>
                </c:pt>
                <c:pt idx="6297">
                  <c:v>104.949962226191</c:v>
                </c:pt>
                <c:pt idx="6298">
                  <c:v>104.966628886905</c:v>
                </c:pt>
                <c:pt idx="6299">
                  <c:v>104.98329554762</c:v>
                </c:pt>
                <c:pt idx="6300">
                  <c:v>104.999962208334</c:v>
                </c:pt>
                <c:pt idx="6301">
                  <c:v>105.01662886904801</c:v>
                </c:pt>
                <c:pt idx="6302">
                  <c:v>105.033295529762</c:v>
                </c:pt>
                <c:pt idx="6303">
                  <c:v>105.049962190477</c:v>
                </c:pt>
                <c:pt idx="6304">
                  <c:v>105.066628851191</c:v>
                </c:pt>
                <c:pt idx="6305">
                  <c:v>105.08329551190501</c:v>
                </c:pt>
                <c:pt idx="6306">
                  <c:v>105.09996217262</c:v>
                </c:pt>
                <c:pt idx="6307">
                  <c:v>105.116628833334</c:v>
                </c:pt>
                <c:pt idx="6308">
                  <c:v>105.133295494048</c:v>
                </c:pt>
                <c:pt idx="6309">
                  <c:v>105.14996215476199</c:v>
                </c:pt>
                <c:pt idx="6310">
                  <c:v>105.166628815477</c:v>
                </c:pt>
                <c:pt idx="6311">
                  <c:v>105.18329547619101</c:v>
                </c:pt>
                <c:pt idx="6312">
                  <c:v>105.199962136905</c:v>
                </c:pt>
                <c:pt idx="6313">
                  <c:v>105.21662879762</c:v>
                </c:pt>
                <c:pt idx="6314">
                  <c:v>105.233295458334</c:v>
                </c:pt>
                <c:pt idx="6315">
                  <c:v>105.24996211904801</c:v>
                </c:pt>
                <c:pt idx="6316">
                  <c:v>105.266628779762</c:v>
                </c:pt>
                <c:pt idx="6317">
                  <c:v>105.283295440477</c:v>
                </c:pt>
                <c:pt idx="6318">
                  <c:v>105.299962101191</c:v>
                </c:pt>
                <c:pt idx="6319">
                  <c:v>105.31662876190499</c:v>
                </c:pt>
                <c:pt idx="6320">
                  <c:v>105.33329542262</c:v>
                </c:pt>
                <c:pt idx="6321">
                  <c:v>105.34996208333401</c:v>
                </c:pt>
                <c:pt idx="6322">
                  <c:v>105.366628744048</c:v>
                </c:pt>
                <c:pt idx="6323">
                  <c:v>105.38329540476199</c:v>
                </c:pt>
                <c:pt idx="6324">
                  <c:v>105.399962065477</c:v>
                </c:pt>
                <c:pt idx="6325">
                  <c:v>105.41662872619099</c:v>
                </c:pt>
                <c:pt idx="6326">
                  <c:v>105.433295386905</c:v>
                </c:pt>
                <c:pt idx="6327">
                  <c:v>105.44996204762001</c:v>
                </c:pt>
                <c:pt idx="6328">
                  <c:v>105.466628708334</c:v>
                </c:pt>
                <c:pt idx="6329">
                  <c:v>105.48329536904799</c:v>
                </c:pt>
                <c:pt idx="6330">
                  <c:v>105.499962029762</c:v>
                </c:pt>
                <c:pt idx="6331">
                  <c:v>105.51662869047701</c:v>
                </c:pt>
                <c:pt idx="6332">
                  <c:v>105.533295351191</c:v>
                </c:pt>
                <c:pt idx="6333">
                  <c:v>105.549962011905</c:v>
                </c:pt>
                <c:pt idx="6334">
                  <c:v>105.56662867262</c:v>
                </c:pt>
                <c:pt idx="6335">
                  <c:v>105.58329533333399</c:v>
                </c:pt>
                <c:pt idx="6336">
                  <c:v>105.599961994048</c:v>
                </c:pt>
                <c:pt idx="6337">
                  <c:v>105.616628654762</c:v>
                </c:pt>
                <c:pt idx="6338">
                  <c:v>105.633295315477</c:v>
                </c:pt>
                <c:pt idx="6339">
                  <c:v>105.64996197619099</c:v>
                </c:pt>
                <c:pt idx="6340">
                  <c:v>105.666628636905</c:v>
                </c:pt>
                <c:pt idx="6341">
                  <c:v>105.68329529762001</c:v>
                </c:pt>
                <c:pt idx="6342">
                  <c:v>105.699961958334</c:v>
                </c:pt>
                <c:pt idx="6343">
                  <c:v>105.716628619048</c:v>
                </c:pt>
                <c:pt idx="6344">
                  <c:v>105.733295279762</c:v>
                </c:pt>
                <c:pt idx="6345">
                  <c:v>105.74996194047699</c:v>
                </c:pt>
                <c:pt idx="6346">
                  <c:v>105.766628601191</c:v>
                </c:pt>
                <c:pt idx="6347">
                  <c:v>105.783295261905</c:v>
                </c:pt>
                <c:pt idx="6348">
                  <c:v>105.79996192262</c:v>
                </c:pt>
                <c:pt idx="6349">
                  <c:v>105.81662858333399</c:v>
                </c:pt>
                <c:pt idx="6350">
                  <c:v>105.833295244048</c:v>
                </c:pt>
                <c:pt idx="6351">
                  <c:v>105.849961904762</c:v>
                </c:pt>
                <c:pt idx="6352">
                  <c:v>105.866628565477</c:v>
                </c:pt>
                <c:pt idx="6353">
                  <c:v>105.883295226191</c:v>
                </c:pt>
                <c:pt idx="6354">
                  <c:v>105.899961886905</c:v>
                </c:pt>
                <c:pt idx="6355">
                  <c:v>105.91662854761999</c:v>
                </c:pt>
                <c:pt idx="6356">
                  <c:v>105.933295208334</c:v>
                </c:pt>
                <c:pt idx="6357">
                  <c:v>105.949961869048</c:v>
                </c:pt>
                <c:pt idx="6358">
                  <c:v>105.966628529762</c:v>
                </c:pt>
                <c:pt idx="6359">
                  <c:v>105.98329519047699</c:v>
                </c:pt>
                <c:pt idx="6360">
                  <c:v>105.999961851191</c:v>
                </c:pt>
                <c:pt idx="6361">
                  <c:v>106.016628511905</c:v>
                </c:pt>
                <c:pt idx="6362">
                  <c:v>106.03329517262</c:v>
                </c:pt>
                <c:pt idx="6363">
                  <c:v>106.049961833334</c:v>
                </c:pt>
                <c:pt idx="6364">
                  <c:v>106.066628494048</c:v>
                </c:pt>
                <c:pt idx="6365">
                  <c:v>106.083295154762</c:v>
                </c:pt>
                <c:pt idx="6366">
                  <c:v>106.099961815477</c:v>
                </c:pt>
                <c:pt idx="6367">
                  <c:v>106.116628476191</c:v>
                </c:pt>
                <c:pt idx="6368">
                  <c:v>106.13329513690501</c:v>
                </c:pt>
                <c:pt idx="6369">
                  <c:v>106.14996179761999</c:v>
                </c:pt>
                <c:pt idx="6370">
                  <c:v>106.166628458334</c:v>
                </c:pt>
                <c:pt idx="6371">
                  <c:v>106.183295119048</c:v>
                </c:pt>
                <c:pt idx="6372">
                  <c:v>106.19996177976201</c:v>
                </c:pt>
                <c:pt idx="6373">
                  <c:v>106.216628440477</c:v>
                </c:pt>
                <c:pt idx="6374">
                  <c:v>106.233295101191</c:v>
                </c:pt>
                <c:pt idx="6375">
                  <c:v>106.249961761905</c:v>
                </c:pt>
                <c:pt idx="6376">
                  <c:v>106.26662842262</c:v>
                </c:pt>
                <c:pt idx="6377">
                  <c:v>106.283295083334</c:v>
                </c:pt>
                <c:pt idx="6378">
                  <c:v>106.29996174404801</c:v>
                </c:pt>
                <c:pt idx="6379">
                  <c:v>106.316628404762</c:v>
                </c:pt>
                <c:pt idx="6380">
                  <c:v>106.333295065477</c:v>
                </c:pt>
                <c:pt idx="6381">
                  <c:v>106.349961726191</c:v>
                </c:pt>
                <c:pt idx="6382">
                  <c:v>106.36662838690501</c:v>
                </c:pt>
                <c:pt idx="6383">
                  <c:v>106.38329504762</c:v>
                </c:pt>
                <c:pt idx="6384">
                  <c:v>106.399961708334</c:v>
                </c:pt>
                <c:pt idx="6385">
                  <c:v>106.416628369048</c:v>
                </c:pt>
                <c:pt idx="6386">
                  <c:v>106.43329502976199</c:v>
                </c:pt>
                <c:pt idx="6387">
                  <c:v>106.449961690477</c:v>
                </c:pt>
                <c:pt idx="6388">
                  <c:v>106.46662835119101</c:v>
                </c:pt>
                <c:pt idx="6389">
                  <c:v>106.483295011905</c:v>
                </c:pt>
                <c:pt idx="6390">
                  <c:v>106.49996167262</c:v>
                </c:pt>
                <c:pt idx="6391">
                  <c:v>106.516628333334</c:v>
                </c:pt>
                <c:pt idx="6392">
                  <c:v>106.53329499404801</c:v>
                </c:pt>
                <c:pt idx="6393">
                  <c:v>106.549961654762</c:v>
                </c:pt>
                <c:pt idx="6394">
                  <c:v>106.566628315477</c:v>
                </c:pt>
                <c:pt idx="6395">
                  <c:v>106.583294976191</c:v>
                </c:pt>
                <c:pt idx="6396">
                  <c:v>106.59996163690499</c:v>
                </c:pt>
                <c:pt idx="6397">
                  <c:v>106.61662829762</c:v>
                </c:pt>
                <c:pt idx="6398">
                  <c:v>106.63329495833401</c:v>
                </c:pt>
                <c:pt idx="6399">
                  <c:v>106.649961619048</c:v>
                </c:pt>
                <c:pt idx="6400">
                  <c:v>106.66662827976199</c:v>
                </c:pt>
                <c:pt idx="6401">
                  <c:v>106.683294940477</c:v>
                </c:pt>
                <c:pt idx="6402">
                  <c:v>106.69996160119101</c:v>
                </c:pt>
                <c:pt idx="6403">
                  <c:v>106.716628261905</c:v>
                </c:pt>
                <c:pt idx="6404">
                  <c:v>106.73329492262</c:v>
                </c:pt>
                <c:pt idx="6405">
                  <c:v>106.749961583334</c:v>
                </c:pt>
                <c:pt idx="6406">
                  <c:v>106.76662824404799</c:v>
                </c:pt>
                <c:pt idx="6407">
                  <c:v>106.783294904762</c:v>
                </c:pt>
                <c:pt idx="6408">
                  <c:v>106.79996156547701</c:v>
                </c:pt>
                <c:pt idx="6409">
                  <c:v>106.816628226191</c:v>
                </c:pt>
                <c:pt idx="6410">
                  <c:v>106.83329488690499</c:v>
                </c:pt>
                <c:pt idx="6411">
                  <c:v>106.84996154762</c:v>
                </c:pt>
                <c:pt idx="6412">
                  <c:v>106.86662820833401</c:v>
                </c:pt>
                <c:pt idx="6413">
                  <c:v>106.883294869048</c:v>
                </c:pt>
                <c:pt idx="6414">
                  <c:v>106.899961529762</c:v>
                </c:pt>
                <c:pt idx="6415">
                  <c:v>106.916628190477</c:v>
                </c:pt>
                <c:pt idx="6416">
                  <c:v>106.93329485119099</c:v>
                </c:pt>
                <c:pt idx="6417">
                  <c:v>106.949961511905</c:v>
                </c:pt>
                <c:pt idx="6418">
                  <c:v>106.96662817262001</c:v>
                </c:pt>
                <c:pt idx="6419">
                  <c:v>106.983294833334</c:v>
                </c:pt>
                <c:pt idx="6420">
                  <c:v>106.99996149404799</c:v>
                </c:pt>
                <c:pt idx="6421">
                  <c:v>107.016628154762</c:v>
                </c:pt>
                <c:pt idx="6422">
                  <c:v>107.03329481547701</c:v>
                </c:pt>
                <c:pt idx="6423">
                  <c:v>107.049961476191</c:v>
                </c:pt>
                <c:pt idx="6424">
                  <c:v>107.066628136905</c:v>
                </c:pt>
                <c:pt idx="6425">
                  <c:v>107.08329479762</c:v>
                </c:pt>
                <c:pt idx="6426">
                  <c:v>107.09996145833399</c:v>
                </c:pt>
                <c:pt idx="6427">
                  <c:v>107.116628119048</c:v>
                </c:pt>
                <c:pt idx="6428">
                  <c:v>107.133294779762</c:v>
                </c:pt>
                <c:pt idx="6429">
                  <c:v>107.149961440477</c:v>
                </c:pt>
                <c:pt idx="6430">
                  <c:v>107.16662810119099</c:v>
                </c:pt>
                <c:pt idx="6431">
                  <c:v>107.183294761905</c:v>
                </c:pt>
                <c:pt idx="6432">
                  <c:v>107.19996142262001</c:v>
                </c:pt>
                <c:pt idx="6433">
                  <c:v>107.216628083334</c:v>
                </c:pt>
                <c:pt idx="6434">
                  <c:v>107.233294744048</c:v>
                </c:pt>
                <c:pt idx="6435">
                  <c:v>107.249961404762</c:v>
                </c:pt>
                <c:pt idx="6436">
                  <c:v>107.26662806547699</c:v>
                </c:pt>
                <c:pt idx="6437">
                  <c:v>107.283294726191</c:v>
                </c:pt>
                <c:pt idx="6438">
                  <c:v>107.299961386905</c:v>
                </c:pt>
                <c:pt idx="6439">
                  <c:v>107.31662804762</c:v>
                </c:pt>
                <c:pt idx="6440">
                  <c:v>107.33329470833399</c:v>
                </c:pt>
                <c:pt idx="6441">
                  <c:v>107.349961369048</c:v>
                </c:pt>
                <c:pt idx="6442">
                  <c:v>107.366628029762</c:v>
                </c:pt>
                <c:pt idx="6443">
                  <c:v>107.383294690477</c:v>
                </c:pt>
                <c:pt idx="6444">
                  <c:v>107.399961351191</c:v>
                </c:pt>
                <c:pt idx="6445">
                  <c:v>107.416628011905</c:v>
                </c:pt>
                <c:pt idx="6446">
                  <c:v>107.43329467261999</c:v>
                </c:pt>
                <c:pt idx="6447">
                  <c:v>107.449961333334</c:v>
                </c:pt>
                <c:pt idx="6448">
                  <c:v>107.466627994048</c:v>
                </c:pt>
                <c:pt idx="6449">
                  <c:v>107.48329465476201</c:v>
                </c:pt>
                <c:pt idx="6450">
                  <c:v>107.49996131547699</c:v>
                </c:pt>
                <c:pt idx="6451">
                  <c:v>107.516627976191</c:v>
                </c:pt>
                <c:pt idx="6452">
                  <c:v>107.533294636905</c:v>
                </c:pt>
                <c:pt idx="6453">
                  <c:v>107.54996129762</c:v>
                </c:pt>
                <c:pt idx="6454">
                  <c:v>107.566627958334</c:v>
                </c:pt>
                <c:pt idx="6455">
                  <c:v>107.583294619048</c:v>
                </c:pt>
                <c:pt idx="6456">
                  <c:v>107.599961279762</c:v>
                </c:pt>
                <c:pt idx="6457">
                  <c:v>107.616627940477</c:v>
                </c:pt>
                <c:pt idx="6458">
                  <c:v>107.633294601191</c:v>
                </c:pt>
                <c:pt idx="6459">
                  <c:v>107.64996126190501</c:v>
                </c:pt>
                <c:pt idx="6460">
                  <c:v>107.66662792261999</c:v>
                </c:pt>
                <c:pt idx="6461">
                  <c:v>107.683294583334</c:v>
                </c:pt>
                <c:pt idx="6462">
                  <c:v>107.699961244048</c:v>
                </c:pt>
                <c:pt idx="6463">
                  <c:v>107.71662790476201</c:v>
                </c:pt>
                <c:pt idx="6464">
                  <c:v>107.733294565477</c:v>
                </c:pt>
                <c:pt idx="6465">
                  <c:v>107.749961226191</c:v>
                </c:pt>
                <c:pt idx="6466">
                  <c:v>107.766627886905</c:v>
                </c:pt>
                <c:pt idx="6467">
                  <c:v>107.78329454762</c:v>
                </c:pt>
                <c:pt idx="6468">
                  <c:v>107.799961208334</c:v>
                </c:pt>
                <c:pt idx="6469">
                  <c:v>107.81662786904801</c:v>
                </c:pt>
                <c:pt idx="6470">
                  <c:v>107.833294529762</c:v>
                </c:pt>
                <c:pt idx="6471">
                  <c:v>107.849961190477</c:v>
                </c:pt>
                <c:pt idx="6472">
                  <c:v>107.866627851191</c:v>
                </c:pt>
                <c:pt idx="6473">
                  <c:v>107.88329451190501</c:v>
                </c:pt>
                <c:pt idx="6474">
                  <c:v>107.89996117262</c:v>
                </c:pt>
                <c:pt idx="6475">
                  <c:v>107.916627833334</c:v>
                </c:pt>
                <c:pt idx="6476">
                  <c:v>107.933294494048</c:v>
                </c:pt>
                <c:pt idx="6477">
                  <c:v>107.94996115476199</c:v>
                </c:pt>
                <c:pt idx="6478">
                  <c:v>107.966627815477</c:v>
                </c:pt>
                <c:pt idx="6479">
                  <c:v>107.98329447619101</c:v>
                </c:pt>
                <c:pt idx="6480">
                  <c:v>107.999961136905</c:v>
                </c:pt>
                <c:pt idx="6481">
                  <c:v>108.01662779762</c:v>
                </c:pt>
                <c:pt idx="6482">
                  <c:v>108.033294458334</c:v>
                </c:pt>
                <c:pt idx="6483">
                  <c:v>108.04996111904801</c:v>
                </c:pt>
                <c:pt idx="6484">
                  <c:v>108.066627779762</c:v>
                </c:pt>
                <c:pt idx="6485">
                  <c:v>108.083294440477</c:v>
                </c:pt>
                <c:pt idx="6486">
                  <c:v>108.099961101191</c:v>
                </c:pt>
                <c:pt idx="6487">
                  <c:v>108.11662776190499</c:v>
                </c:pt>
                <c:pt idx="6488">
                  <c:v>108.13329442262</c:v>
                </c:pt>
                <c:pt idx="6489">
                  <c:v>108.14996108333401</c:v>
                </c:pt>
                <c:pt idx="6490">
                  <c:v>108.166627744048</c:v>
                </c:pt>
                <c:pt idx="6491">
                  <c:v>108.18329440476199</c:v>
                </c:pt>
                <c:pt idx="6492">
                  <c:v>108.199961065477</c:v>
                </c:pt>
                <c:pt idx="6493">
                  <c:v>108.21662772619101</c:v>
                </c:pt>
                <c:pt idx="6494">
                  <c:v>108.233294386905</c:v>
                </c:pt>
                <c:pt idx="6495">
                  <c:v>108.24996104762</c:v>
                </c:pt>
                <c:pt idx="6496">
                  <c:v>108.266627708334</c:v>
                </c:pt>
                <c:pt idx="6497">
                  <c:v>108.28329436904799</c:v>
                </c:pt>
                <c:pt idx="6498">
                  <c:v>108.299961029762</c:v>
                </c:pt>
                <c:pt idx="6499">
                  <c:v>108.31662769047701</c:v>
                </c:pt>
                <c:pt idx="6500">
                  <c:v>108.333294351191</c:v>
                </c:pt>
                <c:pt idx="6501">
                  <c:v>108.34996101190499</c:v>
                </c:pt>
                <c:pt idx="6502">
                  <c:v>108.36662767262</c:v>
                </c:pt>
                <c:pt idx="6503">
                  <c:v>108.38329433333401</c:v>
                </c:pt>
                <c:pt idx="6504">
                  <c:v>108.399960994048</c:v>
                </c:pt>
                <c:pt idx="6505">
                  <c:v>108.416627654762</c:v>
                </c:pt>
                <c:pt idx="6506">
                  <c:v>108.433294315477</c:v>
                </c:pt>
                <c:pt idx="6507">
                  <c:v>108.44996097619099</c:v>
                </c:pt>
                <c:pt idx="6508">
                  <c:v>108.466627636905</c:v>
                </c:pt>
                <c:pt idx="6509">
                  <c:v>108.48329429762001</c:v>
                </c:pt>
                <c:pt idx="6510">
                  <c:v>108.499960958334</c:v>
                </c:pt>
                <c:pt idx="6511">
                  <c:v>108.51662761904799</c:v>
                </c:pt>
                <c:pt idx="6512">
                  <c:v>108.533294279762</c:v>
                </c:pt>
                <c:pt idx="6513">
                  <c:v>108.54996094047701</c:v>
                </c:pt>
                <c:pt idx="6514">
                  <c:v>108.566627601191</c:v>
                </c:pt>
                <c:pt idx="6515">
                  <c:v>108.583294261905</c:v>
                </c:pt>
                <c:pt idx="6516">
                  <c:v>108.59996092262</c:v>
                </c:pt>
                <c:pt idx="6517">
                  <c:v>108.61662758333399</c:v>
                </c:pt>
                <c:pt idx="6518">
                  <c:v>108.633294244048</c:v>
                </c:pt>
                <c:pt idx="6519">
                  <c:v>108.649960904762</c:v>
                </c:pt>
                <c:pt idx="6520">
                  <c:v>108.666627565477</c:v>
                </c:pt>
                <c:pt idx="6521">
                  <c:v>108.68329422619099</c:v>
                </c:pt>
                <c:pt idx="6522">
                  <c:v>108.699960886905</c:v>
                </c:pt>
                <c:pt idx="6523">
                  <c:v>108.71662754762001</c:v>
                </c:pt>
                <c:pt idx="6524">
                  <c:v>108.733294208334</c:v>
                </c:pt>
                <c:pt idx="6525">
                  <c:v>108.749960869048</c:v>
                </c:pt>
                <c:pt idx="6526">
                  <c:v>108.766627529762</c:v>
                </c:pt>
                <c:pt idx="6527">
                  <c:v>108.78329419047699</c:v>
                </c:pt>
                <c:pt idx="6528">
                  <c:v>108.799960851191</c:v>
                </c:pt>
                <c:pt idx="6529">
                  <c:v>108.816627511905</c:v>
                </c:pt>
                <c:pt idx="6530">
                  <c:v>108.83329417262</c:v>
                </c:pt>
                <c:pt idx="6531">
                  <c:v>108.84996083333399</c:v>
                </c:pt>
                <c:pt idx="6532">
                  <c:v>108.866627494048</c:v>
                </c:pt>
                <c:pt idx="6533">
                  <c:v>108.883294154762</c:v>
                </c:pt>
                <c:pt idx="6534">
                  <c:v>108.899960815477</c:v>
                </c:pt>
                <c:pt idx="6535">
                  <c:v>108.916627476191</c:v>
                </c:pt>
                <c:pt idx="6536">
                  <c:v>108.933294136905</c:v>
                </c:pt>
                <c:pt idx="6537">
                  <c:v>108.94996079761999</c:v>
                </c:pt>
                <c:pt idx="6538">
                  <c:v>108.966627458334</c:v>
                </c:pt>
                <c:pt idx="6539">
                  <c:v>108.983294119048</c:v>
                </c:pt>
                <c:pt idx="6540">
                  <c:v>108.99996077976201</c:v>
                </c:pt>
                <c:pt idx="6541">
                  <c:v>109.016627440477</c:v>
                </c:pt>
                <c:pt idx="6542">
                  <c:v>109.033294101191</c:v>
                </c:pt>
                <c:pt idx="6543">
                  <c:v>109.049960761905</c:v>
                </c:pt>
                <c:pt idx="6544">
                  <c:v>109.06662742262</c:v>
                </c:pt>
                <c:pt idx="6545">
                  <c:v>109.083294083334</c:v>
                </c:pt>
                <c:pt idx="6546">
                  <c:v>109.099960744048</c:v>
                </c:pt>
                <c:pt idx="6547">
                  <c:v>109.116627404762</c:v>
                </c:pt>
                <c:pt idx="6548">
                  <c:v>109.133294065477</c:v>
                </c:pt>
                <c:pt idx="6549">
                  <c:v>109.149960726191</c:v>
                </c:pt>
                <c:pt idx="6550">
                  <c:v>109.16662738690501</c:v>
                </c:pt>
                <c:pt idx="6551">
                  <c:v>109.18329404762</c:v>
                </c:pt>
                <c:pt idx="6552">
                  <c:v>109.199960708334</c:v>
                </c:pt>
                <c:pt idx="6553">
                  <c:v>109.216627369048</c:v>
                </c:pt>
                <c:pt idx="6554">
                  <c:v>109.23329402976201</c:v>
                </c:pt>
                <c:pt idx="6555">
                  <c:v>109.249960690477</c:v>
                </c:pt>
                <c:pt idx="6556">
                  <c:v>109.266627351191</c:v>
                </c:pt>
                <c:pt idx="6557">
                  <c:v>109.283294011905</c:v>
                </c:pt>
                <c:pt idx="6558">
                  <c:v>109.29996067262</c:v>
                </c:pt>
                <c:pt idx="6559">
                  <c:v>109.316627333334</c:v>
                </c:pt>
                <c:pt idx="6560">
                  <c:v>109.33329399404801</c:v>
                </c:pt>
                <c:pt idx="6561">
                  <c:v>109.349960654762</c:v>
                </c:pt>
                <c:pt idx="6562">
                  <c:v>109.366627315477</c:v>
                </c:pt>
                <c:pt idx="6563">
                  <c:v>109.383293976191</c:v>
                </c:pt>
                <c:pt idx="6564">
                  <c:v>109.39996063690501</c:v>
                </c:pt>
                <c:pt idx="6565">
                  <c:v>109.41662729762</c:v>
                </c:pt>
                <c:pt idx="6566">
                  <c:v>109.433293958334</c:v>
                </c:pt>
                <c:pt idx="6567">
                  <c:v>109.449960619048</c:v>
                </c:pt>
                <c:pt idx="6568">
                  <c:v>109.46662727976199</c:v>
                </c:pt>
                <c:pt idx="6569">
                  <c:v>109.483293940477</c:v>
                </c:pt>
                <c:pt idx="6570">
                  <c:v>109.49996060119101</c:v>
                </c:pt>
                <c:pt idx="6571">
                  <c:v>109.516627261905</c:v>
                </c:pt>
                <c:pt idx="6572">
                  <c:v>109.53329392262</c:v>
                </c:pt>
                <c:pt idx="6573">
                  <c:v>109.549960583334</c:v>
                </c:pt>
                <c:pt idx="6574">
                  <c:v>109.56662724404799</c:v>
                </c:pt>
                <c:pt idx="6575">
                  <c:v>109.583293904762</c:v>
                </c:pt>
                <c:pt idx="6576">
                  <c:v>109.59996056547701</c:v>
                </c:pt>
                <c:pt idx="6577">
                  <c:v>109.616627226191</c:v>
                </c:pt>
                <c:pt idx="6578">
                  <c:v>109.63329388690499</c:v>
                </c:pt>
                <c:pt idx="6579">
                  <c:v>109.64996054762</c:v>
                </c:pt>
                <c:pt idx="6580">
                  <c:v>109.66662720833401</c:v>
                </c:pt>
                <c:pt idx="6581">
                  <c:v>109.683293869048</c:v>
                </c:pt>
                <c:pt idx="6582">
                  <c:v>109.699960529762</c:v>
                </c:pt>
                <c:pt idx="6583">
                  <c:v>109.716627190477</c:v>
                </c:pt>
                <c:pt idx="6584">
                  <c:v>109.73329385119099</c:v>
                </c:pt>
                <c:pt idx="6585">
                  <c:v>109.749960511905</c:v>
                </c:pt>
                <c:pt idx="6586">
                  <c:v>109.76662717262001</c:v>
                </c:pt>
                <c:pt idx="6587">
                  <c:v>109.783293833334</c:v>
                </c:pt>
                <c:pt idx="6588">
                  <c:v>109.79996049404799</c:v>
                </c:pt>
                <c:pt idx="6589">
                  <c:v>109.816627154762</c:v>
                </c:pt>
                <c:pt idx="6590">
                  <c:v>109.83329381547701</c:v>
                </c:pt>
                <c:pt idx="6591">
                  <c:v>109.849960476191</c:v>
                </c:pt>
                <c:pt idx="6592">
                  <c:v>109.866627136905</c:v>
                </c:pt>
                <c:pt idx="6593">
                  <c:v>109.88329379762</c:v>
                </c:pt>
                <c:pt idx="6594">
                  <c:v>109.89996045833399</c:v>
                </c:pt>
                <c:pt idx="6595">
                  <c:v>109.916627119048</c:v>
                </c:pt>
                <c:pt idx="6596">
                  <c:v>109.933293779762</c:v>
                </c:pt>
                <c:pt idx="6597">
                  <c:v>109.949960440477</c:v>
                </c:pt>
                <c:pt idx="6598">
                  <c:v>109.96662710119099</c:v>
                </c:pt>
                <c:pt idx="6599">
                  <c:v>109.983293761905</c:v>
                </c:pt>
                <c:pt idx="6600">
                  <c:v>109.99996042262001</c:v>
                </c:pt>
                <c:pt idx="6601">
                  <c:v>110.016627083334</c:v>
                </c:pt>
                <c:pt idx="6602">
                  <c:v>110.033293744048</c:v>
                </c:pt>
                <c:pt idx="6603">
                  <c:v>110.049960404762</c:v>
                </c:pt>
                <c:pt idx="6604">
                  <c:v>110.06662706547699</c:v>
                </c:pt>
                <c:pt idx="6605">
                  <c:v>110.083293726191</c:v>
                </c:pt>
                <c:pt idx="6606">
                  <c:v>110.099960386905</c:v>
                </c:pt>
                <c:pt idx="6607">
                  <c:v>110.11662704762</c:v>
                </c:pt>
                <c:pt idx="6608">
                  <c:v>110.13329370833399</c:v>
                </c:pt>
                <c:pt idx="6609">
                  <c:v>110.149960369048</c:v>
                </c:pt>
                <c:pt idx="6610">
                  <c:v>110.166627029762</c:v>
                </c:pt>
                <c:pt idx="6611">
                  <c:v>110.183293690477</c:v>
                </c:pt>
                <c:pt idx="6612">
                  <c:v>110.199960351191</c:v>
                </c:pt>
                <c:pt idx="6613">
                  <c:v>110.216627011905</c:v>
                </c:pt>
                <c:pt idx="6614">
                  <c:v>110.23329367261999</c:v>
                </c:pt>
                <c:pt idx="6615">
                  <c:v>110.249960333334</c:v>
                </c:pt>
                <c:pt idx="6616">
                  <c:v>110.266626994048</c:v>
                </c:pt>
                <c:pt idx="6617">
                  <c:v>110.28329365476201</c:v>
                </c:pt>
                <c:pt idx="6618">
                  <c:v>110.29996031547699</c:v>
                </c:pt>
                <c:pt idx="6619">
                  <c:v>110.316626976191</c:v>
                </c:pt>
                <c:pt idx="6620">
                  <c:v>110.333293636905</c:v>
                </c:pt>
                <c:pt idx="6621">
                  <c:v>110.34996029762</c:v>
                </c:pt>
                <c:pt idx="6622">
                  <c:v>110.366626958334</c:v>
                </c:pt>
                <c:pt idx="6623">
                  <c:v>110.383293619048</c:v>
                </c:pt>
                <c:pt idx="6624">
                  <c:v>110.399960279762</c:v>
                </c:pt>
                <c:pt idx="6625">
                  <c:v>110.416626940477</c:v>
                </c:pt>
                <c:pt idx="6626">
                  <c:v>110.433293601191</c:v>
                </c:pt>
                <c:pt idx="6627">
                  <c:v>110.44996026190501</c:v>
                </c:pt>
                <c:pt idx="6628">
                  <c:v>110.46662692261999</c:v>
                </c:pt>
                <c:pt idx="6629">
                  <c:v>110.483293583334</c:v>
                </c:pt>
                <c:pt idx="6630">
                  <c:v>110.499960244048</c:v>
                </c:pt>
                <c:pt idx="6631">
                  <c:v>110.51662690476201</c:v>
                </c:pt>
                <c:pt idx="6632">
                  <c:v>110.533293565477</c:v>
                </c:pt>
                <c:pt idx="6633">
                  <c:v>110.549960226191</c:v>
                </c:pt>
                <c:pt idx="6634">
                  <c:v>110.566626886905</c:v>
                </c:pt>
                <c:pt idx="6635">
                  <c:v>110.58329354762</c:v>
                </c:pt>
                <c:pt idx="6636">
                  <c:v>110.599960208334</c:v>
                </c:pt>
                <c:pt idx="6637">
                  <c:v>110.61662686904801</c:v>
                </c:pt>
                <c:pt idx="6638">
                  <c:v>110.633293529762</c:v>
                </c:pt>
                <c:pt idx="6639">
                  <c:v>110.649960190477</c:v>
                </c:pt>
                <c:pt idx="6640">
                  <c:v>110.666626851191</c:v>
                </c:pt>
                <c:pt idx="6641">
                  <c:v>110.68329351190501</c:v>
                </c:pt>
                <c:pt idx="6642">
                  <c:v>110.69996017262</c:v>
                </c:pt>
                <c:pt idx="6643">
                  <c:v>110.716626833334</c:v>
                </c:pt>
                <c:pt idx="6644">
                  <c:v>110.733293494048</c:v>
                </c:pt>
                <c:pt idx="6645">
                  <c:v>110.74996015476199</c:v>
                </c:pt>
                <c:pt idx="6646">
                  <c:v>110.766626815477</c:v>
                </c:pt>
                <c:pt idx="6647">
                  <c:v>110.78329347619101</c:v>
                </c:pt>
                <c:pt idx="6648">
                  <c:v>110.799960136905</c:v>
                </c:pt>
                <c:pt idx="6649">
                  <c:v>110.81662679762</c:v>
                </c:pt>
                <c:pt idx="6650">
                  <c:v>110.833293458334</c:v>
                </c:pt>
                <c:pt idx="6651">
                  <c:v>110.84996011904801</c:v>
                </c:pt>
                <c:pt idx="6652">
                  <c:v>110.866626779762</c:v>
                </c:pt>
                <c:pt idx="6653">
                  <c:v>110.883293440477</c:v>
                </c:pt>
                <c:pt idx="6654">
                  <c:v>110.899960101191</c:v>
                </c:pt>
                <c:pt idx="6655">
                  <c:v>110.91662676190499</c:v>
                </c:pt>
                <c:pt idx="6656">
                  <c:v>110.93329342262</c:v>
                </c:pt>
                <c:pt idx="6657">
                  <c:v>110.94996008333401</c:v>
                </c:pt>
                <c:pt idx="6658">
                  <c:v>110.966626744048</c:v>
                </c:pt>
                <c:pt idx="6659">
                  <c:v>110.98329340476199</c:v>
                </c:pt>
                <c:pt idx="6660">
                  <c:v>110.999960065477</c:v>
                </c:pt>
                <c:pt idx="6661">
                  <c:v>111.01662672619101</c:v>
                </c:pt>
                <c:pt idx="6662">
                  <c:v>111.033293386905</c:v>
                </c:pt>
                <c:pt idx="6663">
                  <c:v>111.04996004762</c:v>
                </c:pt>
                <c:pt idx="6664">
                  <c:v>111.066626708334</c:v>
                </c:pt>
                <c:pt idx="6665">
                  <c:v>111.08329336904799</c:v>
                </c:pt>
                <c:pt idx="6666">
                  <c:v>111.099960029762</c:v>
                </c:pt>
                <c:pt idx="6667">
                  <c:v>111.11662669047701</c:v>
                </c:pt>
                <c:pt idx="6668">
                  <c:v>111.133293351191</c:v>
                </c:pt>
                <c:pt idx="6669">
                  <c:v>111.14996001190499</c:v>
                </c:pt>
                <c:pt idx="6670">
                  <c:v>111.16662667262</c:v>
                </c:pt>
                <c:pt idx="6671">
                  <c:v>111.18329333333401</c:v>
                </c:pt>
                <c:pt idx="6672">
                  <c:v>111.199959994048</c:v>
                </c:pt>
                <c:pt idx="6673">
                  <c:v>111.216626654762</c:v>
                </c:pt>
                <c:pt idx="6674">
                  <c:v>111.233293315477</c:v>
                </c:pt>
                <c:pt idx="6675">
                  <c:v>111.24995997619099</c:v>
                </c:pt>
                <c:pt idx="6676">
                  <c:v>111.266626636905</c:v>
                </c:pt>
                <c:pt idx="6677">
                  <c:v>111.28329329762001</c:v>
                </c:pt>
                <c:pt idx="6678">
                  <c:v>111.299959958334</c:v>
                </c:pt>
                <c:pt idx="6679">
                  <c:v>111.31662661904799</c:v>
                </c:pt>
                <c:pt idx="6680">
                  <c:v>111.333293279762</c:v>
                </c:pt>
                <c:pt idx="6681">
                  <c:v>111.34995994047701</c:v>
                </c:pt>
                <c:pt idx="6682">
                  <c:v>111.366626601191</c:v>
                </c:pt>
                <c:pt idx="6683">
                  <c:v>111.383293261905</c:v>
                </c:pt>
                <c:pt idx="6684">
                  <c:v>111.39995992262</c:v>
                </c:pt>
                <c:pt idx="6685">
                  <c:v>111.41662658333399</c:v>
                </c:pt>
                <c:pt idx="6686">
                  <c:v>111.433293244048</c:v>
                </c:pt>
                <c:pt idx="6687">
                  <c:v>111.449959904762</c:v>
                </c:pt>
                <c:pt idx="6688">
                  <c:v>111.466626565477</c:v>
                </c:pt>
                <c:pt idx="6689">
                  <c:v>111.48329322619099</c:v>
                </c:pt>
                <c:pt idx="6690">
                  <c:v>111.499959886905</c:v>
                </c:pt>
                <c:pt idx="6691">
                  <c:v>111.51662654762001</c:v>
                </c:pt>
                <c:pt idx="6692">
                  <c:v>111.533293208334</c:v>
                </c:pt>
                <c:pt idx="6693">
                  <c:v>111.549959869048</c:v>
                </c:pt>
                <c:pt idx="6694">
                  <c:v>111.566626529762</c:v>
                </c:pt>
                <c:pt idx="6695">
                  <c:v>111.58329319047699</c:v>
                </c:pt>
                <c:pt idx="6696">
                  <c:v>111.599959851191</c:v>
                </c:pt>
                <c:pt idx="6697">
                  <c:v>111.616626511905</c:v>
                </c:pt>
                <c:pt idx="6698">
                  <c:v>111.63329317262</c:v>
                </c:pt>
                <c:pt idx="6699">
                  <c:v>111.64995983333399</c:v>
                </c:pt>
                <c:pt idx="6700">
                  <c:v>111.666626494048</c:v>
                </c:pt>
                <c:pt idx="6701">
                  <c:v>111.683293154762</c:v>
                </c:pt>
                <c:pt idx="6702">
                  <c:v>111.699959815477</c:v>
                </c:pt>
                <c:pt idx="6703">
                  <c:v>111.716626476191</c:v>
                </c:pt>
                <c:pt idx="6704">
                  <c:v>111.733293136905</c:v>
                </c:pt>
                <c:pt idx="6705">
                  <c:v>111.74995979761999</c:v>
                </c:pt>
                <c:pt idx="6706">
                  <c:v>111.766626458334</c:v>
                </c:pt>
                <c:pt idx="6707">
                  <c:v>111.783293119048</c:v>
                </c:pt>
                <c:pt idx="6708">
                  <c:v>111.79995977976201</c:v>
                </c:pt>
                <c:pt idx="6709">
                  <c:v>111.81662644047699</c:v>
                </c:pt>
                <c:pt idx="6710">
                  <c:v>111.833293101191</c:v>
                </c:pt>
                <c:pt idx="6711">
                  <c:v>111.849959761905</c:v>
                </c:pt>
                <c:pt idx="6712">
                  <c:v>111.86662642262</c:v>
                </c:pt>
                <c:pt idx="6713">
                  <c:v>111.883293083334</c:v>
                </c:pt>
                <c:pt idx="6714">
                  <c:v>111.899959744048</c:v>
                </c:pt>
                <c:pt idx="6715">
                  <c:v>111.916626404762</c:v>
                </c:pt>
                <c:pt idx="6716">
                  <c:v>111.933293065477</c:v>
                </c:pt>
                <c:pt idx="6717">
                  <c:v>111.949959726191</c:v>
                </c:pt>
                <c:pt idx="6718">
                  <c:v>111.96662638690501</c:v>
                </c:pt>
                <c:pt idx="6719">
                  <c:v>111.98329304761999</c:v>
                </c:pt>
                <c:pt idx="6720">
                  <c:v>111.999959708334</c:v>
                </c:pt>
                <c:pt idx="6721">
                  <c:v>112.016626369048</c:v>
                </c:pt>
                <c:pt idx="6722">
                  <c:v>112.03329302976201</c:v>
                </c:pt>
                <c:pt idx="6723">
                  <c:v>112.049959690477</c:v>
                </c:pt>
                <c:pt idx="6724">
                  <c:v>112.066626351191</c:v>
                </c:pt>
                <c:pt idx="6725">
                  <c:v>112.083293011905</c:v>
                </c:pt>
                <c:pt idx="6726">
                  <c:v>112.09995967262</c:v>
                </c:pt>
                <c:pt idx="6727">
                  <c:v>112.116626333334</c:v>
                </c:pt>
                <c:pt idx="6728">
                  <c:v>112.13329299404801</c:v>
                </c:pt>
                <c:pt idx="6729">
                  <c:v>112.149959654762</c:v>
                </c:pt>
                <c:pt idx="6730">
                  <c:v>112.166626315477</c:v>
                </c:pt>
                <c:pt idx="6731">
                  <c:v>112.183292976191</c:v>
                </c:pt>
                <c:pt idx="6732">
                  <c:v>112.19995963690501</c:v>
                </c:pt>
                <c:pt idx="6733">
                  <c:v>112.21662629762</c:v>
                </c:pt>
                <c:pt idx="6734">
                  <c:v>112.233292958334</c:v>
                </c:pt>
                <c:pt idx="6735">
                  <c:v>112.249959619048</c:v>
                </c:pt>
                <c:pt idx="6736">
                  <c:v>112.26662627976199</c:v>
                </c:pt>
                <c:pt idx="6737">
                  <c:v>112.283292940477</c:v>
                </c:pt>
                <c:pt idx="6738">
                  <c:v>112.29995960119101</c:v>
                </c:pt>
                <c:pt idx="6739">
                  <c:v>112.316626261905</c:v>
                </c:pt>
                <c:pt idx="6740">
                  <c:v>112.33329292262</c:v>
                </c:pt>
                <c:pt idx="6741">
                  <c:v>112.349959583334</c:v>
                </c:pt>
                <c:pt idx="6742">
                  <c:v>112.36662624404801</c:v>
                </c:pt>
                <c:pt idx="6743">
                  <c:v>112.383292904762</c:v>
                </c:pt>
                <c:pt idx="6744">
                  <c:v>112.399959565477</c:v>
                </c:pt>
                <c:pt idx="6745">
                  <c:v>112.416626226191</c:v>
                </c:pt>
                <c:pt idx="6746">
                  <c:v>112.43329288690499</c:v>
                </c:pt>
                <c:pt idx="6747">
                  <c:v>112.44995954762</c:v>
                </c:pt>
                <c:pt idx="6748">
                  <c:v>112.46662620833401</c:v>
                </c:pt>
                <c:pt idx="6749">
                  <c:v>112.483292869048</c:v>
                </c:pt>
                <c:pt idx="6750">
                  <c:v>112.49995952976199</c:v>
                </c:pt>
                <c:pt idx="6751">
                  <c:v>112.516626190477</c:v>
                </c:pt>
                <c:pt idx="6752">
                  <c:v>112.53329285119101</c:v>
                </c:pt>
                <c:pt idx="6753">
                  <c:v>112.549959511905</c:v>
                </c:pt>
                <c:pt idx="6754">
                  <c:v>112.56662617262</c:v>
                </c:pt>
                <c:pt idx="6755">
                  <c:v>112.583292833334</c:v>
                </c:pt>
                <c:pt idx="6756">
                  <c:v>112.59995949404799</c:v>
                </c:pt>
                <c:pt idx="6757">
                  <c:v>112.616626154762</c:v>
                </c:pt>
                <c:pt idx="6758">
                  <c:v>112.63329281547701</c:v>
                </c:pt>
                <c:pt idx="6759">
                  <c:v>112.649959476191</c:v>
                </c:pt>
                <c:pt idx="6760">
                  <c:v>112.66662613690499</c:v>
                </c:pt>
                <c:pt idx="6761">
                  <c:v>112.68329279762</c:v>
                </c:pt>
                <c:pt idx="6762">
                  <c:v>112.69995945833401</c:v>
                </c:pt>
                <c:pt idx="6763">
                  <c:v>112.716626119048</c:v>
                </c:pt>
                <c:pt idx="6764">
                  <c:v>112.733292779762</c:v>
                </c:pt>
                <c:pt idx="6765">
                  <c:v>112.749959440477</c:v>
                </c:pt>
                <c:pt idx="6766">
                  <c:v>112.76662610119099</c:v>
                </c:pt>
                <c:pt idx="6767">
                  <c:v>112.783292761905</c:v>
                </c:pt>
                <c:pt idx="6768">
                  <c:v>112.79995942262001</c:v>
                </c:pt>
                <c:pt idx="6769">
                  <c:v>112.816626083334</c:v>
                </c:pt>
                <c:pt idx="6770">
                  <c:v>112.83329274404799</c:v>
                </c:pt>
                <c:pt idx="6771">
                  <c:v>112.849959404762</c:v>
                </c:pt>
                <c:pt idx="6772">
                  <c:v>112.86662606547701</c:v>
                </c:pt>
                <c:pt idx="6773">
                  <c:v>112.883292726191</c:v>
                </c:pt>
                <c:pt idx="6774">
                  <c:v>112.899959386905</c:v>
                </c:pt>
                <c:pt idx="6775">
                  <c:v>112.91662604762</c:v>
                </c:pt>
                <c:pt idx="6776">
                  <c:v>112.93329270833399</c:v>
                </c:pt>
                <c:pt idx="6777">
                  <c:v>112.949959369048</c:v>
                </c:pt>
                <c:pt idx="6778">
                  <c:v>112.966626029762</c:v>
                </c:pt>
                <c:pt idx="6779">
                  <c:v>112.983292690477</c:v>
                </c:pt>
                <c:pt idx="6780">
                  <c:v>112.99995935119099</c:v>
                </c:pt>
                <c:pt idx="6781">
                  <c:v>113.016626011905</c:v>
                </c:pt>
                <c:pt idx="6782">
                  <c:v>113.03329267261999</c:v>
                </c:pt>
                <c:pt idx="6783">
                  <c:v>113.049959333334</c:v>
                </c:pt>
                <c:pt idx="6784">
                  <c:v>113.066625994048</c:v>
                </c:pt>
                <c:pt idx="6785">
                  <c:v>113.083292654762</c:v>
                </c:pt>
                <c:pt idx="6786">
                  <c:v>113.09995931547699</c:v>
                </c:pt>
                <c:pt idx="6787">
                  <c:v>113.116625976191</c:v>
                </c:pt>
                <c:pt idx="6788">
                  <c:v>113.133292636905</c:v>
                </c:pt>
                <c:pt idx="6789">
                  <c:v>113.14995929762</c:v>
                </c:pt>
                <c:pt idx="6790">
                  <c:v>113.166625958334</c:v>
                </c:pt>
                <c:pt idx="6791">
                  <c:v>113.183292619048</c:v>
                </c:pt>
                <c:pt idx="6792">
                  <c:v>113.199959279762</c:v>
                </c:pt>
                <c:pt idx="6793">
                  <c:v>113.216625940477</c:v>
                </c:pt>
                <c:pt idx="6794">
                  <c:v>113.233292601191</c:v>
                </c:pt>
                <c:pt idx="6795">
                  <c:v>113.249959261905</c:v>
                </c:pt>
                <c:pt idx="6796">
                  <c:v>113.26662592261999</c:v>
                </c:pt>
                <c:pt idx="6797">
                  <c:v>113.283292583334</c:v>
                </c:pt>
                <c:pt idx="6798">
                  <c:v>113.299959244048</c:v>
                </c:pt>
                <c:pt idx="6799">
                  <c:v>113.31662590476201</c:v>
                </c:pt>
                <c:pt idx="6800">
                  <c:v>113.333292565477</c:v>
                </c:pt>
                <c:pt idx="6801">
                  <c:v>113.349959226191</c:v>
                </c:pt>
                <c:pt idx="6802">
                  <c:v>113.366625886905</c:v>
                </c:pt>
                <c:pt idx="6803">
                  <c:v>113.38329254762</c:v>
                </c:pt>
                <c:pt idx="6804">
                  <c:v>113.399959208334</c:v>
                </c:pt>
                <c:pt idx="6805">
                  <c:v>113.416625869048</c:v>
                </c:pt>
                <c:pt idx="6806">
                  <c:v>113.433292529762</c:v>
                </c:pt>
                <c:pt idx="6807">
                  <c:v>113.449959190477</c:v>
                </c:pt>
                <c:pt idx="6808">
                  <c:v>113.466625851191</c:v>
                </c:pt>
                <c:pt idx="6809">
                  <c:v>113.48329251190501</c:v>
                </c:pt>
                <c:pt idx="6810">
                  <c:v>113.49995917262</c:v>
                </c:pt>
                <c:pt idx="6811">
                  <c:v>113.516625833334</c:v>
                </c:pt>
                <c:pt idx="6812">
                  <c:v>113.533292494048</c:v>
                </c:pt>
                <c:pt idx="6813">
                  <c:v>113.54995915476201</c:v>
                </c:pt>
                <c:pt idx="6814">
                  <c:v>113.566625815477</c:v>
                </c:pt>
                <c:pt idx="6815">
                  <c:v>113.583292476191</c:v>
                </c:pt>
                <c:pt idx="6816">
                  <c:v>113.599959136905</c:v>
                </c:pt>
                <c:pt idx="6817">
                  <c:v>113.61662579762</c:v>
                </c:pt>
                <c:pt idx="6818">
                  <c:v>113.633292458334</c:v>
                </c:pt>
                <c:pt idx="6819">
                  <c:v>113.64995911904801</c:v>
                </c:pt>
                <c:pt idx="6820">
                  <c:v>113.666625779762</c:v>
                </c:pt>
                <c:pt idx="6821">
                  <c:v>113.683292440477</c:v>
                </c:pt>
                <c:pt idx="6822">
                  <c:v>113.699959101191</c:v>
                </c:pt>
                <c:pt idx="6823">
                  <c:v>113.71662576190499</c:v>
                </c:pt>
                <c:pt idx="6824">
                  <c:v>113.73329242262</c:v>
                </c:pt>
                <c:pt idx="6825">
                  <c:v>113.74995908333401</c:v>
                </c:pt>
                <c:pt idx="6826">
                  <c:v>113.766625744048</c:v>
                </c:pt>
                <c:pt idx="6827">
                  <c:v>113.78329240476199</c:v>
                </c:pt>
                <c:pt idx="6828">
                  <c:v>113.799959065477</c:v>
                </c:pt>
                <c:pt idx="6829">
                  <c:v>113.81662572619101</c:v>
                </c:pt>
                <c:pt idx="6830">
                  <c:v>113.833292386905</c:v>
                </c:pt>
                <c:pt idx="6831">
                  <c:v>113.84995904762</c:v>
                </c:pt>
                <c:pt idx="6832">
                  <c:v>113.866625708334</c:v>
                </c:pt>
                <c:pt idx="6833">
                  <c:v>113.88329236904799</c:v>
                </c:pt>
                <c:pt idx="6834">
                  <c:v>113.899959029762</c:v>
                </c:pt>
                <c:pt idx="6835">
                  <c:v>113.91662569047701</c:v>
                </c:pt>
                <c:pt idx="6836">
                  <c:v>113.933292351191</c:v>
                </c:pt>
                <c:pt idx="6837">
                  <c:v>113.94995901190499</c:v>
                </c:pt>
                <c:pt idx="6838">
                  <c:v>113.96662567262</c:v>
                </c:pt>
                <c:pt idx="6839">
                  <c:v>113.98329233333401</c:v>
                </c:pt>
                <c:pt idx="6840">
                  <c:v>113.999958994048</c:v>
                </c:pt>
                <c:pt idx="6841">
                  <c:v>114.016625654762</c:v>
                </c:pt>
                <c:pt idx="6842">
                  <c:v>114.033292315477</c:v>
                </c:pt>
                <c:pt idx="6843">
                  <c:v>114.04995897619099</c:v>
                </c:pt>
                <c:pt idx="6844">
                  <c:v>114.066625636905</c:v>
                </c:pt>
                <c:pt idx="6845">
                  <c:v>114.08329229762001</c:v>
                </c:pt>
                <c:pt idx="6846">
                  <c:v>114.099958958334</c:v>
                </c:pt>
                <c:pt idx="6847">
                  <c:v>114.11662561904799</c:v>
                </c:pt>
                <c:pt idx="6848">
                  <c:v>114.133292279762</c:v>
                </c:pt>
                <c:pt idx="6849">
                  <c:v>114.14995894047701</c:v>
                </c:pt>
                <c:pt idx="6850">
                  <c:v>114.166625601191</c:v>
                </c:pt>
                <c:pt idx="6851">
                  <c:v>114.183292261905</c:v>
                </c:pt>
                <c:pt idx="6852">
                  <c:v>114.19995892262</c:v>
                </c:pt>
                <c:pt idx="6853">
                  <c:v>114.21662558333399</c:v>
                </c:pt>
                <c:pt idx="6854">
                  <c:v>114.233292244048</c:v>
                </c:pt>
                <c:pt idx="6855">
                  <c:v>114.249958904762</c:v>
                </c:pt>
                <c:pt idx="6856">
                  <c:v>114.266625565477</c:v>
                </c:pt>
                <c:pt idx="6857">
                  <c:v>114.28329222619099</c:v>
                </c:pt>
                <c:pt idx="6858">
                  <c:v>114.299958886905</c:v>
                </c:pt>
                <c:pt idx="6859">
                  <c:v>114.31662554762001</c:v>
                </c:pt>
                <c:pt idx="6860">
                  <c:v>114.333292208334</c:v>
                </c:pt>
                <c:pt idx="6861">
                  <c:v>114.349958869048</c:v>
                </c:pt>
                <c:pt idx="6862">
                  <c:v>114.366625529762</c:v>
                </c:pt>
                <c:pt idx="6863">
                  <c:v>114.38329219047699</c:v>
                </c:pt>
                <c:pt idx="6864">
                  <c:v>114.399958851191</c:v>
                </c:pt>
                <c:pt idx="6865">
                  <c:v>114.416625511905</c:v>
                </c:pt>
                <c:pt idx="6866">
                  <c:v>114.43329217262</c:v>
                </c:pt>
                <c:pt idx="6867">
                  <c:v>114.44995883333399</c:v>
                </c:pt>
                <c:pt idx="6868">
                  <c:v>114.466625494048</c:v>
                </c:pt>
                <c:pt idx="6869">
                  <c:v>114.483292154762</c:v>
                </c:pt>
                <c:pt idx="6870">
                  <c:v>114.499958815477</c:v>
                </c:pt>
                <c:pt idx="6871">
                  <c:v>114.516625476191</c:v>
                </c:pt>
                <c:pt idx="6872">
                  <c:v>114.533292136905</c:v>
                </c:pt>
                <c:pt idx="6873">
                  <c:v>114.54995879761999</c:v>
                </c:pt>
                <c:pt idx="6874">
                  <c:v>114.566625458334</c:v>
                </c:pt>
                <c:pt idx="6875">
                  <c:v>114.583292119048</c:v>
                </c:pt>
                <c:pt idx="6876">
                  <c:v>114.59995877976201</c:v>
                </c:pt>
                <c:pt idx="6877">
                  <c:v>114.61662544047699</c:v>
                </c:pt>
                <c:pt idx="6878">
                  <c:v>114.633292101191</c:v>
                </c:pt>
                <c:pt idx="6879">
                  <c:v>114.649958761905</c:v>
                </c:pt>
                <c:pt idx="6880">
                  <c:v>114.66662542262</c:v>
                </c:pt>
                <c:pt idx="6881">
                  <c:v>114.683292083334</c:v>
                </c:pt>
                <c:pt idx="6882">
                  <c:v>114.699958744048</c:v>
                </c:pt>
                <c:pt idx="6883">
                  <c:v>114.716625404762</c:v>
                </c:pt>
                <c:pt idx="6884">
                  <c:v>114.733292065477</c:v>
                </c:pt>
                <c:pt idx="6885">
                  <c:v>114.749958726191</c:v>
                </c:pt>
                <c:pt idx="6886">
                  <c:v>114.76662538690501</c:v>
                </c:pt>
                <c:pt idx="6887">
                  <c:v>114.78329204761999</c:v>
                </c:pt>
                <c:pt idx="6888">
                  <c:v>114.799958708334</c:v>
                </c:pt>
                <c:pt idx="6889">
                  <c:v>114.816625369048</c:v>
                </c:pt>
                <c:pt idx="6890">
                  <c:v>114.83329202976201</c:v>
                </c:pt>
                <c:pt idx="6891">
                  <c:v>114.849958690477</c:v>
                </c:pt>
                <c:pt idx="6892">
                  <c:v>114.866625351191</c:v>
                </c:pt>
                <c:pt idx="6893">
                  <c:v>114.883292011905</c:v>
                </c:pt>
                <c:pt idx="6894">
                  <c:v>114.89995867262</c:v>
                </c:pt>
                <c:pt idx="6895">
                  <c:v>114.916625333334</c:v>
                </c:pt>
                <c:pt idx="6896">
                  <c:v>114.93329199404801</c:v>
                </c:pt>
                <c:pt idx="6897">
                  <c:v>114.949958654762</c:v>
                </c:pt>
                <c:pt idx="6898">
                  <c:v>114.966625315477</c:v>
                </c:pt>
                <c:pt idx="6899">
                  <c:v>114.983291976191</c:v>
                </c:pt>
                <c:pt idx="6900">
                  <c:v>114.99995863690501</c:v>
                </c:pt>
                <c:pt idx="6901">
                  <c:v>115.01662529762</c:v>
                </c:pt>
                <c:pt idx="6902">
                  <c:v>115.033291958334</c:v>
                </c:pt>
                <c:pt idx="6903">
                  <c:v>115.049958619048</c:v>
                </c:pt>
                <c:pt idx="6904">
                  <c:v>115.06662527976199</c:v>
                </c:pt>
                <c:pt idx="6905">
                  <c:v>115.083291940477</c:v>
                </c:pt>
                <c:pt idx="6906">
                  <c:v>115.09995860119101</c:v>
                </c:pt>
                <c:pt idx="6907">
                  <c:v>115.116625261905</c:v>
                </c:pt>
                <c:pt idx="6908">
                  <c:v>115.13329192262</c:v>
                </c:pt>
                <c:pt idx="6909">
                  <c:v>115.149958583334</c:v>
                </c:pt>
                <c:pt idx="6910">
                  <c:v>115.16662524404801</c:v>
                </c:pt>
                <c:pt idx="6911">
                  <c:v>115.183291904762</c:v>
                </c:pt>
                <c:pt idx="6912">
                  <c:v>115.199958565477</c:v>
                </c:pt>
                <c:pt idx="6913">
                  <c:v>115.216625226191</c:v>
                </c:pt>
                <c:pt idx="6914">
                  <c:v>115.23329188690499</c:v>
                </c:pt>
                <c:pt idx="6915">
                  <c:v>115.24995854762</c:v>
                </c:pt>
                <c:pt idx="6916">
                  <c:v>115.26662520833401</c:v>
                </c:pt>
                <c:pt idx="6917">
                  <c:v>115.283291869048</c:v>
                </c:pt>
                <c:pt idx="6918">
                  <c:v>115.29995852976199</c:v>
                </c:pt>
                <c:pt idx="6919">
                  <c:v>115.316625190477</c:v>
                </c:pt>
                <c:pt idx="6920">
                  <c:v>115.33329185119101</c:v>
                </c:pt>
                <c:pt idx="6921">
                  <c:v>115.349958511905</c:v>
                </c:pt>
                <c:pt idx="6922">
                  <c:v>115.36662517262</c:v>
                </c:pt>
                <c:pt idx="6923">
                  <c:v>115.383291833334</c:v>
                </c:pt>
                <c:pt idx="6924">
                  <c:v>115.39995849404799</c:v>
                </c:pt>
                <c:pt idx="6925">
                  <c:v>115.416625154762</c:v>
                </c:pt>
                <c:pt idx="6926">
                  <c:v>115.43329181547701</c:v>
                </c:pt>
                <c:pt idx="6927">
                  <c:v>115.449958476191</c:v>
                </c:pt>
                <c:pt idx="6928">
                  <c:v>115.46662513690499</c:v>
                </c:pt>
                <c:pt idx="6929">
                  <c:v>115.48329179762</c:v>
                </c:pt>
                <c:pt idx="6930">
                  <c:v>115.49995845833401</c:v>
                </c:pt>
                <c:pt idx="6931">
                  <c:v>115.516625119048</c:v>
                </c:pt>
                <c:pt idx="6932">
                  <c:v>115.533291779762</c:v>
                </c:pt>
                <c:pt idx="6933">
                  <c:v>115.549958440477</c:v>
                </c:pt>
                <c:pt idx="6934">
                  <c:v>115.56662510119099</c:v>
                </c:pt>
                <c:pt idx="6935">
                  <c:v>115.583291761905</c:v>
                </c:pt>
                <c:pt idx="6936">
                  <c:v>115.59995842262001</c:v>
                </c:pt>
                <c:pt idx="6937">
                  <c:v>115.616625083334</c:v>
                </c:pt>
                <c:pt idx="6938">
                  <c:v>115.63329174404799</c:v>
                </c:pt>
                <c:pt idx="6939">
                  <c:v>115.649958404762</c:v>
                </c:pt>
                <c:pt idx="6940">
                  <c:v>115.66662506547701</c:v>
                </c:pt>
                <c:pt idx="6941">
                  <c:v>115.683291726191</c:v>
                </c:pt>
                <c:pt idx="6942">
                  <c:v>115.699958386905</c:v>
                </c:pt>
                <c:pt idx="6943">
                  <c:v>115.71662504762</c:v>
                </c:pt>
                <c:pt idx="6944">
                  <c:v>115.73329170833399</c:v>
                </c:pt>
                <c:pt idx="6945">
                  <c:v>115.749958369048</c:v>
                </c:pt>
                <c:pt idx="6946">
                  <c:v>115.766625029762</c:v>
                </c:pt>
                <c:pt idx="6947">
                  <c:v>115.783291690477</c:v>
                </c:pt>
                <c:pt idx="6948">
                  <c:v>115.79995835119099</c:v>
                </c:pt>
                <c:pt idx="6949">
                  <c:v>115.816625011905</c:v>
                </c:pt>
                <c:pt idx="6950">
                  <c:v>115.83329167262001</c:v>
                </c:pt>
                <c:pt idx="6951">
                  <c:v>115.849958333334</c:v>
                </c:pt>
                <c:pt idx="6952">
                  <c:v>115.866624994048</c:v>
                </c:pt>
                <c:pt idx="6953">
                  <c:v>115.883291654762</c:v>
                </c:pt>
                <c:pt idx="6954">
                  <c:v>115.89995831547699</c:v>
                </c:pt>
                <c:pt idx="6955">
                  <c:v>115.916624976191</c:v>
                </c:pt>
                <c:pt idx="6956">
                  <c:v>115.933291636905</c:v>
                </c:pt>
                <c:pt idx="6957">
                  <c:v>115.94995829762</c:v>
                </c:pt>
                <c:pt idx="6958">
                  <c:v>115.96662495833399</c:v>
                </c:pt>
                <c:pt idx="6959">
                  <c:v>115.983291619048</c:v>
                </c:pt>
                <c:pt idx="6960">
                  <c:v>115.999958279762</c:v>
                </c:pt>
                <c:pt idx="6961">
                  <c:v>116.016624940477</c:v>
                </c:pt>
                <c:pt idx="6962">
                  <c:v>116.033291601191</c:v>
                </c:pt>
                <c:pt idx="6963">
                  <c:v>116.049958261905</c:v>
                </c:pt>
                <c:pt idx="6964">
                  <c:v>116.06662492261999</c:v>
                </c:pt>
                <c:pt idx="6965">
                  <c:v>116.083291583334</c:v>
                </c:pt>
                <c:pt idx="6966">
                  <c:v>116.099958244048</c:v>
                </c:pt>
                <c:pt idx="6967">
                  <c:v>116.11662490476201</c:v>
                </c:pt>
                <c:pt idx="6968">
                  <c:v>116.13329156547699</c:v>
                </c:pt>
                <c:pt idx="6969">
                  <c:v>116.149958226191</c:v>
                </c:pt>
                <c:pt idx="6970">
                  <c:v>116.166624886905</c:v>
                </c:pt>
                <c:pt idx="6971">
                  <c:v>116.18329154762</c:v>
                </c:pt>
                <c:pt idx="6972">
                  <c:v>116.199958208334</c:v>
                </c:pt>
                <c:pt idx="6973">
                  <c:v>116.216624869048</c:v>
                </c:pt>
                <c:pt idx="6974">
                  <c:v>116.233291529762</c:v>
                </c:pt>
                <c:pt idx="6975">
                  <c:v>116.249958190477</c:v>
                </c:pt>
                <c:pt idx="6976">
                  <c:v>116.266624851191</c:v>
                </c:pt>
                <c:pt idx="6977">
                  <c:v>116.28329151190501</c:v>
                </c:pt>
                <c:pt idx="6978">
                  <c:v>116.29995817261999</c:v>
                </c:pt>
                <c:pt idx="6979">
                  <c:v>116.316624833334</c:v>
                </c:pt>
                <c:pt idx="6980">
                  <c:v>116.333291494048</c:v>
                </c:pt>
                <c:pt idx="6981">
                  <c:v>116.34995815476201</c:v>
                </c:pt>
                <c:pt idx="6982">
                  <c:v>116.366624815477</c:v>
                </c:pt>
                <c:pt idx="6983">
                  <c:v>116.383291476191</c:v>
                </c:pt>
                <c:pt idx="6984">
                  <c:v>116.399958136905</c:v>
                </c:pt>
                <c:pt idx="6985">
                  <c:v>116.41662479762</c:v>
                </c:pt>
                <c:pt idx="6986">
                  <c:v>116.433291458334</c:v>
                </c:pt>
                <c:pt idx="6987">
                  <c:v>116.44995811904801</c:v>
                </c:pt>
                <c:pt idx="6988">
                  <c:v>116.466624779762</c:v>
                </c:pt>
                <c:pt idx="6989">
                  <c:v>116.483291440477</c:v>
                </c:pt>
                <c:pt idx="6990">
                  <c:v>116.499958101191</c:v>
                </c:pt>
                <c:pt idx="6991">
                  <c:v>116.51662476190501</c:v>
                </c:pt>
                <c:pt idx="6992">
                  <c:v>116.53329142262</c:v>
                </c:pt>
                <c:pt idx="6993">
                  <c:v>116.549958083334</c:v>
                </c:pt>
                <c:pt idx="6994">
                  <c:v>116.566624744048</c:v>
                </c:pt>
                <c:pt idx="6995">
                  <c:v>116.58329140476199</c:v>
                </c:pt>
                <c:pt idx="6996">
                  <c:v>116.599958065477</c:v>
                </c:pt>
                <c:pt idx="6997">
                  <c:v>116.61662472619101</c:v>
                </c:pt>
                <c:pt idx="6998">
                  <c:v>116.633291386905</c:v>
                </c:pt>
                <c:pt idx="6999">
                  <c:v>116.64995804762</c:v>
                </c:pt>
                <c:pt idx="7000">
                  <c:v>116.666624708334</c:v>
                </c:pt>
                <c:pt idx="7001">
                  <c:v>116.68329136904801</c:v>
                </c:pt>
                <c:pt idx="7002">
                  <c:v>116.699958029762</c:v>
                </c:pt>
                <c:pt idx="7003">
                  <c:v>116.716624690477</c:v>
                </c:pt>
                <c:pt idx="7004">
                  <c:v>116.733291351191</c:v>
                </c:pt>
                <c:pt idx="7005">
                  <c:v>116.74995801190499</c:v>
                </c:pt>
                <c:pt idx="7006">
                  <c:v>116.76662467262</c:v>
                </c:pt>
                <c:pt idx="7007">
                  <c:v>116.78329133333401</c:v>
                </c:pt>
                <c:pt idx="7008">
                  <c:v>116.799957994048</c:v>
                </c:pt>
                <c:pt idx="7009">
                  <c:v>116.81662465476199</c:v>
                </c:pt>
                <c:pt idx="7010">
                  <c:v>116.833291315477</c:v>
                </c:pt>
                <c:pt idx="7011">
                  <c:v>116.84995797619101</c:v>
                </c:pt>
                <c:pt idx="7012">
                  <c:v>116.866624636905</c:v>
                </c:pt>
                <c:pt idx="7013">
                  <c:v>116.88329129762</c:v>
                </c:pt>
                <c:pt idx="7014">
                  <c:v>116.899957958334</c:v>
                </c:pt>
                <c:pt idx="7015">
                  <c:v>116.91662461904799</c:v>
                </c:pt>
                <c:pt idx="7016">
                  <c:v>116.933291279762</c:v>
                </c:pt>
                <c:pt idx="7017">
                  <c:v>116.94995794047701</c:v>
                </c:pt>
                <c:pt idx="7018">
                  <c:v>116.966624601191</c:v>
                </c:pt>
                <c:pt idx="7019">
                  <c:v>116.98329126190499</c:v>
                </c:pt>
                <c:pt idx="7020">
                  <c:v>116.99995792262</c:v>
                </c:pt>
                <c:pt idx="7021">
                  <c:v>117.01662458333401</c:v>
                </c:pt>
                <c:pt idx="7022">
                  <c:v>117.033291244048</c:v>
                </c:pt>
                <c:pt idx="7023">
                  <c:v>117.049957904763</c:v>
                </c:pt>
                <c:pt idx="7024">
                  <c:v>117.066624565477</c:v>
                </c:pt>
                <c:pt idx="7025">
                  <c:v>117.08329122619099</c:v>
                </c:pt>
                <c:pt idx="7026">
                  <c:v>117.099957886905</c:v>
                </c:pt>
                <c:pt idx="7027">
                  <c:v>117.11662454762001</c:v>
                </c:pt>
                <c:pt idx="7028">
                  <c:v>117.133291208334</c:v>
                </c:pt>
                <c:pt idx="7029">
                  <c:v>117.149957869048</c:v>
                </c:pt>
                <c:pt idx="7030">
                  <c:v>117.166624529762</c:v>
                </c:pt>
                <c:pt idx="7031">
                  <c:v>117.18329119047699</c:v>
                </c:pt>
                <c:pt idx="7032">
                  <c:v>117.199957851191</c:v>
                </c:pt>
                <c:pt idx="7033">
                  <c:v>117.216624511905</c:v>
                </c:pt>
                <c:pt idx="7034">
                  <c:v>117.23329117262</c:v>
                </c:pt>
                <c:pt idx="7035">
                  <c:v>117.24995783333399</c:v>
                </c:pt>
                <c:pt idx="7036">
                  <c:v>117.266624494048</c:v>
                </c:pt>
                <c:pt idx="7037">
                  <c:v>117.28329115476301</c:v>
                </c:pt>
                <c:pt idx="7038">
                  <c:v>117.299957815477</c:v>
                </c:pt>
                <c:pt idx="7039">
                  <c:v>117.316624476191</c:v>
                </c:pt>
                <c:pt idx="7040">
                  <c:v>117.333291136905</c:v>
                </c:pt>
                <c:pt idx="7041">
                  <c:v>117.34995779761999</c:v>
                </c:pt>
                <c:pt idx="7042">
                  <c:v>117.366624458334</c:v>
                </c:pt>
                <c:pt idx="7043">
                  <c:v>117.383291119048</c:v>
                </c:pt>
                <c:pt idx="7044">
                  <c:v>117.399957779762</c:v>
                </c:pt>
                <c:pt idx="7045">
                  <c:v>117.41662444047699</c:v>
                </c:pt>
                <c:pt idx="7046">
                  <c:v>117.433291101191</c:v>
                </c:pt>
                <c:pt idx="7047">
                  <c:v>117.449957761905</c:v>
                </c:pt>
                <c:pt idx="7048">
                  <c:v>117.46662442262</c:v>
                </c:pt>
                <c:pt idx="7049">
                  <c:v>117.483291083334</c:v>
                </c:pt>
                <c:pt idx="7050">
                  <c:v>117.499957744048</c:v>
                </c:pt>
                <c:pt idx="7051">
                  <c:v>117.51662440476299</c:v>
                </c:pt>
                <c:pt idx="7052">
                  <c:v>117.533291065477</c:v>
                </c:pt>
                <c:pt idx="7053">
                  <c:v>117.549957726191</c:v>
                </c:pt>
                <c:pt idx="7054">
                  <c:v>117.566624386905</c:v>
                </c:pt>
                <c:pt idx="7055">
                  <c:v>117.58329104761999</c:v>
                </c:pt>
                <c:pt idx="7056">
                  <c:v>117.599957708334</c:v>
                </c:pt>
                <c:pt idx="7057">
                  <c:v>117.616624369048</c:v>
                </c:pt>
                <c:pt idx="7058">
                  <c:v>117.63329102976201</c:v>
                </c:pt>
                <c:pt idx="7059">
                  <c:v>117.649957690477</c:v>
                </c:pt>
                <c:pt idx="7060">
                  <c:v>117.666624351191</c:v>
                </c:pt>
                <c:pt idx="7061">
                  <c:v>117.683291011905</c:v>
                </c:pt>
                <c:pt idx="7062">
                  <c:v>117.69995767262</c:v>
                </c:pt>
                <c:pt idx="7063">
                  <c:v>117.716624333334</c:v>
                </c:pt>
                <c:pt idx="7064">
                  <c:v>117.73329099404801</c:v>
                </c:pt>
                <c:pt idx="7065">
                  <c:v>117.74995765476299</c:v>
                </c:pt>
                <c:pt idx="7066">
                  <c:v>117.766624315477</c:v>
                </c:pt>
                <c:pt idx="7067">
                  <c:v>117.783290976191</c:v>
                </c:pt>
                <c:pt idx="7068">
                  <c:v>117.79995763690501</c:v>
                </c:pt>
                <c:pt idx="7069">
                  <c:v>117.81662429762</c:v>
                </c:pt>
                <c:pt idx="7070">
                  <c:v>117.833290958334</c:v>
                </c:pt>
                <c:pt idx="7071">
                  <c:v>117.849957619048</c:v>
                </c:pt>
                <c:pt idx="7072">
                  <c:v>117.86662427976199</c:v>
                </c:pt>
                <c:pt idx="7073">
                  <c:v>117.883290940477</c:v>
                </c:pt>
                <c:pt idx="7074">
                  <c:v>117.89995760119101</c:v>
                </c:pt>
                <c:pt idx="7075">
                  <c:v>117.916624261905</c:v>
                </c:pt>
                <c:pt idx="7076">
                  <c:v>117.93329092262</c:v>
                </c:pt>
                <c:pt idx="7077">
                  <c:v>117.949957583334</c:v>
                </c:pt>
                <c:pt idx="7078">
                  <c:v>117.96662424404801</c:v>
                </c:pt>
                <c:pt idx="7079">
                  <c:v>117.983290904763</c:v>
                </c:pt>
                <c:pt idx="7080">
                  <c:v>117.999957565477</c:v>
                </c:pt>
                <c:pt idx="7081">
                  <c:v>118.016624226191</c:v>
                </c:pt>
                <c:pt idx="7082">
                  <c:v>118.03329088690499</c:v>
                </c:pt>
                <c:pt idx="7083">
                  <c:v>118.04995754762</c:v>
                </c:pt>
                <c:pt idx="7084">
                  <c:v>118.06662420833401</c:v>
                </c:pt>
                <c:pt idx="7085">
                  <c:v>118.083290869048</c:v>
                </c:pt>
                <c:pt idx="7086">
                  <c:v>118.09995752976199</c:v>
                </c:pt>
                <c:pt idx="7087">
                  <c:v>118.116624190477</c:v>
                </c:pt>
                <c:pt idx="7088">
                  <c:v>118.13329085119101</c:v>
                </c:pt>
                <c:pt idx="7089">
                  <c:v>118.149957511905</c:v>
                </c:pt>
                <c:pt idx="7090">
                  <c:v>118.16662417262</c:v>
                </c:pt>
                <c:pt idx="7091">
                  <c:v>118.183290833334</c:v>
                </c:pt>
                <c:pt idx="7092">
                  <c:v>118.19995749404799</c:v>
                </c:pt>
                <c:pt idx="7093">
                  <c:v>118.216624154763</c:v>
                </c:pt>
                <c:pt idx="7094">
                  <c:v>118.23329081547701</c:v>
                </c:pt>
                <c:pt idx="7095">
                  <c:v>118.249957476191</c:v>
                </c:pt>
                <c:pt idx="7096">
                  <c:v>118.26662413690499</c:v>
                </c:pt>
                <c:pt idx="7097">
                  <c:v>118.28329079762</c:v>
                </c:pt>
                <c:pt idx="7098">
                  <c:v>118.29995745833401</c:v>
                </c:pt>
                <c:pt idx="7099">
                  <c:v>118.316624119048</c:v>
                </c:pt>
                <c:pt idx="7100">
                  <c:v>118.333290779762</c:v>
                </c:pt>
                <c:pt idx="7101">
                  <c:v>118.349957440477</c:v>
                </c:pt>
                <c:pt idx="7102">
                  <c:v>118.36662410119099</c:v>
                </c:pt>
                <c:pt idx="7103">
                  <c:v>118.383290761905</c:v>
                </c:pt>
                <c:pt idx="7104">
                  <c:v>118.39995742262001</c:v>
                </c:pt>
                <c:pt idx="7105">
                  <c:v>118.416624083334</c:v>
                </c:pt>
                <c:pt idx="7106">
                  <c:v>118.43329074404799</c:v>
                </c:pt>
                <c:pt idx="7107">
                  <c:v>118.449957404763</c:v>
                </c:pt>
                <c:pt idx="7108">
                  <c:v>118.46662406547701</c:v>
                </c:pt>
                <c:pt idx="7109">
                  <c:v>118.483290726191</c:v>
                </c:pt>
                <c:pt idx="7110">
                  <c:v>118.499957386905</c:v>
                </c:pt>
                <c:pt idx="7111">
                  <c:v>118.51662404762</c:v>
                </c:pt>
                <c:pt idx="7112">
                  <c:v>118.53329070833399</c:v>
                </c:pt>
                <c:pt idx="7113">
                  <c:v>118.549957369048</c:v>
                </c:pt>
                <c:pt idx="7114">
                  <c:v>118.56662402976301</c:v>
                </c:pt>
                <c:pt idx="7115">
                  <c:v>118.583290690477</c:v>
                </c:pt>
                <c:pt idx="7116">
                  <c:v>118.59995735119099</c:v>
                </c:pt>
                <c:pt idx="7117">
                  <c:v>118.616624011905</c:v>
                </c:pt>
                <c:pt idx="7118">
                  <c:v>118.63329067262001</c:v>
                </c:pt>
                <c:pt idx="7119">
                  <c:v>118.649957333334</c:v>
                </c:pt>
                <c:pt idx="7120">
                  <c:v>118.666623994048</c:v>
                </c:pt>
                <c:pt idx="7121">
                  <c:v>118.683290654763</c:v>
                </c:pt>
                <c:pt idx="7122">
                  <c:v>118.69995731547699</c:v>
                </c:pt>
                <c:pt idx="7123">
                  <c:v>118.716623976191</c:v>
                </c:pt>
                <c:pt idx="7124">
                  <c:v>118.733290636905</c:v>
                </c:pt>
                <c:pt idx="7125">
                  <c:v>118.74995729762</c:v>
                </c:pt>
                <c:pt idx="7126">
                  <c:v>118.76662395833399</c:v>
                </c:pt>
                <c:pt idx="7127">
                  <c:v>118.783290619048</c:v>
                </c:pt>
                <c:pt idx="7128">
                  <c:v>118.79995727976301</c:v>
                </c:pt>
                <c:pt idx="7129">
                  <c:v>118.816623940477</c:v>
                </c:pt>
                <c:pt idx="7130">
                  <c:v>118.833290601191</c:v>
                </c:pt>
                <c:pt idx="7131">
                  <c:v>118.849957261905</c:v>
                </c:pt>
                <c:pt idx="7132">
                  <c:v>118.86662392261999</c:v>
                </c:pt>
                <c:pt idx="7133">
                  <c:v>118.883290583334</c:v>
                </c:pt>
                <c:pt idx="7134">
                  <c:v>118.899957244048</c:v>
                </c:pt>
                <c:pt idx="7135">
                  <c:v>118.916623904763</c:v>
                </c:pt>
                <c:pt idx="7136">
                  <c:v>118.93329056547699</c:v>
                </c:pt>
                <c:pt idx="7137">
                  <c:v>118.949957226191</c:v>
                </c:pt>
                <c:pt idx="7138">
                  <c:v>118.966623886905</c:v>
                </c:pt>
                <c:pt idx="7139">
                  <c:v>118.98329054762</c:v>
                </c:pt>
                <c:pt idx="7140">
                  <c:v>118.999957208334</c:v>
                </c:pt>
                <c:pt idx="7141">
                  <c:v>119.016623869048</c:v>
                </c:pt>
                <c:pt idx="7142">
                  <c:v>119.03329052976299</c:v>
                </c:pt>
                <c:pt idx="7143">
                  <c:v>119.049957190477</c:v>
                </c:pt>
                <c:pt idx="7144">
                  <c:v>119.066623851191</c:v>
                </c:pt>
                <c:pt idx="7145">
                  <c:v>119.08329051190501</c:v>
                </c:pt>
                <c:pt idx="7146">
                  <c:v>119.09995717261999</c:v>
                </c:pt>
                <c:pt idx="7147">
                  <c:v>119.116623833334</c:v>
                </c:pt>
                <c:pt idx="7148">
                  <c:v>119.133290494048</c:v>
                </c:pt>
                <c:pt idx="7149">
                  <c:v>119.149957154763</c:v>
                </c:pt>
                <c:pt idx="7150">
                  <c:v>119.166623815477</c:v>
                </c:pt>
                <c:pt idx="7151">
                  <c:v>119.183290476191</c:v>
                </c:pt>
                <c:pt idx="7152">
                  <c:v>119.199957136905</c:v>
                </c:pt>
                <c:pt idx="7153">
                  <c:v>119.21662379762</c:v>
                </c:pt>
                <c:pt idx="7154">
                  <c:v>119.233290458334</c:v>
                </c:pt>
                <c:pt idx="7155">
                  <c:v>119.24995711904801</c:v>
                </c:pt>
                <c:pt idx="7156">
                  <c:v>119.26662377976299</c:v>
                </c:pt>
                <c:pt idx="7157">
                  <c:v>119.283290440477</c:v>
                </c:pt>
                <c:pt idx="7158">
                  <c:v>119.299957101191</c:v>
                </c:pt>
                <c:pt idx="7159">
                  <c:v>119.31662376190501</c:v>
                </c:pt>
                <c:pt idx="7160">
                  <c:v>119.33329042262</c:v>
                </c:pt>
                <c:pt idx="7161">
                  <c:v>119.349957083334</c:v>
                </c:pt>
                <c:pt idx="7162">
                  <c:v>119.366623744048</c:v>
                </c:pt>
                <c:pt idx="7163">
                  <c:v>119.383290404763</c:v>
                </c:pt>
                <c:pt idx="7164">
                  <c:v>119.399957065477</c:v>
                </c:pt>
                <c:pt idx="7165">
                  <c:v>119.41662372619101</c:v>
                </c:pt>
                <c:pt idx="7166">
                  <c:v>119.433290386905</c:v>
                </c:pt>
                <c:pt idx="7167">
                  <c:v>119.44995704762</c:v>
                </c:pt>
                <c:pt idx="7168">
                  <c:v>119.466623708334</c:v>
                </c:pt>
                <c:pt idx="7169">
                  <c:v>119.48329036904801</c:v>
                </c:pt>
                <c:pt idx="7170">
                  <c:v>119.499957029763</c:v>
                </c:pt>
                <c:pt idx="7171">
                  <c:v>119.516623690477</c:v>
                </c:pt>
                <c:pt idx="7172">
                  <c:v>119.533290351191</c:v>
                </c:pt>
                <c:pt idx="7173">
                  <c:v>119.54995701190499</c:v>
                </c:pt>
                <c:pt idx="7174">
                  <c:v>119.56662367262</c:v>
                </c:pt>
                <c:pt idx="7175">
                  <c:v>119.58329033333401</c:v>
                </c:pt>
                <c:pt idx="7176">
                  <c:v>119.599956994048</c:v>
                </c:pt>
                <c:pt idx="7177">
                  <c:v>119.616623654763</c:v>
                </c:pt>
                <c:pt idx="7178">
                  <c:v>119.633290315477</c:v>
                </c:pt>
                <c:pt idx="7179">
                  <c:v>119.64995697619101</c:v>
                </c:pt>
                <c:pt idx="7180">
                  <c:v>119.666623636905</c:v>
                </c:pt>
                <c:pt idx="7181">
                  <c:v>119.68329029762</c:v>
                </c:pt>
                <c:pt idx="7182">
                  <c:v>119.699956958334</c:v>
                </c:pt>
                <c:pt idx="7183">
                  <c:v>119.71662361904799</c:v>
                </c:pt>
                <c:pt idx="7184">
                  <c:v>119.733290279763</c:v>
                </c:pt>
                <c:pt idx="7185">
                  <c:v>119.74995694047701</c:v>
                </c:pt>
                <c:pt idx="7186">
                  <c:v>119.766623601191</c:v>
                </c:pt>
                <c:pt idx="7187">
                  <c:v>119.78329026190499</c:v>
                </c:pt>
                <c:pt idx="7188">
                  <c:v>119.79995692262</c:v>
                </c:pt>
                <c:pt idx="7189">
                  <c:v>119.81662358333401</c:v>
                </c:pt>
                <c:pt idx="7190">
                  <c:v>119.833290244048</c:v>
                </c:pt>
                <c:pt idx="7191">
                  <c:v>119.849956904763</c:v>
                </c:pt>
                <c:pt idx="7192">
                  <c:v>119.866623565477</c:v>
                </c:pt>
                <c:pt idx="7193">
                  <c:v>119.88329022619099</c:v>
                </c:pt>
                <c:pt idx="7194">
                  <c:v>119.899956886905</c:v>
                </c:pt>
                <c:pt idx="7195">
                  <c:v>119.91662354762001</c:v>
                </c:pt>
                <c:pt idx="7196">
                  <c:v>119.933290208334</c:v>
                </c:pt>
                <c:pt idx="7197">
                  <c:v>119.94995686904799</c:v>
                </c:pt>
                <c:pt idx="7198">
                  <c:v>119.966623529763</c:v>
                </c:pt>
                <c:pt idx="7199">
                  <c:v>119.98329019047701</c:v>
                </c:pt>
                <c:pt idx="7200">
                  <c:v>119.999956851191</c:v>
                </c:pt>
                <c:pt idx="7201">
                  <c:v>120.016623511905</c:v>
                </c:pt>
                <c:pt idx="7202">
                  <c:v>120.03329017262</c:v>
                </c:pt>
                <c:pt idx="7203">
                  <c:v>120.04995683333399</c:v>
                </c:pt>
                <c:pt idx="7204">
                  <c:v>120.066623494048</c:v>
                </c:pt>
                <c:pt idx="7205">
                  <c:v>120.08329015476301</c:v>
                </c:pt>
                <c:pt idx="7206">
                  <c:v>120.099956815477</c:v>
                </c:pt>
                <c:pt idx="7207">
                  <c:v>120.11662347619099</c:v>
                </c:pt>
                <c:pt idx="7208">
                  <c:v>120.133290136905</c:v>
                </c:pt>
                <c:pt idx="7209">
                  <c:v>120.14995679762001</c:v>
                </c:pt>
                <c:pt idx="7210">
                  <c:v>120.166623458334</c:v>
                </c:pt>
                <c:pt idx="7211">
                  <c:v>120.183290119048</c:v>
                </c:pt>
                <c:pt idx="7212">
                  <c:v>120.199956779763</c:v>
                </c:pt>
                <c:pt idx="7213">
                  <c:v>120.21662344047699</c:v>
                </c:pt>
                <c:pt idx="7214">
                  <c:v>120.233290101191</c:v>
                </c:pt>
                <c:pt idx="7215">
                  <c:v>120.249956761905</c:v>
                </c:pt>
                <c:pt idx="7216">
                  <c:v>120.26662342262</c:v>
                </c:pt>
                <c:pt idx="7217">
                  <c:v>120.28329008333399</c:v>
                </c:pt>
                <c:pt idx="7218">
                  <c:v>120.299956744048</c:v>
                </c:pt>
                <c:pt idx="7219">
                  <c:v>120.31662340476301</c:v>
                </c:pt>
                <c:pt idx="7220">
                  <c:v>120.333290065477</c:v>
                </c:pt>
                <c:pt idx="7221">
                  <c:v>120.349956726191</c:v>
                </c:pt>
                <c:pt idx="7222">
                  <c:v>120.366623386905</c:v>
                </c:pt>
                <c:pt idx="7223">
                  <c:v>120.38329004761999</c:v>
                </c:pt>
                <c:pt idx="7224">
                  <c:v>120.399956708334</c:v>
                </c:pt>
                <c:pt idx="7225">
                  <c:v>120.416623369048</c:v>
                </c:pt>
                <c:pt idx="7226">
                  <c:v>120.433290029763</c:v>
                </c:pt>
                <c:pt idx="7227">
                  <c:v>120.44995669047699</c:v>
                </c:pt>
                <c:pt idx="7228">
                  <c:v>120.466623351191</c:v>
                </c:pt>
                <c:pt idx="7229">
                  <c:v>120.483290011905</c:v>
                </c:pt>
                <c:pt idx="7230">
                  <c:v>120.49995667262</c:v>
                </c:pt>
                <c:pt idx="7231">
                  <c:v>120.516623333334</c:v>
                </c:pt>
                <c:pt idx="7232">
                  <c:v>120.533289994048</c:v>
                </c:pt>
                <c:pt idx="7233">
                  <c:v>120.54995665476299</c:v>
                </c:pt>
                <c:pt idx="7234">
                  <c:v>120.566623315477</c:v>
                </c:pt>
                <c:pt idx="7235">
                  <c:v>120.583289976191</c:v>
                </c:pt>
                <c:pt idx="7236">
                  <c:v>120.59995663690501</c:v>
                </c:pt>
                <c:pt idx="7237">
                  <c:v>120.61662329762</c:v>
                </c:pt>
                <c:pt idx="7238">
                  <c:v>120.633289958334</c:v>
                </c:pt>
                <c:pt idx="7239">
                  <c:v>120.649956619048</c:v>
                </c:pt>
                <c:pt idx="7240">
                  <c:v>120.666623279763</c:v>
                </c:pt>
                <c:pt idx="7241">
                  <c:v>120.683289940477</c:v>
                </c:pt>
                <c:pt idx="7242">
                  <c:v>120.699956601191</c:v>
                </c:pt>
                <c:pt idx="7243">
                  <c:v>120.716623261905</c:v>
                </c:pt>
                <c:pt idx="7244">
                  <c:v>120.73328992262</c:v>
                </c:pt>
                <c:pt idx="7245">
                  <c:v>120.749956583334</c:v>
                </c:pt>
                <c:pt idx="7246">
                  <c:v>120.76662324404801</c:v>
                </c:pt>
                <c:pt idx="7247">
                  <c:v>120.783289904763</c:v>
                </c:pt>
                <c:pt idx="7248">
                  <c:v>120.799956565477</c:v>
                </c:pt>
                <c:pt idx="7249">
                  <c:v>120.816623226191</c:v>
                </c:pt>
                <c:pt idx="7250">
                  <c:v>120.83328988690501</c:v>
                </c:pt>
                <c:pt idx="7251">
                  <c:v>120.84995654762</c:v>
                </c:pt>
                <c:pt idx="7252">
                  <c:v>120.866623208334</c:v>
                </c:pt>
                <c:pt idx="7253">
                  <c:v>120.883289869048</c:v>
                </c:pt>
                <c:pt idx="7254">
                  <c:v>120.899956529763</c:v>
                </c:pt>
                <c:pt idx="7255">
                  <c:v>120.916623190477</c:v>
                </c:pt>
                <c:pt idx="7256">
                  <c:v>120.93328985119101</c:v>
                </c:pt>
                <c:pt idx="7257">
                  <c:v>120.949956511905</c:v>
                </c:pt>
                <c:pt idx="7258">
                  <c:v>120.96662317262</c:v>
                </c:pt>
                <c:pt idx="7259">
                  <c:v>120.983289833334</c:v>
                </c:pt>
                <c:pt idx="7260">
                  <c:v>120.99995649404801</c:v>
                </c:pt>
                <c:pt idx="7261">
                  <c:v>121.016623154763</c:v>
                </c:pt>
                <c:pt idx="7262">
                  <c:v>121.033289815477</c:v>
                </c:pt>
                <c:pt idx="7263">
                  <c:v>121.049956476191</c:v>
                </c:pt>
                <c:pt idx="7264">
                  <c:v>121.06662313690499</c:v>
                </c:pt>
                <c:pt idx="7265">
                  <c:v>121.08328979762</c:v>
                </c:pt>
                <c:pt idx="7266">
                  <c:v>121.09995645833401</c:v>
                </c:pt>
                <c:pt idx="7267">
                  <c:v>121.116623119048</c:v>
                </c:pt>
                <c:pt idx="7268">
                  <c:v>121.133289779763</c:v>
                </c:pt>
                <c:pt idx="7269">
                  <c:v>121.149956440477</c:v>
                </c:pt>
                <c:pt idx="7270">
                  <c:v>121.16662310119101</c:v>
                </c:pt>
                <c:pt idx="7271">
                  <c:v>121.183289761905</c:v>
                </c:pt>
                <c:pt idx="7272">
                  <c:v>121.19995642262001</c:v>
                </c:pt>
                <c:pt idx="7273">
                  <c:v>121.216623083334</c:v>
                </c:pt>
                <c:pt idx="7274">
                  <c:v>121.23328974404799</c:v>
                </c:pt>
                <c:pt idx="7275">
                  <c:v>121.249956404763</c:v>
                </c:pt>
                <c:pt idx="7276">
                  <c:v>121.26662306547701</c:v>
                </c:pt>
                <c:pt idx="7277">
                  <c:v>121.283289726191</c:v>
                </c:pt>
                <c:pt idx="7278">
                  <c:v>121.299956386905</c:v>
                </c:pt>
                <c:pt idx="7279">
                  <c:v>121.31662304762</c:v>
                </c:pt>
                <c:pt idx="7280">
                  <c:v>121.33328970833399</c:v>
                </c:pt>
                <c:pt idx="7281">
                  <c:v>121.349956369048</c:v>
                </c:pt>
                <c:pt idx="7282">
                  <c:v>121.36662302976301</c:v>
                </c:pt>
                <c:pt idx="7283">
                  <c:v>121.383289690477</c:v>
                </c:pt>
                <c:pt idx="7284">
                  <c:v>121.39995635119099</c:v>
                </c:pt>
                <c:pt idx="7285">
                  <c:v>121.416623011905</c:v>
                </c:pt>
                <c:pt idx="7286">
                  <c:v>121.43328967262001</c:v>
                </c:pt>
                <c:pt idx="7287">
                  <c:v>121.449956333334</c:v>
                </c:pt>
                <c:pt idx="7288">
                  <c:v>121.466622994048</c:v>
                </c:pt>
                <c:pt idx="7289">
                  <c:v>121.483289654763</c:v>
                </c:pt>
                <c:pt idx="7290">
                  <c:v>121.49995631547699</c:v>
                </c:pt>
                <c:pt idx="7291">
                  <c:v>121.516622976191</c:v>
                </c:pt>
                <c:pt idx="7292">
                  <c:v>121.533289636905</c:v>
                </c:pt>
                <c:pt idx="7293">
                  <c:v>121.54995629762</c:v>
                </c:pt>
                <c:pt idx="7294">
                  <c:v>121.56662295833399</c:v>
                </c:pt>
                <c:pt idx="7295">
                  <c:v>121.583289619048</c:v>
                </c:pt>
                <c:pt idx="7296">
                  <c:v>121.59995627976301</c:v>
                </c:pt>
                <c:pt idx="7297">
                  <c:v>121.616622940477</c:v>
                </c:pt>
                <c:pt idx="7298">
                  <c:v>121.633289601191</c:v>
                </c:pt>
                <c:pt idx="7299">
                  <c:v>121.649956261905</c:v>
                </c:pt>
                <c:pt idx="7300">
                  <c:v>121.66662292261999</c:v>
                </c:pt>
                <c:pt idx="7301">
                  <c:v>121.683289583334</c:v>
                </c:pt>
                <c:pt idx="7302">
                  <c:v>121.699956244048</c:v>
                </c:pt>
                <c:pt idx="7303">
                  <c:v>121.716622904763</c:v>
                </c:pt>
                <c:pt idx="7304">
                  <c:v>121.73328956547699</c:v>
                </c:pt>
                <c:pt idx="7305">
                  <c:v>121.749956226191</c:v>
                </c:pt>
                <c:pt idx="7306">
                  <c:v>121.766622886905</c:v>
                </c:pt>
                <c:pt idx="7307">
                  <c:v>121.78328954762</c:v>
                </c:pt>
                <c:pt idx="7308">
                  <c:v>121.799956208334</c:v>
                </c:pt>
                <c:pt idx="7309">
                  <c:v>121.816622869048</c:v>
                </c:pt>
                <c:pt idx="7310">
                  <c:v>121.83328952976299</c:v>
                </c:pt>
                <c:pt idx="7311">
                  <c:v>121.849956190477</c:v>
                </c:pt>
                <c:pt idx="7312">
                  <c:v>121.866622851191</c:v>
                </c:pt>
                <c:pt idx="7313">
                  <c:v>121.88328951190501</c:v>
                </c:pt>
                <c:pt idx="7314">
                  <c:v>121.89995617261999</c:v>
                </c:pt>
                <c:pt idx="7315">
                  <c:v>121.916622833334</c:v>
                </c:pt>
                <c:pt idx="7316">
                  <c:v>121.933289494048</c:v>
                </c:pt>
                <c:pt idx="7317">
                  <c:v>121.949956154763</c:v>
                </c:pt>
                <c:pt idx="7318">
                  <c:v>121.966622815477</c:v>
                </c:pt>
                <c:pt idx="7319">
                  <c:v>121.983289476191</c:v>
                </c:pt>
                <c:pt idx="7320">
                  <c:v>121.999956136905</c:v>
                </c:pt>
                <c:pt idx="7321">
                  <c:v>122.01662279762</c:v>
                </c:pt>
                <c:pt idx="7322">
                  <c:v>122.033289458334</c:v>
                </c:pt>
                <c:pt idx="7323">
                  <c:v>122.04995611904801</c:v>
                </c:pt>
                <c:pt idx="7324">
                  <c:v>122.06662277976299</c:v>
                </c:pt>
                <c:pt idx="7325">
                  <c:v>122.083289440477</c:v>
                </c:pt>
                <c:pt idx="7326">
                  <c:v>122.099956101191</c:v>
                </c:pt>
                <c:pt idx="7327">
                  <c:v>122.11662276190501</c:v>
                </c:pt>
                <c:pt idx="7328">
                  <c:v>122.13328942262</c:v>
                </c:pt>
                <c:pt idx="7329">
                  <c:v>122.149956083334</c:v>
                </c:pt>
                <c:pt idx="7330">
                  <c:v>122.166622744048</c:v>
                </c:pt>
                <c:pt idx="7331">
                  <c:v>122.183289404763</c:v>
                </c:pt>
                <c:pt idx="7332">
                  <c:v>122.199956065477</c:v>
                </c:pt>
                <c:pt idx="7333">
                  <c:v>122.21662272619101</c:v>
                </c:pt>
                <c:pt idx="7334">
                  <c:v>122.233289386905</c:v>
                </c:pt>
                <c:pt idx="7335">
                  <c:v>122.24995604762</c:v>
                </c:pt>
                <c:pt idx="7336">
                  <c:v>122.266622708334</c:v>
                </c:pt>
                <c:pt idx="7337">
                  <c:v>122.28328936904801</c:v>
                </c:pt>
                <c:pt idx="7338">
                  <c:v>122.299956029763</c:v>
                </c:pt>
                <c:pt idx="7339">
                  <c:v>122.316622690477</c:v>
                </c:pt>
                <c:pt idx="7340">
                  <c:v>122.333289351191</c:v>
                </c:pt>
                <c:pt idx="7341">
                  <c:v>122.34995601190499</c:v>
                </c:pt>
                <c:pt idx="7342">
                  <c:v>122.36662267262</c:v>
                </c:pt>
                <c:pt idx="7343">
                  <c:v>122.38328933333401</c:v>
                </c:pt>
                <c:pt idx="7344">
                  <c:v>122.399955994048</c:v>
                </c:pt>
                <c:pt idx="7345">
                  <c:v>122.416622654763</c:v>
                </c:pt>
                <c:pt idx="7346">
                  <c:v>122.433289315477</c:v>
                </c:pt>
                <c:pt idx="7347">
                  <c:v>122.44995597619101</c:v>
                </c:pt>
                <c:pt idx="7348">
                  <c:v>122.466622636905</c:v>
                </c:pt>
                <c:pt idx="7349">
                  <c:v>122.48328929762</c:v>
                </c:pt>
                <c:pt idx="7350">
                  <c:v>122.499955958334</c:v>
                </c:pt>
                <c:pt idx="7351">
                  <c:v>122.51662261904799</c:v>
                </c:pt>
                <c:pt idx="7352">
                  <c:v>122.533289279763</c:v>
                </c:pt>
                <c:pt idx="7353">
                  <c:v>122.54995594047701</c:v>
                </c:pt>
                <c:pt idx="7354">
                  <c:v>122.566622601191</c:v>
                </c:pt>
                <c:pt idx="7355">
                  <c:v>122.58328926190499</c:v>
                </c:pt>
                <c:pt idx="7356">
                  <c:v>122.59995592262</c:v>
                </c:pt>
                <c:pt idx="7357">
                  <c:v>122.61662258333401</c:v>
                </c:pt>
                <c:pt idx="7358">
                  <c:v>122.633289244048</c:v>
                </c:pt>
                <c:pt idx="7359">
                  <c:v>122.649955904763</c:v>
                </c:pt>
                <c:pt idx="7360">
                  <c:v>122.666622565477</c:v>
                </c:pt>
                <c:pt idx="7361">
                  <c:v>122.68328922619099</c:v>
                </c:pt>
                <c:pt idx="7362">
                  <c:v>122.699955886905</c:v>
                </c:pt>
                <c:pt idx="7363">
                  <c:v>122.71662254762001</c:v>
                </c:pt>
                <c:pt idx="7364">
                  <c:v>122.733289208334</c:v>
                </c:pt>
                <c:pt idx="7365">
                  <c:v>122.74995586904799</c:v>
                </c:pt>
                <c:pt idx="7366">
                  <c:v>122.766622529763</c:v>
                </c:pt>
                <c:pt idx="7367">
                  <c:v>122.78328919047701</c:v>
                </c:pt>
                <c:pt idx="7368">
                  <c:v>122.799955851191</c:v>
                </c:pt>
                <c:pt idx="7369">
                  <c:v>122.816622511905</c:v>
                </c:pt>
                <c:pt idx="7370">
                  <c:v>122.83328917262</c:v>
                </c:pt>
                <c:pt idx="7371">
                  <c:v>122.84995583333399</c:v>
                </c:pt>
                <c:pt idx="7372">
                  <c:v>122.866622494048</c:v>
                </c:pt>
                <c:pt idx="7373">
                  <c:v>122.88328915476301</c:v>
                </c:pt>
                <c:pt idx="7374">
                  <c:v>122.899955815477</c:v>
                </c:pt>
                <c:pt idx="7375">
                  <c:v>122.91662247619099</c:v>
                </c:pt>
                <c:pt idx="7376">
                  <c:v>122.933289136905</c:v>
                </c:pt>
                <c:pt idx="7377">
                  <c:v>122.94995579762001</c:v>
                </c:pt>
                <c:pt idx="7378">
                  <c:v>122.966622458334</c:v>
                </c:pt>
                <c:pt idx="7379">
                  <c:v>122.983289119048</c:v>
                </c:pt>
                <c:pt idx="7380">
                  <c:v>122.999955779763</c:v>
                </c:pt>
                <c:pt idx="7381">
                  <c:v>123.01662244047699</c:v>
                </c:pt>
                <c:pt idx="7382">
                  <c:v>123.033289101191</c:v>
                </c:pt>
                <c:pt idx="7383">
                  <c:v>123.049955761905</c:v>
                </c:pt>
                <c:pt idx="7384">
                  <c:v>123.06662242262</c:v>
                </c:pt>
                <c:pt idx="7385">
                  <c:v>123.08328908333399</c:v>
                </c:pt>
                <c:pt idx="7386">
                  <c:v>123.099955744048</c:v>
                </c:pt>
                <c:pt idx="7387">
                  <c:v>123.11662240476301</c:v>
                </c:pt>
                <c:pt idx="7388">
                  <c:v>123.133289065477</c:v>
                </c:pt>
                <c:pt idx="7389">
                  <c:v>123.149955726191</c:v>
                </c:pt>
                <c:pt idx="7390">
                  <c:v>123.166622386905</c:v>
                </c:pt>
                <c:pt idx="7391">
                  <c:v>123.18328904761999</c:v>
                </c:pt>
                <c:pt idx="7392">
                  <c:v>123.199955708334</c:v>
                </c:pt>
                <c:pt idx="7393">
                  <c:v>123.216622369048</c:v>
                </c:pt>
                <c:pt idx="7394">
                  <c:v>123.233289029763</c:v>
                </c:pt>
                <c:pt idx="7395">
                  <c:v>123.24995569047699</c:v>
                </c:pt>
                <c:pt idx="7396">
                  <c:v>123.266622351191</c:v>
                </c:pt>
                <c:pt idx="7397">
                  <c:v>123.283289011905</c:v>
                </c:pt>
                <c:pt idx="7398">
                  <c:v>123.29995567262</c:v>
                </c:pt>
                <c:pt idx="7399">
                  <c:v>123.316622333334</c:v>
                </c:pt>
                <c:pt idx="7400">
                  <c:v>123.333288994048</c:v>
                </c:pt>
                <c:pt idx="7401">
                  <c:v>123.34995565476299</c:v>
                </c:pt>
                <c:pt idx="7402">
                  <c:v>123.366622315477</c:v>
                </c:pt>
                <c:pt idx="7403">
                  <c:v>123.383288976191</c:v>
                </c:pt>
                <c:pt idx="7404">
                  <c:v>123.39995563690501</c:v>
                </c:pt>
                <c:pt idx="7405">
                  <c:v>123.41662229761999</c:v>
                </c:pt>
                <c:pt idx="7406">
                  <c:v>123.433288958334</c:v>
                </c:pt>
                <c:pt idx="7407">
                  <c:v>123.449955619048</c:v>
                </c:pt>
                <c:pt idx="7408">
                  <c:v>123.466622279763</c:v>
                </c:pt>
                <c:pt idx="7409">
                  <c:v>123.483288940477</c:v>
                </c:pt>
                <c:pt idx="7410">
                  <c:v>123.499955601191</c:v>
                </c:pt>
                <c:pt idx="7411">
                  <c:v>123.516622261905</c:v>
                </c:pt>
                <c:pt idx="7412">
                  <c:v>123.53328892262</c:v>
                </c:pt>
                <c:pt idx="7413">
                  <c:v>123.549955583334</c:v>
                </c:pt>
                <c:pt idx="7414">
                  <c:v>123.56662224404801</c:v>
                </c:pt>
                <c:pt idx="7415">
                  <c:v>123.58328890476299</c:v>
                </c:pt>
                <c:pt idx="7416">
                  <c:v>123.599955565477</c:v>
                </c:pt>
                <c:pt idx="7417">
                  <c:v>123.616622226191</c:v>
                </c:pt>
                <c:pt idx="7418">
                  <c:v>123.63328888690501</c:v>
                </c:pt>
                <c:pt idx="7419">
                  <c:v>123.64995554762</c:v>
                </c:pt>
                <c:pt idx="7420">
                  <c:v>123.666622208334</c:v>
                </c:pt>
                <c:pt idx="7421">
                  <c:v>123.683288869048</c:v>
                </c:pt>
                <c:pt idx="7422">
                  <c:v>123.699955529763</c:v>
                </c:pt>
                <c:pt idx="7423">
                  <c:v>123.716622190477</c:v>
                </c:pt>
                <c:pt idx="7424">
                  <c:v>123.73328885119101</c:v>
                </c:pt>
                <c:pt idx="7425">
                  <c:v>123.749955511905</c:v>
                </c:pt>
                <c:pt idx="7426">
                  <c:v>123.76662217262</c:v>
                </c:pt>
                <c:pt idx="7427">
                  <c:v>123.783288833334</c:v>
                </c:pt>
                <c:pt idx="7428">
                  <c:v>123.79995549404801</c:v>
                </c:pt>
                <c:pt idx="7429">
                  <c:v>123.816622154763</c:v>
                </c:pt>
                <c:pt idx="7430">
                  <c:v>123.833288815477</c:v>
                </c:pt>
                <c:pt idx="7431">
                  <c:v>123.849955476191</c:v>
                </c:pt>
                <c:pt idx="7432">
                  <c:v>123.86662213690499</c:v>
                </c:pt>
                <c:pt idx="7433">
                  <c:v>123.88328879762</c:v>
                </c:pt>
                <c:pt idx="7434">
                  <c:v>123.89995545833401</c:v>
                </c:pt>
                <c:pt idx="7435">
                  <c:v>123.916622119048</c:v>
                </c:pt>
                <c:pt idx="7436">
                  <c:v>123.933288779763</c:v>
                </c:pt>
                <c:pt idx="7437">
                  <c:v>123.949955440477</c:v>
                </c:pt>
                <c:pt idx="7438">
                  <c:v>123.96662210119101</c:v>
                </c:pt>
                <c:pt idx="7439">
                  <c:v>123.983288761905</c:v>
                </c:pt>
                <c:pt idx="7440">
                  <c:v>123.99995542262</c:v>
                </c:pt>
                <c:pt idx="7441">
                  <c:v>124.016622083334</c:v>
                </c:pt>
                <c:pt idx="7442">
                  <c:v>124.03328874404799</c:v>
                </c:pt>
                <c:pt idx="7443">
                  <c:v>124.049955404763</c:v>
                </c:pt>
                <c:pt idx="7444">
                  <c:v>124.06662206547701</c:v>
                </c:pt>
                <c:pt idx="7445">
                  <c:v>124.083288726191</c:v>
                </c:pt>
                <c:pt idx="7446">
                  <c:v>124.09995538690499</c:v>
                </c:pt>
                <c:pt idx="7447">
                  <c:v>124.11662204762</c:v>
                </c:pt>
                <c:pt idx="7448">
                  <c:v>124.13328870833401</c:v>
                </c:pt>
                <c:pt idx="7449">
                  <c:v>124.149955369048</c:v>
                </c:pt>
                <c:pt idx="7450">
                  <c:v>124.166622029763</c:v>
                </c:pt>
                <c:pt idx="7451">
                  <c:v>124.183288690477</c:v>
                </c:pt>
                <c:pt idx="7452">
                  <c:v>124.19995535119099</c:v>
                </c:pt>
                <c:pt idx="7453">
                  <c:v>124.216622011905</c:v>
                </c:pt>
                <c:pt idx="7454">
                  <c:v>124.23328867262001</c:v>
                </c:pt>
                <c:pt idx="7455">
                  <c:v>124.249955333334</c:v>
                </c:pt>
                <c:pt idx="7456">
                  <c:v>124.26662199404799</c:v>
                </c:pt>
                <c:pt idx="7457">
                  <c:v>124.283288654763</c:v>
                </c:pt>
                <c:pt idx="7458">
                  <c:v>124.29995531547701</c:v>
                </c:pt>
                <c:pt idx="7459">
                  <c:v>124.316621976191</c:v>
                </c:pt>
                <c:pt idx="7460">
                  <c:v>124.333288636905</c:v>
                </c:pt>
                <c:pt idx="7461">
                  <c:v>124.34995529762</c:v>
                </c:pt>
                <c:pt idx="7462">
                  <c:v>124.36662195833399</c:v>
                </c:pt>
                <c:pt idx="7463">
                  <c:v>124.383288619048</c:v>
                </c:pt>
                <c:pt idx="7464">
                  <c:v>124.39995527976301</c:v>
                </c:pt>
                <c:pt idx="7465">
                  <c:v>124.416621940477</c:v>
                </c:pt>
                <c:pt idx="7466">
                  <c:v>124.43328860119099</c:v>
                </c:pt>
                <c:pt idx="7467">
                  <c:v>124.449955261905</c:v>
                </c:pt>
                <c:pt idx="7468">
                  <c:v>124.46662192262001</c:v>
                </c:pt>
                <c:pt idx="7469">
                  <c:v>124.483288583334</c:v>
                </c:pt>
                <c:pt idx="7470">
                  <c:v>124.499955244048</c:v>
                </c:pt>
                <c:pt idx="7471">
                  <c:v>124.516621904763</c:v>
                </c:pt>
                <c:pt idx="7472">
                  <c:v>124.53328856547699</c:v>
                </c:pt>
                <c:pt idx="7473">
                  <c:v>124.549955226191</c:v>
                </c:pt>
                <c:pt idx="7474">
                  <c:v>124.566621886905</c:v>
                </c:pt>
                <c:pt idx="7475">
                  <c:v>124.58328854762</c:v>
                </c:pt>
                <c:pt idx="7476">
                  <c:v>124.59995520833399</c:v>
                </c:pt>
                <c:pt idx="7477">
                  <c:v>124.616621869048</c:v>
                </c:pt>
                <c:pt idx="7478">
                  <c:v>124.63328852976301</c:v>
                </c:pt>
                <c:pt idx="7479">
                  <c:v>124.649955190477</c:v>
                </c:pt>
                <c:pt idx="7480">
                  <c:v>124.666621851191</c:v>
                </c:pt>
                <c:pt idx="7481">
                  <c:v>124.683288511905</c:v>
                </c:pt>
                <c:pt idx="7482">
                  <c:v>124.69995517261999</c:v>
                </c:pt>
                <c:pt idx="7483">
                  <c:v>124.716621833334</c:v>
                </c:pt>
                <c:pt idx="7484">
                  <c:v>124.733288494048</c:v>
                </c:pt>
                <c:pt idx="7485">
                  <c:v>124.749955154763</c:v>
                </c:pt>
                <c:pt idx="7486">
                  <c:v>124.766621815477</c:v>
                </c:pt>
                <c:pt idx="7487">
                  <c:v>124.783288476191</c:v>
                </c:pt>
                <c:pt idx="7488">
                  <c:v>124.799955136905</c:v>
                </c:pt>
                <c:pt idx="7489">
                  <c:v>124.81662179762</c:v>
                </c:pt>
                <c:pt idx="7490">
                  <c:v>124.833288458334</c:v>
                </c:pt>
                <c:pt idx="7491">
                  <c:v>124.849955119048</c:v>
                </c:pt>
                <c:pt idx="7492">
                  <c:v>124.86662177976299</c:v>
                </c:pt>
                <c:pt idx="7493">
                  <c:v>124.883288440477</c:v>
                </c:pt>
                <c:pt idx="7494">
                  <c:v>124.899955101191</c:v>
                </c:pt>
                <c:pt idx="7495">
                  <c:v>124.91662176190501</c:v>
                </c:pt>
                <c:pt idx="7496">
                  <c:v>124.93328842262</c:v>
                </c:pt>
                <c:pt idx="7497">
                  <c:v>124.949955083334</c:v>
                </c:pt>
                <c:pt idx="7498">
                  <c:v>124.966621744048</c:v>
                </c:pt>
                <c:pt idx="7499">
                  <c:v>124.983288404763</c:v>
                </c:pt>
                <c:pt idx="7500">
                  <c:v>124.999955065477</c:v>
                </c:pt>
                <c:pt idx="7501">
                  <c:v>125.016621726191</c:v>
                </c:pt>
                <c:pt idx="7502">
                  <c:v>125.033288386905</c:v>
                </c:pt>
              </c:numCache>
            </c:numRef>
          </c:xVal>
          <c:yVal>
            <c:numRef>
              <c:f>'Fig 3'!$K$9:$K$7511</c:f>
              <c:numCache>
                <c:formatCode>General</c:formatCode>
                <c:ptCount val="7503"/>
                <c:pt idx="0">
                  <c:v>0</c:v>
                </c:pt>
                <c:pt idx="1">
                  <c:v>0</c:v>
                </c:pt>
                <c:pt idx="2">
                  <c:v>-4.8510437092323727E-3</c:v>
                </c:pt>
                <c:pt idx="3">
                  <c:v>-4.8510437092323727E-3</c:v>
                </c:pt>
                <c:pt idx="4">
                  <c:v>-4.8510437092323727E-3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-4.8510437092323727E-3</c:v>
                </c:pt>
                <c:pt idx="15">
                  <c:v>-4.8510437092323727E-3</c:v>
                </c:pt>
                <c:pt idx="16">
                  <c:v>-4.8510437092323727E-3</c:v>
                </c:pt>
                <c:pt idx="17">
                  <c:v>-4.8510437092323727E-3</c:v>
                </c:pt>
                <c:pt idx="18">
                  <c:v>-9.7020874183380203E-3</c:v>
                </c:pt>
                <c:pt idx="19">
                  <c:v>-1.4410453371397864E-2</c:v>
                </c:pt>
                <c:pt idx="20">
                  <c:v>-1.9261497080630234E-2</c:v>
                </c:pt>
                <c:pt idx="21">
                  <c:v>-1.9261497080630234E-2</c:v>
                </c:pt>
                <c:pt idx="22">
                  <c:v>-2.4112540789735883E-2</c:v>
                </c:pt>
                <c:pt idx="23">
                  <c:v>-2.4112540789735883E-2</c:v>
                </c:pt>
                <c:pt idx="24">
                  <c:v>-2.8820906742795728E-2</c:v>
                </c:pt>
                <c:pt idx="25">
                  <c:v>-4.3231360114193589E-2</c:v>
                </c:pt>
                <c:pt idx="26">
                  <c:v>-5.7641813485591456E-2</c:v>
                </c:pt>
                <c:pt idx="27">
                  <c:v>-6.7343900904056203E-2</c:v>
                </c:pt>
                <c:pt idx="28">
                  <c:v>-7.2052266857116049E-2</c:v>
                </c:pt>
                <c:pt idx="29">
                  <c:v>-8.1754354275454064E-2</c:v>
                </c:pt>
                <c:pt idx="30">
                  <c:v>-8.6462720228513895E-2</c:v>
                </c:pt>
                <c:pt idx="31">
                  <c:v>-9.1313763937619558E-2</c:v>
                </c:pt>
                <c:pt idx="32">
                  <c:v>-9.6164807646851924E-2</c:v>
                </c:pt>
                <c:pt idx="33">
                  <c:v>-9.6164807646851924E-2</c:v>
                </c:pt>
                <c:pt idx="34">
                  <c:v>-0.10087317359991177</c:v>
                </c:pt>
                <c:pt idx="35">
                  <c:v>-0.10572421730901742</c:v>
                </c:pt>
                <c:pt idx="36">
                  <c:v>-0.10572421730901742</c:v>
                </c:pt>
                <c:pt idx="37">
                  <c:v>-0.10572421730901742</c:v>
                </c:pt>
                <c:pt idx="38">
                  <c:v>-0.11057526101824978</c:v>
                </c:pt>
                <c:pt idx="39">
                  <c:v>-0.11057526101824978</c:v>
                </c:pt>
                <c:pt idx="40">
                  <c:v>-0.11057526101824978</c:v>
                </c:pt>
                <c:pt idx="41">
                  <c:v>-0.10572421730901742</c:v>
                </c:pt>
                <c:pt idx="42">
                  <c:v>-0.10572421730901742</c:v>
                </c:pt>
                <c:pt idx="43">
                  <c:v>-0.10572421730901742</c:v>
                </c:pt>
                <c:pt idx="44">
                  <c:v>-0.10087317359991177</c:v>
                </c:pt>
                <c:pt idx="45">
                  <c:v>-9.6164807646851924E-2</c:v>
                </c:pt>
                <c:pt idx="46">
                  <c:v>-9.1313763937619558E-2</c:v>
                </c:pt>
                <c:pt idx="47">
                  <c:v>-8.6462720228513895E-2</c:v>
                </c:pt>
                <c:pt idx="48">
                  <c:v>-8.6462720228513895E-2</c:v>
                </c:pt>
                <c:pt idx="49">
                  <c:v>-8.6462720228513895E-2</c:v>
                </c:pt>
                <c:pt idx="50">
                  <c:v>-6.7343900904056203E-2</c:v>
                </c:pt>
                <c:pt idx="51">
                  <c:v>-4.8082403823425962E-2</c:v>
                </c:pt>
                <c:pt idx="52">
                  <c:v>-3.3671950452028102E-2</c:v>
                </c:pt>
                <c:pt idx="53">
                  <c:v>-2.4112540789735883E-2</c:v>
                </c:pt>
                <c:pt idx="54">
                  <c:v>-1.4410453371397864E-2</c:v>
                </c:pt>
                <c:pt idx="55">
                  <c:v>-4.8510437092323727E-3</c:v>
                </c:pt>
                <c:pt idx="56">
                  <c:v>4.7083659530598428E-3</c:v>
                </c:pt>
                <c:pt idx="57">
                  <c:v>1.9118819324457709E-2</c:v>
                </c:pt>
                <c:pt idx="58">
                  <c:v>2.8820906742795728E-2</c:v>
                </c:pt>
                <c:pt idx="59">
                  <c:v>3.838031640508794E-2</c:v>
                </c:pt>
                <c:pt idx="60">
                  <c:v>5.2790769776485807E-2</c:v>
                </c:pt>
                <c:pt idx="61">
                  <c:v>6.2350179438651301E-2</c:v>
                </c:pt>
                <c:pt idx="62">
                  <c:v>7.6760632810049162E-2</c:v>
                </c:pt>
                <c:pt idx="63">
                  <c:v>8.6462720228513895E-2</c:v>
                </c:pt>
                <c:pt idx="64">
                  <c:v>0.10087317359991177</c:v>
                </c:pt>
                <c:pt idx="65">
                  <c:v>0.11043258326207725</c:v>
                </c:pt>
                <c:pt idx="66">
                  <c:v>0.12484303663347511</c:v>
                </c:pt>
                <c:pt idx="67">
                  <c:v>0.13454512405193986</c:v>
                </c:pt>
                <c:pt idx="68">
                  <c:v>0.14895557742333773</c:v>
                </c:pt>
                <c:pt idx="69">
                  <c:v>0.15851498708550321</c:v>
                </c:pt>
                <c:pt idx="70">
                  <c:v>0.17292544045690109</c:v>
                </c:pt>
                <c:pt idx="71">
                  <c:v>0.18733589382829896</c:v>
                </c:pt>
                <c:pt idx="72">
                  <c:v>0.20174634719969683</c:v>
                </c:pt>
                <c:pt idx="73">
                  <c:v>0.21615680057122141</c:v>
                </c:pt>
                <c:pt idx="74">
                  <c:v>0.23056725394261926</c:v>
                </c:pt>
                <c:pt idx="75">
                  <c:v>0.24497770731401716</c:v>
                </c:pt>
                <c:pt idx="76">
                  <c:v>0.26423920439452064</c:v>
                </c:pt>
                <c:pt idx="77">
                  <c:v>0.27864965776604528</c:v>
                </c:pt>
                <c:pt idx="78">
                  <c:v>0.29306011113744307</c:v>
                </c:pt>
                <c:pt idx="79">
                  <c:v>0.30747056450884092</c:v>
                </c:pt>
                <c:pt idx="80">
                  <c:v>0.32673206158947121</c:v>
                </c:pt>
                <c:pt idx="81">
                  <c:v>0.34114251496086906</c:v>
                </c:pt>
                <c:pt idx="82">
                  <c:v>0.35555296833226696</c:v>
                </c:pt>
                <c:pt idx="83">
                  <c:v>0.36996342170366481</c:v>
                </c:pt>
                <c:pt idx="84">
                  <c:v>0.3843738750750626</c:v>
                </c:pt>
                <c:pt idx="85">
                  <c:v>0.3987843284464605</c:v>
                </c:pt>
                <c:pt idx="86">
                  <c:v>0.41319478181785835</c:v>
                </c:pt>
                <c:pt idx="87">
                  <c:v>0.42760523518925625</c:v>
                </c:pt>
                <c:pt idx="88">
                  <c:v>0.4420156885606541</c:v>
                </c:pt>
                <c:pt idx="89">
                  <c:v>0.45642614193205194</c:v>
                </c:pt>
                <c:pt idx="90">
                  <c:v>0.47083659530357652</c:v>
                </c:pt>
                <c:pt idx="91">
                  <c:v>0.48524704867497442</c:v>
                </c:pt>
                <c:pt idx="92">
                  <c:v>0.49965750204637227</c:v>
                </c:pt>
                <c:pt idx="93">
                  <c:v>0.51891899912700257</c:v>
                </c:pt>
                <c:pt idx="94">
                  <c:v>0.53332945249840047</c:v>
                </c:pt>
                <c:pt idx="95">
                  <c:v>0.54773990586979826</c:v>
                </c:pt>
                <c:pt idx="96">
                  <c:v>0.56215035924119616</c:v>
                </c:pt>
                <c:pt idx="97">
                  <c:v>0.57656081261259406</c:v>
                </c:pt>
                <c:pt idx="98">
                  <c:v>0.59097126598399186</c:v>
                </c:pt>
                <c:pt idx="99">
                  <c:v>0.60538171935538976</c:v>
                </c:pt>
                <c:pt idx="100">
                  <c:v>0.61979217272678755</c:v>
                </c:pt>
                <c:pt idx="101">
                  <c:v>0.63905366980741773</c:v>
                </c:pt>
                <c:pt idx="102">
                  <c:v>0.64861307946971003</c:v>
                </c:pt>
                <c:pt idx="103">
                  <c:v>0.66302353284110793</c:v>
                </c:pt>
                <c:pt idx="104">
                  <c:v>0.68228502992161144</c:v>
                </c:pt>
                <c:pt idx="105">
                  <c:v>0.69669548329300923</c:v>
                </c:pt>
                <c:pt idx="106">
                  <c:v>0.71110593666453392</c:v>
                </c:pt>
                <c:pt idx="107">
                  <c:v>0.72551639003593171</c:v>
                </c:pt>
                <c:pt idx="108">
                  <c:v>0.73992684340732962</c:v>
                </c:pt>
                <c:pt idx="109">
                  <c:v>0.75433729677872741</c:v>
                </c:pt>
                <c:pt idx="110">
                  <c:v>0.7687477501501252</c:v>
                </c:pt>
                <c:pt idx="111">
                  <c:v>0.787866569474583</c:v>
                </c:pt>
                <c:pt idx="112">
                  <c:v>0.8022770228459809</c:v>
                </c:pt>
                <c:pt idx="113">
                  <c:v>0.8166874762173788</c:v>
                </c:pt>
                <c:pt idx="114">
                  <c:v>0.83124060734494909</c:v>
                </c:pt>
                <c:pt idx="115">
                  <c:v>0.85035942666940678</c:v>
                </c:pt>
                <c:pt idx="116">
                  <c:v>0.86476988004080468</c:v>
                </c:pt>
                <c:pt idx="117">
                  <c:v>0.87918033341220259</c:v>
                </c:pt>
                <c:pt idx="118">
                  <c:v>0.89359078678360038</c:v>
                </c:pt>
                <c:pt idx="119">
                  <c:v>0.90800124015499828</c:v>
                </c:pt>
                <c:pt idx="120">
                  <c:v>0.92241169352639618</c:v>
                </c:pt>
                <c:pt idx="121">
                  <c:v>0.93682214689792076</c:v>
                </c:pt>
                <c:pt idx="122">
                  <c:v>0.95123260026931866</c:v>
                </c:pt>
                <c:pt idx="123">
                  <c:v>0.96093468768765655</c:v>
                </c:pt>
                <c:pt idx="124">
                  <c:v>0.97534514105905445</c:v>
                </c:pt>
                <c:pt idx="125">
                  <c:v>0.98490455072134675</c:v>
                </c:pt>
                <c:pt idx="126">
                  <c:v>0.99931500409274454</c:v>
                </c:pt>
                <c:pt idx="127">
                  <c:v>1.0090170915110825</c:v>
                </c:pt>
                <c:pt idx="128">
                  <c:v>1.0234275448824803</c:v>
                </c:pt>
                <c:pt idx="129">
                  <c:v>1.0329869545447727</c:v>
                </c:pt>
                <c:pt idx="130">
                  <c:v>1.0473974079161705</c:v>
                </c:pt>
                <c:pt idx="131">
                  <c:v>1.0618078612875683</c:v>
                </c:pt>
                <c:pt idx="132">
                  <c:v>1.0762183146589663</c:v>
                </c:pt>
                <c:pt idx="133">
                  <c:v>1.0857777243211317</c:v>
                </c:pt>
                <c:pt idx="134">
                  <c:v>1.1001881776925295</c:v>
                </c:pt>
                <c:pt idx="135">
                  <c:v>1.1145986310640541</c:v>
                </c:pt>
                <c:pt idx="136">
                  <c:v>1.1290090844354521</c:v>
                </c:pt>
                <c:pt idx="137">
                  <c:v>1.1387111718537901</c:v>
                </c:pt>
                <c:pt idx="138">
                  <c:v>1.1531216252251881</c:v>
                </c:pt>
                <c:pt idx="139">
                  <c:v>1.1675320785965859</c:v>
                </c:pt>
                <c:pt idx="140">
                  <c:v>1.1770914882588781</c:v>
                </c:pt>
                <c:pt idx="141">
                  <c:v>1.1915019416302759</c:v>
                </c:pt>
                <c:pt idx="142">
                  <c:v>1.2059123950016737</c:v>
                </c:pt>
                <c:pt idx="143">
                  <c:v>1.2156144824200117</c:v>
                </c:pt>
                <c:pt idx="144">
                  <c:v>1.2300249357914095</c:v>
                </c:pt>
                <c:pt idx="145">
                  <c:v>1.2395843454537019</c:v>
                </c:pt>
                <c:pt idx="146">
                  <c:v>1.2539947988250997</c:v>
                </c:pt>
                <c:pt idx="147">
                  <c:v>1.2635542084872653</c:v>
                </c:pt>
                <c:pt idx="148">
                  <c:v>1.2779646618586631</c:v>
                </c:pt>
                <c:pt idx="149">
                  <c:v>1.2923751152300609</c:v>
                </c:pt>
                <c:pt idx="150">
                  <c:v>1.3067855686015855</c:v>
                </c:pt>
                <c:pt idx="151">
                  <c:v>1.3211960219729832</c:v>
                </c:pt>
                <c:pt idx="152">
                  <c:v>1.3356064753443813</c:v>
                </c:pt>
                <c:pt idx="153">
                  <c:v>1.3500169287157791</c:v>
                </c:pt>
                <c:pt idx="154">
                  <c:v>1.3597190161341173</c:v>
                </c:pt>
                <c:pt idx="155">
                  <c:v>1.3741294695055148</c:v>
                </c:pt>
                <c:pt idx="156">
                  <c:v>1.3885399228769129</c:v>
                </c:pt>
                <c:pt idx="157">
                  <c:v>1.398099332539205</c:v>
                </c:pt>
                <c:pt idx="158">
                  <c:v>1.4125097859106031</c:v>
                </c:pt>
                <c:pt idx="159">
                  <c:v>1.4269202392820008</c:v>
                </c:pt>
                <c:pt idx="160">
                  <c:v>1.4366223267003388</c:v>
                </c:pt>
                <c:pt idx="161">
                  <c:v>1.4510327800717366</c:v>
                </c:pt>
                <c:pt idx="162">
                  <c:v>1.460592189734029</c:v>
                </c:pt>
                <c:pt idx="163">
                  <c:v>1.4750026431054268</c:v>
                </c:pt>
                <c:pt idx="164">
                  <c:v>1.4845620527675922</c:v>
                </c:pt>
                <c:pt idx="165">
                  <c:v>1.4989725061391168</c:v>
                </c:pt>
                <c:pt idx="166">
                  <c:v>1.5086745935574548</c:v>
                </c:pt>
                <c:pt idx="167">
                  <c:v>1.5230850469288526</c:v>
                </c:pt>
                <c:pt idx="168">
                  <c:v>1.5374955003002504</c:v>
                </c:pt>
                <c:pt idx="169">
                  <c:v>1.5470549099625428</c:v>
                </c:pt>
                <c:pt idx="170">
                  <c:v>1.5614653633339406</c:v>
                </c:pt>
                <c:pt idx="171">
                  <c:v>1.5758758167053386</c:v>
                </c:pt>
                <c:pt idx="172">
                  <c:v>1.5902862700767364</c:v>
                </c:pt>
                <c:pt idx="173">
                  <c:v>1.6046967234481344</c:v>
                </c:pt>
                <c:pt idx="174">
                  <c:v>1.6191071768195322</c:v>
                </c:pt>
                <c:pt idx="175">
                  <c:v>1.63351763019093</c:v>
                </c:pt>
                <c:pt idx="176">
                  <c:v>1.643219717609268</c:v>
                </c:pt>
                <c:pt idx="177">
                  <c:v>1.6576301709807926</c:v>
                </c:pt>
                <c:pt idx="178">
                  <c:v>1.6671895806429582</c:v>
                </c:pt>
                <c:pt idx="179">
                  <c:v>1.681600034014356</c:v>
                </c:pt>
                <c:pt idx="180">
                  <c:v>1.6911594436766482</c:v>
                </c:pt>
                <c:pt idx="181">
                  <c:v>1.705569897048046</c:v>
                </c:pt>
                <c:pt idx="182">
                  <c:v>1.715271984466384</c:v>
                </c:pt>
                <c:pt idx="183">
                  <c:v>1.7296824378377817</c:v>
                </c:pt>
                <c:pt idx="184">
                  <c:v>1.7392418475000742</c:v>
                </c:pt>
                <c:pt idx="185">
                  <c:v>1.7488012571622396</c:v>
                </c:pt>
                <c:pt idx="186">
                  <c:v>1.7633543882898099</c:v>
                </c:pt>
                <c:pt idx="187">
                  <c:v>1.7729137979519753</c:v>
                </c:pt>
                <c:pt idx="188">
                  <c:v>1.7873242513233734</c:v>
                </c:pt>
                <c:pt idx="189">
                  <c:v>1.7968836609856655</c:v>
                </c:pt>
                <c:pt idx="190">
                  <c:v>1.8065857484040035</c:v>
                </c:pt>
                <c:pt idx="191">
                  <c:v>1.8209962017754016</c:v>
                </c:pt>
                <c:pt idx="192">
                  <c:v>1.8305556114376937</c:v>
                </c:pt>
                <c:pt idx="193">
                  <c:v>1.8401150210998591</c:v>
                </c:pt>
                <c:pt idx="194">
                  <c:v>1.8545254744712572</c:v>
                </c:pt>
                <c:pt idx="195">
                  <c:v>1.8642275618897217</c:v>
                </c:pt>
                <c:pt idx="196">
                  <c:v>1.8737869715518873</c:v>
                </c:pt>
                <c:pt idx="197">
                  <c:v>1.8833463812141795</c:v>
                </c:pt>
                <c:pt idx="198">
                  <c:v>1.8930484686325175</c:v>
                </c:pt>
                <c:pt idx="199">
                  <c:v>1.9026078782946829</c:v>
                </c:pt>
                <c:pt idx="200">
                  <c:v>1.9121672879569753</c:v>
                </c:pt>
                <c:pt idx="201">
                  <c:v>1.9265777413283731</c:v>
                </c:pt>
                <c:pt idx="202">
                  <c:v>1.9362798287467111</c:v>
                </c:pt>
                <c:pt idx="203">
                  <c:v>1.9458392384090033</c:v>
                </c:pt>
                <c:pt idx="204">
                  <c:v>1.9555413258273415</c:v>
                </c:pt>
                <c:pt idx="205">
                  <c:v>1.9651007354895069</c:v>
                </c:pt>
                <c:pt idx="206">
                  <c:v>1.9795111888609045</c:v>
                </c:pt>
                <c:pt idx="207">
                  <c:v>1.9890705985231971</c:v>
                </c:pt>
                <c:pt idx="208">
                  <c:v>2.0034810518945947</c:v>
                </c:pt>
                <c:pt idx="209">
                  <c:v>2.0131831393129329</c:v>
                </c:pt>
                <c:pt idx="210">
                  <c:v>2.0227425489752253</c:v>
                </c:pt>
                <c:pt idx="211">
                  <c:v>2.0323019586373907</c:v>
                </c:pt>
                <c:pt idx="212">
                  <c:v>2.0467124120087883</c:v>
                </c:pt>
                <c:pt idx="213">
                  <c:v>2.0564144994272531</c:v>
                </c:pt>
                <c:pt idx="214">
                  <c:v>2.0659739090894189</c:v>
                </c:pt>
                <c:pt idx="215">
                  <c:v>2.0755333187517109</c:v>
                </c:pt>
                <c:pt idx="216">
                  <c:v>2.0852354061700491</c:v>
                </c:pt>
                <c:pt idx="217">
                  <c:v>2.0996458595414467</c:v>
                </c:pt>
                <c:pt idx="218">
                  <c:v>2.1092052692036125</c:v>
                </c:pt>
                <c:pt idx="219">
                  <c:v>2.1187646788659045</c:v>
                </c:pt>
                <c:pt idx="220">
                  <c:v>2.1284667662842427</c:v>
                </c:pt>
                <c:pt idx="221">
                  <c:v>2.1380261759465347</c:v>
                </c:pt>
                <c:pt idx="222">
                  <c:v>2.1477282633648729</c:v>
                </c:pt>
                <c:pt idx="223">
                  <c:v>2.1621387167362709</c:v>
                </c:pt>
                <c:pt idx="224">
                  <c:v>2.1716981263985629</c:v>
                </c:pt>
                <c:pt idx="225">
                  <c:v>2.1812575360607283</c:v>
                </c:pt>
                <c:pt idx="226">
                  <c:v>2.190959623479066</c:v>
                </c:pt>
                <c:pt idx="227">
                  <c:v>2.2005190331413584</c:v>
                </c:pt>
                <c:pt idx="228">
                  <c:v>2.2149294865127565</c:v>
                </c:pt>
                <c:pt idx="229">
                  <c:v>2.2244888961749218</c:v>
                </c:pt>
                <c:pt idx="230">
                  <c:v>2.2341909835933866</c:v>
                </c:pt>
                <c:pt idx="231">
                  <c:v>2.243750393255552</c:v>
                </c:pt>
                <c:pt idx="232">
                  <c:v>2.2533098029177179</c:v>
                </c:pt>
                <c:pt idx="233">
                  <c:v>2.2630118903361827</c:v>
                </c:pt>
                <c:pt idx="234">
                  <c:v>2.2725712999983481</c:v>
                </c:pt>
                <c:pt idx="235">
                  <c:v>2.2869817533697456</c:v>
                </c:pt>
                <c:pt idx="236">
                  <c:v>2.296541163032038</c:v>
                </c:pt>
                <c:pt idx="237">
                  <c:v>2.3062432504503763</c:v>
                </c:pt>
                <c:pt idx="238">
                  <c:v>2.3158026601126682</c:v>
                </c:pt>
                <c:pt idx="239">
                  <c:v>2.325504747531006</c:v>
                </c:pt>
                <c:pt idx="240">
                  <c:v>2.3399152009024036</c:v>
                </c:pt>
                <c:pt idx="241">
                  <c:v>2.3494746105645699</c:v>
                </c:pt>
                <c:pt idx="242">
                  <c:v>2.3590340202268618</c:v>
                </c:pt>
                <c:pt idx="243">
                  <c:v>2.3687361076451996</c:v>
                </c:pt>
                <c:pt idx="244">
                  <c:v>2.378295517307492</c:v>
                </c:pt>
                <c:pt idx="245">
                  <c:v>2.39270597067889</c:v>
                </c:pt>
                <c:pt idx="246">
                  <c:v>2.4022653803410554</c:v>
                </c:pt>
                <c:pt idx="247">
                  <c:v>2.4119674677593932</c:v>
                </c:pt>
                <c:pt idx="248">
                  <c:v>2.4215268774216856</c:v>
                </c:pt>
                <c:pt idx="249">
                  <c:v>2.431086287083851</c:v>
                </c:pt>
                <c:pt idx="250">
                  <c:v>2.4407883745023158</c:v>
                </c:pt>
                <c:pt idx="251">
                  <c:v>2.4454967404553756</c:v>
                </c:pt>
                <c:pt idx="252">
                  <c:v>2.4551988278737138</c:v>
                </c:pt>
                <c:pt idx="253">
                  <c:v>2.4647582375358792</c:v>
                </c:pt>
                <c:pt idx="254">
                  <c:v>2.4743176471981716</c:v>
                </c:pt>
                <c:pt idx="255">
                  <c:v>2.4840197346165094</c:v>
                </c:pt>
                <c:pt idx="256">
                  <c:v>2.4887281005695692</c:v>
                </c:pt>
                <c:pt idx="257">
                  <c:v>2.4984301879879074</c:v>
                </c:pt>
                <c:pt idx="258">
                  <c:v>2.5079895976501994</c:v>
                </c:pt>
                <c:pt idx="259">
                  <c:v>2.5128406413593054</c:v>
                </c:pt>
                <c:pt idx="260">
                  <c:v>2.5224000510215974</c:v>
                </c:pt>
                <c:pt idx="261">
                  <c:v>2.527251094730703</c:v>
                </c:pt>
                <c:pt idx="262">
                  <c:v>2.5321021384399351</c:v>
                </c:pt>
                <c:pt idx="263">
                  <c:v>2.541661548102101</c:v>
                </c:pt>
                <c:pt idx="264">
                  <c:v>2.5512209577643929</c:v>
                </c:pt>
                <c:pt idx="265">
                  <c:v>2.5609230451827307</c:v>
                </c:pt>
                <c:pt idx="266">
                  <c:v>2.565631411135791</c:v>
                </c:pt>
                <c:pt idx="267">
                  <c:v>2.5753334985541287</c:v>
                </c:pt>
                <c:pt idx="268">
                  <c:v>2.5848929082164211</c:v>
                </c:pt>
                <c:pt idx="269">
                  <c:v>2.5897439519255268</c:v>
                </c:pt>
                <c:pt idx="270">
                  <c:v>2.5944523178785865</c:v>
                </c:pt>
                <c:pt idx="271">
                  <c:v>2.6041544052970513</c:v>
                </c:pt>
                <c:pt idx="272">
                  <c:v>2.6088627712499846</c:v>
                </c:pt>
                <c:pt idx="273">
                  <c:v>2.6185648586684493</c:v>
                </c:pt>
                <c:pt idx="274">
                  <c:v>2.6232732246213826</c:v>
                </c:pt>
                <c:pt idx="275">
                  <c:v>2.6329753120398474</c:v>
                </c:pt>
                <c:pt idx="276">
                  <c:v>2.6425347217020128</c:v>
                </c:pt>
                <c:pt idx="277">
                  <c:v>2.6520941313643047</c:v>
                </c:pt>
                <c:pt idx="278">
                  <c:v>2.6617962187826429</c:v>
                </c:pt>
                <c:pt idx="279">
                  <c:v>2.6713556284448083</c:v>
                </c:pt>
                <c:pt idx="280">
                  <c:v>2.6809150381071007</c:v>
                </c:pt>
                <c:pt idx="281">
                  <c:v>2.690617125525439</c:v>
                </c:pt>
                <c:pt idx="282">
                  <c:v>2.7001765351877309</c:v>
                </c:pt>
                <c:pt idx="283">
                  <c:v>2.7145869885591289</c:v>
                </c:pt>
                <c:pt idx="284">
                  <c:v>2.7242890759774663</c:v>
                </c:pt>
                <c:pt idx="285">
                  <c:v>2.7338484856396321</c:v>
                </c:pt>
                <c:pt idx="286">
                  <c:v>2.7434078953019245</c:v>
                </c:pt>
                <c:pt idx="287">
                  <c:v>2.7578183486733225</c:v>
                </c:pt>
                <c:pt idx="288">
                  <c:v>2.7675204360916599</c:v>
                </c:pt>
                <c:pt idx="289">
                  <c:v>2.7770798457539527</c:v>
                </c:pt>
                <c:pt idx="290">
                  <c:v>2.7819308894630579</c:v>
                </c:pt>
                <c:pt idx="291">
                  <c:v>2.7914902991253503</c:v>
                </c:pt>
                <c:pt idx="292">
                  <c:v>2.8010497087875161</c:v>
                </c:pt>
                <c:pt idx="293">
                  <c:v>2.8107517962059809</c:v>
                </c:pt>
                <c:pt idx="294">
                  <c:v>2.8203112058681463</c:v>
                </c:pt>
                <c:pt idx="295">
                  <c:v>2.8298706155304383</c:v>
                </c:pt>
                <c:pt idx="296">
                  <c:v>2.8395727029487765</c:v>
                </c:pt>
                <c:pt idx="297">
                  <c:v>2.8491321126109419</c:v>
                </c:pt>
                <c:pt idx="298">
                  <c:v>2.8586915222732339</c:v>
                </c:pt>
                <c:pt idx="299">
                  <c:v>2.8683936096915721</c:v>
                </c:pt>
                <c:pt idx="300">
                  <c:v>2.8779530193538645</c:v>
                </c:pt>
                <c:pt idx="301">
                  <c:v>2.8828040630629697</c:v>
                </c:pt>
                <c:pt idx="302">
                  <c:v>2.8923634727252621</c:v>
                </c:pt>
                <c:pt idx="303">
                  <c:v>2.8972145164343677</c:v>
                </c:pt>
                <c:pt idx="304">
                  <c:v>2.9067739260966601</c:v>
                </c:pt>
                <c:pt idx="305">
                  <c:v>2.9116249698057652</c:v>
                </c:pt>
                <c:pt idx="306">
                  <c:v>2.9211843794680581</c:v>
                </c:pt>
                <c:pt idx="307">
                  <c:v>2.9260354231771633</c:v>
                </c:pt>
                <c:pt idx="308">
                  <c:v>2.9308864668863959</c:v>
                </c:pt>
                <c:pt idx="309">
                  <c:v>2.9355948328394557</c:v>
                </c:pt>
                <c:pt idx="310">
                  <c:v>2.9452969202577934</c:v>
                </c:pt>
                <c:pt idx="311">
                  <c:v>2.9500052862108537</c:v>
                </c:pt>
                <c:pt idx="312">
                  <c:v>2.9597073736291915</c:v>
                </c:pt>
                <c:pt idx="313">
                  <c:v>2.9644157395822517</c:v>
                </c:pt>
                <c:pt idx="314">
                  <c:v>2.9741178270005895</c:v>
                </c:pt>
                <c:pt idx="315">
                  <c:v>2.9788261929536493</c:v>
                </c:pt>
                <c:pt idx="316">
                  <c:v>2.988528280372114</c:v>
                </c:pt>
                <c:pt idx="317">
                  <c:v>2.9932366463250473</c:v>
                </c:pt>
                <c:pt idx="318">
                  <c:v>3.0029387337435116</c:v>
                </c:pt>
                <c:pt idx="319">
                  <c:v>3.0076470996964453</c:v>
                </c:pt>
                <c:pt idx="320">
                  <c:v>3.0173491871149096</c:v>
                </c:pt>
                <c:pt idx="321">
                  <c:v>3.0220575530679699</c:v>
                </c:pt>
                <c:pt idx="322">
                  <c:v>3.0317596404863072</c:v>
                </c:pt>
                <c:pt idx="323">
                  <c:v>3.0413190501484735</c:v>
                </c:pt>
                <c:pt idx="324">
                  <c:v>3.0508784598107654</c:v>
                </c:pt>
                <c:pt idx="325">
                  <c:v>3.0605805472291032</c:v>
                </c:pt>
                <c:pt idx="326">
                  <c:v>3.0654315909383354</c:v>
                </c:pt>
                <c:pt idx="327">
                  <c:v>3.0749910006005008</c:v>
                </c:pt>
                <c:pt idx="328">
                  <c:v>3.0845504102627936</c:v>
                </c:pt>
                <c:pt idx="329">
                  <c:v>3.0942524976811314</c:v>
                </c:pt>
                <c:pt idx="330">
                  <c:v>3.0989608636341912</c:v>
                </c:pt>
                <c:pt idx="331">
                  <c:v>3.108662951052529</c:v>
                </c:pt>
                <c:pt idx="332">
                  <c:v>3.1182223607146944</c:v>
                </c:pt>
                <c:pt idx="333">
                  <c:v>3.1277817703769872</c:v>
                </c:pt>
                <c:pt idx="334">
                  <c:v>3.137483857795325</c:v>
                </c:pt>
                <c:pt idx="335">
                  <c:v>3.1470432674576174</c:v>
                </c:pt>
                <c:pt idx="336">
                  <c:v>3.1566026771197828</c:v>
                </c:pt>
                <c:pt idx="337">
                  <c:v>3.1614537208290154</c:v>
                </c:pt>
                <c:pt idx="338">
                  <c:v>3.1710131304911808</c:v>
                </c:pt>
                <c:pt idx="339">
                  <c:v>3.175864174200413</c:v>
                </c:pt>
                <c:pt idx="340">
                  <c:v>3.1854235838625788</c:v>
                </c:pt>
                <c:pt idx="341">
                  <c:v>3.190274627571811</c:v>
                </c:pt>
                <c:pt idx="342">
                  <c:v>3.1998340372339764</c:v>
                </c:pt>
                <c:pt idx="343">
                  <c:v>3.2095361246524408</c:v>
                </c:pt>
                <c:pt idx="344">
                  <c:v>3.214244490605501</c:v>
                </c:pt>
                <c:pt idx="345">
                  <c:v>3.2239465780238388</c:v>
                </c:pt>
                <c:pt idx="346">
                  <c:v>3.228654943976899</c:v>
                </c:pt>
                <c:pt idx="347">
                  <c:v>3.2383570313952368</c:v>
                </c:pt>
                <c:pt idx="348">
                  <c:v>3.2479164410574022</c:v>
                </c:pt>
                <c:pt idx="349">
                  <c:v>3.2527674847666344</c:v>
                </c:pt>
                <c:pt idx="350">
                  <c:v>3.2623268944289272</c:v>
                </c:pt>
                <c:pt idx="351">
                  <c:v>3.2671779381380324</c:v>
                </c:pt>
                <c:pt idx="352">
                  <c:v>3.2720289818472645</c:v>
                </c:pt>
                <c:pt idx="353">
                  <c:v>3.2815883915094304</c:v>
                </c:pt>
                <c:pt idx="354">
                  <c:v>3.2864394352186626</c:v>
                </c:pt>
                <c:pt idx="355">
                  <c:v>3.2959988448808279</c:v>
                </c:pt>
                <c:pt idx="356">
                  <c:v>3.3055582545431208</c:v>
                </c:pt>
                <c:pt idx="357">
                  <c:v>3.3152603419614581</c:v>
                </c:pt>
                <c:pt idx="358">
                  <c:v>3.3199687079145184</c:v>
                </c:pt>
                <c:pt idx="359">
                  <c:v>3.3296707953328561</c:v>
                </c:pt>
                <c:pt idx="360">
                  <c:v>3.3392302049951486</c:v>
                </c:pt>
                <c:pt idx="361">
                  <c:v>3.3440812487042542</c:v>
                </c:pt>
                <c:pt idx="362">
                  <c:v>3.3536406583665466</c:v>
                </c:pt>
                <c:pt idx="363">
                  <c:v>3.363200068028712</c:v>
                </c:pt>
                <c:pt idx="364">
                  <c:v>3.3729021554471763</c:v>
                </c:pt>
                <c:pt idx="365">
                  <c:v>3.37761052140011</c:v>
                </c:pt>
                <c:pt idx="366">
                  <c:v>3.3873126088185743</c:v>
                </c:pt>
                <c:pt idx="367">
                  <c:v>3.3968720184807397</c:v>
                </c:pt>
                <c:pt idx="368">
                  <c:v>3.4017230621899723</c:v>
                </c:pt>
                <c:pt idx="369">
                  <c:v>3.4064314281430326</c:v>
                </c:pt>
                <c:pt idx="370">
                  <c:v>3.4161335155613699</c:v>
                </c:pt>
                <c:pt idx="371">
                  <c:v>3.4208418815144301</c:v>
                </c:pt>
                <c:pt idx="372">
                  <c:v>3.4256929252235357</c:v>
                </c:pt>
                <c:pt idx="373">
                  <c:v>3.4305439689327679</c:v>
                </c:pt>
                <c:pt idx="374">
                  <c:v>3.4401033785949333</c:v>
                </c:pt>
                <c:pt idx="375">
                  <c:v>3.4498054660133981</c:v>
                </c:pt>
                <c:pt idx="376">
                  <c:v>3.4545138319664583</c:v>
                </c:pt>
                <c:pt idx="377">
                  <c:v>3.4642159193847961</c:v>
                </c:pt>
                <c:pt idx="378">
                  <c:v>3.4689242853378564</c:v>
                </c:pt>
                <c:pt idx="379">
                  <c:v>3.4786263727561941</c:v>
                </c:pt>
                <c:pt idx="380">
                  <c:v>3.4833347387092539</c:v>
                </c:pt>
                <c:pt idx="381">
                  <c:v>3.4930368261275917</c:v>
                </c:pt>
                <c:pt idx="382">
                  <c:v>3.4977451920806519</c:v>
                </c:pt>
                <c:pt idx="383">
                  <c:v>3.5025962357898841</c:v>
                </c:pt>
                <c:pt idx="384">
                  <c:v>3.5074472794989897</c:v>
                </c:pt>
                <c:pt idx="385">
                  <c:v>3.5121556454520499</c:v>
                </c:pt>
                <c:pt idx="386">
                  <c:v>3.5170066891612821</c:v>
                </c:pt>
                <c:pt idx="387">
                  <c:v>3.5218577328703877</c:v>
                </c:pt>
                <c:pt idx="388">
                  <c:v>3.5265660988234475</c:v>
                </c:pt>
                <c:pt idx="389">
                  <c:v>3.5314171425326797</c:v>
                </c:pt>
                <c:pt idx="390">
                  <c:v>3.5362681862417853</c:v>
                </c:pt>
                <c:pt idx="391">
                  <c:v>3.5458275959040777</c:v>
                </c:pt>
                <c:pt idx="392">
                  <c:v>3.5506786396131833</c:v>
                </c:pt>
                <c:pt idx="393">
                  <c:v>3.5553870055662435</c:v>
                </c:pt>
                <c:pt idx="394">
                  <c:v>3.5650890929847079</c:v>
                </c:pt>
                <c:pt idx="395">
                  <c:v>3.5697974589376411</c:v>
                </c:pt>
                <c:pt idx="396">
                  <c:v>3.5746485026468733</c:v>
                </c:pt>
                <c:pt idx="397">
                  <c:v>3.5842079123090391</c:v>
                </c:pt>
                <c:pt idx="398">
                  <c:v>3.5890589560182713</c:v>
                </c:pt>
                <c:pt idx="399">
                  <c:v>3.5939099997275035</c:v>
                </c:pt>
                <c:pt idx="400">
                  <c:v>3.5986183656805637</c:v>
                </c:pt>
                <c:pt idx="401">
                  <c:v>3.6034694093896689</c:v>
                </c:pt>
                <c:pt idx="402">
                  <c:v>3.6083204530989015</c:v>
                </c:pt>
                <c:pt idx="403">
                  <c:v>3.6178798627610669</c:v>
                </c:pt>
                <c:pt idx="404">
                  <c:v>3.6227309064702995</c:v>
                </c:pt>
                <c:pt idx="405">
                  <c:v>3.6275819501795317</c:v>
                </c:pt>
                <c:pt idx="406">
                  <c:v>3.6322903161324649</c:v>
                </c:pt>
                <c:pt idx="407">
                  <c:v>3.6371413598416971</c:v>
                </c:pt>
                <c:pt idx="408">
                  <c:v>3.6419924035509297</c:v>
                </c:pt>
                <c:pt idx="409">
                  <c:v>3.6515518132130951</c:v>
                </c:pt>
                <c:pt idx="410">
                  <c:v>3.6564028569223272</c:v>
                </c:pt>
                <c:pt idx="411">
                  <c:v>3.6659622665844931</c:v>
                </c:pt>
                <c:pt idx="412">
                  <c:v>3.6708133102937253</c:v>
                </c:pt>
                <c:pt idx="413">
                  <c:v>3.6755216762467855</c:v>
                </c:pt>
                <c:pt idx="414">
                  <c:v>3.6852237636651233</c:v>
                </c:pt>
                <c:pt idx="415">
                  <c:v>3.6899321296181835</c:v>
                </c:pt>
                <c:pt idx="416">
                  <c:v>3.6996342170365208</c:v>
                </c:pt>
                <c:pt idx="417">
                  <c:v>3.7043425829895811</c:v>
                </c:pt>
                <c:pt idx="418">
                  <c:v>3.7091936266988133</c:v>
                </c:pt>
                <c:pt idx="419">
                  <c:v>3.7187530363609791</c:v>
                </c:pt>
                <c:pt idx="420">
                  <c:v>3.7236040800702108</c:v>
                </c:pt>
                <c:pt idx="421">
                  <c:v>3.7284551237793169</c:v>
                </c:pt>
                <c:pt idx="422">
                  <c:v>3.7380145334416088</c:v>
                </c:pt>
                <c:pt idx="423">
                  <c:v>3.7428655771507144</c:v>
                </c:pt>
                <c:pt idx="424">
                  <c:v>3.7475739431037747</c:v>
                </c:pt>
                <c:pt idx="425">
                  <c:v>3.7524249868130068</c:v>
                </c:pt>
                <c:pt idx="426">
                  <c:v>3.757276030522239</c:v>
                </c:pt>
                <c:pt idx="427">
                  <c:v>3.7619843964751727</c:v>
                </c:pt>
                <c:pt idx="428">
                  <c:v>3.7668354401844044</c:v>
                </c:pt>
                <c:pt idx="429">
                  <c:v>3.771686483893637</c:v>
                </c:pt>
                <c:pt idx="430">
                  <c:v>3.7812458935558024</c:v>
                </c:pt>
                <c:pt idx="431">
                  <c:v>3.786096937265035</c:v>
                </c:pt>
                <c:pt idx="432">
                  <c:v>3.7908053032180948</c:v>
                </c:pt>
                <c:pt idx="433">
                  <c:v>3.7956563469272004</c:v>
                </c:pt>
                <c:pt idx="434">
                  <c:v>3.8005073906364326</c:v>
                </c:pt>
                <c:pt idx="435">
                  <c:v>3.8053584343456652</c:v>
                </c:pt>
                <c:pt idx="436">
                  <c:v>3.810066800298598</c:v>
                </c:pt>
                <c:pt idx="437">
                  <c:v>3.8149178440078306</c:v>
                </c:pt>
                <c:pt idx="438">
                  <c:v>3.824477253669996</c:v>
                </c:pt>
                <c:pt idx="439">
                  <c:v>3.8293282973792286</c:v>
                </c:pt>
                <c:pt idx="440">
                  <c:v>3.8341793410884608</c:v>
                </c:pt>
                <c:pt idx="441">
                  <c:v>3.838887707041521</c:v>
                </c:pt>
                <c:pt idx="442">
                  <c:v>3.8437387507506262</c:v>
                </c:pt>
                <c:pt idx="443">
                  <c:v>3.8485897944598588</c:v>
                </c:pt>
                <c:pt idx="444">
                  <c:v>3.8532981604129191</c:v>
                </c:pt>
                <c:pt idx="445">
                  <c:v>3.8581492041220242</c:v>
                </c:pt>
                <c:pt idx="446">
                  <c:v>3.8630002478312568</c:v>
                </c:pt>
                <c:pt idx="447">
                  <c:v>3.8677086137843166</c:v>
                </c:pt>
                <c:pt idx="448">
                  <c:v>3.8725596574934222</c:v>
                </c:pt>
                <c:pt idx="449">
                  <c:v>3.8821190671557146</c:v>
                </c:pt>
                <c:pt idx="450">
                  <c:v>3.8869701108649468</c:v>
                </c:pt>
                <c:pt idx="451">
                  <c:v>3.8918211545740524</c:v>
                </c:pt>
                <c:pt idx="452">
                  <c:v>3.9013805642363444</c:v>
                </c:pt>
                <c:pt idx="453">
                  <c:v>3.9062316079454504</c:v>
                </c:pt>
                <c:pt idx="454">
                  <c:v>3.9109399738985102</c:v>
                </c:pt>
                <c:pt idx="455">
                  <c:v>3.9157910176077424</c:v>
                </c:pt>
                <c:pt idx="456">
                  <c:v>3.9206420613168484</c:v>
                </c:pt>
                <c:pt idx="457">
                  <c:v>3.9253504272699082</c:v>
                </c:pt>
                <c:pt idx="458">
                  <c:v>3.935052514688373</c:v>
                </c:pt>
                <c:pt idx="459">
                  <c:v>3.9397608806413058</c:v>
                </c:pt>
                <c:pt idx="460">
                  <c:v>3.9446119243505384</c:v>
                </c:pt>
                <c:pt idx="461">
                  <c:v>3.9541713340127038</c:v>
                </c:pt>
                <c:pt idx="462">
                  <c:v>3.9590223777219355</c:v>
                </c:pt>
                <c:pt idx="463">
                  <c:v>3.9638734214311682</c:v>
                </c:pt>
                <c:pt idx="464">
                  <c:v>3.9685817873842288</c:v>
                </c:pt>
                <c:pt idx="465">
                  <c:v>3.9782838748025662</c:v>
                </c:pt>
                <c:pt idx="466">
                  <c:v>3.982992240755626</c:v>
                </c:pt>
                <c:pt idx="467">
                  <c:v>3.9926943281739642</c:v>
                </c:pt>
                <c:pt idx="468">
                  <c:v>3.9975453718831968</c:v>
                </c:pt>
                <c:pt idx="469">
                  <c:v>4.0022537378361296</c:v>
                </c:pt>
                <c:pt idx="470">
                  <c:v>4.0119558252545939</c:v>
                </c:pt>
                <c:pt idx="471">
                  <c:v>4.0166641912075276</c:v>
                </c:pt>
                <c:pt idx="472">
                  <c:v>4.0215152349167607</c:v>
                </c:pt>
                <c:pt idx="473">
                  <c:v>4.0310746445790526</c:v>
                </c:pt>
                <c:pt idx="474">
                  <c:v>4.0359256882881578</c:v>
                </c:pt>
                <c:pt idx="475">
                  <c:v>4.04077673199739</c:v>
                </c:pt>
                <c:pt idx="476">
                  <c:v>4.0503361416595558</c:v>
                </c:pt>
                <c:pt idx="477">
                  <c:v>4.055187185368788</c:v>
                </c:pt>
                <c:pt idx="478">
                  <c:v>4.0647465950309538</c:v>
                </c:pt>
                <c:pt idx="479">
                  <c:v>4.069597638740186</c:v>
                </c:pt>
                <c:pt idx="480">
                  <c:v>4.0791570484024779</c:v>
                </c:pt>
                <c:pt idx="481">
                  <c:v>4.084008092111584</c:v>
                </c:pt>
                <c:pt idx="482">
                  <c:v>4.0887164580646438</c:v>
                </c:pt>
                <c:pt idx="483">
                  <c:v>4.093567501773876</c:v>
                </c:pt>
                <c:pt idx="484">
                  <c:v>4.1031269114360418</c:v>
                </c:pt>
                <c:pt idx="485">
                  <c:v>4.107977955145274</c:v>
                </c:pt>
                <c:pt idx="486">
                  <c:v>4.1128289988543791</c:v>
                </c:pt>
                <c:pt idx="487">
                  <c:v>4.1175373648074398</c:v>
                </c:pt>
                <c:pt idx="488">
                  <c:v>4.1272394522259042</c:v>
                </c:pt>
                <c:pt idx="489">
                  <c:v>4.1319478181788378</c:v>
                </c:pt>
                <c:pt idx="490">
                  <c:v>4.1416499055973022</c:v>
                </c:pt>
                <c:pt idx="491">
                  <c:v>4.146358271550235</c:v>
                </c:pt>
                <c:pt idx="492">
                  <c:v>4.1512093152594671</c:v>
                </c:pt>
                <c:pt idx="493">
                  <c:v>4.1560603589687002</c:v>
                </c:pt>
                <c:pt idx="494">
                  <c:v>4.1607687249217591</c:v>
                </c:pt>
                <c:pt idx="495">
                  <c:v>4.1656197686308651</c:v>
                </c:pt>
                <c:pt idx="496">
                  <c:v>4.1753218560492034</c:v>
                </c:pt>
                <c:pt idx="497">
                  <c:v>4.1800302220022632</c:v>
                </c:pt>
                <c:pt idx="498">
                  <c:v>4.1848812657114962</c:v>
                </c:pt>
                <c:pt idx="499">
                  <c:v>4.1897323094207275</c:v>
                </c:pt>
                <c:pt idx="500">
                  <c:v>4.1944406753736612</c:v>
                </c:pt>
                <c:pt idx="501">
                  <c:v>4.1992917190828933</c:v>
                </c:pt>
                <c:pt idx="502">
                  <c:v>4.2041427627921255</c:v>
                </c:pt>
                <c:pt idx="503">
                  <c:v>4.2088511287450592</c:v>
                </c:pt>
                <c:pt idx="504">
                  <c:v>4.2137021724542914</c:v>
                </c:pt>
                <c:pt idx="505">
                  <c:v>4.2185532161635235</c:v>
                </c:pt>
                <c:pt idx="506">
                  <c:v>4.2281126258256894</c:v>
                </c:pt>
                <c:pt idx="507">
                  <c:v>4.2329636695349215</c:v>
                </c:pt>
                <c:pt idx="508">
                  <c:v>4.2425230791970874</c:v>
                </c:pt>
                <c:pt idx="509">
                  <c:v>4.2473741229063195</c:v>
                </c:pt>
                <c:pt idx="510">
                  <c:v>4.2520824888593793</c:v>
                </c:pt>
                <c:pt idx="511">
                  <c:v>4.2569335325684854</c:v>
                </c:pt>
                <c:pt idx="512">
                  <c:v>4.2617845762777176</c:v>
                </c:pt>
                <c:pt idx="513">
                  <c:v>4.2664929422307774</c:v>
                </c:pt>
                <c:pt idx="514">
                  <c:v>4.2713439859400095</c:v>
                </c:pt>
                <c:pt idx="515">
                  <c:v>4.2761950296491147</c:v>
                </c:pt>
                <c:pt idx="516">
                  <c:v>4.2809033956021754</c:v>
                </c:pt>
                <c:pt idx="517">
                  <c:v>4.2809033956021754</c:v>
                </c:pt>
                <c:pt idx="518">
                  <c:v>4.2857544393114075</c:v>
                </c:pt>
                <c:pt idx="519">
                  <c:v>4.2906054830205127</c:v>
                </c:pt>
                <c:pt idx="520">
                  <c:v>4.2953138489735734</c:v>
                </c:pt>
                <c:pt idx="521">
                  <c:v>4.3001648926828047</c:v>
                </c:pt>
                <c:pt idx="522">
                  <c:v>4.3050159363919107</c:v>
                </c:pt>
                <c:pt idx="523">
                  <c:v>4.3145753460542027</c:v>
                </c:pt>
                <c:pt idx="524">
                  <c:v>4.3194263897634357</c:v>
                </c:pt>
                <c:pt idx="525">
                  <c:v>4.3241347557163685</c:v>
                </c:pt>
                <c:pt idx="526">
                  <c:v>4.3289857994256007</c:v>
                </c:pt>
                <c:pt idx="527">
                  <c:v>4.3338368431348337</c:v>
                </c:pt>
                <c:pt idx="528">
                  <c:v>4.3385452090877665</c:v>
                </c:pt>
                <c:pt idx="529">
                  <c:v>4.3433962527969987</c:v>
                </c:pt>
                <c:pt idx="530">
                  <c:v>4.3482472965062318</c:v>
                </c:pt>
                <c:pt idx="531">
                  <c:v>4.3482472965062318</c:v>
                </c:pt>
                <c:pt idx="532">
                  <c:v>4.3529556624592907</c:v>
                </c:pt>
                <c:pt idx="533">
                  <c:v>4.3578067061683967</c:v>
                </c:pt>
                <c:pt idx="534">
                  <c:v>4.3626577498776298</c:v>
                </c:pt>
                <c:pt idx="535">
                  <c:v>4.3675087935867349</c:v>
                </c:pt>
                <c:pt idx="536">
                  <c:v>4.3722171595397947</c:v>
                </c:pt>
                <c:pt idx="537">
                  <c:v>4.3770682032490269</c:v>
                </c:pt>
                <c:pt idx="538">
                  <c:v>4.3819192469582591</c:v>
                </c:pt>
                <c:pt idx="539">
                  <c:v>4.3914786566204249</c:v>
                </c:pt>
                <c:pt idx="540">
                  <c:v>4.3963297003296571</c:v>
                </c:pt>
                <c:pt idx="541">
                  <c:v>4.4010380662827169</c:v>
                </c:pt>
                <c:pt idx="542">
                  <c:v>4.4058891099918229</c:v>
                </c:pt>
                <c:pt idx="543">
                  <c:v>4.4107401537010551</c:v>
                </c:pt>
                <c:pt idx="544">
                  <c:v>4.4202995633632209</c:v>
                </c:pt>
                <c:pt idx="545">
                  <c:v>4.4251506070724531</c:v>
                </c:pt>
                <c:pt idx="546">
                  <c:v>4.4298589730255129</c:v>
                </c:pt>
                <c:pt idx="547">
                  <c:v>4.434710016734619</c:v>
                </c:pt>
                <c:pt idx="548">
                  <c:v>4.4395610604438502</c:v>
                </c:pt>
                <c:pt idx="549">
                  <c:v>4.4442694263969109</c:v>
                </c:pt>
                <c:pt idx="550">
                  <c:v>4.4539715138152483</c:v>
                </c:pt>
                <c:pt idx="551">
                  <c:v>4.4586798797683089</c:v>
                </c:pt>
                <c:pt idx="552">
                  <c:v>4.4635309234775402</c:v>
                </c:pt>
                <c:pt idx="553">
                  <c:v>4.4730903331397069</c:v>
                </c:pt>
                <c:pt idx="554">
                  <c:v>4.4779413768489382</c:v>
                </c:pt>
                <c:pt idx="555">
                  <c:v>4.4827924205580443</c:v>
                </c:pt>
                <c:pt idx="556">
                  <c:v>4.4923518302203362</c:v>
                </c:pt>
                <c:pt idx="557">
                  <c:v>4.4972028739294423</c:v>
                </c:pt>
                <c:pt idx="558">
                  <c:v>4.5019112398825021</c:v>
                </c:pt>
                <c:pt idx="559">
                  <c:v>4.5067622835917343</c:v>
                </c:pt>
                <c:pt idx="560">
                  <c:v>4.5116133273009673</c:v>
                </c:pt>
                <c:pt idx="561">
                  <c:v>4.5163216932539001</c:v>
                </c:pt>
                <c:pt idx="562">
                  <c:v>4.5211727369631323</c:v>
                </c:pt>
                <c:pt idx="563">
                  <c:v>4.5260237806723653</c:v>
                </c:pt>
                <c:pt idx="564">
                  <c:v>4.5307321466252981</c:v>
                </c:pt>
                <c:pt idx="565">
                  <c:v>4.5355831903345303</c:v>
                </c:pt>
                <c:pt idx="566">
                  <c:v>4.5404342340437625</c:v>
                </c:pt>
                <c:pt idx="567">
                  <c:v>4.5452852777528676</c:v>
                </c:pt>
                <c:pt idx="568">
                  <c:v>4.5499936437059274</c:v>
                </c:pt>
                <c:pt idx="569">
                  <c:v>4.5548446874151605</c:v>
                </c:pt>
                <c:pt idx="570">
                  <c:v>4.5596957311243926</c:v>
                </c:pt>
                <c:pt idx="571">
                  <c:v>4.5644040970773254</c:v>
                </c:pt>
                <c:pt idx="572">
                  <c:v>4.5692551407865585</c:v>
                </c:pt>
                <c:pt idx="573">
                  <c:v>4.5741061844957907</c:v>
                </c:pt>
                <c:pt idx="574">
                  <c:v>4.5741061844957907</c:v>
                </c:pt>
                <c:pt idx="575">
                  <c:v>4.5788145504487234</c:v>
                </c:pt>
                <c:pt idx="576">
                  <c:v>4.5788145504487234</c:v>
                </c:pt>
                <c:pt idx="577">
                  <c:v>4.5836655941579565</c:v>
                </c:pt>
                <c:pt idx="578">
                  <c:v>4.5836655941579565</c:v>
                </c:pt>
                <c:pt idx="579">
                  <c:v>4.5885166378671887</c:v>
                </c:pt>
                <c:pt idx="580">
                  <c:v>4.5932250038202485</c:v>
                </c:pt>
                <c:pt idx="581">
                  <c:v>4.5980760475293545</c:v>
                </c:pt>
                <c:pt idx="582">
                  <c:v>4.6029270912385867</c:v>
                </c:pt>
                <c:pt idx="583">
                  <c:v>4.6029270912385867</c:v>
                </c:pt>
                <c:pt idx="584">
                  <c:v>4.6076354571916465</c:v>
                </c:pt>
                <c:pt idx="585">
                  <c:v>4.6124865009007525</c:v>
                </c:pt>
                <c:pt idx="586">
                  <c:v>4.6173375446099838</c:v>
                </c:pt>
                <c:pt idx="587">
                  <c:v>4.6220459105630445</c:v>
                </c:pt>
                <c:pt idx="588">
                  <c:v>4.6268969542721496</c:v>
                </c:pt>
                <c:pt idx="589">
                  <c:v>4.6317479979813818</c:v>
                </c:pt>
                <c:pt idx="590">
                  <c:v>4.6364563639344425</c:v>
                </c:pt>
                <c:pt idx="591">
                  <c:v>4.6413074076435477</c:v>
                </c:pt>
                <c:pt idx="592">
                  <c:v>4.6461584513527798</c:v>
                </c:pt>
                <c:pt idx="593">
                  <c:v>4.6508668173058396</c:v>
                </c:pt>
                <c:pt idx="594">
                  <c:v>4.6557178610150718</c:v>
                </c:pt>
                <c:pt idx="595">
                  <c:v>4.6605689047241778</c:v>
                </c:pt>
                <c:pt idx="596">
                  <c:v>4.6652772706772376</c:v>
                </c:pt>
                <c:pt idx="597">
                  <c:v>4.6701283143864698</c:v>
                </c:pt>
                <c:pt idx="598">
                  <c:v>4.6796877240486356</c:v>
                </c:pt>
                <c:pt idx="599">
                  <c:v>4.6845387677578678</c:v>
                </c:pt>
                <c:pt idx="600">
                  <c:v>4.6893898114669739</c:v>
                </c:pt>
                <c:pt idx="601">
                  <c:v>4.6940981774200337</c:v>
                </c:pt>
                <c:pt idx="602">
                  <c:v>4.6989492211292658</c:v>
                </c:pt>
                <c:pt idx="603">
                  <c:v>4.703800264838498</c:v>
                </c:pt>
                <c:pt idx="604">
                  <c:v>4.7085086307914317</c:v>
                </c:pt>
                <c:pt idx="605">
                  <c:v>4.7133596745006638</c:v>
                </c:pt>
                <c:pt idx="606">
                  <c:v>4.718210718209896</c:v>
                </c:pt>
                <c:pt idx="607">
                  <c:v>4.7229190841628297</c:v>
                </c:pt>
                <c:pt idx="608">
                  <c:v>4.727770127872061</c:v>
                </c:pt>
                <c:pt idx="609">
                  <c:v>4.732621171581294</c:v>
                </c:pt>
                <c:pt idx="610">
                  <c:v>4.7374722152903992</c:v>
                </c:pt>
                <c:pt idx="611">
                  <c:v>4.742180581243459</c:v>
                </c:pt>
                <c:pt idx="612">
                  <c:v>4.747031624952692</c:v>
                </c:pt>
                <c:pt idx="613">
                  <c:v>4.7518826686619242</c:v>
                </c:pt>
                <c:pt idx="614">
                  <c:v>4.756591034614857</c:v>
                </c:pt>
                <c:pt idx="615">
                  <c:v>4.7614420783240901</c:v>
                </c:pt>
                <c:pt idx="616">
                  <c:v>4.7662931220333222</c:v>
                </c:pt>
                <c:pt idx="617">
                  <c:v>4.771001487986255</c:v>
                </c:pt>
                <c:pt idx="618">
                  <c:v>4.7758525316954881</c:v>
                </c:pt>
                <c:pt idx="619">
                  <c:v>4.7807035754047194</c:v>
                </c:pt>
                <c:pt idx="620">
                  <c:v>4.78541194135778</c:v>
                </c:pt>
                <c:pt idx="621">
                  <c:v>4.7902629850668852</c:v>
                </c:pt>
                <c:pt idx="622">
                  <c:v>4.7951140287761174</c:v>
                </c:pt>
                <c:pt idx="623">
                  <c:v>4.799822394729178</c:v>
                </c:pt>
                <c:pt idx="624">
                  <c:v>4.799822394729178</c:v>
                </c:pt>
                <c:pt idx="625">
                  <c:v>4.8046734384382832</c:v>
                </c:pt>
                <c:pt idx="626">
                  <c:v>4.8095244821475154</c:v>
                </c:pt>
                <c:pt idx="627">
                  <c:v>4.8142328481005752</c:v>
                </c:pt>
                <c:pt idx="628">
                  <c:v>4.8190838918096812</c:v>
                </c:pt>
                <c:pt idx="629">
                  <c:v>4.8239349355189134</c:v>
                </c:pt>
                <c:pt idx="630">
                  <c:v>4.8286433014719732</c:v>
                </c:pt>
                <c:pt idx="631">
                  <c:v>4.8334943451812054</c:v>
                </c:pt>
                <c:pt idx="632">
                  <c:v>4.8383453888903114</c:v>
                </c:pt>
                <c:pt idx="633">
                  <c:v>4.8383453888903114</c:v>
                </c:pt>
                <c:pt idx="634">
                  <c:v>4.8430537548433712</c:v>
                </c:pt>
                <c:pt idx="635">
                  <c:v>4.8479047985526034</c:v>
                </c:pt>
                <c:pt idx="636">
                  <c:v>4.8479047985526034</c:v>
                </c:pt>
                <c:pt idx="637">
                  <c:v>4.8527558422617094</c:v>
                </c:pt>
                <c:pt idx="638">
                  <c:v>4.8574642082147692</c:v>
                </c:pt>
                <c:pt idx="639">
                  <c:v>4.8623152519240014</c:v>
                </c:pt>
                <c:pt idx="640">
                  <c:v>4.8671662956331065</c:v>
                </c:pt>
                <c:pt idx="641">
                  <c:v>4.8718746615861672</c:v>
                </c:pt>
                <c:pt idx="642">
                  <c:v>4.8767257052953994</c:v>
                </c:pt>
                <c:pt idx="643">
                  <c:v>4.8815767490045046</c:v>
                </c:pt>
                <c:pt idx="644">
                  <c:v>4.8862851149575652</c:v>
                </c:pt>
                <c:pt idx="645">
                  <c:v>4.8911361586667965</c:v>
                </c:pt>
                <c:pt idx="646">
                  <c:v>4.8959872023760296</c:v>
                </c:pt>
                <c:pt idx="647">
                  <c:v>4.9006955683289632</c:v>
                </c:pt>
                <c:pt idx="648">
                  <c:v>4.9103976557474276</c:v>
                </c:pt>
                <c:pt idx="649">
                  <c:v>4.9151060217003604</c:v>
                </c:pt>
                <c:pt idx="650">
                  <c:v>4.9199570654095925</c:v>
                </c:pt>
                <c:pt idx="651">
                  <c:v>4.9248081091188256</c:v>
                </c:pt>
                <c:pt idx="652">
                  <c:v>4.9296591528279308</c:v>
                </c:pt>
                <c:pt idx="653">
                  <c:v>4.9392185624902236</c:v>
                </c:pt>
                <c:pt idx="654">
                  <c:v>4.9440696061994549</c:v>
                </c:pt>
                <c:pt idx="655">
                  <c:v>4.9487779721523886</c:v>
                </c:pt>
                <c:pt idx="656">
                  <c:v>4.9584800595708529</c:v>
                </c:pt>
                <c:pt idx="657">
                  <c:v>4.9631884255237866</c:v>
                </c:pt>
                <c:pt idx="658">
                  <c:v>4.9680394692330188</c:v>
                </c:pt>
                <c:pt idx="659">
                  <c:v>4.9728905129422509</c:v>
                </c:pt>
                <c:pt idx="660">
                  <c:v>4.9775988788953116</c:v>
                </c:pt>
                <c:pt idx="661">
                  <c:v>4.9824499226044168</c:v>
                </c:pt>
                <c:pt idx="662">
                  <c:v>4.9873009663136489</c:v>
                </c:pt>
                <c:pt idx="663">
                  <c:v>4.9920093322667087</c:v>
                </c:pt>
                <c:pt idx="664">
                  <c:v>4.9968603759758148</c:v>
                </c:pt>
                <c:pt idx="665">
                  <c:v>5.001711419685047</c:v>
                </c:pt>
                <c:pt idx="666">
                  <c:v>5.0064197856381067</c:v>
                </c:pt>
                <c:pt idx="667">
                  <c:v>5.0112708293472128</c:v>
                </c:pt>
                <c:pt idx="668">
                  <c:v>5.016121873056445</c:v>
                </c:pt>
                <c:pt idx="669">
                  <c:v>5.0208302390095048</c:v>
                </c:pt>
                <c:pt idx="670">
                  <c:v>5.0305323264278421</c:v>
                </c:pt>
                <c:pt idx="671">
                  <c:v>5.0352406923809028</c:v>
                </c:pt>
                <c:pt idx="672">
                  <c:v>5.0400917360901349</c:v>
                </c:pt>
                <c:pt idx="673">
                  <c:v>5.0449427797992401</c:v>
                </c:pt>
                <c:pt idx="674">
                  <c:v>5.0496511457523008</c:v>
                </c:pt>
                <c:pt idx="675">
                  <c:v>5.0593532331706381</c:v>
                </c:pt>
                <c:pt idx="676">
                  <c:v>5.0640615991236988</c:v>
                </c:pt>
                <c:pt idx="677">
                  <c:v>5.0689126428329301</c:v>
                </c:pt>
                <c:pt idx="678">
                  <c:v>5.0689126428329301</c:v>
                </c:pt>
                <c:pt idx="679">
                  <c:v>5.0737636865420361</c:v>
                </c:pt>
                <c:pt idx="680">
                  <c:v>5.0737636865420361</c:v>
                </c:pt>
                <c:pt idx="681">
                  <c:v>5.0784720524950959</c:v>
                </c:pt>
                <c:pt idx="682">
                  <c:v>5.0833230962043281</c:v>
                </c:pt>
                <c:pt idx="683">
                  <c:v>5.0881741399135612</c:v>
                </c:pt>
                <c:pt idx="684">
                  <c:v>5.0928825058664939</c:v>
                </c:pt>
                <c:pt idx="685">
                  <c:v>5.0977335495757261</c:v>
                </c:pt>
                <c:pt idx="686">
                  <c:v>5.1025845932849592</c:v>
                </c:pt>
                <c:pt idx="687">
                  <c:v>5.1121440029471241</c:v>
                </c:pt>
                <c:pt idx="688">
                  <c:v>5.1121440029471241</c:v>
                </c:pt>
                <c:pt idx="689">
                  <c:v>5.1169950466563572</c:v>
                </c:pt>
                <c:pt idx="690">
                  <c:v>5.1218460903654615</c:v>
                </c:pt>
                <c:pt idx="691">
                  <c:v>5.1265544563185221</c:v>
                </c:pt>
                <c:pt idx="692">
                  <c:v>5.1314055000277543</c:v>
                </c:pt>
                <c:pt idx="693">
                  <c:v>5.1362565437369865</c:v>
                </c:pt>
                <c:pt idx="694">
                  <c:v>5.1362565437369865</c:v>
                </c:pt>
                <c:pt idx="695">
                  <c:v>5.1362565437369865</c:v>
                </c:pt>
                <c:pt idx="696">
                  <c:v>5.1362565437369865</c:v>
                </c:pt>
                <c:pt idx="697">
                  <c:v>5.1362565437369865</c:v>
                </c:pt>
                <c:pt idx="698">
                  <c:v>5.1362565437369865</c:v>
                </c:pt>
                <c:pt idx="699">
                  <c:v>5.1409649096899201</c:v>
                </c:pt>
                <c:pt idx="700">
                  <c:v>5.1409649096899201</c:v>
                </c:pt>
                <c:pt idx="701">
                  <c:v>5.1458159533991523</c:v>
                </c:pt>
                <c:pt idx="702">
                  <c:v>5.1506669971083845</c:v>
                </c:pt>
                <c:pt idx="703">
                  <c:v>5.1506669971083845</c:v>
                </c:pt>
                <c:pt idx="704">
                  <c:v>5.1553753630613173</c:v>
                </c:pt>
                <c:pt idx="705">
                  <c:v>5.1602264067705503</c:v>
                </c:pt>
                <c:pt idx="706">
                  <c:v>5.1650774504797825</c:v>
                </c:pt>
                <c:pt idx="707">
                  <c:v>5.1697858164328423</c:v>
                </c:pt>
                <c:pt idx="708">
                  <c:v>5.1794879038511805</c:v>
                </c:pt>
                <c:pt idx="709">
                  <c:v>5.1841962698042403</c:v>
                </c:pt>
                <c:pt idx="710">
                  <c:v>5.1890473135133464</c:v>
                </c:pt>
                <c:pt idx="711">
                  <c:v>5.1890473135133464</c:v>
                </c:pt>
                <c:pt idx="712">
                  <c:v>5.1938983572225785</c:v>
                </c:pt>
                <c:pt idx="713">
                  <c:v>5.1986067231756383</c:v>
                </c:pt>
                <c:pt idx="714">
                  <c:v>5.2083088105939757</c:v>
                </c:pt>
                <c:pt idx="715">
                  <c:v>5.2130171765470363</c:v>
                </c:pt>
                <c:pt idx="716">
                  <c:v>5.2178682202562685</c:v>
                </c:pt>
                <c:pt idx="717">
                  <c:v>5.2227192639653737</c:v>
                </c:pt>
                <c:pt idx="718">
                  <c:v>5.2274276299184343</c:v>
                </c:pt>
                <c:pt idx="719">
                  <c:v>5.2322786736276656</c:v>
                </c:pt>
                <c:pt idx="720">
                  <c:v>5.2371297173367717</c:v>
                </c:pt>
                <c:pt idx="721">
                  <c:v>5.2466891269990636</c:v>
                </c:pt>
                <c:pt idx="722">
                  <c:v>5.2515401707081697</c:v>
                </c:pt>
                <c:pt idx="723">
                  <c:v>5.2562485366612295</c:v>
                </c:pt>
                <c:pt idx="724">
                  <c:v>5.2610995803704617</c:v>
                </c:pt>
                <c:pt idx="725">
                  <c:v>5.2706589900326275</c:v>
                </c:pt>
                <c:pt idx="726">
                  <c:v>5.2706589900326275</c:v>
                </c:pt>
                <c:pt idx="727">
                  <c:v>5.2755100337418597</c:v>
                </c:pt>
                <c:pt idx="728">
                  <c:v>5.2850694434040255</c:v>
                </c:pt>
                <c:pt idx="729">
                  <c:v>5.2899204871132577</c:v>
                </c:pt>
                <c:pt idx="730">
                  <c:v>5.2947715308224907</c:v>
                </c:pt>
                <c:pt idx="731">
                  <c:v>5.299622574531595</c:v>
                </c:pt>
                <c:pt idx="732">
                  <c:v>5.299622574531595</c:v>
                </c:pt>
                <c:pt idx="733">
                  <c:v>5.3043309404846557</c:v>
                </c:pt>
                <c:pt idx="734">
                  <c:v>5.3043309404846557</c:v>
                </c:pt>
                <c:pt idx="735">
                  <c:v>5.3091819841938879</c:v>
                </c:pt>
                <c:pt idx="736">
                  <c:v>5.314033027902993</c:v>
                </c:pt>
                <c:pt idx="737">
                  <c:v>5.3187413938560528</c:v>
                </c:pt>
                <c:pt idx="738">
                  <c:v>5.3235924375652859</c:v>
                </c:pt>
                <c:pt idx="739">
                  <c:v>5.3235924375652859</c:v>
                </c:pt>
                <c:pt idx="740">
                  <c:v>5.3284434812745181</c:v>
                </c:pt>
                <c:pt idx="741">
                  <c:v>5.3331518472274508</c:v>
                </c:pt>
                <c:pt idx="742">
                  <c:v>5.3380028909366839</c:v>
                </c:pt>
                <c:pt idx="743">
                  <c:v>5.3428539346459161</c:v>
                </c:pt>
                <c:pt idx="744">
                  <c:v>5.3475623005988489</c:v>
                </c:pt>
                <c:pt idx="745">
                  <c:v>5.3475623005988489</c:v>
                </c:pt>
                <c:pt idx="746">
                  <c:v>5.3524133443080819</c:v>
                </c:pt>
                <c:pt idx="747">
                  <c:v>5.3572643880173141</c:v>
                </c:pt>
                <c:pt idx="748">
                  <c:v>5.3572643880173141</c:v>
                </c:pt>
                <c:pt idx="749">
                  <c:v>5.3619727539703739</c:v>
                </c:pt>
                <c:pt idx="750">
                  <c:v>5.3619727539703739</c:v>
                </c:pt>
                <c:pt idx="751">
                  <c:v>5.3668237976794799</c:v>
                </c:pt>
                <c:pt idx="752">
                  <c:v>5.3716748413887112</c:v>
                </c:pt>
                <c:pt idx="753">
                  <c:v>5.3763832073417719</c:v>
                </c:pt>
                <c:pt idx="754">
                  <c:v>5.3812342510508779</c:v>
                </c:pt>
                <c:pt idx="755">
                  <c:v>5.3860852947601092</c:v>
                </c:pt>
                <c:pt idx="756">
                  <c:v>5.3907936607131699</c:v>
                </c:pt>
                <c:pt idx="757">
                  <c:v>5.3956447044222751</c:v>
                </c:pt>
                <c:pt idx="758">
                  <c:v>5.4004957481315072</c:v>
                </c:pt>
                <c:pt idx="759">
                  <c:v>5.4052041140845679</c:v>
                </c:pt>
                <c:pt idx="760">
                  <c:v>5.4052041140845679</c:v>
                </c:pt>
                <c:pt idx="761">
                  <c:v>5.4100551577937992</c:v>
                </c:pt>
                <c:pt idx="762">
                  <c:v>5.4149062015029052</c:v>
                </c:pt>
                <c:pt idx="763">
                  <c:v>5.4149062015029052</c:v>
                </c:pt>
                <c:pt idx="764">
                  <c:v>5.419614567455965</c:v>
                </c:pt>
                <c:pt idx="765">
                  <c:v>5.4244656111651972</c:v>
                </c:pt>
                <c:pt idx="766">
                  <c:v>5.4244656111651972</c:v>
                </c:pt>
                <c:pt idx="767">
                  <c:v>5.4293166548743033</c:v>
                </c:pt>
                <c:pt idx="768">
                  <c:v>5.4340250208273631</c:v>
                </c:pt>
                <c:pt idx="769">
                  <c:v>5.4340250208273631</c:v>
                </c:pt>
                <c:pt idx="770">
                  <c:v>5.4388760645365952</c:v>
                </c:pt>
                <c:pt idx="771">
                  <c:v>5.4437271082457013</c:v>
                </c:pt>
                <c:pt idx="772">
                  <c:v>5.4484354741987611</c:v>
                </c:pt>
                <c:pt idx="773">
                  <c:v>5.4532865179079932</c:v>
                </c:pt>
                <c:pt idx="774">
                  <c:v>5.4581375616172263</c:v>
                </c:pt>
                <c:pt idx="775">
                  <c:v>5.4628459275701591</c:v>
                </c:pt>
                <c:pt idx="776">
                  <c:v>5.4676969712793912</c:v>
                </c:pt>
                <c:pt idx="777">
                  <c:v>5.4725480149886234</c:v>
                </c:pt>
                <c:pt idx="778">
                  <c:v>5.4773990586977286</c:v>
                </c:pt>
                <c:pt idx="779">
                  <c:v>5.4821074246507884</c:v>
                </c:pt>
                <c:pt idx="780">
                  <c:v>5.4869584683600214</c:v>
                </c:pt>
                <c:pt idx="781">
                  <c:v>5.4918095120691266</c:v>
                </c:pt>
                <c:pt idx="782">
                  <c:v>5.4918095120691266</c:v>
                </c:pt>
                <c:pt idx="783">
                  <c:v>5.4965178780221864</c:v>
                </c:pt>
                <c:pt idx="784">
                  <c:v>5.5013689217314194</c:v>
                </c:pt>
                <c:pt idx="785">
                  <c:v>5.5062199654405246</c:v>
                </c:pt>
                <c:pt idx="786">
                  <c:v>5.5109283313935844</c:v>
                </c:pt>
                <c:pt idx="787">
                  <c:v>5.5157793751028175</c:v>
                </c:pt>
                <c:pt idx="788">
                  <c:v>5.5206304188120496</c:v>
                </c:pt>
                <c:pt idx="789">
                  <c:v>5.5253387847649824</c:v>
                </c:pt>
                <c:pt idx="790">
                  <c:v>5.5301898284742155</c:v>
                </c:pt>
                <c:pt idx="791">
                  <c:v>5.5350408721834476</c:v>
                </c:pt>
                <c:pt idx="792">
                  <c:v>5.5350408721834476</c:v>
                </c:pt>
                <c:pt idx="793">
                  <c:v>5.5397492381363804</c:v>
                </c:pt>
                <c:pt idx="794">
                  <c:v>5.5446002818456126</c:v>
                </c:pt>
                <c:pt idx="795">
                  <c:v>5.5494513255548448</c:v>
                </c:pt>
                <c:pt idx="796">
                  <c:v>5.5541596915079054</c:v>
                </c:pt>
                <c:pt idx="797">
                  <c:v>5.5541596915079054</c:v>
                </c:pt>
                <c:pt idx="798">
                  <c:v>5.5590107352170106</c:v>
                </c:pt>
                <c:pt idx="799">
                  <c:v>5.5638617789262428</c:v>
                </c:pt>
                <c:pt idx="800">
                  <c:v>5.5685701448793035</c:v>
                </c:pt>
                <c:pt idx="801">
                  <c:v>5.5734211885884086</c:v>
                </c:pt>
                <c:pt idx="802">
                  <c:v>5.5782722322976408</c:v>
                </c:pt>
                <c:pt idx="803">
                  <c:v>5.5829805982507006</c:v>
                </c:pt>
                <c:pt idx="804">
                  <c:v>5.5829805982507006</c:v>
                </c:pt>
                <c:pt idx="805">
                  <c:v>5.5878316419598058</c:v>
                </c:pt>
                <c:pt idx="806">
                  <c:v>5.5926826856690388</c:v>
                </c:pt>
                <c:pt idx="807">
                  <c:v>5.5973910516220986</c:v>
                </c:pt>
                <c:pt idx="808">
                  <c:v>5.6022420953313308</c:v>
                </c:pt>
                <c:pt idx="809">
                  <c:v>5.6070931390404368</c:v>
                </c:pt>
                <c:pt idx="810">
                  <c:v>5.6118015049934966</c:v>
                </c:pt>
                <c:pt idx="811">
                  <c:v>5.6166525487027288</c:v>
                </c:pt>
                <c:pt idx="812">
                  <c:v>5.6166525487027288</c:v>
                </c:pt>
                <c:pt idx="813">
                  <c:v>5.6215035924118348</c:v>
                </c:pt>
                <c:pt idx="814">
                  <c:v>5.6262119583648946</c:v>
                </c:pt>
                <c:pt idx="815">
                  <c:v>5.6310630020741268</c:v>
                </c:pt>
                <c:pt idx="816">
                  <c:v>5.635914045783232</c:v>
                </c:pt>
                <c:pt idx="817">
                  <c:v>5.6406224117362926</c:v>
                </c:pt>
                <c:pt idx="818">
                  <c:v>5.6454734554455248</c:v>
                </c:pt>
                <c:pt idx="819">
                  <c:v>5.650324499154757</c:v>
                </c:pt>
                <c:pt idx="820">
                  <c:v>5.6550328651076907</c:v>
                </c:pt>
                <c:pt idx="821">
                  <c:v>5.6598839088169219</c:v>
                </c:pt>
                <c:pt idx="822">
                  <c:v>5.6598839088169219</c:v>
                </c:pt>
                <c:pt idx="823">
                  <c:v>5.664734952526155</c:v>
                </c:pt>
                <c:pt idx="824">
                  <c:v>5.664734952526155</c:v>
                </c:pt>
                <c:pt idx="825">
                  <c:v>5.6695859962352602</c:v>
                </c:pt>
                <c:pt idx="826">
                  <c:v>5.6695859962352602</c:v>
                </c:pt>
                <c:pt idx="827">
                  <c:v>5.67429436218832</c:v>
                </c:pt>
                <c:pt idx="828">
                  <c:v>5.679145405897553</c:v>
                </c:pt>
                <c:pt idx="829">
                  <c:v>5.6839964496066582</c:v>
                </c:pt>
                <c:pt idx="830">
                  <c:v>5.6839964496066582</c:v>
                </c:pt>
                <c:pt idx="831">
                  <c:v>5.688704815559718</c:v>
                </c:pt>
                <c:pt idx="832">
                  <c:v>5.693555859268951</c:v>
                </c:pt>
                <c:pt idx="833">
                  <c:v>5.6984069029780553</c:v>
                </c:pt>
                <c:pt idx="834">
                  <c:v>5.703115268931116</c:v>
                </c:pt>
                <c:pt idx="835">
                  <c:v>5.7079663126403481</c:v>
                </c:pt>
                <c:pt idx="836">
                  <c:v>5.7128173563495803</c:v>
                </c:pt>
                <c:pt idx="837">
                  <c:v>5.717525722302514</c:v>
                </c:pt>
                <c:pt idx="838">
                  <c:v>5.7223767660117462</c:v>
                </c:pt>
                <c:pt idx="839">
                  <c:v>5.7272278097209783</c:v>
                </c:pt>
                <c:pt idx="840">
                  <c:v>5.7272278097209783</c:v>
                </c:pt>
                <c:pt idx="841">
                  <c:v>5.731936175674039</c:v>
                </c:pt>
                <c:pt idx="842">
                  <c:v>5.7367872193831442</c:v>
                </c:pt>
                <c:pt idx="843">
                  <c:v>5.7416382630923763</c:v>
                </c:pt>
                <c:pt idx="844">
                  <c:v>5.7463466290454361</c:v>
                </c:pt>
                <c:pt idx="845">
                  <c:v>5.7511976727545413</c:v>
                </c:pt>
                <c:pt idx="846">
                  <c:v>5.7560487164637744</c:v>
                </c:pt>
                <c:pt idx="847">
                  <c:v>5.7607570824168342</c:v>
                </c:pt>
                <c:pt idx="848">
                  <c:v>5.7656081261259393</c:v>
                </c:pt>
                <c:pt idx="849">
                  <c:v>5.7751675357882322</c:v>
                </c:pt>
                <c:pt idx="850">
                  <c:v>5.7800185794973373</c:v>
                </c:pt>
                <c:pt idx="851">
                  <c:v>5.7848696232065704</c:v>
                </c:pt>
                <c:pt idx="852">
                  <c:v>5.7895779891596302</c:v>
                </c:pt>
                <c:pt idx="853">
                  <c:v>5.7895779891596302</c:v>
                </c:pt>
                <c:pt idx="854">
                  <c:v>5.7944290328688624</c:v>
                </c:pt>
                <c:pt idx="855">
                  <c:v>5.7992800765779675</c:v>
                </c:pt>
                <c:pt idx="856">
                  <c:v>5.7992800765779675</c:v>
                </c:pt>
                <c:pt idx="857">
                  <c:v>5.8039884425310282</c:v>
                </c:pt>
                <c:pt idx="858">
                  <c:v>5.8088394862402604</c:v>
                </c:pt>
                <c:pt idx="859">
                  <c:v>5.8088394862402604</c:v>
                </c:pt>
                <c:pt idx="860">
                  <c:v>5.8136905299493655</c:v>
                </c:pt>
                <c:pt idx="861">
                  <c:v>5.8183988959024262</c:v>
                </c:pt>
                <c:pt idx="862">
                  <c:v>5.8183988959024262</c:v>
                </c:pt>
                <c:pt idx="863">
                  <c:v>5.8232499396116575</c:v>
                </c:pt>
                <c:pt idx="864">
                  <c:v>5.8281009833207635</c:v>
                </c:pt>
                <c:pt idx="865">
                  <c:v>5.8281009833207635</c:v>
                </c:pt>
                <c:pt idx="866">
                  <c:v>5.8328093492738242</c:v>
                </c:pt>
                <c:pt idx="867">
                  <c:v>5.8376603929830555</c:v>
                </c:pt>
                <c:pt idx="868">
                  <c:v>5.8425114366922877</c:v>
                </c:pt>
                <c:pt idx="869">
                  <c:v>5.8473624804013937</c:v>
                </c:pt>
                <c:pt idx="870">
                  <c:v>5.8473624804013937</c:v>
                </c:pt>
                <c:pt idx="871">
                  <c:v>5.8520708463544535</c:v>
                </c:pt>
                <c:pt idx="872">
                  <c:v>5.8520708463544535</c:v>
                </c:pt>
                <c:pt idx="873">
                  <c:v>5.8569218900636857</c:v>
                </c:pt>
                <c:pt idx="874">
                  <c:v>5.8617729337727917</c:v>
                </c:pt>
                <c:pt idx="875">
                  <c:v>5.8664812997258515</c:v>
                </c:pt>
                <c:pt idx="876">
                  <c:v>5.8713323434350837</c:v>
                </c:pt>
                <c:pt idx="877">
                  <c:v>5.8761833871441889</c:v>
                </c:pt>
                <c:pt idx="878">
                  <c:v>5.8808917530972495</c:v>
                </c:pt>
                <c:pt idx="879">
                  <c:v>5.8857427968064817</c:v>
                </c:pt>
                <c:pt idx="880">
                  <c:v>5.8905938405157139</c:v>
                </c:pt>
                <c:pt idx="881">
                  <c:v>5.8953022064686476</c:v>
                </c:pt>
                <c:pt idx="882">
                  <c:v>5.9001532501778788</c:v>
                </c:pt>
                <c:pt idx="883">
                  <c:v>5.9050042938871119</c:v>
                </c:pt>
                <c:pt idx="884">
                  <c:v>5.9097126598400447</c:v>
                </c:pt>
                <c:pt idx="885">
                  <c:v>5.9145637035492769</c:v>
                </c:pt>
                <c:pt idx="886">
                  <c:v>5.9194147472585099</c:v>
                </c:pt>
                <c:pt idx="887">
                  <c:v>5.9241231132115697</c:v>
                </c:pt>
                <c:pt idx="888">
                  <c:v>5.9289741569206749</c:v>
                </c:pt>
                <c:pt idx="889">
                  <c:v>5.9289741569206749</c:v>
                </c:pt>
                <c:pt idx="890">
                  <c:v>5.9338252006299079</c:v>
                </c:pt>
                <c:pt idx="891">
                  <c:v>5.9385335665829677</c:v>
                </c:pt>
                <c:pt idx="892">
                  <c:v>5.9433846102920729</c:v>
                </c:pt>
                <c:pt idx="893">
                  <c:v>5.9482356540013059</c:v>
                </c:pt>
                <c:pt idx="894">
                  <c:v>5.9529440199543657</c:v>
                </c:pt>
                <c:pt idx="895">
                  <c:v>5.9577950636634709</c:v>
                </c:pt>
                <c:pt idx="896">
                  <c:v>5.9577950636634709</c:v>
                </c:pt>
                <c:pt idx="897">
                  <c:v>5.9626461073727031</c:v>
                </c:pt>
                <c:pt idx="898">
                  <c:v>5.9673544733257637</c:v>
                </c:pt>
                <c:pt idx="899">
                  <c:v>5.9673544733257637</c:v>
                </c:pt>
                <c:pt idx="900">
                  <c:v>5.9722055170348689</c:v>
                </c:pt>
                <c:pt idx="901">
                  <c:v>5.9722055170348689</c:v>
                </c:pt>
                <c:pt idx="902">
                  <c:v>5.9770565607441011</c:v>
                </c:pt>
                <c:pt idx="903">
                  <c:v>5.9817649266971618</c:v>
                </c:pt>
                <c:pt idx="904">
                  <c:v>5.9817649266971618</c:v>
                </c:pt>
                <c:pt idx="905">
                  <c:v>5.986615970406393</c:v>
                </c:pt>
                <c:pt idx="906">
                  <c:v>5.986615970406393</c:v>
                </c:pt>
                <c:pt idx="907">
                  <c:v>5.9914670141154991</c:v>
                </c:pt>
                <c:pt idx="908">
                  <c:v>5.9914670141154991</c:v>
                </c:pt>
                <c:pt idx="909">
                  <c:v>5.9961753800685598</c:v>
                </c:pt>
                <c:pt idx="910">
                  <c:v>6.0010264237777911</c:v>
                </c:pt>
                <c:pt idx="911">
                  <c:v>6.0010264237777911</c:v>
                </c:pt>
                <c:pt idx="912">
                  <c:v>6.0058774674868971</c:v>
                </c:pt>
                <c:pt idx="913">
                  <c:v>6.0105858334399569</c:v>
                </c:pt>
                <c:pt idx="914">
                  <c:v>6.0154368771491891</c:v>
                </c:pt>
                <c:pt idx="915">
                  <c:v>6.0202879208582951</c:v>
                </c:pt>
                <c:pt idx="916">
                  <c:v>6.0202879208582951</c:v>
                </c:pt>
                <c:pt idx="917">
                  <c:v>6.0249962868113549</c:v>
                </c:pt>
                <c:pt idx="918">
                  <c:v>6.0249962868113549</c:v>
                </c:pt>
                <c:pt idx="919">
                  <c:v>6.0298473305205871</c:v>
                </c:pt>
                <c:pt idx="920">
                  <c:v>6.0346983742298193</c:v>
                </c:pt>
                <c:pt idx="921">
                  <c:v>6.0395494179389244</c:v>
                </c:pt>
                <c:pt idx="922">
                  <c:v>6.0395494179389244</c:v>
                </c:pt>
                <c:pt idx="923">
                  <c:v>6.0442577838919851</c:v>
                </c:pt>
                <c:pt idx="924">
                  <c:v>6.0491088276012173</c:v>
                </c:pt>
                <c:pt idx="925">
                  <c:v>6.0491088276012173</c:v>
                </c:pt>
                <c:pt idx="926">
                  <c:v>6.0539598713103224</c:v>
                </c:pt>
                <c:pt idx="927">
                  <c:v>6.0586682372633831</c:v>
                </c:pt>
                <c:pt idx="928">
                  <c:v>6.0586682372633831</c:v>
                </c:pt>
                <c:pt idx="929">
                  <c:v>6.0635192809726144</c:v>
                </c:pt>
                <c:pt idx="930">
                  <c:v>6.0683703246817204</c:v>
                </c:pt>
                <c:pt idx="931">
                  <c:v>6.0730786906347811</c:v>
                </c:pt>
                <c:pt idx="932">
                  <c:v>6.0779297343440124</c:v>
                </c:pt>
                <c:pt idx="933">
                  <c:v>6.0779297343440124</c:v>
                </c:pt>
                <c:pt idx="934">
                  <c:v>6.0827807780532455</c:v>
                </c:pt>
                <c:pt idx="935">
                  <c:v>6.0874891440061782</c:v>
                </c:pt>
                <c:pt idx="936">
                  <c:v>6.0874891440061782</c:v>
                </c:pt>
                <c:pt idx="937">
                  <c:v>6.0874891440061782</c:v>
                </c:pt>
                <c:pt idx="938">
                  <c:v>6.0923401877154104</c:v>
                </c:pt>
                <c:pt idx="939">
                  <c:v>6.0971912314246435</c:v>
                </c:pt>
                <c:pt idx="940">
                  <c:v>6.0971912314246435</c:v>
                </c:pt>
                <c:pt idx="941">
                  <c:v>6.1018995973775763</c:v>
                </c:pt>
                <c:pt idx="942">
                  <c:v>6.1067506410868084</c:v>
                </c:pt>
                <c:pt idx="943">
                  <c:v>6.1067506410868084</c:v>
                </c:pt>
                <c:pt idx="944">
                  <c:v>6.1116016847960415</c:v>
                </c:pt>
                <c:pt idx="945">
                  <c:v>6.1163100507491013</c:v>
                </c:pt>
                <c:pt idx="946">
                  <c:v>6.1211610944582064</c:v>
                </c:pt>
                <c:pt idx="947">
                  <c:v>6.1260121381674395</c:v>
                </c:pt>
                <c:pt idx="948">
                  <c:v>6.1307205041204993</c:v>
                </c:pt>
                <c:pt idx="949">
                  <c:v>6.1355715478296045</c:v>
                </c:pt>
                <c:pt idx="950">
                  <c:v>6.1355715478296045</c:v>
                </c:pt>
                <c:pt idx="951">
                  <c:v>6.1404225915388366</c:v>
                </c:pt>
                <c:pt idx="952">
                  <c:v>6.1451309574918973</c:v>
                </c:pt>
                <c:pt idx="953">
                  <c:v>6.1499820012010016</c:v>
                </c:pt>
                <c:pt idx="954">
                  <c:v>6.1499820012010016</c:v>
                </c:pt>
                <c:pt idx="955">
                  <c:v>6.1548330449102346</c:v>
                </c:pt>
                <c:pt idx="956">
                  <c:v>6.1595414108632953</c:v>
                </c:pt>
                <c:pt idx="957">
                  <c:v>6.1643924545725266</c:v>
                </c:pt>
                <c:pt idx="958">
                  <c:v>6.1643924545725266</c:v>
                </c:pt>
                <c:pt idx="959">
                  <c:v>6.1692434982816327</c:v>
                </c:pt>
                <c:pt idx="960">
                  <c:v>6.1739518642346924</c:v>
                </c:pt>
                <c:pt idx="961">
                  <c:v>6.1788029079439246</c:v>
                </c:pt>
                <c:pt idx="962">
                  <c:v>6.1836539516530307</c:v>
                </c:pt>
                <c:pt idx="963">
                  <c:v>6.1836539516530307</c:v>
                </c:pt>
                <c:pt idx="964">
                  <c:v>6.1883623176060905</c:v>
                </c:pt>
                <c:pt idx="965">
                  <c:v>6.1932133613153226</c:v>
                </c:pt>
                <c:pt idx="966">
                  <c:v>6.1980644050244287</c:v>
                </c:pt>
                <c:pt idx="967">
                  <c:v>6.1980644050244287</c:v>
                </c:pt>
                <c:pt idx="968">
                  <c:v>6.2027727709774885</c:v>
                </c:pt>
                <c:pt idx="969">
                  <c:v>6.2076238146867206</c:v>
                </c:pt>
                <c:pt idx="970">
                  <c:v>6.2124748583958267</c:v>
                </c:pt>
                <c:pt idx="971">
                  <c:v>6.2171832243488865</c:v>
                </c:pt>
                <c:pt idx="972">
                  <c:v>6.2171832243488865</c:v>
                </c:pt>
                <c:pt idx="973">
                  <c:v>6.2220342680581187</c:v>
                </c:pt>
                <c:pt idx="974">
                  <c:v>6.2268853117673508</c:v>
                </c:pt>
                <c:pt idx="975">
                  <c:v>6.2268853117673508</c:v>
                </c:pt>
                <c:pt idx="976">
                  <c:v>6.231736355476456</c:v>
                </c:pt>
                <c:pt idx="977">
                  <c:v>6.2364447214295167</c:v>
                </c:pt>
                <c:pt idx="978">
                  <c:v>6.2364447214295167</c:v>
                </c:pt>
                <c:pt idx="979">
                  <c:v>6.241295765138748</c:v>
                </c:pt>
                <c:pt idx="980">
                  <c:v>6.246146808847854</c:v>
                </c:pt>
                <c:pt idx="981">
                  <c:v>6.2508551748009138</c:v>
                </c:pt>
                <c:pt idx="982">
                  <c:v>6.255706218510146</c:v>
                </c:pt>
                <c:pt idx="983">
                  <c:v>6.260557262219252</c:v>
                </c:pt>
                <c:pt idx="984">
                  <c:v>6.260557262219252</c:v>
                </c:pt>
                <c:pt idx="985">
                  <c:v>6.2652656281723118</c:v>
                </c:pt>
                <c:pt idx="986">
                  <c:v>6.270116671881544</c:v>
                </c:pt>
                <c:pt idx="987">
                  <c:v>6.274967715590777</c:v>
                </c:pt>
                <c:pt idx="988">
                  <c:v>6.2796760815437098</c:v>
                </c:pt>
                <c:pt idx="989">
                  <c:v>6.2796760815437098</c:v>
                </c:pt>
                <c:pt idx="990">
                  <c:v>6.284527125252942</c:v>
                </c:pt>
                <c:pt idx="991">
                  <c:v>6.2893781689621751</c:v>
                </c:pt>
                <c:pt idx="992">
                  <c:v>6.2940865349151078</c:v>
                </c:pt>
                <c:pt idx="993">
                  <c:v>6.2940865349151078</c:v>
                </c:pt>
                <c:pt idx="994">
                  <c:v>6.29893757862434</c:v>
                </c:pt>
                <c:pt idx="995">
                  <c:v>6.29893757862434</c:v>
                </c:pt>
                <c:pt idx="996">
                  <c:v>6.3037886223335722</c:v>
                </c:pt>
                <c:pt idx="997">
                  <c:v>6.3084969882866329</c:v>
                </c:pt>
                <c:pt idx="998">
                  <c:v>6.3084969882866329</c:v>
                </c:pt>
                <c:pt idx="999">
                  <c:v>6.313348031995738</c:v>
                </c:pt>
                <c:pt idx="1000">
                  <c:v>6.3181990757049702</c:v>
                </c:pt>
                <c:pt idx="1001">
                  <c:v>6.3229074416580309</c:v>
                </c:pt>
                <c:pt idx="1002">
                  <c:v>6.3277584853671351</c:v>
                </c:pt>
                <c:pt idx="1003">
                  <c:v>6.3326095290763682</c:v>
                </c:pt>
                <c:pt idx="1004">
                  <c:v>6.3373178950294289</c:v>
                </c:pt>
                <c:pt idx="1005">
                  <c:v>6.3373178950294289</c:v>
                </c:pt>
                <c:pt idx="1006">
                  <c:v>6.3421689387385332</c:v>
                </c:pt>
                <c:pt idx="1007">
                  <c:v>6.3470199824477662</c:v>
                </c:pt>
                <c:pt idx="1008">
                  <c:v>6.351728348400826</c:v>
                </c:pt>
                <c:pt idx="1009">
                  <c:v>6.351728348400826</c:v>
                </c:pt>
                <c:pt idx="1010">
                  <c:v>6.3565793921100582</c:v>
                </c:pt>
                <c:pt idx="1011">
                  <c:v>6.3614304358191642</c:v>
                </c:pt>
                <c:pt idx="1012">
                  <c:v>6.3614304358191642</c:v>
                </c:pt>
                <c:pt idx="1013">
                  <c:v>6.366138801772224</c:v>
                </c:pt>
                <c:pt idx="1014">
                  <c:v>6.3709898454814562</c:v>
                </c:pt>
                <c:pt idx="1015">
                  <c:v>6.3758408891905622</c:v>
                </c:pt>
                <c:pt idx="1016">
                  <c:v>6.380549255143622</c:v>
                </c:pt>
                <c:pt idx="1017">
                  <c:v>6.3854002988528542</c:v>
                </c:pt>
                <c:pt idx="1018">
                  <c:v>6.3854002988528542</c:v>
                </c:pt>
                <c:pt idx="1019">
                  <c:v>6.3902513425619594</c:v>
                </c:pt>
                <c:pt idx="1020">
                  <c:v>6.39495970851502</c:v>
                </c:pt>
                <c:pt idx="1021">
                  <c:v>6.3998107522242522</c:v>
                </c:pt>
                <c:pt idx="1022">
                  <c:v>6.3998107522242522</c:v>
                </c:pt>
                <c:pt idx="1023">
                  <c:v>6.4046617959333574</c:v>
                </c:pt>
                <c:pt idx="1024">
                  <c:v>6.4095128396425896</c:v>
                </c:pt>
                <c:pt idx="1025">
                  <c:v>6.4142212055956493</c:v>
                </c:pt>
                <c:pt idx="1026">
                  <c:v>6.4190722493048815</c:v>
                </c:pt>
                <c:pt idx="1027">
                  <c:v>6.4190722493048815</c:v>
                </c:pt>
                <c:pt idx="1028">
                  <c:v>6.4239232930139876</c:v>
                </c:pt>
                <c:pt idx="1029">
                  <c:v>6.4286316589670474</c:v>
                </c:pt>
                <c:pt idx="1030">
                  <c:v>6.4334827026762795</c:v>
                </c:pt>
                <c:pt idx="1031">
                  <c:v>6.4334827026762795</c:v>
                </c:pt>
                <c:pt idx="1032">
                  <c:v>6.4383337463853856</c:v>
                </c:pt>
                <c:pt idx="1033">
                  <c:v>6.4430421123384454</c:v>
                </c:pt>
                <c:pt idx="1034">
                  <c:v>6.4478931560476775</c:v>
                </c:pt>
                <c:pt idx="1035">
                  <c:v>6.4527441997567836</c:v>
                </c:pt>
                <c:pt idx="1036">
                  <c:v>6.4574525657098434</c:v>
                </c:pt>
                <c:pt idx="1037">
                  <c:v>6.4623036094190756</c:v>
                </c:pt>
                <c:pt idx="1038">
                  <c:v>6.4623036094190756</c:v>
                </c:pt>
                <c:pt idx="1039">
                  <c:v>6.4671546531283086</c:v>
                </c:pt>
                <c:pt idx="1040">
                  <c:v>6.4718630190812414</c:v>
                </c:pt>
                <c:pt idx="1041">
                  <c:v>6.4767140627904736</c:v>
                </c:pt>
                <c:pt idx="1042">
                  <c:v>6.4815651064997057</c:v>
                </c:pt>
                <c:pt idx="1043">
                  <c:v>6.4815651064997057</c:v>
                </c:pt>
                <c:pt idx="1044">
                  <c:v>6.4862734724526394</c:v>
                </c:pt>
                <c:pt idx="1045">
                  <c:v>6.4911245161618707</c:v>
                </c:pt>
                <c:pt idx="1046">
                  <c:v>6.4911245161618707</c:v>
                </c:pt>
                <c:pt idx="1047">
                  <c:v>6.4959755598711038</c:v>
                </c:pt>
                <c:pt idx="1048">
                  <c:v>6.4959755598711038</c:v>
                </c:pt>
                <c:pt idx="1049">
                  <c:v>6.5006839258241644</c:v>
                </c:pt>
                <c:pt idx="1050">
                  <c:v>6.5055349695332687</c:v>
                </c:pt>
                <c:pt idx="1051">
                  <c:v>6.5103860132425018</c:v>
                </c:pt>
                <c:pt idx="1052">
                  <c:v>6.5150943791955616</c:v>
                </c:pt>
                <c:pt idx="1053">
                  <c:v>6.5199454229046667</c:v>
                </c:pt>
                <c:pt idx="1054">
                  <c:v>6.5199454229046667</c:v>
                </c:pt>
                <c:pt idx="1055">
                  <c:v>6.5247964666138998</c:v>
                </c:pt>
                <c:pt idx="1056">
                  <c:v>6.5295048325669596</c:v>
                </c:pt>
                <c:pt idx="1057">
                  <c:v>6.5343558762760647</c:v>
                </c:pt>
                <c:pt idx="1058">
                  <c:v>6.5343558762760647</c:v>
                </c:pt>
                <c:pt idx="1059">
                  <c:v>6.5392069199852978</c:v>
                </c:pt>
                <c:pt idx="1060">
                  <c:v>6.5439152859383576</c:v>
                </c:pt>
                <c:pt idx="1061">
                  <c:v>6.5487663296475898</c:v>
                </c:pt>
                <c:pt idx="1062">
                  <c:v>6.5536173733566958</c:v>
                </c:pt>
                <c:pt idx="1063">
                  <c:v>6.5583257393097556</c:v>
                </c:pt>
                <c:pt idx="1064">
                  <c:v>6.5583257393097556</c:v>
                </c:pt>
                <c:pt idx="1065">
                  <c:v>6.5631767830189878</c:v>
                </c:pt>
                <c:pt idx="1066">
                  <c:v>6.5680278267280929</c:v>
                </c:pt>
                <c:pt idx="1067">
                  <c:v>6.5680278267280929</c:v>
                </c:pt>
                <c:pt idx="1068">
                  <c:v>6.5727361926811536</c:v>
                </c:pt>
                <c:pt idx="1069">
                  <c:v>6.5775872363903858</c:v>
                </c:pt>
                <c:pt idx="1070">
                  <c:v>6.5824382800994909</c:v>
                </c:pt>
                <c:pt idx="1071">
                  <c:v>6.5824382800994909</c:v>
                </c:pt>
                <c:pt idx="1072">
                  <c:v>6.5871466460525516</c:v>
                </c:pt>
                <c:pt idx="1073">
                  <c:v>6.5919976897617829</c:v>
                </c:pt>
                <c:pt idx="1074">
                  <c:v>6.596848733470889</c:v>
                </c:pt>
                <c:pt idx="1075">
                  <c:v>6.596848733470889</c:v>
                </c:pt>
                <c:pt idx="1076">
                  <c:v>6.6016997771801211</c:v>
                </c:pt>
                <c:pt idx="1077">
                  <c:v>6.6016997771801211</c:v>
                </c:pt>
                <c:pt idx="1078">
                  <c:v>6.6064081431331809</c:v>
                </c:pt>
                <c:pt idx="1079">
                  <c:v>6.6112591868424131</c:v>
                </c:pt>
                <c:pt idx="1080">
                  <c:v>6.6161102305515191</c:v>
                </c:pt>
                <c:pt idx="1081">
                  <c:v>6.6208185965045789</c:v>
                </c:pt>
                <c:pt idx="1082">
                  <c:v>6.6208185965045789</c:v>
                </c:pt>
                <c:pt idx="1083">
                  <c:v>6.6256696402138111</c:v>
                </c:pt>
                <c:pt idx="1084">
                  <c:v>6.6305206839229163</c:v>
                </c:pt>
                <c:pt idx="1085">
                  <c:v>6.6305206839229163</c:v>
                </c:pt>
                <c:pt idx="1086">
                  <c:v>6.6352290498759769</c:v>
                </c:pt>
                <c:pt idx="1087">
                  <c:v>6.6352290498759769</c:v>
                </c:pt>
                <c:pt idx="1088">
                  <c:v>6.6400800935852091</c:v>
                </c:pt>
                <c:pt idx="1089">
                  <c:v>6.6449311372943143</c:v>
                </c:pt>
                <c:pt idx="1090">
                  <c:v>6.6449311372943143</c:v>
                </c:pt>
                <c:pt idx="1091">
                  <c:v>6.649639503247375</c:v>
                </c:pt>
                <c:pt idx="1092">
                  <c:v>6.6544905469566062</c:v>
                </c:pt>
                <c:pt idx="1093">
                  <c:v>6.6593415906658393</c:v>
                </c:pt>
                <c:pt idx="1094">
                  <c:v>6.6593415906658393</c:v>
                </c:pt>
                <c:pt idx="1095">
                  <c:v>6.664049956618773</c:v>
                </c:pt>
                <c:pt idx="1096">
                  <c:v>6.6689010003280043</c:v>
                </c:pt>
                <c:pt idx="1097">
                  <c:v>6.6737520440372373</c:v>
                </c:pt>
                <c:pt idx="1098">
                  <c:v>6.6737520440372373</c:v>
                </c:pt>
                <c:pt idx="1099">
                  <c:v>6.6784604099901701</c:v>
                </c:pt>
                <c:pt idx="1100">
                  <c:v>6.6833114536994023</c:v>
                </c:pt>
                <c:pt idx="1101">
                  <c:v>6.6833114536994023</c:v>
                </c:pt>
                <c:pt idx="1102">
                  <c:v>6.6881624974086353</c:v>
                </c:pt>
                <c:pt idx="1103">
                  <c:v>6.6928708633616951</c:v>
                </c:pt>
                <c:pt idx="1104">
                  <c:v>6.6928708633616951</c:v>
                </c:pt>
                <c:pt idx="1105">
                  <c:v>6.6977219070708003</c:v>
                </c:pt>
                <c:pt idx="1106">
                  <c:v>6.6977219070708003</c:v>
                </c:pt>
                <c:pt idx="1107">
                  <c:v>6.7025729507800333</c:v>
                </c:pt>
                <c:pt idx="1108">
                  <c:v>6.7025729507800333</c:v>
                </c:pt>
                <c:pt idx="1109">
                  <c:v>6.7072813167330931</c:v>
                </c:pt>
                <c:pt idx="1110">
                  <c:v>6.7121323604421983</c:v>
                </c:pt>
                <c:pt idx="1111">
                  <c:v>6.7121323604421983</c:v>
                </c:pt>
                <c:pt idx="1112">
                  <c:v>6.7169834041514314</c:v>
                </c:pt>
                <c:pt idx="1113">
                  <c:v>6.7169834041514314</c:v>
                </c:pt>
                <c:pt idx="1114">
                  <c:v>6.7216917701044911</c:v>
                </c:pt>
                <c:pt idx="1115">
                  <c:v>6.7216917701044911</c:v>
                </c:pt>
                <c:pt idx="1116">
                  <c:v>6.7265428138135963</c:v>
                </c:pt>
                <c:pt idx="1117">
                  <c:v>6.7265428138135963</c:v>
                </c:pt>
                <c:pt idx="1118">
                  <c:v>6.7313938575228285</c:v>
                </c:pt>
                <c:pt idx="1119">
                  <c:v>6.7313938575228285</c:v>
                </c:pt>
                <c:pt idx="1120">
                  <c:v>6.7361022234758892</c:v>
                </c:pt>
                <c:pt idx="1121">
                  <c:v>6.7409532671851213</c:v>
                </c:pt>
                <c:pt idx="1122">
                  <c:v>6.7409532671851213</c:v>
                </c:pt>
                <c:pt idx="1123">
                  <c:v>6.7458043108942265</c:v>
                </c:pt>
                <c:pt idx="1124">
                  <c:v>6.7505126768472863</c:v>
                </c:pt>
                <c:pt idx="1125">
                  <c:v>6.7553637205565185</c:v>
                </c:pt>
                <c:pt idx="1126">
                  <c:v>6.7553637205565185</c:v>
                </c:pt>
                <c:pt idx="1127">
                  <c:v>6.7602147642656245</c:v>
                </c:pt>
                <c:pt idx="1128">
                  <c:v>6.7649231302186843</c:v>
                </c:pt>
                <c:pt idx="1129">
                  <c:v>6.7697741739279165</c:v>
                </c:pt>
                <c:pt idx="1130">
                  <c:v>6.7746252176370225</c:v>
                </c:pt>
                <c:pt idx="1131">
                  <c:v>6.7746252176370225</c:v>
                </c:pt>
                <c:pt idx="1132">
                  <c:v>6.7794762613462547</c:v>
                </c:pt>
                <c:pt idx="1133">
                  <c:v>6.7841846272993145</c:v>
                </c:pt>
                <c:pt idx="1134">
                  <c:v>6.7890356710085467</c:v>
                </c:pt>
                <c:pt idx="1135">
                  <c:v>6.7890356710085467</c:v>
                </c:pt>
                <c:pt idx="1136">
                  <c:v>6.7938867147176527</c:v>
                </c:pt>
                <c:pt idx="1137">
                  <c:v>6.7985950806707125</c:v>
                </c:pt>
                <c:pt idx="1138">
                  <c:v>6.8034461243799447</c:v>
                </c:pt>
                <c:pt idx="1139">
                  <c:v>6.8082971680890498</c:v>
                </c:pt>
                <c:pt idx="1140">
                  <c:v>6.8130055340421105</c:v>
                </c:pt>
                <c:pt idx="1141">
                  <c:v>6.8178565777513427</c:v>
                </c:pt>
                <c:pt idx="1142">
                  <c:v>6.8227076214604478</c:v>
                </c:pt>
                <c:pt idx="1143">
                  <c:v>6.8274159874135085</c:v>
                </c:pt>
                <c:pt idx="1144">
                  <c:v>6.8322670311227398</c:v>
                </c:pt>
                <c:pt idx="1145">
                  <c:v>6.8371180748318459</c:v>
                </c:pt>
                <c:pt idx="1146">
                  <c:v>6.8418264407849056</c:v>
                </c:pt>
                <c:pt idx="1147">
                  <c:v>6.8418264407849056</c:v>
                </c:pt>
                <c:pt idx="1148">
                  <c:v>6.8466774844941378</c:v>
                </c:pt>
                <c:pt idx="1149">
                  <c:v>6.8515285282033709</c:v>
                </c:pt>
                <c:pt idx="1150">
                  <c:v>6.8562368941563037</c:v>
                </c:pt>
                <c:pt idx="1151">
                  <c:v>6.8610879378655358</c:v>
                </c:pt>
                <c:pt idx="1152">
                  <c:v>6.8610879378655358</c:v>
                </c:pt>
                <c:pt idx="1153">
                  <c:v>6.8659389815747689</c:v>
                </c:pt>
                <c:pt idx="1154">
                  <c:v>6.8706473475277017</c:v>
                </c:pt>
                <c:pt idx="1155">
                  <c:v>6.8754983912369338</c:v>
                </c:pt>
                <c:pt idx="1156">
                  <c:v>6.8803494349461669</c:v>
                </c:pt>
                <c:pt idx="1157">
                  <c:v>6.8803494349461669</c:v>
                </c:pt>
                <c:pt idx="1158">
                  <c:v>6.8850578008992267</c:v>
                </c:pt>
                <c:pt idx="1159">
                  <c:v>6.8899088446083319</c:v>
                </c:pt>
                <c:pt idx="1160">
                  <c:v>6.894759888317564</c:v>
                </c:pt>
                <c:pt idx="1161">
                  <c:v>6.894759888317564</c:v>
                </c:pt>
                <c:pt idx="1162">
                  <c:v>6.8994682542706247</c:v>
                </c:pt>
                <c:pt idx="1163">
                  <c:v>6.8994682542706247</c:v>
                </c:pt>
                <c:pt idx="1164">
                  <c:v>6.9043192979797299</c:v>
                </c:pt>
                <c:pt idx="1165">
                  <c:v>6.9043192979797299</c:v>
                </c:pt>
                <c:pt idx="1166">
                  <c:v>6.909170341688962</c:v>
                </c:pt>
                <c:pt idx="1167">
                  <c:v>6.9138787076420218</c:v>
                </c:pt>
                <c:pt idx="1168">
                  <c:v>6.9138787076420218</c:v>
                </c:pt>
                <c:pt idx="1169">
                  <c:v>6.918729751351127</c:v>
                </c:pt>
                <c:pt idx="1170">
                  <c:v>6.9235807950603601</c:v>
                </c:pt>
                <c:pt idx="1171">
                  <c:v>6.9235807950603601</c:v>
                </c:pt>
                <c:pt idx="1172">
                  <c:v>6.9282891610134199</c:v>
                </c:pt>
                <c:pt idx="1173">
                  <c:v>6.933140204722652</c:v>
                </c:pt>
                <c:pt idx="1174">
                  <c:v>6.9379912484317581</c:v>
                </c:pt>
                <c:pt idx="1175">
                  <c:v>6.9379912484317581</c:v>
                </c:pt>
                <c:pt idx="1176">
                  <c:v>6.9426996143848179</c:v>
                </c:pt>
                <c:pt idx="1177">
                  <c:v>6.94755065809405</c:v>
                </c:pt>
                <c:pt idx="1178">
                  <c:v>6.9524017018031561</c:v>
                </c:pt>
                <c:pt idx="1179">
                  <c:v>6.9524017018031561</c:v>
                </c:pt>
                <c:pt idx="1180">
                  <c:v>6.957110067756215</c:v>
                </c:pt>
                <c:pt idx="1181">
                  <c:v>6.961961111465448</c:v>
                </c:pt>
                <c:pt idx="1182">
                  <c:v>6.9668121551745541</c:v>
                </c:pt>
                <c:pt idx="1183">
                  <c:v>6.9668121551745541</c:v>
                </c:pt>
                <c:pt idx="1184">
                  <c:v>6.9716631988837854</c:v>
                </c:pt>
                <c:pt idx="1185">
                  <c:v>6.9763715648368461</c:v>
                </c:pt>
                <c:pt idx="1186">
                  <c:v>6.9763715648368461</c:v>
                </c:pt>
                <c:pt idx="1187">
                  <c:v>6.9812226085460782</c:v>
                </c:pt>
                <c:pt idx="1188">
                  <c:v>6.9860736522551834</c:v>
                </c:pt>
                <c:pt idx="1189">
                  <c:v>6.9907820182082441</c:v>
                </c:pt>
                <c:pt idx="1190">
                  <c:v>6.9907820182082441</c:v>
                </c:pt>
                <c:pt idx="1191">
                  <c:v>6.9956330619174754</c:v>
                </c:pt>
                <c:pt idx="1192">
                  <c:v>7.0004841056265814</c:v>
                </c:pt>
                <c:pt idx="1193">
                  <c:v>7.0004841056265814</c:v>
                </c:pt>
                <c:pt idx="1194">
                  <c:v>7.0051924715796421</c:v>
                </c:pt>
                <c:pt idx="1195">
                  <c:v>7.0100435152888734</c:v>
                </c:pt>
                <c:pt idx="1196">
                  <c:v>7.0148945589979794</c:v>
                </c:pt>
                <c:pt idx="1197">
                  <c:v>7.0196029249510392</c:v>
                </c:pt>
                <c:pt idx="1198">
                  <c:v>7.0244539686602714</c:v>
                </c:pt>
                <c:pt idx="1199">
                  <c:v>7.0244539686602714</c:v>
                </c:pt>
                <c:pt idx="1200">
                  <c:v>7.0293050123693774</c:v>
                </c:pt>
                <c:pt idx="1201">
                  <c:v>7.0293050123693774</c:v>
                </c:pt>
                <c:pt idx="1202">
                  <c:v>7.0340133783224372</c:v>
                </c:pt>
                <c:pt idx="1203">
                  <c:v>7.0340133783224372</c:v>
                </c:pt>
                <c:pt idx="1204">
                  <c:v>7.0388644220316694</c:v>
                </c:pt>
                <c:pt idx="1205">
                  <c:v>7.0388644220316694</c:v>
                </c:pt>
                <c:pt idx="1206">
                  <c:v>7.0437154657409025</c:v>
                </c:pt>
                <c:pt idx="1207">
                  <c:v>7.0484238316938352</c:v>
                </c:pt>
                <c:pt idx="1208">
                  <c:v>7.0532748754030674</c:v>
                </c:pt>
                <c:pt idx="1209">
                  <c:v>7.0581259191123005</c:v>
                </c:pt>
                <c:pt idx="1210">
                  <c:v>7.0628342850653594</c:v>
                </c:pt>
                <c:pt idx="1211">
                  <c:v>7.0628342850653594</c:v>
                </c:pt>
                <c:pt idx="1212">
                  <c:v>7.0676853287744654</c:v>
                </c:pt>
                <c:pt idx="1213">
                  <c:v>7.0725363724836976</c:v>
                </c:pt>
                <c:pt idx="1214">
                  <c:v>7.0725363724836976</c:v>
                </c:pt>
                <c:pt idx="1215">
                  <c:v>7.0772447384367574</c:v>
                </c:pt>
                <c:pt idx="1216">
                  <c:v>7.0772447384367574</c:v>
                </c:pt>
                <c:pt idx="1217">
                  <c:v>7.0820957821458626</c:v>
                </c:pt>
                <c:pt idx="1218">
                  <c:v>7.0820957821458626</c:v>
                </c:pt>
                <c:pt idx="1219">
                  <c:v>7.0869468258550956</c:v>
                </c:pt>
                <c:pt idx="1220">
                  <c:v>7.0869468258550956</c:v>
                </c:pt>
                <c:pt idx="1221">
                  <c:v>7.0916551918081554</c:v>
                </c:pt>
                <c:pt idx="1222">
                  <c:v>7.0916551918081554</c:v>
                </c:pt>
                <c:pt idx="1223">
                  <c:v>7.0965062355172606</c:v>
                </c:pt>
                <c:pt idx="1224">
                  <c:v>7.0965062355172606</c:v>
                </c:pt>
                <c:pt idx="1225">
                  <c:v>7.1013572792264936</c:v>
                </c:pt>
                <c:pt idx="1226">
                  <c:v>7.1060656451795525</c:v>
                </c:pt>
                <c:pt idx="1227">
                  <c:v>7.1109166888886586</c:v>
                </c:pt>
                <c:pt idx="1228">
                  <c:v>7.1157677325978916</c:v>
                </c:pt>
                <c:pt idx="1229">
                  <c:v>7.1157677325978916</c:v>
                </c:pt>
                <c:pt idx="1230">
                  <c:v>7.1204760985509505</c:v>
                </c:pt>
                <c:pt idx="1231">
                  <c:v>7.1253271422601836</c:v>
                </c:pt>
                <c:pt idx="1232">
                  <c:v>7.1253271422601836</c:v>
                </c:pt>
                <c:pt idx="1233">
                  <c:v>7.1301781859692897</c:v>
                </c:pt>
                <c:pt idx="1234">
                  <c:v>7.1301781859692897</c:v>
                </c:pt>
                <c:pt idx="1235">
                  <c:v>7.1301781859692897</c:v>
                </c:pt>
                <c:pt idx="1236">
                  <c:v>7.1348865519223486</c:v>
                </c:pt>
                <c:pt idx="1237">
                  <c:v>7.1397375956315816</c:v>
                </c:pt>
                <c:pt idx="1238">
                  <c:v>7.1445886393406877</c:v>
                </c:pt>
                <c:pt idx="1239">
                  <c:v>7.1494396830499189</c:v>
                </c:pt>
                <c:pt idx="1240">
                  <c:v>7.1541480490029796</c:v>
                </c:pt>
                <c:pt idx="1241">
                  <c:v>7.1589990927120848</c:v>
                </c:pt>
                <c:pt idx="1242">
                  <c:v>7.163850136421317</c:v>
                </c:pt>
                <c:pt idx="1243">
                  <c:v>7.1685585023743776</c:v>
                </c:pt>
                <c:pt idx="1244">
                  <c:v>7.1734095460836089</c:v>
                </c:pt>
                <c:pt idx="1245">
                  <c:v>7.178260589792715</c:v>
                </c:pt>
                <c:pt idx="1246">
                  <c:v>7.1829689557457748</c:v>
                </c:pt>
                <c:pt idx="1247">
                  <c:v>7.1878199994550069</c:v>
                </c:pt>
                <c:pt idx="1248">
                  <c:v>7.192671043164113</c:v>
                </c:pt>
                <c:pt idx="1249">
                  <c:v>7.192671043164113</c:v>
                </c:pt>
                <c:pt idx="1250">
                  <c:v>7.1973794091171728</c:v>
                </c:pt>
                <c:pt idx="1251">
                  <c:v>7.1973794091171728</c:v>
                </c:pt>
                <c:pt idx="1252">
                  <c:v>7.2022304528264049</c:v>
                </c:pt>
                <c:pt idx="1253">
                  <c:v>7.207081496535511</c:v>
                </c:pt>
                <c:pt idx="1254">
                  <c:v>7.2117898624885708</c:v>
                </c:pt>
                <c:pt idx="1255">
                  <c:v>7.216640906197803</c:v>
                </c:pt>
                <c:pt idx="1256">
                  <c:v>7.216640906197803</c:v>
                </c:pt>
                <c:pt idx="1257">
                  <c:v>7.221491949907036</c:v>
                </c:pt>
                <c:pt idx="1258">
                  <c:v>7.2262003158599688</c:v>
                </c:pt>
                <c:pt idx="1259">
                  <c:v>7.231051359569201</c:v>
                </c:pt>
                <c:pt idx="1260">
                  <c:v>7.2359024032784331</c:v>
                </c:pt>
                <c:pt idx="1261">
                  <c:v>7.2406107692313668</c:v>
                </c:pt>
                <c:pt idx="1262">
                  <c:v>7.2406107692313668</c:v>
                </c:pt>
                <c:pt idx="1263">
                  <c:v>7.245461812940599</c:v>
                </c:pt>
                <c:pt idx="1264">
                  <c:v>7.2503128566498312</c:v>
                </c:pt>
                <c:pt idx="1265">
                  <c:v>7.2503128566498312</c:v>
                </c:pt>
                <c:pt idx="1266">
                  <c:v>7.255021222602891</c:v>
                </c:pt>
                <c:pt idx="1267">
                  <c:v>7.255021222602891</c:v>
                </c:pt>
                <c:pt idx="1268">
                  <c:v>7.2598722663119961</c:v>
                </c:pt>
                <c:pt idx="1269">
                  <c:v>7.2598722663119961</c:v>
                </c:pt>
                <c:pt idx="1270">
                  <c:v>7.2598722663119961</c:v>
                </c:pt>
                <c:pt idx="1271">
                  <c:v>7.2598722663119961</c:v>
                </c:pt>
                <c:pt idx="1272">
                  <c:v>7.2647233100212292</c:v>
                </c:pt>
                <c:pt idx="1273">
                  <c:v>7.2647233100212292</c:v>
                </c:pt>
                <c:pt idx="1274">
                  <c:v>7.269431675974289</c:v>
                </c:pt>
                <c:pt idx="1275">
                  <c:v>7.2742827196833941</c:v>
                </c:pt>
                <c:pt idx="1276">
                  <c:v>7.2791337633926272</c:v>
                </c:pt>
                <c:pt idx="1277">
                  <c:v>7.2791337633926272</c:v>
                </c:pt>
                <c:pt idx="1278">
                  <c:v>7.2838421293456861</c:v>
                </c:pt>
                <c:pt idx="1279">
                  <c:v>7.2838421293456861</c:v>
                </c:pt>
                <c:pt idx="1280">
                  <c:v>7.2886931730547921</c:v>
                </c:pt>
                <c:pt idx="1281">
                  <c:v>7.2935442167640252</c:v>
                </c:pt>
                <c:pt idx="1282">
                  <c:v>7.2935442167640252</c:v>
                </c:pt>
                <c:pt idx="1283">
                  <c:v>7.2982525827170841</c:v>
                </c:pt>
                <c:pt idx="1284">
                  <c:v>7.2982525827170841</c:v>
                </c:pt>
                <c:pt idx="1285">
                  <c:v>7.3031036264261902</c:v>
                </c:pt>
                <c:pt idx="1286">
                  <c:v>7.3079546701354232</c:v>
                </c:pt>
                <c:pt idx="1287">
                  <c:v>7.3126630360884821</c:v>
                </c:pt>
                <c:pt idx="1288">
                  <c:v>7.3175140797977152</c:v>
                </c:pt>
                <c:pt idx="1289">
                  <c:v>7.3175140797977152</c:v>
                </c:pt>
                <c:pt idx="1290">
                  <c:v>7.3223651235068203</c:v>
                </c:pt>
                <c:pt idx="1291">
                  <c:v>7.3270734894598801</c:v>
                </c:pt>
                <c:pt idx="1292">
                  <c:v>7.3319245331691132</c:v>
                </c:pt>
                <c:pt idx="1293">
                  <c:v>7.3367755768782184</c:v>
                </c:pt>
                <c:pt idx="1294">
                  <c:v>7.3416266205874505</c:v>
                </c:pt>
                <c:pt idx="1295">
                  <c:v>7.3463349865405103</c:v>
                </c:pt>
                <c:pt idx="1296">
                  <c:v>7.3511860302496164</c:v>
                </c:pt>
                <c:pt idx="1297">
                  <c:v>7.3560370739588485</c:v>
                </c:pt>
                <c:pt idx="1298">
                  <c:v>7.3560370739588485</c:v>
                </c:pt>
                <c:pt idx="1299">
                  <c:v>7.3607454399119083</c:v>
                </c:pt>
                <c:pt idx="1300">
                  <c:v>7.3655964836211405</c:v>
                </c:pt>
                <c:pt idx="1301">
                  <c:v>7.3704475273302466</c:v>
                </c:pt>
                <c:pt idx="1302">
                  <c:v>7.3751558932833063</c:v>
                </c:pt>
                <c:pt idx="1303">
                  <c:v>7.3800069369925385</c:v>
                </c:pt>
                <c:pt idx="1304">
                  <c:v>7.3848579807016446</c:v>
                </c:pt>
                <c:pt idx="1305">
                  <c:v>7.3895663466547044</c:v>
                </c:pt>
                <c:pt idx="1306">
                  <c:v>7.3944173903639365</c:v>
                </c:pt>
                <c:pt idx="1307">
                  <c:v>7.3992684340730417</c:v>
                </c:pt>
                <c:pt idx="1308">
                  <c:v>7.4039768000261024</c:v>
                </c:pt>
                <c:pt idx="1309">
                  <c:v>7.4088278437353345</c:v>
                </c:pt>
                <c:pt idx="1310">
                  <c:v>7.4088278437353345</c:v>
                </c:pt>
                <c:pt idx="1311">
                  <c:v>7.4136788874445667</c:v>
                </c:pt>
                <c:pt idx="1312">
                  <c:v>7.4183872533975004</c:v>
                </c:pt>
                <c:pt idx="1313">
                  <c:v>7.4183872533975004</c:v>
                </c:pt>
                <c:pt idx="1314">
                  <c:v>7.4232382971067317</c:v>
                </c:pt>
                <c:pt idx="1315">
                  <c:v>7.4232382971067317</c:v>
                </c:pt>
                <c:pt idx="1316">
                  <c:v>7.4280893408159647</c:v>
                </c:pt>
                <c:pt idx="1317">
                  <c:v>7.4327977067688975</c:v>
                </c:pt>
                <c:pt idx="1318">
                  <c:v>7.4327977067688975</c:v>
                </c:pt>
                <c:pt idx="1319">
                  <c:v>7.4376487504781297</c:v>
                </c:pt>
                <c:pt idx="1320">
                  <c:v>7.4376487504781297</c:v>
                </c:pt>
                <c:pt idx="1321">
                  <c:v>7.4424997941873627</c:v>
                </c:pt>
                <c:pt idx="1322">
                  <c:v>7.4424997941873627</c:v>
                </c:pt>
                <c:pt idx="1323">
                  <c:v>7.4472081601404216</c:v>
                </c:pt>
                <c:pt idx="1324">
                  <c:v>7.4520592038495277</c:v>
                </c:pt>
                <c:pt idx="1325">
                  <c:v>7.4520592038495277</c:v>
                </c:pt>
                <c:pt idx="1326">
                  <c:v>7.4569102475587608</c:v>
                </c:pt>
                <c:pt idx="1327">
                  <c:v>7.4569102475587608</c:v>
                </c:pt>
                <c:pt idx="1328">
                  <c:v>7.4616186135118197</c:v>
                </c:pt>
                <c:pt idx="1329">
                  <c:v>7.4616186135118197</c:v>
                </c:pt>
                <c:pt idx="1330">
                  <c:v>7.4664696572209257</c:v>
                </c:pt>
                <c:pt idx="1331">
                  <c:v>7.4664696572209257</c:v>
                </c:pt>
                <c:pt idx="1332">
                  <c:v>7.4664696572209257</c:v>
                </c:pt>
                <c:pt idx="1333">
                  <c:v>7.4713207009301588</c:v>
                </c:pt>
                <c:pt idx="1334">
                  <c:v>7.4713207009301588</c:v>
                </c:pt>
                <c:pt idx="1335">
                  <c:v>7.4760290668832177</c:v>
                </c:pt>
                <c:pt idx="1336">
                  <c:v>7.4760290668832177</c:v>
                </c:pt>
                <c:pt idx="1337">
                  <c:v>7.4808801105923237</c:v>
                </c:pt>
                <c:pt idx="1338">
                  <c:v>7.4857311543015568</c:v>
                </c:pt>
                <c:pt idx="1339">
                  <c:v>7.4904395202546157</c:v>
                </c:pt>
                <c:pt idx="1340">
                  <c:v>7.4904395202546157</c:v>
                </c:pt>
                <c:pt idx="1341">
                  <c:v>7.4952905639638487</c:v>
                </c:pt>
                <c:pt idx="1342">
                  <c:v>7.5001416076729539</c:v>
                </c:pt>
                <c:pt idx="1343">
                  <c:v>7.5001416076729539</c:v>
                </c:pt>
                <c:pt idx="1344">
                  <c:v>7.5097010173352468</c:v>
                </c:pt>
                <c:pt idx="1345">
                  <c:v>7.5097010173352468</c:v>
                </c:pt>
                <c:pt idx="1346">
                  <c:v>7.5145520610443519</c:v>
                </c:pt>
                <c:pt idx="1347">
                  <c:v>7.5192604269974117</c:v>
                </c:pt>
                <c:pt idx="1348">
                  <c:v>7.5241114707066439</c:v>
                </c:pt>
                <c:pt idx="1349">
                  <c:v>7.5241114707066439</c:v>
                </c:pt>
                <c:pt idx="1350">
                  <c:v>7.5289625144157499</c:v>
                </c:pt>
                <c:pt idx="1351">
                  <c:v>7.5289625144157499</c:v>
                </c:pt>
                <c:pt idx="1352">
                  <c:v>7.5338135581249821</c:v>
                </c:pt>
                <c:pt idx="1353">
                  <c:v>7.5385219240780419</c:v>
                </c:pt>
                <c:pt idx="1354">
                  <c:v>7.5433729677871479</c:v>
                </c:pt>
                <c:pt idx="1355">
                  <c:v>7.5482240114963801</c:v>
                </c:pt>
                <c:pt idx="1356">
                  <c:v>7.5529323774494399</c:v>
                </c:pt>
                <c:pt idx="1357">
                  <c:v>7.5577834211586721</c:v>
                </c:pt>
                <c:pt idx="1358">
                  <c:v>7.5577834211586721</c:v>
                </c:pt>
                <c:pt idx="1359">
                  <c:v>7.5626344648677772</c:v>
                </c:pt>
                <c:pt idx="1360">
                  <c:v>7.5673428308208379</c:v>
                </c:pt>
                <c:pt idx="1361">
                  <c:v>7.5721938745300701</c:v>
                </c:pt>
                <c:pt idx="1362">
                  <c:v>7.5721938745300701</c:v>
                </c:pt>
                <c:pt idx="1363">
                  <c:v>7.5770449182391753</c:v>
                </c:pt>
                <c:pt idx="1364">
                  <c:v>7.5817532841922359</c:v>
                </c:pt>
                <c:pt idx="1365">
                  <c:v>7.5817532841922359</c:v>
                </c:pt>
                <c:pt idx="1366">
                  <c:v>7.5866043279014672</c:v>
                </c:pt>
                <c:pt idx="1367">
                  <c:v>7.5914553716105733</c:v>
                </c:pt>
                <c:pt idx="1368">
                  <c:v>7.5914553716105733</c:v>
                </c:pt>
                <c:pt idx="1369">
                  <c:v>7.5961637375636339</c:v>
                </c:pt>
                <c:pt idx="1370">
                  <c:v>7.5961637375636339</c:v>
                </c:pt>
                <c:pt idx="1371">
                  <c:v>7.6010147812728652</c:v>
                </c:pt>
                <c:pt idx="1372">
                  <c:v>7.6058658249820983</c:v>
                </c:pt>
                <c:pt idx="1373">
                  <c:v>7.6058658249820983</c:v>
                </c:pt>
                <c:pt idx="1374">
                  <c:v>7.6105741909350311</c:v>
                </c:pt>
                <c:pt idx="1375">
                  <c:v>7.6154252346442632</c:v>
                </c:pt>
                <c:pt idx="1376">
                  <c:v>7.6202762783534963</c:v>
                </c:pt>
                <c:pt idx="1377">
                  <c:v>7.6202762783534963</c:v>
                </c:pt>
                <c:pt idx="1378">
                  <c:v>7.6202762783534963</c:v>
                </c:pt>
                <c:pt idx="1379">
                  <c:v>7.6202762783534963</c:v>
                </c:pt>
                <c:pt idx="1380">
                  <c:v>7.6202762783534963</c:v>
                </c:pt>
                <c:pt idx="1381">
                  <c:v>7.6249846443064291</c:v>
                </c:pt>
                <c:pt idx="1382">
                  <c:v>7.6249846443064291</c:v>
                </c:pt>
                <c:pt idx="1383">
                  <c:v>7.6249846443064291</c:v>
                </c:pt>
                <c:pt idx="1384">
                  <c:v>7.6298356880156613</c:v>
                </c:pt>
                <c:pt idx="1385">
                  <c:v>7.6298356880156613</c:v>
                </c:pt>
                <c:pt idx="1386">
                  <c:v>7.6346867317248943</c:v>
                </c:pt>
                <c:pt idx="1387">
                  <c:v>7.6393950976779532</c:v>
                </c:pt>
                <c:pt idx="1388">
                  <c:v>7.6393950976779532</c:v>
                </c:pt>
                <c:pt idx="1389">
                  <c:v>7.6442461413870593</c:v>
                </c:pt>
                <c:pt idx="1390">
                  <c:v>7.6490971850962923</c:v>
                </c:pt>
                <c:pt idx="1391">
                  <c:v>7.6490971850962923</c:v>
                </c:pt>
                <c:pt idx="1392">
                  <c:v>7.6538055510493512</c:v>
                </c:pt>
                <c:pt idx="1393">
                  <c:v>7.6586565947584573</c:v>
                </c:pt>
                <c:pt idx="1394">
                  <c:v>7.6586565947584573</c:v>
                </c:pt>
                <c:pt idx="1395">
                  <c:v>7.6586565947584573</c:v>
                </c:pt>
                <c:pt idx="1396">
                  <c:v>7.6635076384676895</c:v>
                </c:pt>
                <c:pt idx="1397">
                  <c:v>7.6682160044207492</c:v>
                </c:pt>
                <c:pt idx="1398">
                  <c:v>7.6682160044207492</c:v>
                </c:pt>
                <c:pt idx="1399">
                  <c:v>7.6730670481298544</c:v>
                </c:pt>
                <c:pt idx="1400">
                  <c:v>7.6730670481298544</c:v>
                </c:pt>
                <c:pt idx="1401">
                  <c:v>7.6779180918390875</c:v>
                </c:pt>
                <c:pt idx="1402">
                  <c:v>7.6779180918390875</c:v>
                </c:pt>
                <c:pt idx="1403">
                  <c:v>7.6826264577921473</c:v>
                </c:pt>
                <c:pt idx="1404">
                  <c:v>7.6874775015013794</c:v>
                </c:pt>
                <c:pt idx="1405">
                  <c:v>7.6923285452104855</c:v>
                </c:pt>
                <c:pt idx="1406">
                  <c:v>7.6970369111635444</c:v>
                </c:pt>
                <c:pt idx="1407">
                  <c:v>7.6970369111635444</c:v>
                </c:pt>
                <c:pt idx="1408">
                  <c:v>7.7018879548727774</c:v>
                </c:pt>
                <c:pt idx="1409">
                  <c:v>7.7067389985818835</c:v>
                </c:pt>
                <c:pt idx="1410">
                  <c:v>7.7115900422911157</c:v>
                </c:pt>
                <c:pt idx="1411">
                  <c:v>7.7115900422911157</c:v>
                </c:pt>
                <c:pt idx="1412">
                  <c:v>7.7162984082441755</c:v>
                </c:pt>
                <c:pt idx="1413">
                  <c:v>7.7211494519532815</c:v>
                </c:pt>
                <c:pt idx="1414">
                  <c:v>7.7260004956625137</c:v>
                </c:pt>
                <c:pt idx="1415">
                  <c:v>7.7260004956625137</c:v>
                </c:pt>
                <c:pt idx="1416">
                  <c:v>7.7307088616155735</c:v>
                </c:pt>
                <c:pt idx="1417">
                  <c:v>7.7307088616155735</c:v>
                </c:pt>
                <c:pt idx="1418">
                  <c:v>7.7355599053246795</c:v>
                </c:pt>
                <c:pt idx="1419">
                  <c:v>7.7404109490339108</c:v>
                </c:pt>
                <c:pt idx="1420">
                  <c:v>7.7451193149869715</c:v>
                </c:pt>
                <c:pt idx="1421">
                  <c:v>7.7451193149869715</c:v>
                </c:pt>
                <c:pt idx="1422">
                  <c:v>7.7499703586962037</c:v>
                </c:pt>
                <c:pt idx="1423">
                  <c:v>7.7499703586962037</c:v>
                </c:pt>
                <c:pt idx="1424">
                  <c:v>7.7548214024053088</c:v>
                </c:pt>
                <c:pt idx="1425">
                  <c:v>7.7595297683583695</c:v>
                </c:pt>
                <c:pt idx="1426">
                  <c:v>7.7595297683583695</c:v>
                </c:pt>
                <c:pt idx="1427">
                  <c:v>7.7643808120676008</c:v>
                </c:pt>
                <c:pt idx="1428">
                  <c:v>7.7692318557767068</c:v>
                </c:pt>
                <c:pt idx="1429">
                  <c:v>7.7692318557767068</c:v>
                </c:pt>
                <c:pt idx="1430">
                  <c:v>7.7739402217297666</c:v>
                </c:pt>
                <c:pt idx="1431">
                  <c:v>7.7787912654389988</c:v>
                </c:pt>
                <c:pt idx="1432">
                  <c:v>7.7836423091481048</c:v>
                </c:pt>
                <c:pt idx="1433">
                  <c:v>7.7836423091481048</c:v>
                </c:pt>
                <c:pt idx="1434">
                  <c:v>7.7883506751011646</c:v>
                </c:pt>
                <c:pt idx="1435">
                  <c:v>7.7883506751011646</c:v>
                </c:pt>
                <c:pt idx="1436">
                  <c:v>7.7932017188103968</c:v>
                </c:pt>
                <c:pt idx="1437">
                  <c:v>7.7932017188103968</c:v>
                </c:pt>
                <c:pt idx="1438">
                  <c:v>7.7980527625196299</c:v>
                </c:pt>
                <c:pt idx="1439">
                  <c:v>7.7980527625196299</c:v>
                </c:pt>
                <c:pt idx="1440">
                  <c:v>7.8027611284725626</c:v>
                </c:pt>
                <c:pt idx="1441">
                  <c:v>7.8027611284725626</c:v>
                </c:pt>
                <c:pt idx="1442">
                  <c:v>7.8076121721817948</c:v>
                </c:pt>
                <c:pt idx="1443">
                  <c:v>7.8076121721817948</c:v>
                </c:pt>
                <c:pt idx="1444">
                  <c:v>7.8124632158910279</c:v>
                </c:pt>
                <c:pt idx="1445">
                  <c:v>7.8124632158910279</c:v>
                </c:pt>
                <c:pt idx="1446">
                  <c:v>7.8171715818439598</c:v>
                </c:pt>
                <c:pt idx="1447">
                  <c:v>7.8220226255531919</c:v>
                </c:pt>
                <c:pt idx="1448">
                  <c:v>7.826873669262425</c:v>
                </c:pt>
                <c:pt idx="1449">
                  <c:v>7.826873669262425</c:v>
                </c:pt>
                <c:pt idx="1450">
                  <c:v>7.8315820352154848</c:v>
                </c:pt>
                <c:pt idx="1451">
                  <c:v>7.8315820352154848</c:v>
                </c:pt>
                <c:pt idx="1452">
                  <c:v>7.8364330789245908</c:v>
                </c:pt>
                <c:pt idx="1453">
                  <c:v>7.8364330789245908</c:v>
                </c:pt>
                <c:pt idx="1454">
                  <c:v>7.8364330789245908</c:v>
                </c:pt>
                <c:pt idx="1455">
                  <c:v>7.8412841226338239</c:v>
                </c:pt>
                <c:pt idx="1456">
                  <c:v>7.8412841226338239</c:v>
                </c:pt>
                <c:pt idx="1457">
                  <c:v>7.8459924885868819</c:v>
                </c:pt>
                <c:pt idx="1458">
                  <c:v>7.8459924885868819</c:v>
                </c:pt>
                <c:pt idx="1459">
                  <c:v>7.850843532295988</c:v>
                </c:pt>
                <c:pt idx="1460">
                  <c:v>7.855694576005221</c:v>
                </c:pt>
                <c:pt idx="1461">
                  <c:v>7.8604029419582808</c:v>
                </c:pt>
                <c:pt idx="1462">
                  <c:v>7.8604029419582808</c:v>
                </c:pt>
                <c:pt idx="1463">
                  <c:v>7.8652539856673869</c:v>
                </c:pt>
                <c:pt idx="1464">
                  <c:v>7.8652539856673869</c:v>
                </c:pt>
                <c:pt idx="1465">
                  <c:v>7.8701050293766182</c:v>
                </c:pt>
                <c:pt idx="1466">
                  <c:v>7.8701050293766182</c:v>
                </c:pt>
                <c:pt idx="1467">
                  <c:v>7.8748133953296779</c:v>
                </c:pt>
                <c:pt idx="1468">
                  <c:v>7.879664439038911</c:v>
                </c:pt>
                <c:pt idx="1469">
                  <c:v>7.879664439038911</c:v>
                </c:pt>
                <c:pt idx="1470">
                  <c:v>7.8845154827480171</c:v>
                </c:pt>
                <c:pt idx="1471">
                  <c:v>7.8892238487010768</c:v>
                </c:pt>
                <c:pt idx="1472">
                  <c:v>7.8940748924103081</c:v>
                </c:pt>
                <c:pt idx="1473">
                  <c:v>7.8940748924103081</c:v>
                </c:pt>
                <c:pt idx="1474">
                  <c:v>7.8989259361194142</c:v>
                </c:pt>
                <c:pt idx="1475">
                  <c:v>7.9037769798286464</c:v>
                </c:pt>
                <c:pt idx="1476">
                  <c:v>7.908485345781707</c:v>
                </c:pt>
                <c:pt idx="1477">
                  <c:v>7.9133363894908131</c:v>
                </c:pt>
                <c:pt idx="1478">
                  <c:v>7.9133363894908131</c:v>
                </c:pt>
                <c:pt idx="1479">
                  <c:v>7.9181874332000453</c:v>
                </c:pt>
                <c:pt idx="1480">
                  <c:v>7.9228957991531042</c:v>
                </c:pt>
                <c:pt idx="1481">
                  <c:v>7.9277468428622102</c:v>
                </c:pt>
                <c:pt idx="1482">
                  <c:v>7.9325978865714424</c:v>
                </c:pt>
                <c:pt idx="1483">
                  <c:v>7.9325978865714424</c:v>
                </c:pt>
                <c:pt idx="1484">
                  <c:v>7.9373062525245031</c:v>
                </c:pt>
                <c:pt idx="1485">
                  <c:v>7.9421572962337352</c:v>
                </c:pt>
                <c:pt idx="1486">
                  <c:v>7.9421572962337352</c:v>
                </c:pt>
                <c:pt idx="1487">
                  <c:v>7.9470083399428395</c:v>
                </c:pt>
                <c:pt idx="1488">
                  <c:v>7.9470083399428395</c:v>
                </c:pt>
                <c:pt idx="1489">
                  <c:v>7.9517167058959002</c:v>
                </c:pt>
                <c:pt idx="1490">
                  <c:v>7.9565677496051324</c:v>
                </c:pt>
                <c:pt idx="1491">
                  <c:v>7.9565677496051324</c:v>
                </c:pt>
                <c:pt idx="1492">
                  <c:v>7.9614187933142384</c:v>
                </c:pt>
                <c:pt idx="1493">
                  <c:v>7.9614187933142384</c:v>
                </c:pt>
                <c:pt idx="1494">
                  <c:v>7.9661271592672991</c:v>
                </c:pt>
                <c:pt idx="1495">
                  <c:v>7.9709782029765295</c:v>
                </c:pt>
                <c:pt idx="1496">
                  <c:v>7.9758292466856355</c:v>
                </c:pt>
                <c:pt idx="1497">
                  <c:v>7.9758292466856355</c:v>
                </c:pt>
                <c:pt idx="1498">
                  <c:v>7.9805376126386962</c:v>
                </c:pt>
                <c:pt idx="1499">
                  <c:v>7.9853886563479284</c:v>
                </c:pt>
                <c:pt idx="1500">
                  <c:v>7.9902397000571614</c:v>
                </c:pt>
                <c:pt idx="1501">
                  <c:v>7.9949480660100933</c:v>
                </c:pt>
                <c:pt idx="1502">
                  <c:v>7.9997991097193255</c:v>
                </c:pt>
                <c:pt idx="1503">
                  <c:v>7.9997991097193255</c:v>
                </c:pt>
                <c:pt idx="1504">
                  <c:v>8.0046501534285586</c:v>
                </c:pt>
                <c:pt idx="1505">
                  <c:v>8.0093585193814913</c:v>
                </c:pt>
                <c:pt idx="1506">
                  <c:v>8.0142095630907253</c:v>
                </c:pt>
                <c:pt idx="1507">
                  <c:v>8.0190606067999575</c:v>
                </c:pt>
                <c:pt idx="1508">
                  <c:v>8.0190606067999575</c:v>
                </c:pt>
                <c:pt idx="1509">
                  <c:v>8.0237689727530164</c:v>
                </c:pt>
                <c:pt idx="1510">
                  <c:v>8.0286200164621224</c:v>
                </c:pt>
                <c:pt idx="1511">
                  <c:v>8.0286200164621224</c:v>
                </c:pt>
                <c:pt idx="1512">
                  <c:v>8.0334710601713546</c:v>
                </c:pt>
                <c:pt idx="1513">
                  <c:v>8.0334710601713546</c:v>
                </c:pt>
                <c:pt idx="1514">
                  <c:v>8.0381794261244153</c:v>
                </c:pt>
                <c:pt idx="1515">
                  <c:v>8.0430304698335213</c:v>
                </c:pt>
                <c:pt idx="1516">
                  <c:v>8.0478815135427517</c:v>
                </c:pt>
                <c:pt idx="1517">
                  <c:v>8.0478815135427517</c:v>
                </c:pt>
                <c:pt idx="1518">
                  <c:v>8.0525898794958124</c:v>
                </c:pt>
                <c:pt idx="1519">
                  <c:v>8.0574409232049184</c:v>
                </c:pt>
                <c:pt idx="1520">
                  <c:v>8.0574409232049184</c:v>
                </c:pt>
                <c:pt idx="1521">
                  <c:v>8.0622919669141506</c:v>
                </c:pt>
                <c:pt idx="1522">
                  <c:v>8.0622919669141506</c:v>
                </c:pt>
                <c:pt idx="1523">
                  <c:v>8.0670003328672113</c:v>
                </c:pt>
                <c:pt idx="1524">
                  <c:v>8.0670003328672113</c:v>
                </c:pt>
                <c:pt idx="1525">
                  <c:v>8.0670003328672113</c:v>
                </c:pt>
                <c:pt idx="1526">
                  <c:v>8.0670003328672113</c:v>
                </c:pt>
                <c:pt idx="1527">
                  <c:v>8.0718513765764417</c:v>
                </c:pt>
                <c:pt idx="1528">
                  <c:v>8.0718513765764417</c:v>
                </c:pt>
                <c:pt idx="1529">
                  <c:v>8.0767024202855477</c:v>
                </c:pt>
                <c:pt idx="1530">
                  <c:v>8.0767024202855477</c:v>
                </c:pt>
                <c:pt idx="1531">
                  <c:v>8.0767024202855477</c:v>
                </c:pt>
                <c:pt idx="1532">
                  <c:v>8.0815534639947799</c:v>
                </c:pt>
                <c:pt idx="1533">
                  <c:v>8.0815534639947799</c:v>
                </c:pt>
                <c:pt idx="1534">
                  <c:v>8.0862618299478406</c:v>
                </c:pt>
                <c:pt idx="1535">
                  <c:v>8.0911128736569466</c:v>
                </c:pt>
                <c:pt idx="1536">
                  <c:v>8.0911128736569466</c:v>
                </c:pt>
                <c:pt idx="1537">
                  <c:v>8.0959639173661788</c:v>
                </c:pt>
                <c:pt idx="1538">
                  <c:v>8.1006722833192377</c:v>
                </c:pt>
                <c:pt idx="1539">
                  <c:v>8.1055233270283438</c:v>
                </c:pt>
                <c:pt idx="1540">
                  <c:v>8.1055233270283438</c:v>
                </c:pt>
                <c:pt idx="1541">
                  <c:v>8.1103743707375759</c:v>
                </c:pt>
                <c:pt idx="1542">
                  <c:v>8.1150827366906366</c:v>
                </c:pt>
                <c:pt idx="1543">
                  <c:v>8.1199337803998688</c:v>
                </c:pt>
                <c:pt idx="1544">
                  <c:v>8.1247848241089731</c:v>
                </c:pt>
                <c:pt idx="1545">
                  <c:v>8.1294931900620337</c:v>
                </c:pt>
                <c:pt idx="1546">
                  <c:v>8.1343442337712659</c:v>
                </c:pt>
                <c:pt idx="1547">
                  <c:v>8.139195277480372</c:v>
                </c:pt>
                <c:pt idx="1548">
                  <c:v>8.139195277480372</c:v>
                </c:pt>
                <c:pt idx="1549">
                  <c:v>8.1439036434334326</c:v>
                </c:pt>
                <c:pt idx="1550">
                  <c:v>8.148754687142663</c:v>
                </c:pt>
                <c:pt idx="1551">
                  <c:v>8.1536057308517691</c:v>
                </c:pt>
                <c:pt idx="1552">
                  <c:v>8.1583140968048298</c:v>
                </c:pt>
                <c:pt idx="1553">
                  <c:v>8.1631651405140619</c:v>
                </c:pt>
                <c:pt idx="1554">
                  <c:v>8.168016184223168</c:v>
                </c:pt>
                <c:pt idx="1555">
                  <c:v>8.1727245501762269</c:v>
                </c:pt>
                <c:pt idx="1556">
                  <c:v>8.1727245501762269</c:v>
                </c:pt>
                <c:pt idx="1557">
                  <c:v>8.1775755938854591</c:v>
                </c:pt>
                <c:pt idx="1558">
                  <c:v>8.1824266375946912</c:v>
                </c:pt>
                <c:pt idx="1559">
                  <c:v>8.1871350035476258</c:v>
                </c:pt>
                <c:pt idx="1560">
                  <c:v>8.1871350035476258</c:v>
                </c:pt>
                <c:pt idx="1561">
                  <c:v>8.191986047256858</c:v>
                </c:pt>
                <c:pt idx="1562">
                  <c:v>8.1968370909660901</c:v>
                </c:pt>
                <c:pt idx="1563">
                  <c:v>8.1968370909660901</c:v>
                </c:pt>
                <c:pt idx="1564">
                  <c:v>8.2015454569190229</c:v>
                </c:pt>
                <c:pt idx="1565">
                  <c:v>8.2015454569190229</c:v>
                </c:pt>
                <c:pt idx="1566">
                  <c:v>8.2015454569190229</c:v>
                </c:pt>
                <c:pt idx="1567">
                  <c:v>8.2063965006282551</c:v>
                </c:pt>
                <c:pt idx="1568">
                  <c:v>8.2063965006282551</c:v>
                </c:pt>
                <c:pt idx="1569">
                  <c:v>8.2112475443374873</c:v>
                </c:pt>
                <c:pt idx="1570">
                  <c:v>8.2112475443374873</c:v>
                </c:pt>
                <c:pt idx="1571">
                  <c:v>8.2112475443374873</c:v>
                </c:pt>
                <c:pt idx="1572">
                  <c:v>8.2159559102905479</c:v>
                </c:pt>
                <c:pt idx="1573">
                  <c:v>8.220806953999654</c:v>
                </c:pt>
                <c:pt idx="1574">
                  <c:v>8.220806953999654</c:v>
                </c:pt>
                <c:pt idx="1575">
                  <c:v>8.2256579977088844</c:v>
                </c:pt>
                <c:pt idx="1576">
                  <c:v>8.2256579977088844</c:v>
                </c:pt>
                <c:pt idx="1577">
                  <c:v>8.2303663636619451</c:v>
                </c:pt>
                <c:pt idx="1578">
                  <c:v>8.2352174073710511</c:v>
                </c:pt>
                <c:pt idx="1579">
                  <c:v>8.2352174073710511</c:v>
                </c:pt>
                <c:pt idx="1580">
                  <c:v>8.2352174073710511</c:v>
                </c:pt>
                <c:pt idx="1581">
                  <c:v>8.2400684510802833</c:v>
                </c:pt>
                <c:pt idx="1582">
                  <c:v>8.2400684510802833</c:v>
                </c:pt>
                <c:pt idx="1583">
                  <c:v>8.2400684510802833</c:v>
                </c:pt>
                <c:pt idx="1584">
                  <c:v>8.244776817033344</c:v>
                </c:pt>
                <c:pt idx="1585">
                  <c:v>8.244776817033344</c:v>
                </c:pt>
                <c:pt idx="1586">
                  <c:v>8.2496278607424482</c:v>
                </c:pt>
                <c:pt idx="1587">
                  <c:v>8.2544789044516804</c:v>
                </c:pt>
                <c:pt idx="1588">
                  <c:v>8.2591872704047411</c:v>
                </c:pt>
                <c:pt idx="1589">
                  <c:v>8.2640383141139733</c:v>
                </c:pt>
                <c:pt idx="1590">
                  <c:v>8.2688893578230793</c:v>
                </c:pt>
                <c:pt idx="1591">
                  <c:v>8.2737404015323133</c:v>
                </c:pt>
                <c:pt idx="1592">
                  <c:v>8.2784487674853704</c:v>
                </c:pt>
                <c:pt idx="1593">
                  <c:v>8.2832998111944764</c:v>
                </c:pt>
                <c:pt idx="1594">
                  <c:v>8.2881508549037104</c:v>
                </c:pt>
                <c:pt idx="1595">
                  <c:v>8.2928592208567693</c:v>
                </c:pt>
                <c:pt idx="1596">
                  <c:v>8.2928592208567693</c:v>
                </c:pt>
                <c:pt idx="1597">
                  <c:v>8.2977102645658736</c:v>
                </c:pt>
                <c:pt idx="1598">
                  <c:v>8.2977102645658736</c:v>
                </c:pt>
                <c:pt idx="1599">
                  <c:v>8.2977102645658736</c:v>
                </c:pt>
                <c:pt idx="1600">
                  <c:v>8.3025613082751075</c:v>
                </c:pt>
                <c:pt idx="1601">
                  <c:v>8.3072696742281664</c:v>
                </c:pt>
                <c:pt idx="1602">
                  <c:v>8.3121207179374004</c:v>
                </c:pt>
                <c:pt idx="1603">
                  <c:v>8.3169717616465064</c:v>
                </c:pt>
                <c:pt idx="1604">
                  <c:v>8.3216801275995635</c:v>
                </c:pt>
                <c:pt idx="1605">
                  <c:v>8.3265311713087975</c:v>
                </c:pt>
                <c:pt idx="1606">
                  <c:v>8.3313822150179035</c:v>
                </c:pt>
                <c:pt idx="1607">
                  <c:v>8.3360905809709624</c:v>
                </c:pt>
                <c:pt idx="1608">
                  <c:v>8.3409416246801964</c:v>
                </c:pt>
                <c:pt idx="1609">
                  <c:v>8.3457926683893024</c:v>
                </c:pt>
                <c:pt idx="1610">
                  <c:v>8.3505010343423596</c:v>
                </c:pt>
                <c:pt idx="1611">
                  <c:v>8.3505010343423596</c:v>
                </c:pt>
                <c:pt idx="1612">
                  <c:v>8.3553520780515935</c:v>
                </c:pt>
                <c:pt idx="1613">
                  <c:v>8.3553520780515935</c:v>
                </c:pt>
                <c:pt idx="1614">
                  <c:v>8.3602031217606996</c:v>
                </c:pt>
                <c:pt idx="1615">
                  <c:v>8.3602031217606996</c:v>
                </c:pt>
                <c:pt idx="1616">
                  <c:v>8.3649114877137585</c:v>
                </c:pt>
                <c:pt idx="1617">
                  <c:v>8.3649114877137585</c:v>
                </c:pt>
                <c:pt idx="1618">
                  <c:v>8.3697625314229924</c:v>
                </c:pt>
                <c:pt idx="1619">
                  <c:v>8.3697625314229924</c:v>
                </c:pt>
                <c:pt idx="1620">
                  <c:v>8.3697625314229924</c:v>
                </c:pt>
                <c:pt idx="1621">
                  <c:v>8.3697625314229924</c:v>
                </c:pt>
                <c:pt idx="1622">
                  <c:v>8.3697625314229924</c:v>
                </c:pt>
                <c:pt idx="1623">
                  <c:v>8.3746135751322246</c:v>
                </c:pt>
                <c:pt idx="1624">
                  <c:v>8.3793219410851556</c:v>
                </c:pt>
                <c:pt idx="1625">
                  <c:v>8.3793219410851556</c:v>
                </c:pt>
                <c:pt idx="1626">
                  <c:v>8.3793219410851556</c:v>
                </c:pt>
                <c:pt idx="1627">
                  <c:v>8.3793219410851556</c:v>
                </c:pt>
                <c:pt idx="1628">
                  <c:v>8.3793219410851556</c:v>
                </c:pt>
                <c:pt idx="1629">
                  <c:v>8.3841729847943895</c:v>
                </c:pt>
                <c:pt idx="1630">
                  <c:v>8.3841729847943895</c:v>
                </c:pt>
                <c:pt idx="1631">
                  <c:v>8.3890240285036217</c:v>
                </c:pt>
                <c:pt idx="1632">
                  <c:v>8.3890240285036217</c:v>
                </c:pt>
                <c:pt idx="1633">
                  <c:v>8.3937323944566824</c:v>
                </c:pt>
                <c:pt idx="1634">
                  <c:v>8.3937323944566824</c:v>
                </c:pt>
                <c:pt idx="1635">
                  <c:v>8.3985834381657867</c:v>
                </c:pt>
                <c:pt idx="1636">
                  <c:v>8.3985834381657867</c:v>
                </c:pt>
                <c:pt idx="1637">
                  <c:v>8.4034344818750188</c:v>
                </c:pt>
                <c:pt idx="1638">
                  <c:v>8.4081428478280795</c:v>
                </c:pt>
                <c:pt idx="1639">
                  <c:v>8.4081428478280795</c:v>
                </c:pt>
                <c:pt idx="1640">
                  <c:v>8.4129938915371856</c:v>
                </c:pt>
                <c:pt idx="1641">
                  <c:v>8.4178449352464177</c:v>
                </c:pt>
                <c:pt idx="1642">
                  <c:v>8.4178449352464177</c:v>
                </c:pt>
                <c:pt idx="1643">
                  <c:v>8.4225533011994766</c:v>
                </c:pt>
                <c:pt idx="1644">
                  <c:v>8.4274043449085827</c:v>
                </c:pt>
                <c:pt idx="1645">
                  <c:v>8.4322553886178149</c:v>
                </c:pt>
                <c:pt idx="1646">
                  <c:v>8.4369637545708756</c:v>
                </c:pt>
                <c:pt idx="1647">
                  <c:v>8.4418147982799816</c:v>
                </c:pt>
                <c:pt idx="1648">
                  <c:v>8.4418147982799816</c:v>
                </c:pt>
                <c:pt idx="1649">
                  <c:v>8.4466658419892138</c:v>
                </c:pt>
                <c:pt idx="1650">
                  <c:v>8.4466658419892138</c:v>
                </c:pt>
                <c:pt idx="1651">
                  <c:v>8.4513742079422727</c:v>
                </c:pt>
                <c:pt idx="1652">
                  <c:v>8.4513742079422727</c:v>
                </c:pt>
                <c:pt idx="1653">
                  <c:v>8.4513742079422727</c:v>
                </c:pt>
                <c:pt idx="1654">
                  <c:v>8.4562252516515048</c:v>
                </c:pt>
                <c:pt idx="1655">
                  <c:v>8.4562252516515048</c:v>
                </c:pt>
                <c:pt idx="1656">
                  <c:v>8.4610762953606109</c:v>
                </c:pt>
                <c:pt idx="1657">
                  <c:v>8.4610762953606109</c:v>
                </c:pt>
                <c:pt idx="1658">
                  <c:v>8.4659273390698431</c:v>
                </c:pt>
                <c:pt idx="1659">
                  <c:v>8.4659273390698431</c:v>
                </c:pt>
                <c:pt idx="1660">
                  <c:v>8.4659273390698431</c:v>
                </c:pt>
                <c:pt idx="1661">
                  <c:v>8.4659273390698431</c:v>
                </c:pt>
                <c:pt idx="1662">
                  <c:v>8.4706357050229037</c:v>
                </c:pt>
                <c:pt idx="1663">
                  <c:v>8.4706357050229037</c:v>
                </c:pt>
                <c:pt idx="1664">
                  <c:v>8.4706357050229037</c:v>
                </c:pt>
                <c:pt idx="1665">
                  <c:v>8.475486748732008</c:v>
                </c:pt>
                <c:pt idx="1666">
                  <c:v>8.475486748732008</c:v>
                </c:pt>
                <c:pt idx="1667">
                  <c:v>8.475486748732008</c:v>
                </c:pt>
                <c:pt idx="1668">
                  <c:v>8.4803377924412402</c:v>
                </c:pt>
                <c:pt idx="1669">
                  <c:v>8.4803377924412402</c:v>
                </c:pt>
                <c:pt idx="1670">
                  <c:v>8.4803377924412402</c:v>
                </c:pt>
                <c:pt idx="1671">
                  <c:v>8.4850461583943009</c:v>
                </c:pt>
                <c:pt idx="1672">
                  <c:v>8.4850461583943009</c:v>
                </c:pt>
                <c:pt idx="1673">
                  <c:v>8.4898972021034069</c:v>
                </c:pt>
                <c:pt idx="1674">
                  <c:v>8.4947482458126391</c:v>
                </c:pt>
                <c:pt idx="1675">
                  <c:v>8.4947482458126391</c:v>
                </c:pt>
                <c:pt idx="1676">
                  <c:v>8.499456611765698</c:v>
                </c:pt>
                <c:pt idx="1677">
                  <c:v>8.5043076554749302</c:v>
                </c:pt>
                <c:pt idx="1678">
                  <c:v>8.5091586991840362</c:v>
                </c:pt>
                <c:pt idx="1679">
                  <c:v>8.5138670651370969</c:v>
                </c:pt>
                <c:pt idx="1680">
                  <c:v>8.5187181088463291</c:v>
                </c:pt>
                <c:pt idx="1681">
                  <c:v>8.5235691525554351</c:v>
                </c:pt>
                <c:pt idx="1682">
                  <c:v>8.528277518508494</c:v>
                </c:pt>
                <c:pt idx="1683">
                  <c:v>8.5331285622177262</c:v>
                </c:pt>
                <c:pt idx="1684">
                  <c:v>8.5379796059268322</c:v>
                </c:pt>
                <c:pt idx="1685">
                  <c:v>8.5426879718798929</c:v>
                </c:pt>
                <c:pt idx="1686">
                  <c:v>8.5426879718798929</c:v>
                </c:pt>
                <c:pt idx="1687">
                  <c:v>8.5475390155891251</c:v>
                </c:pt>
                <c:pt idx="1688">
                  <c:v>8.5523900592983555</c:v>
                </c:pt>
                <c:pt idx="1689">
                  <c:v>8.5570984252512901</c:v>
                </c:pt>
                <c:pt idx="1690">
                  <c:v>8.5619494689605222</c:v>
                </c:pt>
                <c:pt idx="1691">
                  <c:v>8.5668005126697544</c:v>
                </c:pt>
                <c:pt idx="1692">
                  <c:v>8.5668005126697544</c:v>
                </c:pt>
                <c:pt idx="1693">
                  <c:v>8.571508878622689</c:v>
                </c:pt>
                <c:pt idx="1694">
                  <c:v>8.5763599223319193</c:v>
                </c:pt>
                <c:pt idx="1695">
                  <c:v>8.5812109660411515</c:v>
                </c:pt>
                <c:pt idx="1696">
                  <c:v>8.5859193319942122</c:v>
                </c:pt>
                <c:pt idx="1697">
                  <c:v>8.5907703757033183</c:v>
                </c:pt>
                <c:pt idx="1698">
                  <c:v>8.5907703757033183</c:v>
                </c:pt>
                <c:pt idx="1699">
                  <c:v>8.5956214194125504</c:v>
                </c:pt>
                <c:pt idx="1700">
                  <c:v>8.5956214194125504</c:v>
                </c:pt>
                <c:pt idx="1701">
                  <c:v>8.6003297853656093</c:v>
                </c:pt>
                <c:pt idx="1702">
                  <c:v>8.6051808290747154</c:v>
                </c:pt>
                <c:pt idx="1703">
                  <c:v>8.6051808290747154</c:v>
                </c:pt>
                <c:pt idx="1704">
                  <c:v>8.6100318727839475</c:v>
                </c:pt>
                <c:pt idx="1705">
                  <c:v>8.6100318727839475</c:v>
                </c:pt>
                <c:pt idx="1706">
                  <c:v>8.6147402387370082</c:v>
                </c:pt>
                <c:pt idx="1707">
                  <c:v>8.6147402387370082</c:v>
                </c:pt>
                <c:pt idx="1708">
                  <c:v>8.6147402387370082</c:v>
                </c:pt>
                <c:pt idx="1709">
                  <c:v>8.6147402387370082</c:v>
                </c:pt>
                <c:pt idx="1710">
                  <c:v>8.6195912824461143</c:v>
                </c:pt>
                <c:pt idx="1711">
                  <c:v>8.6195912824461143</c:v>
                </c:pt>
                <c:pt idx="1712">
                  <c:v>8.6244423261553464</c:v>
                </c:pt>
                <c:pt idx="1713">
                  <c:v>8.6244423261553464</c:v>
                </c:pt>
                <c:pt idx="1714">
                  <c:v>8.6291506921084054</c:v>
                </c:pt>
                <c:pt idx="1715">
                  <c:v>8.6291506921084054</c:v>
                </c:pt>
                <c:pt idx="1716">
                  <c:v>8.6340017358175114</c:v>
                </c:pt>
                <c:pt idx="1717">
                  <c:v>8.6388527795267436</c:v>
                </c:pt>
                <c:pt idx="1718">
                  <c:v>8.6388527795267436</c:v>
                </c:pt>
                <c:pt idx="1719">
                  <c:v>8.6437038232359775</c:v>
                </c:pt>
                <c:pt idx="1720">
                  <c:v>8.6484121891890364</c:v>
                </c:pt>
                <c:pt idx="1721">
                  <c:v>8.6484121891890364</c:v>
                </c:pt>
                <c:pt idx="1722">
                  <c:v>8.6532632328981407</c:v>
                </c:pt>
                <c:pt idx="1723">
                  <c:v>8.6532632328981407</c:v>
                </c:pt>
                <c:pt idx="1724">
                  <c:v>8.6532632328981407</c:v>
                </c:pt>
                <c:pt idx="1725">
                  <c:v>8.6532632328981407</c:v>
                </c:pt>
                <c:pt idx="1726">
                  <c:v>8.6581142766073746</c:v>
                </c:pt>
                <c:pt idx="1727">
                  <c:v>8.6581142766073746</c:v>
                </c:pt>
                <c:pt idx="1728">
                  <c:v>8.6581142766073746</c:v>
                </c:pt>
                <c:pt idx="1729">
                  <c:v>8.6628226425604336</c:v>
                </c:pt>
                <c:pt idx="1730">
                  <c:v>8.6628226425604336</c:v>
                </c:pt>
                <c:pt idx="1731">
                  <c:v>8.6676736862695396</c:v>
                </c:pt>
                <c:pt idx="1732">
                  <c:v>8.6676736862695396</c:v>
                </c:pt>
                <c:pt idx="1733">
                  <c:v>8.6725247299787735</c:v>
                </c:pt>
                <c:pt idx="1734">
                  <c:v>8.6772330959318307</c:v>
                </c:pt>
                <c:pt idx="1735">
                  <c:v>8.6772330959318307</c:v>
                </c:pt>
                <c:pt idx="1736">
                  <c:v>8.6820841396409367</c:v>
                </c:pt>
                <c:pt idx="1737">
                  <c:v>8.6820841396409367</c:v>
                </c:pt>
                <c:pt idx="1738">
                  <c:v>8.6869351833501707</c:v>
                </c:pt>
                <c:pt idx="1739">
                  <c:v>8.6916435493032296</c:v>
                </c:pt>
                <c:pt idx="1740">
                  <c:v>8.6916435493032296</c:v>
                </c:pt>
                <c:pt idx="1741">
                  <c:v>8.6964945930124635</c:v>
                </c:pt>
                <c:pt idx="1742">
                  <c:v>8.7013456367215696</c:v>
                </c:pt>
                <c:pt idx="1743">
                  <c:v>8.7013456367215696</c:v>
                </c:pt>
                <c:pt idx="1744">
                  <c:v>8.7060540026746267</c:v>
                </c:pt>
                <c:pt idx="1745">
                  <c:v>8.7060540026746267</c:v>
                </c:pt>
                <c:pt idx="1746">
                  <c:v>8.7109050463838607</c:v>
                </c:pt>
                <c:pt idx="1747">
                  <c:v>8.7109050463838607</c:v>
                </c:pt>
                <c:pt idx="1748">
                  <c:v>8.7109050463838607</c:v>
                </c:pt>
                <c:pt idx="1749">
                  <c:v>8.7157560900929667</c:v>
                </c:pt>
                <c:pt idx="1750">
                  <c:v>8.7157560900929667</c:v>
                </c:pt>
                <c:pt idx="1751">
                  <c:v>8.7204644560460256</c:v>
                </c:pt>
                <c:pt idx="1752">
                  <c:v>8.7253154997552596</c:v>
                </c:pt>
                <c:pt idx="1753">
                  <c:v>8.7301665434643638</c:v>
                </c:pt>
                <c:pt idx="1754">
                  <c:v>8.7397259531266567</c:v>
                </c:pt>
                <c:pt idx="1755">
                  <c:v>8.7397259531266567</c:v>
                </c:pt>
                <c:pt idx="1756">
                  <c:v>8.7445769968358888</c:v>
                </c:pt>
                <c:pt idx="1757">
                  <c:v>8.7492853627888199</c:v>
                </c:pt>
                <c:pt idx="1758">
                  <c:v>8.7541364064980538</c:v>
                </c:pt>
                <c:pt idx="1759">
                  <c:v>8.758987450207286</c:v>
                </c:pt>
                <c:pt idx="1760">
                  <c:v>8.7636958161602188</c:v>
                </c:pt>
                <c:pt idx="1761">
                  <c:v>8.7636958161602188</c:v>
                </c:pt>
                <c:pt idx="1762">
                  <c:v>8.7685468598694527</c:v>
                </c:pt>
                <c:pt idx="1763">
                  <c:v>8.7733979035786849</c:v>
                </c:pt>
                <c:pt idx="1764">
                  <c:v>8.7733979035786849</c:v>
                </c:pt>
                <c:pt idx="1765">
                  <c:v>8.7781062695317438</c:v>
                </c:pt>
                <c:pt idx="1766">
                  <c:v>8.7781062695317438</c:v>
                </c:pt>
                <c:pt idx="1767">
                  <c:v>8.7781062695317438</c:v>
                </c:pt>
                <c:pt idx="1768">
                  <c:v>8.7829573132408498</c:v>
                </c:pt>
                <c:pt idx="1769">
                  <c:v>8.7829573132408498</c:v>
                </c:pt>
                <c:pt idx="1770">
                  <c:v>8.787808356950082</c:v>
                </c:pt>
                <c:pt idx="1771">
                  <c:v>8.787808356950082</c:v>
                </c:pt>
                <c:pt idx="1772">
                  <c:v>8.7925167229031427</c:v>
                </c:pt>
                <c:pt idx="1773">
                  <c:v>8.7973677666122487</c:v>
                </c:pt>
                <c:pt idx="1774">
                  <c:v>8.8022188103214791</c:v>
                </c:pt>
                <c:pt idx="1775">
                  <c:v>8.8022188103214791</c:v>
                </c:pt>
                <c:pt idx="1776">
                  <c:v>8.8069271762745398</c:v>
                </c:pt>
                <c:pt idx="1777">
                  <c:v>8.8069271762745398</c:v>
                </c:pt>
                <c:pt idx="1778">
                  <c:v>8.8069271762745398</c:v>
                </c:pt>
                <c:pt idx="1779">
                  <c:v>8.8069271762745398</c:v>
                </c:pt>
                <c:pt idx="1780">
                  <c:v>8.8069271762745398</c:v>
                </c:pt>
                <c:pt idx="1781">
                  <c:v>8.8069271762745398</c:v>
                </c:pt>
                <c:pt idx="1782">
                  <c:v>8.8069271762745398</c:v>
                </c:pt>
                <c:pt idx="1783">
                  <c:v>8.8069271762745398</c:v>
                </c:pt>
                <c:pt idx="1784">
                  <c:v>8.8022188103214791</c:v>
                </c:pt>
                <c:pt idx="1785">
                  <c:v>8.8022188103214791</c:v>
                </c:pt>
                <c:pt idx="1786">
                  <c:v>8.8069271762745398</c:v>
                </c:pt>
                <c:pt idx="1787">
                  <c:v>8.8069271762745398</c:v>
                </c:pt>
                <c:pt idx="1788">
                  <c:v>8.8069271762745398</c:v>
                </c:pt>
                <c:pt idx="1789">
                  <c:v>8.8213376296459387</c:v>
                </c:pt>
                <c:pt idx="1790">
                  <c:v>8.8069271762745398</c:v>
                </c:pt>
                <c:pt idx="1791">
                  <c:v>8.8022188103214791</c:v>
                </c:pt>
                <c:pt idx="1792">
                  <c:v>8.7973677666122487</c:v>
                </c:pt>
                <c:pt idx="1793">
                  <c:v>8.7973677666122487</c:v>
                </c:pt>
                <c:pt idx="1794">
                  <c:v>8.7925167229031427</c:v>
                </c:pt>
                <c:pt idx="1795">
                  <c:v>8.7925167229031427</c:v>
                </c:pt>
                <c:pt idx="1796">
                  <c:v>8.7973677666122487</c:v>
                </c:pt>
                <c:pt idx="1797">
                  <c:v>8.7973677666122487</c:v>
                </c:pt>
                <c:pt idx="1798">
                  <c:v>8.8022188103214791</c:v>
                </c:pt>
                <c:pt idx="1799">
                  <c:v>8.8022188103214791</c:v>
                </c:pt>
                <c:pt idx="1800">
                  <c:v>8.8069271762745398</c:v>
                </c:pt>
                <c:pt idx="1801">
                  <c:v>8.8117782199836459</c:v>
                </c:pt>
                <c:pt idx="1802">
                  <c:v>8.8117782199836459</c:v>
                </c:pt>
                <c:pt idx="1803">
                  <c:v>8.816629263692878</c:v>
                </c:pt>
                <c:pt idx="1804">
                  <c:v>8.8213376296459387</c:v>
                </c:pt>
                <c:pt idx="1805">
                  <c:v>8.8213376296459387</c:v>
                </c:pt>
                <c:pt idx="1806">
                  <c:v>8.826188673355043</c:v>
                </c:pt>
                <c:pt idx="1807">
                  <c:v>8.8310397170642752</c:v>
                </c:pt>
                <c:pt idx="1808">
                  <c:v>8.8358907607735073</c:v>
                </c:pt>
                <c:pt idx="1809">
                  <c:v>8.840599126726568</c:v>
                </c:pt>
                <c:pt idx="1810">
                  <c:v>8.8503012141449062</c:v>
                </c:pt>
                <c:pt idx="1811">
                  <c:v>8.8550095800979651</c:v>
                </c:pt>
                <c:pt idx="1812">
                  <c:v>8.8550095800979651</c:v>
                </c:pt>
                <c:pt idx="1813">
                  <c:v>8.8598606238070712</c:v>
                </c:pt>
                <c:pt idx="1814">
                  <c:v>8.8550095800979651</c:v>
                </c:pt>
                <c:pt idx="1815">
                  <c:v>8.869420033469364</c:v>
                </c:pt>
                <c:pt idx="1816">
                  <c:v>8.8838304868407612</c:v>
                </c:pt>
                <c:pt idx="1817">
                  <c:v>8.8935325742590994</c:v>
                </c:pt>
                <c:pt idx="1818">
                  <c:v>8.9030919839213905</c:v>
                </c:pt>
                <c:pt idx="1819">
                  <c:v>8.9079430276304965</c:v>
                </c:pt>
                <c:pt idx="1820">
                  <c:v>8.9126513935835572</c:v>
                </c:pt>
                <c:pt idx="1821">
                  <c:v>8.9175024372927894</c:v>
                </c:pt>
                <c:pt idx="1822">
                  <c:v>8.9223534810018954</c:v>
                </c:pt>
                <c:pt idx="1823">
                  <c:v>8.9270618469549543</c:v>
                </c:pt>
                <c:pt idx="1824">
                  <c:v>8.9270618469549543</c:v>
                </c:pt>
                <c:pt idx="1825">
                  <c:v>8.9270618469549543</c:v>
                </c:pt>
                <c:pt idx="1826">
                  <c:v>8.9270618469549543</c:v>
                </c:pt>
                <c:pt idx="1827">
                  <c:v>8.9223534810018954</c:v>
                </c:pt>
                <c:pt idx="1828">
                  <c:v>8.9223534810018954</c:v>
                </c:pt>
                <c:pt idx="1829">
                  <c:v>8.9223534810018954</c:v>
                </c:pt>
                <c:pt idx="1830">
                  <c:v>8.9223534810018954</c:v>
                </c:pt>
                <c:pt idx="1831">
                  <c:v>8.9175024372927894</c:v>
                </c:pt>
                <c:pt idx="1832">
                  <c:v>8.9175024372927894</c:v>
                </c:pt>
                <c:pt idx="1833">
                  <c:v>8.9126513935835572</c:v>
                </c:pt>
                <c:pt idx="1834">
                  <c:v>8.9126513935835572</c:v>
                </c:pt>
                <c:pt idx="1835">
                  <c:v>8.9079430276304965</c:v>
                </c:pt>
                <c:pt idx="1836">
                  <c:v>8.9079430276304965</c:v>
                </c:pt>
                <c:pt idx="1837">
                  <c:v>8.9030919839213905</c:v>
                </c:pt>
                <c:pt idx="1838">
                  <c:v>8.9030919839213905</c:v>
                </c:pt>
                <c:pt idx="1839">
                  <c:v>8.8982409402121601</c:v>
                </c:pt>
                <c:pt idx="1840">
                  <c:v>8.8982409402121601</c:v>
                </c:pt>
                <c:pt idx="1841">
                  <c:v>8.8982409402121601</c:v>
                </c:pt>
                <c:pt idx="1842">
                  <c:v>8.8982409402121601</c:v>
                </c:pt>
                <c:pt idx="1843">
                  <c:v>8.9030919839213905</c:v>
                </c:pt>
                <c:pt idx="1844">
                  <c:v>8.9030919839213905</c:v>
                </c:pt>
                <c:pt idx="1845">
                  <c:v>8.9030919839213905</c:v>
                </c:pt>
                <c:pt idx="1846">
                  <c:v>8.9030919839213905</c:v>
                </c:pt>
                <c:pt idx="1847">
                  <c:v>8.8982409402121601</c:v>
                </c:pt>
                <c:pt idx="1848">
                  <c:v>8.8982409402121601</c:v>
                </c:pt>
                <c:pt idx="1849">
                  <c:v>8.8982409402121601</c:v>
                </c:pt>
                <c:pt idx="1850">
                  <c:v>8.9030919839213905</c:v>
                </c:pt>
                <c:pt idx="1851">
                  <c:v>8.8982409402121601</c:v>
                </c:pt>
                <c:pt idx="1852">
                  <c:v>8.8982409402121601</c:v>
                </c:pt>
                <c:pt idx="1853">
                  <c:v>8.9030919839213905</c:v>
                </c:pt>
                <c:pt idx="1854">
                  <c:v>8.9030919839213905</c:v>
                </c:pt>
                <c:pt idx="1855">
                  <c:v>8.9079430276304965</c:v>
                </c:pt>
                <c:pt idx="1856">
                  <c:v>8.9223534810018954</c:v>
                </c:pt>
                <c:pt idx="1857">
                  <c:v>8.9126513935835572</c:v>
                </c:pt>
                <c:pt idx="1858">
                  <c:v>8.9079430276304965</c:v>
                </c:pt>
                <c:pt idx="1859">
                  <c:v>8.9079430276304965</c:v>
                </c:pt>
                <c:pt idx="1860">
                  <c:v>8.9030919839213905</c:v>
                </c:pt>
                <c:pt idx="1861">
                  <c:v>8.9079430276304965</c:v>
                </c:pt>
                <c:pt idx="1862">
                  <c:v>8.9079430276304965</c:v>
                </c:pt>
                <c:pt idx="1863">
                  <c:v>8.9079430276304965</c:v>
                </c:pt>
                <c:pt idx="1864">
                  <c:v>8.9079430276304965</c:v>
                </c:pt>
                <c:pt idx="1865">
                  <c:v>8.9126513935835572</c:v>
                </c:pt>
                <c:pt idx="1866">
                  <c:v>8.9126513935835572</c:v>
                </c:pt>
                <c:pt idx="1867">
                  <c:v>8.9126513935835572</c:v>
                </c:pt>
                <c:pt idx="1868">
                  <c:v>8.9126513935835572</c:v>
                </c:pt>
                <c:pt idx="1869">
                  <c:v>8.9126513935835572</c:v>
                </c:pt>
                <c:pt idx="1870">
                  <c:v>8.9175024372927894</c:v>
                </c:pt>
                <c:pt idx="1871">
                  <c:v>8.9175024372927894</c:v>
                </c:pt>
                <c:pt idx="1872">
                  <c:v>8.9223534810018954</c:v>
                </c:pt>
                <c:pt idx="1873">
                  <c:v>8.9270618469549543</c:v>
                </c:pt>
                <c:pt idx="1874">
                  <c:v>8.9270618469549543</c:v>
                </c:pt>
                <c:pt idx="1875">
                  <c:v>8.9319128906641865</c:v>
                </c:pt>
                <c:pt idx="1876">
                  <c:v>8.9367639343734186</c:v>
                </c:pt>
                <c:pt idx="1877">
                  <c:v>8.9463233440355854</c:v>
                </c:pt>
                <c:pt idx="1878">
                  <c:v>8.9511743877448176</c:v>
                </c:pt>
                <c:pt idx="1879">
                  <c:v>8.9511743877448176</c:v>
                </c:pt>
                <c:pt idx="1880">
                  <c:v>8.9558827536977503</c:v>
                </c:pt>
                <c:pt idx="1881">
                  <c:v>8.9463233440355854</c:v>
                </c:pt>
                <c:pt idx="1882">
                  <c:v>8.9558827536977503</c:v>
                </c:pt>
                <c:pt idx="1883">
                  <c:v>8.9655848411162147</c:v>
                </c:pt>
                <c:pt idx="1884">
                  <c:v>8.9751442507783814</c:v>
                </c:pt>
                <c:pt idx="1885">
                  <c:v>8.9799952944876118</c:v>
                </c:pt>
                <c:pt idx="1886">
                  <c:v>8.9847036604406725</c:v>
                </c:pt>
                <c:pt idx="1887">
                  <c:v>8.9895547041497785</c:v>
                </c:pt>
                <c:pt idx="1888">
                  <c:v>8.9944057478590107</c:v>
                </c:pt>
                <c:pt idx="1889">
                  <c:v>8.9991141138120714</c:v>
                </c:pt>
                <c:pt idx="1890">
                  <c:v>9.0039651575211757</c:v>
                </c:pt>
                <c:pt idx="1891">
                  <c:v>9.0088162012304078</c:v>
                </c:pt>
                <c:pt idx="1892">
                  <c:v>9.0136672449396418</c:v>
                </c:pt>
                <c:pt idx="1893">
                  <c:v>9.0183756108927007</c:v>
                </c:pt>
                <c:pt idx="1894">
                  <c:v>9.0232266546018067</c:v>
                </c:pt>
                <c:pt idx="1895">
                  <c:v>9.0232266546018067</c:v>
                </c:pt>
                <c:pt idx="1896">
                  <c:v>9.0232266546018067</c:v>
                </c:pt>
                <c:pt idx="1897">
                  <c:v>9.0280776983110407</c:v>
                </c:pt>
                <c:pt idx="1898">
                  <c:v>9.0280776983110407</c:v>
                </c:pt>
                <c:pt idx="1899">
                  <c:v>9.0280776983110407</c:v>
                </c:pt>
                <c:pt idx="1900">
                  <c:v>9.0327860642640978</c:v>
                </c:pt>
                <c:pt idx="1901">
                  <c:v>9.0327860642640978</c:v>
                </c:pt>
                <c:pt idx="1902">
                  <c:v>9.0327860642640978</c:v>
                </c:pt>
                <c:pt idx="1903">
                  <c:v>9.0327860642640978</c:v>
                </c:pt>
                <c:pt idx="1904">
                  <c:v>9.0376371079732039</c:v>
                </c:pt>
                <c:pt idx="1905">
                  <c:v>9.0376371079732039</c:v>
                </c:pt>
                <c:pt idx="1906">
                  <c:v>9.0424881516824378</c:v>
                </c:pt>
                <c:pt idx="1907">
                  <c:v>9.0471965176354967</c:v>
                </c:pt>
                <c:pt idx="1908">
                  <c:v>9.0520475613446028</c:v>
                </c:pt>
                <c:pt idx="1909">
                  <c:v>9.0568986050538349</c:v>
                </c:pt>
                <c:pt idx="1910">
                  <c:v>9.0616069710068938</c:v>
                </c:pt>
                <c:pt idx="1911">
                  <c:v>9.0616069710068938</c:v>
                </c:pt>
                <c:pt idx="1912">
                  <c:v>9.0664580147159999</c:v>
                </c:pt>
                <c:pt idx="1913">
                  <c:v>9.0713090584252338</c:v>
                </c:pt>
                <c:pt idx="1914">
                  <c:v>9.0713090584252338</c:v>
                </c:pt>
                <c:pt idx="1915">
                  <c:v>9.0760174243782927</c:v>
                </c:pt>
                <c:pt idx="1916">
                  <c:v>9.0760174243782927</c:v>
                </c:pt>
                <c:pt idx="1917">
                  <c:v>9.0760174243782927</c:v>
                </c:pt>
                <c:pt idx="1918">
                  <c:v>9.0808684680875249</c:v>
                </c:pt>
                <c:pt idx="1919">
                  <c:v>9.0808684680875249</c:v>
                </c:pt>
                <c:pt idx="1920">
                  <c:v>9.085719511796631</c:v>
                </c:pt>
                <c:pt idx="1921">
                  <c:v>9.0904278777496899</c:v>
                </c:pt>
                <c:pt idx="1922">
                  <c:v>9.0952789214589238</c:v>
                </c:pt>
                <c:pt idx="1923">
                  <c:v>9.0952789214589238</c:v>
                </c:pt>
                <c:pt idx="1924">
                  <c:v>9.1001299651680299</c:v>
                </c:pt>
                <c:pt idx="1925">
                  <c:v>9.104838331121087</c:v>
                </c:pt>
                <c:pt idx="1926">
                  <c:v>9.1096893748303209</c:v>
                </c:pt>
                <c:pt idx="1927">
                  <c:v>9.114540418539427</c:v>
                </c:pt>
                <c:pt idx="1928">
                  <c:v>9.1192487844924859</c:v>
                </c:pt>
                <c:pt idx="1929">
                  <c:v>9.1240998282017198</c:v>
                </c:pt>
                <c:pt idx="1930">
                  <c:v>9.128950871910952</c:v>
                </c:pt>
                <c:pt idx="1931">
                  <c:v>9.133659237863883</c:v>
                </c:pt>
                <c:pt idx="1932">
                  <c:v>9.138510281573117</c:v>
                </c:pt>
                <c:pt idx="1933">
                  <c:v>9.138510281573117</c:v>
                </c:pt>
                <c:pt idx="1934">
                  <c:v>9.138510281573117</c:v>
                </c:pt>
                <c:pt idx="1935">
                  <c:v>9.138510281573117</c:v>
                </c:pt>
                <c:pt idx="1936">
                  <c:v>9.1433613252823491</c:v>
                </c:pt>
                <c:pt idx="1937">
                  <c:v>9.1433613252823491</c:v>
                </c:pt>
                <c:pt idx="1938">
                  <c:v>9.1480696912352819</c:v>
                </c:pt>
                <c:pt idx="1939">
                  <c:v>9.1480696912352819</c:v>
                </c:pt>
                <c:pt idx="1940">
                  <c:v>9.1529207349445159</c:v>
                </c:pt>
                <c:pt idx="1941">
                  <c:v>9.1577717786537463</c:v>
                </c:pt>
                <c:pt idx="1942">
                  <c:v>9.1624801446068069</c:v>
                </c:pt>
                <c:pt idx="1943">
                  <c:v>9.1624801446068069</c:v>
                </c:pt>
                <c:pt idx="1944">
                  <c:v>9.167331188315913</c:v>
                </c:pt>
                <c:pt idx="1945">
                  <c:v>9.167331188315913</c:v>
                </c:pt>
                <c:pt idx="1946">
                  <c:v>9.1721822320251452</c:v>
                </c:pt>
                <c:pt idx="1947">
                  <c:v>9.1721822320251452</c:v>
                </c:pt>
                <c:pt idx="1948">
                  <c:v>9.1768905979782058</c:v>
                </c:pt>
                <c:pt idx="1949">
                  <c:v>9.1768905979782058</c:v>
                </c:pt>
                <c:pt idx="1950">
                  <c:v>9.1817416416873101</c:v>
                </c:pt>
                <c:pt idx="1951">
                  <c:v>9.1817416416873101</c:v>
                </c:pt>
                <c:pt idx="1952">
                  <c:v>9.1817416416873101</c:v>
                </c:pt>
                <c:pt idx="1953">
                  <c:v>9.1817416416873101</c:v>
                </c:pt>
                <c:pt idx="1954">
                  <c:v>9.1817416416873101</c:v>
                </c:pt>
                <c:pt idx="1955">
                  <c:v>9.1817416416873101</c:v>
                </c:pt>
                <c:pt idx="1956">
                  <c:v>9.1865926853965423</c:v>
                </c:pt>
                <c:pt idx="1957">
                  <c:v>9.1865926853965423</c:v>
                </c:pt>
                <c:pt idx="1958">
                  <c:v>9.191301051349603</c:v>
                </c:pt>
                <c:pt idx="1959">
                  <c:v>9.191301051349603</c:v>
                </c:pt>
                <c:pt idx="1960">
                  <c:v>9.196152095058709</c:v>
                </c:pt>
                <c:pt idx="1961">
                  <c:v>9.196152095058709</c:v>
                </c:pt>
                <c:pt idx="1962">
                  <c:v>9.2010031387679412</c:v>
                </c:pt>
                <c:pt idx="1963">
                  <c:v>9.2010031387679412</c:v>
                </c:pt>
                <c:pt idx="1964">
                  <c:v>9.2058541824771734</c:v>
                </c:pt>
                <c:pt idx="1965">
                  <c:v>9.2105625484302323</c:v>
                </c:pt>
                <c:pt idx="1966">
                  <c:v>9.2105625484302323</c:v>
                </c:pt>
                <c:pt idx="1967">
                  <c:v>9.2105625484302323</c:v>
                </c:pt>
                <c:pt idx="1968">
                  <c:v>9.2105625484302323</c:v>
                </c:pt>
                <c:pt idx="1969">
                  <c:v>9.2154135921393383</c:v>
                </c:pt>
                <c:pt idx="1970">
                  <c:v>9.2105625484302323</c:v>
                </c:pt>
                <c:pt idx="1971">
                  <c:v>9.2105625484302323</c:v>
                </c:pt>
                <c:pt idx="1972">
                  <c:v>9.2154135921393383</c:v>
                </c:pt>
                <c:pt idx="1973">
                  <c:v>9.2154135921393383</c:v>
                </c:pt>
                <c:pt idx="1974">
                  <c:v>9.2154135921393383</c:v>
                </c:pt>
                <c:pt idx="1975">
                  <c:v>9.2202646358485705</c:v>
                </c:pt>
                <c:pt idx="1976">
                  <c:v>9.2202646358485705</c:v>
                </c:pt>
                <c:pt idx="1977">
                  <c:v>9.2249730018016312</c:v>
                </c:pt>
                <c:pt idx="1978">
                  <c:v>9.2249730018016312</c:v>
                </c:pt>
                <c:pt idx="1979">
                  <c:v>9.2298240455107354</c:v>
                </c:pt>
                <c:pt idx="1980">
                  <c:v>9.2298240455107354</c:v>
                </c:pt>
                <c:pt idx="1981">
                  <c:v>9.2346750892199676</c:v>
                </c:pt>
                <c:pt idx="1982">
                  <c:v>9.2393834551730283</c:v>
                </c:pt>
                <c:pt idx="1983">
                  <c:v>9.2442344988821343</c:v>
                </c:pt>
                <c:pt idx="1984">
                  <c:v>9.2490855425913665</c:v>
                </c:pt>
                <c:pt idx="1985">
                  <c:v>9.2490855425913665</c:v>
                </c:pt>
                <c:pt idx="1986">
                  <c:v>9.2537939085444254</c:v>
                </c:pt>
                <c:pt idx="1987">
                  <c:v>9.2586449522535315</c:v>
                </c:pt>
                <c:pt idx="1988">
                  <c:v>9.2634959959627636</c:v>
                </c:pt>
                <c:pt idx="1989">
                  <c:v>9.2634959959627636</c:v>
                </c:pt>
                <c:pt idx="1990">
                  <c:v>9.2682043619158243</c:v>
                </c:pt>
                <c:pt idx="1991">
                  <c:v>9.2730554056250565</c:v>
                </c:pt>
                <c:pt idx="1992">
                  <c:v>9.2779064493341625</c:v>
                </c:pt>
                <c:pt idx="1993">
                  <c:v>9.2779064493341625</c:v>
                </c:pt>
                <c:pt idx="1994">
                  <c:v>9.2826148152872214</c:v>
                </c:pt>
                <c:pt idx="1995">
                  <c:v>9.2874658589964536</c:v>
                </c:pt>
                <c:pt idx="1996">
                  <c:v>9.2923169027055597</c:v>
                </c:pt>
                <c:pt idx="1997">
                  <c:v>9.2923169027055597</c:v>
                </c:pt>
                <c:pt idx="1998">
                  <c:v>9.2970252686586203</c:v>
                </c:pt>
                <c:pt idx="1999">
                  <c:v>9.3018763123678525</c:v>
                </c:pt>
                <c:pt idx="2000">
                  <c:v>9.3018763123678525</c:v>
                </c:pt>
                <c:pt idx="2001">
                  <c:v>9.3067273560769568</c:v>
                </c:pt>
                <c:pt idx="2002">
                  <c:v>9.3067273560769568</c:v>
                </c:pt>
                <c:pt idx="2003">
                  <c:v>9.3114357220300175</c:v>
                </c:pt>
                <c:pt idx="2004">
                  <c:v>9.3114357220300175</c:v>
                </c:pt>
                <c:pt idx="2005">
                  <c:v>9.3162867657392496</c:v>
                </c:pt>
                <c:pt idx="2006">
                  <c:v>9.3162867657392496</c:v>
                </c:pt>
                <c:pt idx="2007">
                  <c:v>9.3162867657392496</c:v>
                </c:pt>
                <c:pt idx="2008">
                  <c:v>9.3162867657392496</c:v>
                </c:pt>
                <c:pt idx="2009">
                  <c:v>9.3162867657392496</c:v>
                </c:pt>
                <c:pt idx="2010">
                  <c:v>9.3211378094484818</c:v>
                </c:pt>
                <c:pt idx="2011">
                  <c:v>9.3211378094484818</c:v>
                </c:pt>
                <c:pt idx="2012">
                  <c:v>9.3258461754014164</c:v>
                </c:pt>
                <c:pt idx="2013">
                  <c:v>9.3258461754014164</c:v>
                </c:pt>
                <c:pt idx="2014">
                  <c:v>9.3258461754014164</c:v>
                </c:pt>
                <c:pt idx="2015">
                  <c:v>9.3258461754014164</c:v>
                </c:pt>
                <c:pt idx="2016">
                  <c:v>9.3306972191106468</c:v>
                </c:pt>
                <c:pt idx="2017">
                  <c:v>9.3306972191106468</c:v>
                </c:pt>
                <c:pt idx="2018">
                  <c:v>9.3306972191106468</c:v>
                </c:pt>
                <c:pt idx="2019">
                  <c:v>9.3355482628198789</c:v>
                </c:pt>
                <c:pt idx="2020">
                  <c:v>9.3355482628198789</c:v>
                </c:pt>
                <c:pt idx="2021">
                  <c:v>9.3355482628198789</c:v>
                </c:pt>
                <c:pt idx="2022">
                  <c:v>9.3402566287728135</c:v>
                </c:pt>
                <c:pt idx="2023">
                  <c:v>9.3402566287728135</c:v>
                </c:pt>
                <c:pt idx="2024">
                  <c:v>9.3402566287728135</c:v>
                </c:pt>
                <c:pt idx="2025">
                  <c:v>9.3451076724820457</c:v>
                </c:pt>
                <c:pt idx="2026">
                  <c:v>9.3499587161912778</c:v>
                </c:pt>
                <c:pt idx="2027">
                  <c:v>9.3546670821443367</c:v>
                </c:pt>
                <c:pt idx="2028">
                  <c:v>9.3595181258534428</c:v>
                </c:pt>
                <c:pt idx="2029">
                  <c:v>9.364369169562675</c:v>
                </c:pt>
                <c:pt idx="2030">
                  <c:v>9.364369169562675</c:v>
                </c:pt>
                <c:pt idx="2031">
                  <c:v>9.3690775355157356</c:v>
                </c:pt>
                <c:pt idx="2032">
                  <c:v>9.3739285792248417</c:v>
                </c:pt>
                <c:pt idx="2033">
                  <c:v>9.3739285792248417</c:v>
                </c:pt>
                <c:pt idx="2034">
                  <c:v>9.3787796229340739</c:v>
                </c:pt>
                <c:pt idx="2035">
                  <c:v>9.383630666643306</c:v>
                </c:pt>
                <c:pt idx="2036">
                  <c:v>9.383630666643306</c:v>
                </c:pt>
                <c:pt idx="2037">
                  <c:v>9.383630666643306</c:v>
                </c:pt>
                <c:pt idx="2038">
                  <c:v>9.3883390325962388</c:v>
                </c:pt>
                <c:pt idx="2039">
                  <c:v>9.3883390325962388</c:v>
                </c:pt>
                <c:pt idx="2040">
                  <c:v>9.393190076305471</c:v>
                </c:pt>
                <c:pt idx="2041">
                  <c:v>9.393190076305471</c:v>
                </c:pt>
                <c:pt idx="2042">
                  <c:v>9.3980411200147049</c:v>
                </c:pt>
                <c:pt idx="2043">
                  <c:v>9.4027494859677638</c:v>
                </c:pt>
                <c:pt idx="2044">
                  <c:v>9.4027494859677638</c:v>
                </c:pt>
                <c:pt idx="2045">
                  <c:v>9.4076005296768681</c:v>
                </c:pt>
                <c:pt idx="2046">
                  <c:v>9.4076005296768681</c:v>
                </c:pt>
                <c:pt idx="2047">
                  <c:v>9.4124515733861021</c:v>
                </c:pt>
                <c:pt idx="2048">
                  <c:v>9.417159939339161</c:v>
                </c:pt>
                <c:pt idx="2049">
                  <c:v>9.422010983048267</c:v>
                </c:pt>
                <c:pt idx="2050">
                  <c:v>9.426862026757501</c:v>
                </c:pt>
                <c:pt idx="2051">
                  <c:v>9.426862026757501</c:v>
                </c:pt>
                <c:pt idx="2052">
                  <c:v>9.4315703927105581</c:v>
                </c:pt>
                <c:pt idx="2053">
                  <c:v>9.4315703927105581</c:v>
                </c:pt>
                <c:pt idx="2054">
                  <c:v>9.4315703927105581</c:v>
                </c:pt>
                <c:pt idx="2055">
                  <c:v>9.4364214364196641</c:v>
                </c:pt>
                <c:pt idx="2056">
                  <c:v>9.4412724801288981</c:v>
                </c:pt>
                <c:pt idx="2057">
                  <c:v>9.4412724801288981</c:v>
                </c:pt>
                <c:pt idx="2058">
                  <c:v>9.445980846081957</c:v>
                </c:pt>
                <c:pt idx="2059">
                  <c:v>9.445980846081957</c:v>
                </c:pt>
                <c:pt idx="2060">
                  <c:v>9.445980846081957</c:v>
                </c:pt>
                <c:pt idx="2061">
                  <c:v>9.4508318897911909</c:v>
                </c:pt>
                <c:pt idx="2062">
                  <c:v>9.4508318897911909</c:v>
                </c:pt>
                <c:pt idx="2063">
                  <c:v>9.455682933500297</c:v>
                </c:pt>
                <c:pt idx="2064">
                  <c:v>9.4603912994533541</c:v>
                </c:pt>
                <c:pt idx="2065">
                  <c:v>9.4603912994533541</c:v>
                </c:pt>
                <c:pt idx="2066">
                  <c:v>9.4652423431625881</c:v>
                </c:pt>
                <c:pt idx="2067">
                  <c:v>9.4652423431625881</c:v>
                </c:pt>
                <c:pt idx="2068">
                  <c:v>9.4700933868716941</c:v>
                </c:pt>
                <c:pt idx="2069">
                  <c:v>9.4700933868716941</c:v>
                </c:pt>
                <c:pt idx="2070">
                  <c:v>9.4700933868716941</c:v>
                </c:pt>
                <c:pt idx="2071">
                  <c:v>9.474801752824753</c:v>
                </c:pt>
                <c:pt idx="2072">
                  <c:v>9.474801752824753</c:v>
                </c:pt>
                <c:pt idx="2073">
                  <c:v>9.474801752824753</c:v>
                </c:pt>
                <c:pt idx="2074">
                  <c:v>9.479652796533987</c:v>
                </c:pt>
                <c:pt idx="2075">
                  <c:v>9.479652796533987</c:v>
                </c:pt>
                <c:pt idx="2076">
                  <c:v>9.479652796533987</c:v>
                </c:pt>
                <c:pt idx="2077">
                  <c:v>9.4845038402430912</c:v>
                </c:pt>
                <c:pt idx="2078">
                  <c:v>9.4892122061961501</c:v>
                </c:pt>
                <c:pt idx="2079">
                  <c:v>9.4892122061961501</c:v>
                </c:pt>
                <c:pt idx="2080">
                  <c:v>9.4892122061961501</c:v>
                </c:pt>
                <c:pt idx="2081">
                  <c:v>9.4940632499053841</c:v>
                </c:pt>
                <c:pt idx="2082">
                  <c:v>9.4940632499053841</c:v>
                </c:pt>
                <c:pt idx="2083">
                  <c:v>9.4989142936144901</c:v>
                </c:pt>
                <c:pt idx="2084">
                  <c:v>9.4989142936144901</c:v>
                </c:pt>
                <c:pt idx="2085">
                  <c:v>9.503622659567549</c:v>
                </c:pt>
                <c:pt idx="2086">
                  <c:v>9.503622659567549</c:v>
                </c:pt>
                <c:pt idx="2087">
                  <c:v>9.5084737032767812</c:v>
                </c:pt>
                <c:pt idx="2088">
                  <c:v>9.5133247469860134</c:v>
                </c:pt>
                <c:pt idx="2089">
                  <c:v>9.5133247469860134</c:v>
                </c:pt>
                <c:pt idx="2090">
                  <c:v>9.5133247469860134</c:v>
                </c:pt>
                <c:pt idx="2091">
                  <c:v>9.5180331129389462</c:v>
                </c:pt>
                <c:pt idx="2092">
                  <c:v>9.5180331129389462</c:v>
                </c:pt>
                <c:pt idx="2093">
                  <c:v>9.5228841566481801</c:v>
                </c:pt>
                <c:pt idx="2094">
                  <c:v>9.5228841566481801</c:v>
                </c:pt>
                <c:pt idx="2095">
                  <c:v>9.5277352003574123</c:v>
                </c:pt>
                <c:pt idx="2096">
                  <c:v>9.5324435663103433</c:v>
                </c:pt>
                <c:pt idx="2097">
                  <c:v>9.5372946100195772</c:v>
                </c:pt>
                <c:pt idx="2098">
                  <c:v>9.5372946100195772</c:v>
                </c:pt>
                <c:pt idx="2099">
                  <c:v>9.5421456537288094</c:v>
                </c:pt>
                <c:pt idx="2100">
                  <c:v>9.5468540196818701</c:v>
                </c:pt>
                <c:pt idx="2101">
                  <c:v>9.5468540196818701</c:v>
                </c:pt>
                <c:pt idx="2102">
                  <c:v>9.5517050633909761</c:v>
                </c:pt>
                <c:pt idx="2103">
                  <c:v>9.5517050633909761</c:v>
                </c:pt>
                <c:pt idx="2104">
                  <c:v>9.5565561071002083</c:v>
                </c:pt>
                <c:pt idx="2105">
                  <c:v>9.5565561071002083</c:v>
                </c:pt>
                <c:pt idx="2106">
                  <c:v>9.5565561071002083</c:v>
                </c:pt>
                <c:pt idx="2107">
                  <c:v>9.5612644730532672</c:v>
                </c:pt>
                <c:pt idx="2108">
                  <c:v>9.5612644730532672</c:v>
                </c:pt>
                <c:pt idx="2109">
                  <c:v>9.5661155167623733</c:v>
                </c:pt>
                <c:pt idx="2110">
                  <c:v>9.5661155167623733</c:v>
                </c:pt>
                <c:pt idx="2111">
                  <c:v>9.5661155167623733</c:v>
                </c:pt>
                <c:pt idx="2112">
                  <c:v>9.5709665604716054</c:v>
                </c:pt>
                <c:pt idx="2113">
                  <c:v>9.5709665604716054</c:v>
                </c:pt>
                <c:pt idx="2114">
                  <c:v>9.5709665604716054</c:v>
                </c:pt>
                <c:pt idx="2115">
                  <c:v>9.5758176041808376</c:v>
                </c:pt>
                <c:pt idx="2116">
                  <c:v>9.5758176041808376</c:v>
                </c:pt>
                <c:pt idx="2117">
                  <c:v>9.5805259701337704</c:v>
                </c:pt>
                <c:pt idx="2118">
                  <c:v>9.5805259701337704</c:v>
                </c:pt>
                <c:pt idx="2119">
                  <c:v>9.5805259701337704</c:v>
                </c:pt>
                <c:pt idx="2120">
                  <c:v>9.5853770138430026</c:v>
                </c:pt>
                <c:pt idx="2121">
                  <c:v>9.5853770138430026</c:v>
                </c:pt>
                <c:pt idx="2122">
                  <c:v>9.5853770138430026</c:v>
                </c:pt>
                <c:pt idx="2123">
                  <c:v>9.5853770138430026</c:v>
                </c:pt>
                <c:pt idx="2124">
                  <c:v>9.5902280575522347</c:v>
                </c:pt>
                <c:pt idx="2125">
                  <c:v>9.5902280575522347</c:v>
                </c:pt>
                <c:pt idx="2126">
                  <c:v>9.5902280575522347</c:v>
                </c:pt>
                <c:pt idx="2127">
                  <c:v>9.5949364235052954</c:v>
                </c:pt>
                <c:pt idx="2128">
                  <c:v>9.5949364235052954</c:v>
                </c:pt>
                <c:pt idx="2129">
                  <c:v>9.5997874672144015</c:v>
                </c:pt>
                <c:pt idx="2130">
                  <c:v>9.5997874672144015</c:v>
                </c:pt>
                <c:pt idx="2131">
                  <c:v>9.6046385109236336</c:v>
                </c:pt>
                <c:pt idx="2132">
                  <c:v>9.6046385109236336</c:v>
                </c:pt>
                <c:pt idx="2133">
                  <c:v>9.6093468768766925</c:v>
                </c:pt>
                <c:pt idx="2134">
                  <c:v>9.6141979205857986</c:v>
                </c:pt>
                <c:pt idx="2135">
                  <c:v>9.6141979205857986</c:v>
                </c:pt>
                <c:pt idx="2136">
                  <c:v>9.6190489642950308</c:v>
                </c:pt>
                <c:pt idx="2137">
                  <c:v>9.6190489642950308</c:v>
                </c:pt>
                <c:pt idx="2138">
                  <c:v>9.6237573302480914</c:v>
                </c:pt>
                <c:pt idx="2139">
                  <c:v>9.6237573302480914</c:v>
                </c:pt>
                <c:pt idx="2140">
                  <c:v>9.6286083739571975</c:v>
                </c:pt>
                <c:pt idx="2141">
                  <c:v>9.6334594176664297</c:v>
                </c:pt>
                <c:pt idx="2142">
                  <c:v>9.6381677836194886</c:v>
                </c:pt>
                <c:pt idx="2143">
                  <c:v>9.6430188273287207</c:v>
                </c:pt>
                <c:pt idx="2144">
                  <c:v>9.6478698710378268</c:v>
                </c:pt>
                <c:pt idx="2145">
                  <c:v>9.6525782369908875</c:v>
                </c:pt>
                <c:pt idx="2146">
                  <c:v>9.6574292807001196</c:v>
                </c:pt>
                <c:pt idx="2147">
                  <c:v>9.6622803244092239</c:v>
                </c:pt>
                <c:pt idx="2148">
                  <c:v>9.6669886903622846</c:v>
                </c:pt>
                <c:pt idx="2149">
                  <c:v>9.6718397340715168</c:v>
                </c:pt>
                <c:pt idx="2150">
                  <c:v>9.6718397340715168</c:v>
                </c:pt>
                <c:pt idx="2151">
                  <c:v>9.6766907777806228</c:v>
                </c:pt>
                <c:pt idx="2152">
                  <c:v>9.6813991437336817</c:v>
                </c:pt>
                <c:pt idx="2153">
                  <c:v>9.6813991437336817</c:v>
                </c:pt>
                <c:pt idx="2154">
                  <c:v>9.6862501874429139</c:v>
                </c:pt>
                <c:pt idx="2155">
                  <c:v>9.6911012311520199</c:v>
                </c:pt>
                <c:pt idx="2156">
                  <c:v>9.6911012311520199</c:v>
                </c:pt>
                <c:pt idx="2157">
                  <c:v>9.6958095971050806</c:v>
                </c:pt>
                <c:pt idx="2158">
                  <c:v>9.6958095971050806</c:v>
                </c:pt>
                <c:pt idx="2159">
                  <c:v>9.7006606408143128</c:v>
                </c:pt>
                <c:pt idx="2160">
                  <c:v>9.7006606408143128</c:v>
                </c:pt>
                <c:pt idx="2161">
                  <c:v>9.705511684523545</c:v>
                </c:pt>
                <c:pt idx="2162">
                  <c:v>9.7102200504764777</c:v>
                </c:pt>
                <c:pt idx="2163">
                  <c:v>9.7150710941857099</c:v>
                </c:pt>
                <c:pt idx="2164">
                  <c:v>9.7150710941857099</c:v>
                </c:pt>
                <c:pt idx="2165">
                  <c:v>9.7199221378949421</c:v>
                </c:pt>
                <c:pt idx="2166">
                  <c:v>9.7199221378949421</c:v>
                </c:pt>
                <c:pt idx="2167">
                  <c:v>9.7199221378949421</c:v>
                </c:pt>
                <c:pt idx="2168">
                  <c:v>9.7246305038480028</c:v>
                </c:pt>
                <c:pt idx="2169">
                  <c:v>9.7246305038480028</c:v>
                </c:pt>
                <c:pt idx="2170">
                  <c:v>9.7246305038480028</c:v>
                </c:pt>
                <c:pt idx="2171">
                  <c:v>9.7294815475571088</c:v>
                </c:pt>
                <c:pt idx="2172">
                  <c:v>9.7343325912663392</c:v>
                </c:pt>
                <c:pt idx="2173">
                  <c:v>9.7343325912663392</c:v>
                </c:pt>
                <c:pt idx="2174">
                  <c:v>9.7390409572193999</c:v>
                </c:pt>
                <c:pt idx="2175">
                  <c:v>9.7390409572193999</c:v>
                </c:pt>
                <c:pt idx="2176">
                  <c:v>9.7438920009285059</c:v>
                </c:pt>
                <c:pt idx="2177">
                  <c:v>9.7487430446377381</c:v>
                </c:pt>
                <c:pt idx="2178">
                  <c:v>9.7487430446377381</c:v>
                </c:pt>
                <c:pt idx="2179">
                  <c:v>9.7534514105907988</c:v>
                </c:pt>
                <c:pt idx="2180">
                  <c:v>9.7534514105907988</c:v>
                </c:pt>
                <c:pt idx="2181">
                  <c:v>9.7583024542999031</c:v>
                </c:pt>
                <c:pt idx="2182">
                  <c:v>9.7631534980091352</c:v>
                </c:pt>
                <c:pt idx="2183">
                  <c:v>9.7680045417183692</c:v>
                </c:pt>
                <c:pt idx="2184">
                  <c:v>9.7680045417183692</c:v>
                </c:pt>
                <c:pt idx="2185">
                  <c:v>9.7680045417183692</c:v>
                </c:pt>
                <c:pt idx="2186">
                  <c:v>9.772712907671302</c:v>
                </c:pt>
                <c:pt idx="2187">
                  <c:v>9.772712907671302</c:v>
                </c:pt>
                <c:pt idx="2188">
                  <c:v>9.7775639513805341</c:v>
                </c:pt>
                <c:pt idx="2189">
                  <c:v>9.7775639513805341</c:v>
                </c:pt>
                <c:pt idx="2190">
                  <c:v>9.7824149950897681</c:v>
                </c:pt>
                <c:pt idx="2191">
                  <c:v>9.7824149950897681</c:v>
                </c:pt>
                <c:pt idx="2192">
                  <c:v>9.7871233610428252</c:v>
                </c:pt>
                <c:pt idx="2193">
                  <c:v>9.7871233610428252</c:v>
                </c:pt>
                <c:pt idx="2194">
                  <c:v>9.7919744047519313</c:v>
                </c:pt>
                <c:pt idx="2195">
                  <c:v>9.7919744047519313</c:v>
                </c:pt>
                <c:pt idx="2196">
                  <c:v>9.7919744047519313</c:v>
                </c:pt>
                <c:pt idx="2197">
                  <c:v>9.7919744047519313</c:v>
                </c:pt>
                <c:pt idx="2198">
                  <c:v>9.7968254484611652</c:v>
                </c:pt>
                <c:pt idx="2199">
                  <c:v>9.8015338144142241</c:v>
                </c:pt>
                <c:pt idx="2200">
                  <c:v>9.8063848581233302</c:v>
                </c:pt>
                <c:pt idx="2201">
                  <c:v>9.8063848581233302</c:v>
                </c:pt>
                <c:pt idx="2202">
                  <c:v>9.8112359018325623</c:v>
                </c:pt>
                <c:pt idx="2203">
                  <c:v>9.8112359018325623</c:v>
                </c:pt>
                <c:pt idx="2204">
                  <c:v>9.8112359018325623</c:v>
                </c:pt>
                <c:pt idx="2205">
                  <c:v>9.8159442677856212</c:v>
                </c:pt>
                <c:pt idx="2206">
                  <c:v>9.8159442677856212</c:v>
                </c:pt>
                <c:pt idx="2207">
                  <c:v>9.8159442677856212</c:v>
                </c:pt>
                <c:pt idx="2208">
                  <c:v>9.8207953114947273</c:v>
                </c:pt>
                <c:pt idx="2209">
                  <c:v>9.8207953114947273</c:v>
                </c:pt>
                <c:pt idx="2210">
                  <c:v>9.8256463552039612</c:v>
                </c:pt>
                <c:pt idx="2211">
                  <c:v>9.8256463552039612</c:v>
                </c:pt>
                <c:pt idx="2212">
                  <c:v>9.8303547211570201</c:v>
                </c:pt>
                <c:pt idx="2213">
                  <c:v>9.8303547211570201</c:v>
                </c:pt>
                <c:pt idx="2214">
                  <c:v>9.8352057648662523</c:v>
                </c:pt>
                <c:pt idx="2215">
                  <c:v>9.8352057648662523</c:v>
                </c:pt>
                <c:pt idx="2216">
                  <c:v>9.8400568085753584</c:v>
                </c:pt>
                <c:pt idx="2217">
                  <c:v>9.8400568085753584</c:v>
                </c:pt>
                <c:pt idx="2218">
                  <c:v>9.8447651745284173</c:v>
                </c:pt>
                <c:pt idx="2219">
                  <c:v>9.8447651745284173</c:v>
                </c:pt>
                <c:pt idx="2220">
                  <c:v>9.8496162182376512</c:v>
                </c:pt>
                <c:pt idx="2221">
                  <c:v>9.8496162182376512</c:v>
                </c:pt>
                <c:pt idx="2222">
                  <c:v>9.8544672619467573</c:v>
                </c:pt>
                <c:pt idx="2223">
                  <c:v>9.8544672619467573</c:v>
                </c:pt>
                <c:pt idx="2224">
                  <c:v>9.8544672619467573</c:v>
                </c:pt>
                <c:pt idx="2225">
                  <c:v>9.8544672619467573</c:v>
                </c:pt>
                <c:pt idx="2226">
                  <c:v>9.8591756278998144</c:v>
                </c:pt>
                <c:pt idx="2227">
                  <c:v>9.8591756278998144</c:v>
                </c:pt>
                <c:pt idx="2228">
                  <c:v>9.8591756278998144</c:v>
                </c:pt>
                <c:pt idx="2229">
                  <c:v>9.8640266716090483</c:v>
                </c:pt>
                <c:pt idx="2230">
                  <c:v>9.8640266716090483</c:v>
                </c:pt>
                <c:pt idx="2231">
                  <c:v>9.8688777153181544</c:v>
                </c:pt>
                <c:pt idx="2232">
                  <c:v>9.8688777153181544</c:v>
                </c:pt>
                <c:pt idx="2233">
                  <c:v>9.8735860812712133</c:v>
                </c:pt>
                <c:pt idx="2234">
                  <c:v>9.8735860812712133</c:v>
                </c:pt>
                <c:pt idx="2235">
                  <c:v>9.8784371249804472</c:v>
                </c:pt>
                <c:pt idx="2236">
                  <c:v>9.8784371249804472</c:v>
                </c:pt>
                <c:pt idx="2237">
                  <c:v>9.8832881686895533</c:v>
                </c:pt>
                <c:pt idx="2238">
                  <c:v>9.8879965346426104</c:v>
                </c:pt>
                <c:pt idx="2239">
                  <c:v>9.8879965346426104</c:v>
                </c:pt>
                <c:pt idx="2240">
                  <c:v>9.8928475783518444</c:v>
                </c:pt>
                <c:pt idx="2241">
                  <c:v>9.8928475783518444</c:v>
                </c:pt>
                <c:pt idx="2242">
                  <c:v>9.8976986220610765</c:v>
                </c:pt>
                <c:pt idx="2243">
                  <c:v>9.8976986220610765</c:v>
                </c:pt>
                <c:pt idx="2244">
                  <c:v>9.9024069880140093</c:v>
                </c:pt>
                <c:pt idx="2245">
                  <c:v>9.9024069880140093</c:v>
                </c:pt>
                <c:pt idx="2246">
                  <c:v>9.9072580317232433</c:v>
                </c:pt>
                <c:pt idx="2247">
                  <c:v>9.9072580317232433</c:v>
                </c:pt>
                <c:pt idx="2248">
                  <c:v>9.9121090754324737</c:v>
                </c:pt>
                <c:pt idx="2249">
                  <c:v>9.9121090754324737</c:v>
                </c:pt>
                <c:pt idx="2250">
                  <c:v>9.9121090754324737</c:v>
                </c:pt>
                <c:pt idx="2251">
                  <c:v>9.9168174413855343</c:v>
                </c:pt>
                <c:pt idx="2252">
                  <c:v>9.9168174413855343</c:v>
                </c:pt>
                <c:pt idx="2253">
                  <c:v>9.9216684850946404</c:v>
                </c:pt>
                <c:pt idx="2254">
                  <c:v>9.9265195288038726</c:v>
                </c:pt>
                <c:pt idx="2255">
                  <c:v>9.9265195288038726</c:v>
                </c:pt>
                <c:pt idx="2256">
                  <c:v>9.9312278947569332</c:v>
                </c:pt>
                <c:pt idx="2257">
                  <c:v>9.9312278947569332</c:v>
                </c:pt>
                <c:pt idx="2258">
                  <c:v>9.9360789384660375</c:v>
                </c:pt>
                <c:pt idx="2259">
                  <c:v>9.9409299821752697</c:v>
                </c:pt>
                <c:pt idx="2260">
                  <c:v>9.9409299821752697</c:v>
                </c:pt>
                <c:pt idx="2261">
                  <c:v>9.9457810258845019</c:v>
                </c:pt>
                <c:pt idx="2262">
                  <c:v>9.9457810258845019</c:v>
                </c:pt>
                <c:pt idx="2263">
                  <c:v>9.9457810258845019</c:v>
                </c:pt>
                <c:pt idx="2264">
                  <c:v>9.9504893918374364</c:v>
                </c:pt>
                <c:pt idx="2265">
                  <c:v>9.9553404355466686</c:v>
                </c:pt>
                <c:pt idx="2266">
                  <c:v>9.9553404355466686</c:v>
                </c:pt>
                <c:pt idx="2267">
                  <c:v>9.9553404355466686</c:v>
                </c:pt>
                <c:pt idx="2268">
                  <c:v>9.9601914792559008</c:v>
                </c:pt>
                <c:pt idx="2269">
                  <c:v>9.9601914792559008</c:v>
                </c:pt>
                <c:pt idx="2270">
                  <c:v>9.9648998452088335</c:v>
                </c:pt>
                <c:pt idx="2271">
                  <c:v>9.9697508889180657</c:v>
                </c:pt>
                <c:pt idx="2272">
                  <c:v>9.9697508889180657</c:v>
                </c:pt>
                <c:pt idx="2273">
                  <c:v>9.9746019326272979</c:v>
                </c:pt>
                <c:pt idx="2274">
                  <c:v>9.9793102985803586</c:v>
                </c:pt>
                <c:pt idx="2275">
                  <c:v>9.9793102985803586</c:v>
                </c:pt>
                <c:pt idx="2276">
                  <c:v>9.9841613422894646</c:v>
                </c:pt>
                <c:pt idx="2277">
                  <c:v>9.9841613422894646</c:v>
                </c:pt>
                <c:pt idx="2278">
                  <c:v>9.989012385998695</c:v>
                </c:pt>
                <c:pt idx="2279">
                  <c:v>9.989012385998695</c:v>
                </c:pt>
                <c:pt idx="2280">
                  <c:v>9.989012385998695</c:v>
                </c:pt>
                <c:pt idx="2281">
                  <c:v>9.9937207519517557</c:v>
                </c:pt>
                <c:pt idx="2282">
                  <c:v>9.9937207519517557</c:v>
                </c:pt>
                <c:pt idx="2283">
                  <c:v>9.9937207519517557</c:v>
                </c:pt>
                <c:pt idx="2284">
                  <c:v>9.9985717956608617</c:v>
                </c:pt>
                <c:pt idx="2285">
                  <c:v>9.9985717956608617</c:v>
                </c:pt>
                <c:pt idx="2286">
                  <c:v>10.003422839370094</c:v>
                </c:pt>
                <c:pt idx="2287">
                  <c:v>10.003422839370094</c:v>
                </c:pt>
                <c:pt idx="2288">
                  <c:v>10.008131205323155</c:v>
                </c:pt>
                <c:pt idx="2289">
                  <c:v>10.012982249032259</c:v>
                </c:pt>
                <c:pt idx="2290">
                  <c:v>10.012982249032259</c:v>
                </c:pt>
                <c:pt idx="2291">
                  <c:v>10.017833292741491</c:v>
                </c:pt>
                <c:pt idx="2292">
                  <c:v>10.017833292741491</c:v>
                </c:pt>
                <c:pt idx="2293">
                  <c:v>10.022541658694552</c:v>
                </c:pt>
                <c:pt idx="2294">
                  <c:v>10.022541658694552</c:v>
                </c:pt>
                <c:pt idx="2295">
                  <c:v>10.022541658694552</c:v>
                </c:pt>
                <c:pt idx="2296">
                  <c:v>10.027392702403784</c:v>
                </c:pt>
                <c:pt idx="2297">
                  <c:v>10.027392702403784</c:v>
                </c:pt>
                <c:pt idx="2298">
                  <c:v>10.03224374611289</c:v>
                </c:pt>
                <c:pt idx="2299">
                  <c:v>10.03224374611289</c:v>
                </c:pt>
                <c:pt idx="2300">
                  <c:v>10.036952112065949</c:v>
                </c:pt>
                <c:pt idx="2301">
                  <c:v>10.036952112065949</c:v>
                </c:pt>
                <c:pt idx="2302">
                  <c:v>10.041803155775181</c:v>
                </c:pt>
                <c:pt idx="2303">
                  <c:v>10.046654199484287</c:v>
                </c:pt>
                <c:pt idx="2304">
                  <c:v>10.046654199484287</c:v>
                </c:pt>
                <c:pt idx="2305">
                  <c:v>10.051362565437348</c:v>
                </c:pt>
                <c:pt idx="2306">
                  <c:v>10.051362565437348</c:v>
                </c:pt>
                <c:pt idx="2307">
                  <c:v>10.05621360914658</c:v>
                </c:pt>
                <c:pt idx="2308">
                  <c:v>10.05621360914658</c:v>
                </c:pt>
                <c:pt idx="2309">
                  <c:v>10.061064652855684</c:v>
                </c:pt>
                <c:pt idx="2310">
                  <c:v>10.061064652855684</c:v>
                </c:pt>
                <c:pt idx="2311">
                  <c:v>10.061064652855684</c:v>
                </c:pt>
                <c:pt idx="2312">
                  <c:v>10.061064652855684</c:v>
                </c:pt>
                <c:pt idx="2313">
                  <c:v>10.061064652855684</c:v>
                </c:pt>
                <c:pt idx="2314">
                  <c:v>10.061064652855684</c:v>
                </c:pt>
                <c:pt idx="2315">
                  <c:v>10.061064652855684</c:v>
                </c:pt>
                <c:pt idx="2316">
                  <c:v>10.061064652855684</c:v>
                </c:pt>
                <c:pt idx="2317">
                  <c:v>10.061064652855684</c:v>
                </c:pt>
                <c:pt idx="2318">
                  <c:v>10.061064652855684</c:v>
                </c:pt>
                <c:pt idx="2319">
                  <c:v>10.065773018808745</c:v>
                </c:pt>
                <c:pt idx="2320">
                  <c:v>10.065773018808745</c:v>
                </c:pt>
                <c:pt idx="2321">
                  <c:v>10.070624062517977</c:v>
                </c:pt>
                <c:pt idx="2322">
                  <c:v>10.070624062517977</c:v>
                </c:pt>
                <c:pt idx="2323">
                  <c:v>10.070624062517977</c:v>
                </c:pt>
                <c:pt idx="2324">
                  <c:v>10.075475106227209</c:v>
                </c:pt>
                <c:pt idx="2325">
                  <c:v>10.075475106227209</c:v>
                </c:pt>
                <c:pt idx="2326">
                  <c:v>10.075475106227209</c:v>
                </c:pt>
                <c:pt idx="2327">
                  <c:v>10.075475106227209</c:v>
                </c:pt>
                <c:pt idx="2328">
                  <c:v>10.075475106227209</c:v>
                </c:pt>
                <c:pt idx="2329">
                  <c:v>10.075475106227209</c:v>
                </c:pt>
                <c:pt idx="2330">
                  <c:v>10.075475106227209</c:v>
                </c:pt>
                <c:pt idx="2331">
                  <c:v>10.080183472180144</c:v>
                </c:pt>
                <c:pt idx="2332">
                  <c:v>10.080183472180144</c:v>
                </c:pt>
                <c:pt idx="2333">
                  <c:v>10.085034515889376</c:v>
                </c:pt>
                <c:pt idx="2334">
                  <c:v>10.089885559598606</c:v>
                </c:pt>
                <c:pt idx="2335">
                  <c:v>10.089885559598606</c:v>
                </c:pt>
                <c:pt idx="2336">
                  <c:v>10.089885559598606</c:v>
                </c:pt>
                <c:pt idx="2337">
                  <c:v>10.094593925551541</c:v>
                </c:pt>
                <c:pt idx="2338">
                  <c:v>10.099444969260773</c:v>
                </c:pt>
                <c:pt idx="2339">
                  <c:v>10.104296012970005</c:v>
                </c:pt>
                <c:pt idx="2340">
                  <c:v>10.104296012970005</c:v>
                </c:pt>
                <c:pt idx="2341">
                  <c:v>10.109004378923066</c:v>
                </c:pt>
                <c:pt idx="2342">
                  <c:v>10.109004378923066</c:v>
                </c:pt>
                <c:pt idx="2343">
                  <c:v>10.11385542263217</c:v>
                </c:pt>
                <c:pt idx="2344">
                  <c:v>10.11385542263217</c:v>
                </c:pt>
                <c:pt idx="2345">
                  <c:v>10.118706466341402</c:v>
                </c:pt>
                <c:pt idx="2346">
                  <c:v>10.118706466341402</c:v>
                </c:pt>
                <c:pt idx="2347">
                  <c:v>10.123414832294463</c:v>
                </c:pt>
                <c:pt idx="2348">
                  <c:v>10.123414832294463</c:v>
                </c:pt>
                <c:pt idx="2349">
                  <c:v>10.128265876003569</c:v>
                </c:pt>
                <c:pt idx="2350">
                  <c:v>10.128265876003569</c:v>
                </c:pt>
                <c:pt idx="2351">
                  <c:v>10.133116919712801</c:v>
                </c:pt>
                <c:pt idx="2352">
                  <c:v>10.137967963422035</c:v>
                </c:pt>
                <c:pt idx="2353">
                  <c:v>10.142676329374966</c:v>
                </c:pt>
                <c:pt idx="2354">
                  <c:v>10.142676329374966</c:v>
                </c:pt>
                <c:pt idx="2355">
                  <c:v>10.147527373084198</c:v>
                </c:pt>
                <c:pt idx="2356">
                  <c:v>10.147527373084198</c:v>
                </c:pt>
                <c:pt idx="2357">
                  <c:v>10.152378416793432</c:v>
                </c:pt>
                <c:pt idx="2358">
                  <c:v>10.152378416793432</c:v>
                </c:pt>
                <c:pt idx="2359">
                  <c:v>10.152378416793432</c:v>
                </c:pt>
                <c:pt idx="2360">
                  <c:v>10.152378416793432</c:v>
                </c:pt>
                <c:pt idx="2361">
                  <c:v>10.157086782746365</c:v>
                </c:pt>
                <c:pt idx="2362">
                  <c:v>10.157086782746365</c:v>
                </c:pt>
                <c:pt idx="2363">
                  <c:v>10.161937826455596</c:v>
                </c:pt>
                <c:pt idx="2364">
                  <c:v>10.161937826455596</c:v>
                </c:pt>
                <c:pt idx="2365">
                  <c:v>10.161937826455596</c:v>
                </c:pt>
                <c:pt idx="2366">
                  <c:v>10.161937826455596</c:v>
                </c:pt>
                <c:pt idx="2367">
                  <c:v>10.166788870164829</c:v>
                </c:pt>
                <c:pt idx="2368">
                  <c:v>10.166788870164829</c:v>
                </c:pt>
                <c:pt idx="2369">
                  <c:v>10.171497236117888</c:v>
                </c:pt>
                <c:pt idx="2370">
                  <c:v>10.171497236117888</c:v>
                </c:pt>
                <c:pt idx="2371">
                  <c:v>10.171497236117888</c:v>
                </c:pt>
                <c:pt idx="2372">
                  <c:v>10.171497236117888</c:v>
                </c:pt>
                <c:pt idx="2373">
                  <c:v>10.171497236117888</c:v>
                </c:pt>
                <c:pt idx="2374">
                  <c:v>10.176348279826994</c:v>
                </c:pt>
                <c:pt idx="2375">
                  <c:v>10.176348279826994</c:v>
                </c:pt>
                <c:pt idx="2376">
                  <c:v>10.176348279826994</c:v>
                </c:pt>
                <c:pt idx="2377">
                  <c:v>10.176348279826994</c:v>
                </c:pt>
                <c:pt idx="2378">
                  <c:v>10.181199323536227</c:v>
                </c:pt>
                <c:pt idx="2379">
                  <c:v>10.181199323536227</c:v>
                </c:pt>
                <c:pt idx="2380">
                  <c:v>10.185907689489285</c:v>
                </c:pt>
                <c:pt idx="2381">
                  <c:v>10.185907689489285</c:v>
                </c:pt>
                <c:pt idx="2382">
                  <c:v>10.185907689489285</c:v>
                </c:pt>
                <c:pt idx="2383">
                  <c:v>10.190758733198392</c:v>
                </c:pt>
                <c:pt idx="2384">
                  <c:v>10.195609776907625</c:v>
                </c:pt>
                <c:pt idx="2385">
                  <c:v>10.195609776907625</c:v>
                </c:pt>
                <c:pt idx="2386">
                  <c:v>10.200318142860684</c:v>
                </c:pt>
                <c:pt idx="2387">
                  <c:v>10.200318142860684</c:v>
                </c:pt>
                <c:pt idx="2388">
                  <c:v>10.20516918656979</c:v>
                </c:pt>
                <c:pt idx="2389">
                  <c:v>10.20516918656979</c:v>
                </c:pt>
                <c:pt idx="2390">
                  <c:v>10.210020230279023</c:v>
                </c:pt>
                <c:pt idx="2391">
                  <c:v>10.210020230279023</c:v>
                </c:pt>
                <c:pt idx="2392">
                  <c:v>10.214728596232082</c:v>
                </c:pt>
                <c:pt idx="2393">
                  <c:v>10.214728596232082</c:v>
                </c:pt>
                <c:pt idx="2394">
                  <c:v>10.219579639941315</c:v>
                </c:pt>
                <c:pt idx="2395">
                  <c:v>10.219579639941315</c:v>
                </c:pt>
                <c:pt idx="2396">
                  <c:v>10.224430683650422</c:v>
                </c:pt>
                <c:pt idx="2397">
                  <c:v>10.224430683650422</c:v>
                </c:pt>
                <c:pt idx="2398">
                  <c:v>10.22913904960348</c:v>
                </c:pt>
                <c:pt idx="2399">
                  <c:v>10.233990093312714</c:v>
                </c:pt>
                <c:pt idx="2400">
                  <c:v>10.238841137021819</c:v>
                </c:pt>
                <c:pt idx="2401">
                  <c:v>10.238841137021819</c:v>
                </c:pt>
                <c:pt idx="2402">
                  <c:v>10.243549502974878</c:v>
                </c:pt>
                <c:pt idx="2403">
                  <c:v>10.243549502974878</c:v>
                </c:pt>
                <c:pt idx="2404">
                  <c:v>10.248400546684111</c:v>
                </c:pt>
                <c:pt idx="2405">
                  <c:v>10.248400546684111</c:v>
                </c:pt>
                <c:pt idx="2406">
                  <c:v>10.248400546684111</c:v>
                </c:pt>
                <c:pt idx="2407">
                  <c:v>10.253251590393216</c:v>
                </c:pt>
                <c:pt idx="2408">
                  <c:v>10.253251590393216</c:v>
                </c:pt>
                <c:pt idx="2409">
                  <c:v>10.253251590393216</c:v>
                </c:pt>
                <c:pt idx="2410">
                  <c:v>10.253251590393216</c:v>
                </c:pt>
                <c:pt idx="2411">
                  <c:v>10.253251590393216</c:v>
                </c:pt>
                <c:pt idx="2412">
                  <c:v>10.253251590393216</c:v>
                </c:pt>
                <c:pt idx="2413">
                  <c:v>10.257959956346276</c:v>
                </c:pt>
                <c:pt idx="2414">
                  <c:v>10.262811000055509</c:v>
                </c:pt>
                <c:pt idx="2415">
                  <c:v>10.262811000055509</c:v>
                </c:pt>
                <c:pt idx="2416">
                  <c:v>10.267662043764741</c:v>
                </c:pt>
                <c:pt idx="2417">
                  <c:v>10.267662043764741</c:v>
                </c:pt>
                <c:pt idx="2418">
                  <c:v>10.272370409717674</c:v>
                </c:pt>
                <c:pt idx="2419">
                  <c:v>10.277221453426908</c:v>
                </c:pt>
                <c:pt idx="2420">
                  <c:v>10.277221453426908</c:v>
                </c:pt>
                <c:pt idx="2421">
                  <c:v>10.28207249713614</c:v>
                </c:pt>
                <c:pt idx="2422">
                  <c:v>10.28207249713614</c:v>
                </c:pt>
                <c:pt idx="2423">
                  <c:v>10.286780863089071</c:v>
                </c:pt>
                <c:pt idx="2424">
                  <c:v>10.286780863089071</c:v>
                </c:pt>
                <c:pt idx="2425">
                  <c:v>10.286780863089071</c:v>
                </c:pt>
                <c:pt idx="2426">
                  <c:v>10.286780863089071</c:v>
                </c:pt>
                <c:pt idx="2427">
                  <c:v>10.291631906798305</c:v>
                </c:pt>
                <c:pt idx="2428">
                  <c:v>10.291631906798305</c:v>
                </c:pt>
                <c:pt idx="2429">
                  <c:v>10.291631906798305</c:v>
                </c:pt>
                <c:pt idx="2430">
                  <c:v>10.296482950507537</c:v>
                </c:pt>
                <c:pt idx="2431">
                  <c:v>10.296482950507537</c:v>
                </c:pt>
                <c:pt idx="2432">
                  <c:v>10.301191316460597</c:v>
                </c:pt>
                <c:pt idx="2433">
                  <c:v>10.301191316460597</c:v>
                </c:pt>
                <c:pt idx="2434">
                  <c:v>10.306042360169704</c:v>
                </c:pt>
                <c:pt idx="2435">
                  <c:v>10.310893403878936</c:v>
                </c:pt>
                <c:pt idx="2436">
                  <c:v>10.310893403878936</c:v>
                </c:pt>
                <c:pt idx="2437">
                  <c:v>10.31574444758804</c:v>
                </c:pt>
                <c:pt idx="2438">
                  <c:v>10.31574444758804</c:v>
                </c:pt>
                <c:pt idx="2439">
                  <c:v>10.320452813541101</c:v>
                </c:pt>
                <c:pt idx="2440">
                  <c:v>10.320452813541101</c:v>
                </c:pt>
                <c:pt idx="2441">
                  <c:v>10.320452813541101</c:v>
                </c:pt>
                <c:pt idx="2442">
                  <c:v>10.320452813541101</c:v>
                </c:pt>
                <c:pt idx="2443">
                  <c:v>10.325303857250333</c:v>
                </c:pt>
                <c:pt idx="2444">
                  <c:v>10.325303857250333</c:v>
                </c:pt>
                <c:pt idx="2445">
                  <c:v>10.325303857250333</c:v>
                </c:pt>
                <c:pt idx="2446">
                  <c:v>10.330154900959565</c:v>
                </c:pt>
                <c:pt idx="2447">
                  <c:v>10.330154900959565</c:v>
                </c:pt>
                <c:pt idx="2448">
                  <c:v>10.330154900959565</c:v>
                </c:pt>
                <c:pt idx="2449">
                  <c:v>10.330154900959565</c:v>
                </c:pt>
                <c:pt idx="2450">
                  <c:v>10.3348632669125</c:v>
                </c:pt>
                <c:pt idx="2451">
                  <c:v>10.33971431062173</c:v>
                </c:pt>
                <c:pt idx="2452">
                  <c:v>10.33971431062173</c:v>
                </c:pt>
                <c:pt idx="2453">
                  <c:v>10.344565354330962</c:v>
                </c:pt>
                <c:pt idx="2454">
                  <c:v>10.344565354330962</c:v>
                </c:pt>
                <c:pt idx="2455">
                  <c:v>10.349273720284023</c:v>
                </c:pt>
                <c:pt idx="2456">
                  <c:v>10.349273720284023</c:v>
                </c:pt>
                <c:pt idx="2457">
                  <c:v>10.349273720284023</c:v>
                </c:pt>
                <c:pt idx="2458">
                  <c:v>10.354124763993129</c:v>
                </c:pt>
                <c:pt idx="2459">
                  <c:v>10.354124763993129</c:v>
                </c:pt>
                <c:pt idx="2460">
                  <c:v>10.358975807702361</c:v>
                </c:pt>
                <c:pt idx="2461">
                  <c:v>10.358975807702361</c:v>
                </c:pt>
                <c:pt idx="2462">
                  <c:v>10.36368417365542</c:v>
                </c:pt>
                <c:pt idx="2463">
                  <c:v>10.36368417365542</c:v>
                </c:pt>
                <c:pt idx="2464">
                  <c:v>10.368535217364526</c:v>
                </c:pt>
                <c:pt idx="2465">
                  <c:v>10.368535217364526</c:v>
                </c:pt>
                <c:pt idx="2466">
                  <c:v>10.368535217364526</c:v>
                </c:pt>
                <c:pt idx="2467">
                  <c:v>10.373386261073758</c:v>
                </c:pt>
                <c:pt idx="2468">
                  <c:v>10.373386261073758</c:v>
                </c:pt>
                <c:pt idx="2469">
                  <c:v>10.378094627026819</c:v>
                </c:pt>
                <c:pt idx="2470">
                  <c:v>10.378094627026819</c:v>
                </c:pt>
                <c:pt idx="2471">
                  <c:v>10.382945670735925</c:v>
                </c:pt>
                <c:pt idx="2472">
                  <c:v>10.382945670735925</c:v>
                </c:pt>
                <c:pt idx="2473">
                  <c:v>10.387796714445157</c:v>
                </c:pt>
                <c:pt idx="2474">
                  <c:v>10.387796714445157</c:v>
                </c:pt>
                <c:pt idx="2475">
                  <c:v>10.392505080398216</c:v>
                </c:pt>
                <c:pt idx="2476">
                  <c:v>10.392505080398216</c:v>
                </c:pt>
                <c:pt idx="2477">
                  <c:v>10.397356124107322</c:v>
                </c:pt>
                <c:pt idx="2478">
                  <c:v>10.397356124107322</c:v>
                </c:pt>
                <c:pt idx="2479">
                  <c:v>10.402207167816554</c:v>
                </c:pt>
                <c:pt idx="2480">
                  <c:v>10.402207167816554</c:v>
                </c:pt>
                <c:pt idx="2481">
                  <c:v>10.406915533769615</c:v>
                </c:pt>
                <c:pt idx="2482">
                  <c:v>10.406915533769615</c:v>
                </c:pt>
                <c:pt idx="2483">
                  <c:v>10.411766577478847</c:v>
                </c:pt>
                <c:pt idx="2484">
                  <c:v>10.411766577478847</c:v>
                </c:pt>
                <c:pt idx="2485">
                  <c:v>10.411766577478847</c:v>
                </c:pt>
                <c:pt idx="2486">
                  <c:v>10.416617621187951</c:v>
                </c:pt>
                <c:pt idx="2487">
                  <c:v>10.416617621187951</c:v>
                </c:pt>
                <c:pt idx="2488">
                  <c:v>10.416617621187951</c:v>
                </c:pt>
                <c:pt idx="2489">
                  <c:v>10.416617621187951</c:v>
                </c:pt>
                <c:pt idx="2490">
                  <c:v>10.416617621187951</c:v>
                </c:pt>
                <c:pt idx="2491">
                  <c:v>10.416617621187951</c:v>
                </c:pt>
                <c:pt idx="2492">
                  <c:v>10.416617621187951</c:v>
                </c:pt>
                <c:pt idx="2493">
                  <c:v>10.421325987141012</c:v>
                </c:pt>
                <c:pt idx="2494">
                  <c:v>10.421325987141012</c:v>
                </c:pt>
                <c:pt idx="2495">
                  <c:v>10.421325987141012</c:v>
                </c:pt>
                <c:pt idx="2496">
                  <c:v>10.426177030850244</c:v>
                </c:pt>
                <c:pt idx="2497">
                  <c:v>10.426177030850244</c:v>
                </c:pt>
                <c:pt idx="2498">
                  <c:v>10.426177030850244</c:v>
                </c:pt>
                <c:pt idx="2499">
                  <c:v>10.43102807455935</c:v>
                </c:pt>
                <c:pt idx="2500">
                  <c:v>10.43102807455935</c:v>
                </c:pt>
                <c:pt idx="2501">
                  <c:v>10.43102807455935</c:v>
                </c:pt>
                <c:pt idx="2502">
                  <c:v>10.43102807455935</c:v>
                </c:pt>
                <c:pt idx="2503">
                  <c:v>10.435736440512411</c:v>
                </c:pt>
                <c:pt idx="2504">
                  <c:v>10.435736440512411</c:v>
                </c:pt>
                <c:pt idx="2505">
                  <c:v>10.435736440512411</c:v>
                </c:pt>
                <c:pt idx="2506">
                  <c:v>10.440587484221641</c:v>
                </c:pt>
                <c:pt idx="2507">
                  <c:v>10.440587484221641</c:v>
                </c:pt>
                <c:pt idx="2508">
                  <c:v>10.445438527930747</c:v>
                </c:pt>
                <c:pt idx="2509">
                  <c:v>10.445438527930747</c:v>
                </c:pt>
                <c:pt idx="2510">
                  <c:v>10.445438527930747</c:v>
                </c:pt>
                <c:pt idx="2511">
                  <c:v>10.450146893883808</c:v>
                </c:pt>
                <c:pt idx="2512">
                  <c:v>10.45499793759304</c:v>
                </c:pt>
                <c:pt idx="2513">
                  <c:v>10.45499793759304</c:v>
                </c:pt>
                <c:pt idx="2514">
                  <c:v>10.459848981302272</c:v>
                </c:pt>
                <c:pt idx="2515">
                  <c:v>10.464557347255205</c:v>
                </c:pt>
                <c:pt idx="2516">
                  <c:v>10.464557347255205</c:v>
                </c:pt>
                <c:pt idx="2517">
                  <c:v>10.469408390964437</c:v>
                </c:pt>
                <c:pt idx="2518">
                  <c:v>10.474259434673669</c:v>
                </c:pt>
                <c:pt idx="2519">
                  <c:v>10.474259434673669</c:v>
                </c:pt>
                <c:pt idx="2520">
                  <c:v>10.478967800626604</c:v>
                </c:pt>
                <c:pt idx="2521">
                  <c:v>10.478967800626604</c:v>
                </c:pt>
                <c:pt idx="2522">
                  <c:v>10.483818844335836</c:v>
                </c:pt>
                <c:pt idx="2523">
                  <c:v>10.483818844335836</c:v>
                </c:pt>
                <c:pt idx="2524">
                  <c:v>10.488669888045068</c:v>
                </c:pt>
                <c:pt idx="2525">
                  <c:v>10.488669888045068</c:v>
                </c:pt>
                <c:pt idx="2526">
                  <c:v>10.493378253998127</c:v>
                </c:pt>
                <c:pt idx="2527">
                  <c:v>10.498229297707233</c:v>
                </c:pt>
                <c:pt idx="2528">
                  <c:v>10.498229297707233</c:v>
                </c:pt>
                <c:pt idx="2529">
                  <c:v>10.503080341416466</c:v>
                </c:pt>
                <c:pt idx="2530">
                  <c:v>10.503080341416466</c:v>
                </c:pt>
                <c:pt idx="2531">
                  <c:v>10.507931385125698</c:v>
                </c:pt>
                <c:pt idx="2532">
                  <c:v>10.507931385125698</c:v>
                </c:pt>
                <c:pt idx="2533">
                  <c:v>10.507931385125698</c:v>
                </c:pt>
                <c:pt idx="2534">
                  <c:v>10.51263975107863</c:v>
                </c:pt>
                <c:pt idx="2535">
                  <c:v>10.51263975107863</c:v>
                </c:pt>
                <c:pt idx="2536">
                  <c:v>10.517490794787863</c:v>
                </c:pt>
                <c:pt idx="2537">
                  <c:v>10.517490794787863</c:v>
                </c:pt>
                <c:pt idx="2538">
                  <c:v>10.522341838497095</c:v>
                </c:pt>
                <c:pt idx="2539">
                  <c:v>10.522341838497095</c:v>
                </c:pt>
                <c:pt idx="2540">
                  <c:v>10.527050204450029</c:v>
                </c:pt>
                <c:pt idx="2541">
                  <c:v>10.527050204450029</c:v>
                </c:pt>
                <c:pt idx="2542">
                  <c:v>10.527050204450029</c:v>
                </c:pt>
                <c:pt idx="2543">
                  <c:v>10.531901248159262</c:v>
                </c:pt>
                <c:pt idx="2544">
                  <c:v>10.531901248159262</c:v>
                </c:pt>
                <c:pt idx="2545">
                  <c:v>10.536752291868494</c:v>
                </c:pt>
                <c:pt idx="2546">
                  <c:v>10.536752291868494</c:v>
                </c:pt>
                <c:pt idx="2547">
                  <c:v>10.536752291868494</c:v>
                </c:pt>
                <c:pt idx="2548">
                  <c:v>10.536752291868494</c:v>
                </c:pt>
                <c:pt idx="2549">
                  <c:v>10.541460657821553</c:v>
                </c:pt>
                <c:pt idx="2550">
                  <c:v>10.541460657821553</c:v>
                </c:pt>
                <c:pt idx="2551">
                  <c:v>10.541460657821553</c:v>
                </c:pt>
                <c:pt idx="2552">
                  <c:v>10.541460657821553</c:v>
                </c:pt>
                <c:pt idx="2553">
                  <c:v>10.541460657821553</c:v>
                </c:pt>
                <c:pt idx="2554">
                  <c:v>10.541460657821553</c:v>
                </c:pt>
                <c:pt idx="2555">
                  <c:v>10.541460657821553</c:v>
                </c:pt>
                <c:pt idx="2556">
                  <c:v>10.546311701530659</c:v>
                </c:pt>
                <c:pt idx="2557">
                  <c:v>10.546311701530659</c:v>
                </c:pt>
                <c:pt idx="2558">
                  <c:v>10.551162745239891</c:v>
                </c:pt>
                <c:pt idx="2559">
                  <c:v>10.551162745239891</c:v>
                </c:pt>
                <c:pt idx="2560">
                  <c:v>10.551162745239891</c:v>
                </c:pt>
                <c:pt idx="2561">
                  <c:v>10.555871111192952</c:v>
                </c:pt>
                <c:pt idx="2562">
                  <c:v>10.555871111192952</c:v>
                </c:pt>
                <c:pt idx="2563">
                  <c:v>10.560722154902058</c:v>
                </c:pt>
                <c:pt idx="2564">
                  <c:v>10.560722154902058</c:v>
                </c:pt>
                <c:pt idx="2565">
                  <c:v>10.560722154902058</c:v>
                </c:pt>
                <c:pt idx="2566">
                  <c:v>10.560722154902058</c:v>
                </c:pt>
                <c:pt idx="2567">
                  <c:v>10.56557319861129</c:v>
                </c:pt>
                <c:pt idx="2568">
                  <c:v>10.56557319861129</c:v>
                </c:pt>
                <c:pt idx="2569">
                  <c:v>10.56557319861129</c:v>
                </c:pt>
                <c:pt idx="2570">
                  <c:v>10.570281564564349</c:v>
                </c:pt>
                <c:pt idx="2571">
                  <c:v>10.570281564564349</c:v>
                </c:pt>
                <c:pt idx="2572">
                  <c:v>10.575132608273455</c:v>
                </c:pt>
                <c:pt idx="2573">
                  <c:v>10.575132608273455</c:v>
                </c:pt>
                <c:pt idx="2574">
                  <c:v>10.579983651982687</c:v>
                </c:pt>
                <c:pt idx="2575">
                  <c:v>10.584692017935748</c:v>
                </c:pt>
                <c:pt idx="2576">
                  <c:v>10.584692017935748</c:v>
                </c:pt>
                <c:pt idx="2577">
                  <c:v>10.584692017935748</c:v>
                </c:pt>
                <c:pt idx="2578">
                  <c:v>10.589543061644852</c:v>
                </c:pt>
                <c:pt idx="2579">
                  <c:v>10.594394105354084</c:v>
                </c:pt>
                <c:pt idx="2580">
                  <c:v>10.594394105354084</c:v>
                </c:pt>
                <c:pt idx="2581">
                  <c:v>10.599102471307145</c:v>
                </c:pt>
                <c:pt idx="2582">
                  <c:v>10.599102471307145</c:v>
                </c:pt>
                <c:pt idx="2583">
                  <c:v>10.599102471307145</c:v>
                </c:pt>
                <c:pt idx="2584">
                  <c:v>10.599102471307145</c:v>
                </c:pt>
                <c:pt idx="2585">
                  <c:v>10.603953515016379</c:v>
                </c:pt>
                <c:pt idx="2586">
                  <c:v>10.603953515016379</c:v>
                </c:pt>
                <c:pt idx="2587">
                  <c:v>10.603953515016379</c:v>
                </c:pt>
                <c:pt idx="2588">
                  <c:v>10.603953515016379</c:v>
                </c:pt>
                <c:pt idx="2589">
                  <c:v>10.603953515016379</c:v>
                </c:pt>
                <c:pt idx="2590">
                  <c:v>10.608804558725483</c:v>
                </c:pt>
                <c:pt idx="2591">
                  <c:v>10.608804558725483</c:v>
                </c:pt>
                <c:pt idx="2592">
                  <c:v>10.608804558725483</c:v>
                </c:pt>
                <c:pt idx="2593">
                  <c:v>10.613512924678542</c:v>
                </c:pt>
                <c:pt idx="2594">
                  <c:v>10.613512924678542</c:v>
                </c:pt>
                <c:pt idx="2595">
                  <c:v>10.613512924678542</c:v>
                </c:pt>
                <c:pt idx="2596">
                  <c:v>10.613512924678542</c:v>
                </c:pt>
                <c:pt idx="2597">
                  <c:v>10.618363968387776</c:v>
                </c:pt>
                <c:pt idx="2598">
                  <c:v>10.618363968387776</c:v>
                </c:pt>
                <c:pt idx="2599">
                  <c:v>10.618363968387776</c:v>
                </c:pt>
                <c:pt idx="2600">
                  <c:v>10.618363968387776</c:v>
                </c:pt>
                <c:pt idx="2601">
                  <c:v>10.62321501209688</c:v>
                </c:pt>
                <c:pt idx="2602">
                  <c:v>10.62321501209688</c:v>
                </c:pt>
                <c:pt idx="2603">
                  <c:v>10.627923378049941</c:v>
                </c:pt>
                <c:pt idx="2604">
                  <c:v>10.627923378049941</c:v>
                </c:pt>
                <c:pt idx="2605">
                  <c:v>10.627923378049941</c:v>
                </c:pt>
                <c:pt idx="2606">
                  <c:v>10.632774421759175</c:v>
                </c:pt>
                <c:pt idx="2607">
                  <c:v>10.632774421759175</c:v>
                </c:pt>
                <c:pt idx="2608">
                  <c:v>10.637625465468279</c:v>
                </c:pt>
                <c:pt idx="2609">
                  <c:v>10.637625465468279</c:v>
                </c:pt>
                <c:pt idx="2610">
                  <c:v>10.637625465468279</c:v>
                </c:pt>
                <c:pt idx="2611">
                  <c:v>10.642333831421338</c:v>
                </c:pt>
                <c:pt idx="2612">
                  <c:v>10.642333831421338</c:v>
                </c:pt>
                <c:pt idx="2613">
                  <c:v>10.647184875130572</c:v>
                </c:pt>
                <c:pt idx="2614">
                  <c:v>10.647184875130572</c:v>
                </c:pt>
                <c:pt idx="2615">
                  <c:v>10.652035918839804</c:v>
                </c:pt>
                <c:pt idx="2616">
                  <c:v>10.652035918839804</c:v>
                </c:pt>
                <c:pt idx="2617">
                  <c:v>10.652035918839804</c:v>
                </c:pt>
                <c:pt idx="2618">
                  <c:v>10.656744284792737</c:v>
                </c:pt>
                <c:pt idx="2619">
                  <c:v>10.661595328501971</c:v>
                </c:pt>
                <c:pt idx="2620">
                  <c:v>10.661595328501971</c:v>
                </c:pt>
                <c:pt idx="2621">
                  <c:v>10.666446372211201</c:v>
                </c:pt>
                <c:pt idx="2622">
                  <c:v>10.666446372211201</c:v>
                </c:pt>
                <c:pt idx="2623">
                  <c:v>10.671154738164134</c:v>
                </c:pt>
                <c:pt idx="2624">
                  <c:v>10.671154738164134</c:v>
                </c:pt>
                <c:pt idx="2625">
                  <c:v>10.676005781873368</c:v>
                </c:pt>
                <c:pt idx="2626">
                  <c:v>10.6808568255826</c:v>
                </c:pt>
                <c:pt idx="2627">
                  <c:v>10.6808568255826</c:v>
                </c:pt>
                <c:pt idx="2628">
                  <c:v>10.685707869291706</c:v>
                </c:pt>
                <c:pt idx="2629">
                  <c:v>10.685707869291706</c:v>
                </c:pt>
                <c:pt idx="2630">
                  <c:v>10.690416235244765</c:v>
                </c:pt>
                <c:pt idx="2631">
                  <c:v>10.690416235244765</c:v>
                </c:pt>
                <c:pt idx="2632">
                  <c:v>10.690416235244765</c:v>
                </c:pt>
                <c:pt idx="2633">
                  <c:v>10.695267278953997</c:v>
                </c:pt>
                <c:pt idx="2634">
                  <c:v>10.695267278953997</c:v>
                </c:pt>
                <c:pt idx="2635">
                  <c:v>10.700118322663229</c:v>
                </c:pt>
                <c:pt idx="2636">
                  <c:v>10.700118322663229</c:v>
                </c:pt>
                <c:pt idx="2637">
                  <c:v>10.704826688616164</c:v>
                </c:pt>
                <c:pt idx="2638">
                  <c:v>10.709677732325396</c:v>
                </c:pt>
                <c:pt idx="2639">
                  <c:v>10.709677732325396</c:v>
                </c:pt>
                <c:pt idx="2640">
                  <c:v>10.714528776034628</c:v>
                </c:pt>
                <c:pt idx="2641">
                  <c:v>10.714528776034628</c:v>
                </c:pt>
                <c:pt idx="2642">
                  <c:v>10.714528776034628</c:v>
                </c:pt>
                <c:pt idx="2643">
                  <c:v>10.719237141987561</c:v>
                </c:pt>
                <c:pt idx="2644">
                  <c:v>10.719237141987561</c:v>
                </c:pt>
                <c:pt idx="2645">
                  <c:v>10.719237141987561</c:v>
                </c:pt>
                <c:pt idx="2646">
                  <c:v>10.724088185696793</c:v>
                </c:pt>
                <c:pt idx="2647">
                  <c:v>10.724088185696793</c:v>
                </c:pt>
                <c:pt idx="2648">
                  <c:v>10.724088185696793</c:v>
                </c:pt>
                <c:pt idx="2649">
                  <c:v>10.724088185696793</c:v>
                </c:pt>
                <c:pt idx="2650">
                  <c:v>10.724088185696793</c:v>
                </c:pt>
                <c:pt idx="2651">
                  <c:v>10.724088185696793</c:v>
                </c:pt>
                <c:pt idx="2652">
                  <c:v>10.728939229406025</c:v>
                </c:pt>
                <c:pt idx="2653">
                  <c:v>10.728939229406025</c:v>
                </c:pt>
                <c:pt idx="2654">
                  <c:v>10.728939229406025</c:v>
                </c:pt>
                <c:pt idx="2655">
                  <c:v>10.728939229406025</c:v>
                </c:pt>
                <c:pt idx="2656">
                  <c:v>10.728939229406025</c:v>
                </c:pt>
                <c:pt idx="2657">
                  <c:v>10.733647595359086</c:v>
                </c:pt>
                <c:pt idx="2658">
                  <c:v>10.733647595359086</c:v>
                </c:pt>
                <c:pt idx="2659">
                  <c:v>10.733647595359086</c:v>
                </c:pt>
                <c:pt idx="2660">
                  <c:v>10.733647595359086</c:v>
                </c:pt>
                <c:pt idx="2661">
                  <c:v>10.738498639068192</c:v>
                </c:pt>
                <c:pt idx="2662">
                  <c:v>10.738498639068192</c:v>
                </c:pt>
                <c:pt idx="2663">
                  <c:v>10.738498639068192</c:v>
                </c:pt>
                <c:pt idx="2664">
                  <c:v>10.743349682777422</c:v>
                </c:pt>
                <c:pt idx="2665">
                  <c:v>10.743349682777422</c:v>
                </c:pt>
                <c:pt idx="2666">
                  <c:v>10.743349682777422</c:v>
                </c:pt>
                <c:pt idx="2667">
                  <c:v>10.748058048730483</c:v>
                </c:pt>
                <c:pt idx="2668">
                  <c:v>10.748058048730483</c:v>
                </c:pt>
                <c:pt idx="2669">
                  <c:v>10.752909092439589</c:v>
                </c:pt>
                <c:pt idx="2670">
                  <c:v>10.752909092439589</c:v>
                </c:pt>
                <c:pt idx="2671">
                  <c:v>10.752909092439589</c:v>
                </c:pt>
                <c:pt idx="2672">
                  <c:v>10.752909092439589</c:v>
                </c:pt>
                <c:pt idx="2673">
                  <c:v>10.757760136148821</c:v>
                </c:pt>
                <c:pt idx="2674">
                  <c:v>10.757760136148821</c:v>
                </c:pt>
                <c:pt idx="2675">
                  <c:v>10.762468502101882</c:v>
                </c:pt>
                <c:pt idx="2676">
                  <c:v>10.762468502101882</c:v>
                </c:pt>
                <c:pt idx="2677">
                  <c:v>10.767319545810986</c:v>
                </c:pt>
                <c:pt idx="2678">
                  <c:v>10.767319545810986</c:v>
                </c:pt>
                <c:pt idx="2679">
                  <c:v>10.767319545810986</c:v>
                </c:pt>
                <c:pt idx="2680">
                  <c:v>10.772170589520218</c:v>
                </c:pt>
                <c:pt idx="2681">
                  <c:v>10.772170589520218</c:v>
                </c:pt>
                <c:pt idx="2682">
                  <c:v>10.776878955473279</c:v>
                </c:pt>
                <c:pt idx="2683">
                  <c:v>10.781729999182511</c:v>
                </c:pt>
                <c:pt idx="2684">
                  <c:v>10.781729999182511</c:v>
                </c:pt>
                <c:pt idx="2685">
                  <c:v>10.786581042891617</c:v>
                </c:pt>
                <c:pt idx="2686">
                  <c:v>10.786581042891617</c:v>
                </c:pt>
                <c:pt idx="2687">
                  <c:v>10.791289408844676</c:v>
                </c:pt>
                <c:pt idx="2688">
                  <c:v>10.791289408844676</c:v>
                </c:pt>
                <c:pt idx="2689">
                  <c:v>10.796140452553908</c:v>
                </c:pt>
                <c:pt idx="2690">
                  <c:v>10.800991496263014</c:v>
                </c:pt>
                <c:pt idx="2691">
                  <c:v>10.800991496263014</c:v>
                </c:pt>
                <c:pt idx="2692">
                  <c:v>10.805699862216075</c:v>
                </c:pt>
                <c:pt idx="2693">
                  <c:v>10.805699862216075</c:v>
                </c:pt>
                <c:pt idx="2694">
                  <c:v>10.805699862216075</c:v>
                </c:pt>
                <c:pt idx="2695">
                  <c:v>10.805699862216075</c:v>
                </c:pt>
                <c:pt idx="2696">
                  <c:v>10.810550905925307</c:v>
                </c:pt>
                <c:pt idx="2697">
                  <c:v>10.810550905925307</c:v>
                </c:pt>
                <c:pt idx="2698">
                  <c:v>10.815401949634413</c:v>
                </c:pt>
                <c:pt idx="2699">
                  <c:v>10.815401949634413</c:v>
                </c:pt>
                <c:pt idx="2700">
                  <c:v>10.820110315587472</c:v>
                </c:pt>
                <c:pt idx="2701">
                  <c:v>10.820110315587472</c:v>
                </c:pt>
                <c:pt idx="2702">
                  <c:v>10.820110315587472</c:v>
                </c:pt>
                <c:pt idx="2703">
                  <c:v>10.820110315587472</c:v>
                </c:pt>
                <c:pt idx="2704">
                  <c:v>10.820110315587472</c:v>
                </c:pt>
                <c:pt idx="2705">
                  <c:v>10.820110315587472</c:v>
                </c:pt>
                <c:pt idx="2706">
                  <c:v>10.820110315587472</c:v>
                </c:pt>
                <c:pt idx="2707">
                  <c:v>10.824961359296704</c:v>
                </c:pt>
                <c:pt idx="2708">
                  <c:v>10.824961359296704</c:v>
                </c:pt>
                <c:pt idx="2709">
                  <c:v>10.824961359296704</c:v>
                </c:pt>
                <c:pt idx="2710">
                  <c:v>10.82981240300581</c:v>
                </c:pt>
                <c:pt idx="2711">
                  <c:v>10.82981240300581</c:v>
                </c:pt>
                <c:pt idx="2712">
                  <c:v>10.82981240300581</c:v>
                </c:pt>
                <c:pt idx="2713">
                  <c:v>10.82981240300581</c:v>
                </c:pt>
                <c:pt idx="2714">
                  <c:v>10.82981240300581</c:v>
                </c:pt>
                <c:pt idx="2715">
                  <c:v>10.82981240300581</c:v>
                </c:pt>
                <c:pt idx="2716">
                  <c:v>10.82981240300581</c:v>
                </c:pt>
                <c:pt idx="2717">
                  <c:v>10.82981240300581</c:v>
                </c:pt>
                <c:pt idx="2718">
                  <c:v>10.834520768958871</c:v>
                </c:pt>
                <c:pt idx="2719">
                  <c:v>10.834520768958871</c:v>
                </c:pt>
                <c:pt idx="2720">
                  <c:v>10.834520768958871</c:v>
                </c:pt>
                <c:pt idx="2721">
                  <c:v>10.834520768958871</c:v>
                </c:pt>
                <c:pt idx="2722">
                  <c:v>10.834520768958871</c:v>
                </c:pt>
                <c:pt idx="2723">
                  <c:v>10.834520768958871</c:v>
                </c:pt>
                <c:pt idx="2724">
                  <c:v>10.834520768958871</c:v>
                </c:pt>
                <c:pt idx="2725">
                  <c:v>10.839371812668103</c:v>
                </c:pt>
                <c:pt idx="2726">
                  <c:v>10.839371812668103</c:v>
                </c:pt>
                <c:pt idx="2727">
                  <c:v>10.839371812668103</c:v>
                </c:pt>
                <c:pt idx="2728">
                  <c:v>10.839371812668103</c:v>
                </c:pt>
                <c:pt idx="2729">
                  <c:v>10.844222856377334</c:v>
                </c:pt>
                <c:pt idx="2730">
                  <c:v>10.844222856377334</c:v>
                </c:pt>
                <c:pt idx="2731">
                  <c:v>10.848931222330268</c:v>
                </c:pt>
                <c:pt idx="2732">
                  <c:v>10.848931222330268</c:v>
                </c:pt>
                <c:pt idx="2733">
                  <c:v>10.8537822660395</c:v>
                </c:pt>
                <c:pt idx="2734">
                  <c:v>10.8537822660395</c:v>
                </c:pt>
                <c:pt idx="2735">
                  <c:v>10.8537822660395</c:v>
                </c:pt>
                <c:pt idx="2736">
                  <c:v>10.8537822660395</c:v>
                </c:pt>
                <c:pt idx="2737">
                  <c:v>10.858633309748733</c:v>
                </c:pt>
                <c:pt idx="2738">
                  <c:v>10.858633309748733</c:v>
                </c:pt>
                <c:pt idx="2739">
                  <c:v>10.858633309748733</c:v>
                </c:pt>
                <c:pt idx="2740">
                  <c:v>10.863341675701667</c:v>
                </c:pt>
                <c:pt idx="2741">
                  <c:v>10.863341675701667</c:v>
                </c:pt>
                <c:pt idx="2742">
                  <c:v>10.863341675701667</c:v>
                </c:pt>
                <c:pt idx="2743">
                  <c:v>10.868192719410898</c:v>
                </c:pt>
                <c:pt idx="2744">
                  <c:v>10.868192719410898</c:v>
                </c:pt>
                <c:pt idx="2745">
                  <c:v>10.87304376312013</c:v>
                </c:pt>
                <c:pt idx="2746">
                  <c:v>10.87304376312013</c:v>
                </c:pt>
                <c:pt idx="2747">
                  <c:v>10.877894806829236</c:v>
                </c:pt>
                <c:pt idx="2748">
                  <c:v>10.877894806829236</c:v>
                </c:pt>
                <c:pt idx="2749">
                  <c:v>10.882603172782296</c:v>
                </c:pt>
                <c:pt idx="2750">
                  <c:v>10.887454216491529</c:v>
                </c:pt>
                <c:pt idx="2751">
                  <c:v>10.892305260200761</c:v>
                </c:pt>
                <c:pt idx="2752">
                  <c:v>10.892305260200761</c:v>
                </c:pt>
                <c:pt idx="2753">
                  <c:v>10.897013626153694</c:v>
                </c:pt>
                <c:pt idx="2754">
                  <c:v>10.901864669862926</c:v>
                </c:pt>
                <c:pt idx="2755">
                  <c:v>10.901864669862926</c:v>
                </c:pt>
                <c:pt idx="2756">
                  <c:v>10.906715713572158</c:v>
                </c:pt>
                <c:pt idx="2757">
                  <c:v>10.906715713572158</c:v>
                </c:pt>
                <c:pt idx="2758">
                  <c:v>10.906715713572158</c:v>
                </c:pt>
                <c:pt idx="2759">
                  <c:v>10.911424079525093</c:v>
                </c:pt>
                <c:pt idx="2760">
                  <c:v>10.911424079525093</c:v>
                </c:pt>
                <c:pt idx="2761">
                  <c:v>10.911424079525093</c:v>
                </c:pt>
                <c:pt idx="2762">
                  <c:v>10.916275123234325</c:v>
                </c:pt>
                <c:pt idx="2763">
                  <c:v>10.916275123234325</c:v>
                </c:pt>
                <c:pt idx="2764">
                  <c:v>10.921126166943555</c:v>
                </c:pt>
                <c:pt idx="2765">
                  <c:v>10.921126166943555</c:v>
                </c:pt>
                <c:pt idx="2766">
                  <c:v>10.921126166943555</c:v>
                </c:pt>
                <c:pt idx="2767">
                  <c:v>10.921126166943555</c:v>
                </c:pt>
                <c:pt idx="2768">
                  <c:v>10.925834532896616</c:v>
                </c:pt>
                <c:pt idx="2769">
                  <c:v>10.925834532896616</c:v>
                </c:pt>
                <c:pt idx="2770">
                  <c:v>10.925834532896616</c:v>
                </c:pt>
                <c:pt idx="2771">
                  <c:v>10.930685576605722</c:v>
                </c:pt>
                <c:pt idx="2772">
                  <c:v>10.935536620314954</c:v>
                </c:pt>
                <c:pt idx="2773">
                  <c:v>10.935536620314954</c:v>
                </c:pt>
                <c:pt idx="2774">
                  <c:v>10.935536620314954</c:v>
                </c:pt>
                <c:pt idx="2775">
                  <c:v>10.935536620314954</c:v>
                </c:pt>
                <c:pt idx="2776">
                  <c:v>10.940244986268015</c:v>
                </c:pt>
                <c:pt idx="2777">
                  <c:v>10.940244986268015</c:v>
                </c:pt>
                <c:pt idx="2778">
                  <c:v>10.945096029977119</c:v>
                </c:pt>
                <c:pt idx="2779">
                  <c:v>10.945096029977119</c:v>
                </c:pt>
                <c:pt idx="2780">
                  <c:v>10.945096029977119</c:v>
                </c:pt>
                <c:pt idx="2781">
                  <c:v>10.949947073686351</c:v>
                </c:pt>
                <c:pt idx="2782">
                  <c:v>10.949947073686351</c:v>
                </c:pt>
                <c:pt idx="2783">
                  <c:v>10.949947073686351</c:v>
                </c:pt>
                <c:pt idx="2784">
                  <c:v>10.949947073686351</c:v>
                </c:pt>
                <c:pt idx="2785">
                  <c:v>10.954655439639412</c:v>
                </c:pt>
                <c:pt idx="2786">
                  <c:v>10.954655439639412</c:v>
                </c:pt>
                <c:pt idx="2787">
                  <c:v>10.954655439639412</c:v>
                </c:pt>
                <c:pt idx="2788">
                  <c:v>10.954655439639412</c:v>
                </c:pt>
                <c:pt idx="2789">
                  <c:v>10.959506483348518</c:v>
                </c:pt>
                <c:pt idx="2790">
                  <c:v>10.959506483348518</c:v>
                </c:pt>
                <c:pt idx="2791">
                  <c:v>10.96435752705775</c:v>
                </c:pt>
                <c:pt idx="2792">
                  <c:v>10.96435752705775</c:v>
                </c:pt>
                <c:pt idx="2793">
                  <c:v>10.96435752705775</c:v>
                </c:pt>
                <c:pt idx="2794">
                  <c:v>10.969065893010809</c:v>
                </c:pt>
                <c:pt idx="2795">
                  <c:v>10.969065893010809</c:v>
                </c:pt>
                <c:pt idx="2796">
                  <c:v>10.96435752705775</c:v>
                </c:pt>
                <c:pt idx="2797">
                  <c:v>10.96435752705775</c:v>
                </c:pt>
                <c:pt idx="2798">
                  <c:v>10.969065893010809</c:v>
                </c:pt>
                <c:pt idx="2799">
                  <c:v>10.969065893010809</c:v>
                </c:pt>
                <c:pt idx="2800">
                  <c:v>10.969065893010809</c:v>
                </c:pt>
                <c:pt idx="2801">
                  <c:v>10.973916936720043</c:v>
                </c:pt>
                <c:pt idx="2802">
                  <c:v>10.973916936720043</c:v>
                </c:pt>
                <c:pt idx="2803">
                  <c:v>10.969065893010809</c:v>
                </c:pt>
                <c:pt idx="2804">
                  <c:v>10.969065893010809</c:v>
                </c:pt>
                <c:pt idx="2805">
                  <c:v>10.973916936720043</c:v>
                </c:pt>
                <c:pt idx="2806">
                  <c:v>10.973916936720043</c:v>
                </c:pt>
                <c:pt idx="2807">
                  <c:v>10.973916936720043</c:v>
                </c:pt>
                <c:pt idx="2808">
                  <c:v>10.973916936720043</c:v>
                </c:pt>
                <c:pt idx="2809">
                  <c:v>10.978767980429147</c:v>
                </c:pt>
                <c:pt idx="2810">
                  <c:v>10.978767980429147</c:v>
                </c:pt>
                <c:pt idx="2811">
                  <c:v>10.978767980429147</c:v>
                </c:pt>
                <c:pt idx="2812">
                  <c:v>10.978767980429147</c:v>
                </c:pt>
                <c:pt idx="2813">
                  <c:v>10.983476346382208</c:v>
                </c:pt>
                <c:pt idx="2814">
                  <c:v>10.983476346382208</c:v>
                </c:pt>
                <c:pt idx="2815">
                  <c:v>10.983476346382208</c:v>
                </c:pt>
                <c:pt idx="2816">
                  <c:v>10.988327390091442</c:v>
                </c:pt>
                <c:pt idx="2817">
                  <c:v>10.988327390091442</c:v>
                </c:pt>
                <c:pt idx="2818">
                  <c:v>10.988327390091442</c:v>
                </c:pt>
                <c:pt idx="2819">
                  <c:v>10.993178433800544</c:v>
                </c:pt>
                <c:pt idx="2820">
                  <c:v>10.993178433800544</c:v>
                </c:pt>
                <c:pt idx="2821">
                  <c:v>10.997886799753605</c:v>
                </c:pt>
                <c:pt idx="2822">
                  <c:v>10.997886799753605</c:v>
                </c:pt>
                <c:pt idx="2823">
                  <c:v>10.997886799753605</c:v>
                </c:pt>
                <c:pt idx="2824">
                  <c:v>10.997886799753605</c:v>
                </c:pt>
                <c:pt idx="2825">
                  <c:v>10.997886799753605</c:v>
                </c:pt>
                <c:pt idx="2826">
                  <c:v>11.002737843462839</c:v>
                </c:pt>
                <c:pt idx="2827">
                  <c:v>11.002737843462839</c:v>
                </c:pt>
                <c:pt idx="2828">
                  <c:v>11.007588887171943</c:v>
                </c:pt>
                <c:pt idx="2829">
                  <c:v>11.007588887171943</c:v>
                </c:pt>
                <c:pt idx="2830">
                  <c:v>11.007588887171943</c:v>
                </c:pt>
                <c:pt idx="2831">
                  <c:v>11.007588887171943</c:v>
                </c:pt>
                <c:pt idx="2832">
                  <c:v>11.012297253125004</c:v>
                </c:pt>
                <c:pt idx="2833">
                  <c:v>11.012297253125004</c:v>
                </c:pt>
                <c:pt idx="2834">
                  <c:v>11.017148296834236</c:v>
                </c:pt>
                <c:pt idx="2835">
                  <c:v>11.017148296834236</c:v>
                </c:pt>
                <c:pt idx="2836">
                  <c:v>11.02199934054334</c:v>
                </c:pt>
                <c:pt idx="2837">
                  <c:v>11.02199934054334</c:v>
                </c:pt>
                <c:pt idx="2838">
                  <c:v>11.026707706496401</c:v>
                </c:pt>
                <c:pt idx="2839">
                  <c:v>11.026707706496401</c:v>
                </c:pt>
                <c:pt idx="2840">
                  <c:v>11.026707706496401</c:v>
                </c:pt>
                <c:pt idx="2841">
                  <c:v>11.031558750205635</c:v>
                </c:pt>
                <c:pt idx="2842">
                  <c:v>11.031558750205635</c:v>
                </c:pt>
                <c:pt idx="2843">
                  <c:v>11.031558750205635</c:v>
                </c:pt>
                <c:pt idx="2844">
                  <c:v>11.036409793914867</c:v>
                </c:pt>
                <c:pt idx="2845">
                  <c:v>11.036409793914867</c:v>
                </c:pt>
                <c:pt idx="2846">
                  <c:v>11.036409793914867</c:v>
                </c:pt>
                <c:pt idx="2847">
                  <c:v>11.041118159867798</c:v>
                </c:pt>
                <c:pt idx="2848">
                  <c:v>11.041118159867798</c:v>
                </c:pt>
                <c:pt idx="2849">
                  <c:v>11.041118159867798</c:v>
                </c:pt>
                <c:pt idx="2850">
                  <c:v>11.045969203577032</c:v>
                </c:pt>
                <c:pt idx="2851">
                  <c:v>11.045969203577032</c:v>
                </c:pt>
                <c:pt idx="2852">
                  <c:v>11.045969203577032</c:v>
                </c:pt>
                <c:pt idx="2853">
                  <c:v>11.050820247286264</c:v>
                </c:pt>
                <c:pt idx="2854">
                  <c:v>11.050820247286264</c:v>
                </c:pt>
                <c:pt idx="2855">
                  <c:v>11.050820247286264</c:v>
                </c:pt>
                <c:pt idx="2856">
                  <c:v>11.050820247286264</c:v>
                </c:pt>
                <c:pt idx="2857">
                  <c:v>11.050820247286264</c:v>
                </c:pt>
                <c:pt idx="2858">
                  <c:v>11.055528613239197</c:v>
                </c:pt>
                <c:pt idx="2859">
                  <c:v>11.055528613239197</c:v>
                </c:pt>
                <c:pt idx="2860">
                  <c:v>11.060379656948431</c:v>
                </c:pt>
                <c:pt idx="2861">
                  <c:v>11.060379656948431</c:v>
                </c:pt>
                <c:pt idx="2862">
                  <c:v>11.060379656948431</c:v>
                </c:pt>
                <c:pt idx="2863">
                  <c:v>11.065230700657663</c:v>
                </c:pt>
                <c:pt idx="2864">
                  <c:v>11.065230700657663</c:v>
                </c:pt>
                <c:pt idx="2865">
                  <c:v>11.070081744366767</c:v>
                </c:pt>
                <c:pt idx="2866">
                  <c:v>11.070081744366767</c:v>
                </c:pt>
                <c:pt idx="2867">
                  <c:v>11.070081744366767</c:v>
                </c:pt>
                <c:pt idx="2868">
                  <c:v>11.070081744366767</c:v>
                </c:pt>
                <c:pt idx="2869">
                  <c:v>11.074790110319828</c:v>
                </c:pt>
                <c:pt idx="2870">
                  <c:v>11.074790110319828</c:v>
                </c:pt>
                <c:pt idx="2871">
                  <c:v>11.074790110319828</c:v>
                </c:pt>
                <c:pt idx="2872">
                  <c:v>11.07964115402906</c:v>
                </c:pt>
                <c:pt idx="2873">
                  <c:v>11.07964115402906</c:v>
                </c:pt>
                <c:pt idx="2874">
                  <c:v>11.084492197738292</c:v>
                </c:pt>
                <c:pt idx="2875">
                  <c:v>11.084492197738292</c:v>
                </c:pt>
                <c:pt idx="2876">
                  <c:v>11.089200563691225</c:v>
                </c:pt>
                <c:pt idx="2877">
                  <c:v>11.089200563691225</c:v>
                </c:pt>
                <c:pt idx="2878">
                  <c:v>11.094051607400457</c:v>
                </c:pt>
                <c:pt idx="2879">
                  <c:v>11.094051607400457</c:v>
                </c:pt>
                <c:pt idx="2880">
                  <c:v>11.09890265110969</c:v>
                </c:pt>
                <c:pt idx="2881">
                  <c:v>11.09890265110969</c:v>
                </c:pt>
                <c:pt idx="2882">
                  <c:v>11.09890265110969</c:v>
                </c:pt>
                <c:pt idx="2883">
                  <c:v>11.09890265110969</c:v>
                </c:pt>
                <c:pt idx="2884">
                  <c:v>11.103611017062624</c:v>
                </c:pt>
                <c:pt idx="2885">
                  <c:v>11.103611017062624</c:v>
                </c:pt>
                <c:pt idx="2886">
                  <c:v>11.108462060771856</c:v>
                </c:pt>
                <c:pt idx="2887">
                  <c:v>11.108462060771856</c:v>
                </c:pt>
                <c:pt idx="2888">
                  <c:v>11.108462060771856</c:v>
                </c:pt>
                <c:pt idx="2889">
                  <c:v>11.108462060771856</c:v>
                </c:pt>
                <c:pt idx="2890">
                  <c:v>11.113313104481088</c:v>
                </c:pt>
                <c:pt idx="2891">
                  <c:v>11.113313104481088</c:v>
                </c:pt>
                <c:pt idx="2892">
                  <c:v>11.113313104481088</c:v>
                </c:pt>
                <c:pt idx="2893">
                  <c:v>11.113313104481088</c:v>
                </c:pt>
                <c:pt idx="2894">
                  <c:v>11.113313104481088</c:v>
                </c:pt>
                <c:pt idx="2895">
                  <c:v>11.118021470434147</c:v>
                </c:pt>
                <c:pt idx="2896">
                  <c:v>11.118021470434147</c:v>
                </c:pt>
                <c:pt idx="2897">
                  <c:v>11.118021470434147</c:v>
                </c:pt>
                <c:pt idx="2898">
                  <c:v>11.118021470434147</c:v>
                </c:pt>
                <c:pt idx="2899">
                  <c:v>11.118021470434147</c:v>
                </c:pt>
                <c:pt idx="2900">
                  <c:v>11.118021470434147</c:v>
                </c:pt>
                <c:pt idx="2901">
                  <c:v>11.118021470434147</c:v>
                </c:pt>
                <c:pt idx="2902">
                  <c:v>11.118021470434147</c:v>
                </c:pt>
                <c:pt idx="2903">
                  <c:v>11.118021470434147</c:v>
                </c:pt>
                <c:pt idx="2904">
                  <c:v>11.118021470434147</c:v>
                </c:pt>
                <c:pt idx="2905">
                  <c:v>11.118021470434147</c:v>
                </c:pt>
                <c:pt idx="2906">
                  <c:v>11.118021470434147</c:v>
                </c:pt>
                <c:pt idx="2907">
                  <c:v>11.118021470434147</c:v>
                </c:pt>
                <c:pt idx="2908">
                  <c:v>11.122872514143253</c:v>
                </c:pt>
                <c:pt idx="2909">
                  <c:v>11.122872514143253</c:v>
                </c:pt>
                <c:pt idx="2910">
                  <c:v>11.122872514143253</c:v>
                </c:pt>
                <c:pt idx="2911">
                  <c:v>11.122872514143253</c:v>
                </c:pt>
                <c:pt idx="2912">
                  <c:v>11.122872514143253</c:v>
                </c:pt>
                <c:pt idx="2913">
                  <c:v>11.122872514143253</c:v>
                </c:pt>
                <c:pt idx="2914">
                  <c:v>11.122872514143253</c:v>
                </c:pt>
                <c:pt idx="2915">
                  <c:v>11.127723557852486</c:v>
                </c:pt>
                <c:pt idx="2916">
                  <c:v>11.127723557852486</c:v>
                </c:pt>
                <c:pt idx="2917">
                  <c:v>11.127723557852486</c:v>
                </c:pt>
                <c:pt idx="2918">
                  <c:v>11.132431923805546</c:v>
                </c:pt>
                <c:pt idx="2919">
                  <c:v>11.132431923805546</c:v>
                </c:pt>
                <c:pt idx="2920">
                  <c:v>11.132431923805546</c:v>
                </c:pt>
                <c:pt idx="2921">
                  <c:v>11.137282967514652</c:v>
                </c:pt>
                <c:pt idx="2922">
                  <c:v>11.137282967514652</c:v>
                </c:pt>
                <c:pt idx="2923">
                  <c:v>11.137282967514652</c:v>
                </c:pt>
                <c:pt idx="2924">
                  <c:v>11.142134011223884</c:v>
                </c:pt>
                <c:pt idx="2925">
                  <c:v>11.142134011223884</c:v>
                </c:pt>
                <c:pt idx="2926">
                  <c:v>11.142134011223884</c:v>
                </c:pt>
                <c:pt idx="2927">
                  <c:v>11.142134011223884</c:v>
                </c:pt>
                <c:pt idx="2928">
                  <c:v>11.146842377176943</c:v>
                </c:pt>
                <c:pt idx="2929">
                  <c:v>11.146842377176943</c:v>
                </c:pt>
                <c:pt idx="2930">
                  <c:v>11.146842377176943</c:v>
                </c:pt>
                <c:pt idx="2931">
                  <c:v>11.146842377176943</c:v>
                </c:pt>
                <c:pt idx="2932">
                  <c:v>11.151693420886049</c:v>
                </c:pt>
                <c:pt idx="2933">
                  <c:v>11.151693420886049</c:v>
                </c:pt>
                <c:pt idx="2934">
                  <c:v>11.156544464595282</c:v>
                </c:pt>
                <c:pt idx="2935">
                  <c:v>11.156544464595282</c:v>
                </c:pt>
                <c:pt idx="2936">
                  <c:v>11.161252830548342</c:v>
                </c:pt>
                <c:pt idx="2937">
                  <c:v>11.161252830548342</c:v>
                </c:pt>
                <c:pt idx="2938">
                  <c:v>11.166103874257574</c:v>
                </c:pt>
                <c:pt idx="2939">
                  <c:v>11.166103874257574</c:v>
                </c:pt>
                <c:pt idx="2940">
                  <c:v>11.166103874257574</c:v>
                </c:pt>
                <c:pt idx="2941">
                  <c:v>11.166103874257574</c:v>
                </c:pt>
                <c:pt idx="2942">
                  <c:v>11.170954917966679</c:v>
                </c:pt>
                <c:pt idx="2943">
                  <c:v>11.170954917966679</c:v>
                </c:pt>
                <c:pt idx="2944">
                  <c:v>11.175663283919739</c:v>
                </c:pt>
                <c:pt idx="2945">
                  <c:v>11.175663283919739</c:v>
                </c:pt>
                <c:pt idx="2946">
                  <c:v>11.175663283919739</c:v>
                </c:pt>
                <c:pt idx="2947">
                  <c:v>11.180514327628972</c:v>
                </c:pt>
                <c:pt idx="2948">
                  <c:v>11.180514327628972</c:v>
                </c:pt>
                <c:pt idx="2949">
                  <c:v>11.185365371338078</c:v>
                </c:pt>
                <c:pt idx="2950">
                  <c:v>11.190073737291138</c:v>
                </c:pt>
                <c:pt idx="2951">
                  <c:v>11.190073737291138</c:v>
                </c:pt>
                <c:pt idx="2952">
                  <c:v>11.194924781000369</c:v>
                </c:pt>
                <c:pt idx="2953">
                  <c:v>11.194924781000369</c:v>
                </c:pt>
                <c:pt idx="2954">
                  <c:v>11.199775824709475</c:v>
                </c:pt>
                <c:pt idx="2955">
                  <c:v>11.199775824709475</c:v>
                </c:pt>
                <c:pt idx="2956">
                  <c:v>11.204484190662535</c:v>
                </c:pt>
                <c:pt idx="2957">
                  <c:v>11.204484190662535</c:v>
                </c:pt>
                <c:pt idx="2958">
                  <c:v>11.204484190662535</c:v>
                </c:pt>
                <c:pt idx="2959">
                  <c:v>11.204484190662535</c:v>
                </c:pt>
                <c:pt idx="2960">
                  <c:v>11.204484190662535</c:v>
                </c:pt>
                <c:pt idx="2961">
                  <c:v>11.204484190662535</c:v>
                </c:pt>
                <c:pt idx="2962">
                  <c:v>11.204484190662535</c:v>
                </c:pt>
                <c:pt idx="2963">
                  <c:v>11.209335234371768</c:v>
                </c:pt>
                <c:pt idx="2964">
                  <c:v>11.209335234371768</c:v>
                </c:pt>
                <c:pt idx="2965">
                  <c:v>11.209335234371768</c:v>
                </c:pt>
                <c:pt idx="2966">
                  <c:v>11.209335234371768</c:v>
                </c:pt>
                <c:pt idx="2967">
                  <c:v>11.209335234371768</c:v>
                </c:pt>
                <c:pt idx="2968">
                  <c:v>11.214186278080874</c:v>
                </c:pt>
                <c:pt idx="2969">
                  <c:v>11.214186278080874</c:v>
                </c:pt>
                <c:pt idx="2970">
                  <c:v>11.214186278080874</c:v>
                </c:pt>
                <c:pt idx="2971">
                  <c:v>11.214186278080874</c:v>
                </c:pt>
                <c:pt idx="2972">
                  <c:v>11.214186278080874</c:v>
                </c:pt>
                <c:pt idx="2973">
                  <c:v>11.214186278080874</c:v>
                </c:pt>
                <c:pt idx="2974">
                  <c:v>11.209335234371768</c:v>
                </c:pt>
                <c:pt idx="2975">
                  <c:v>11.209335234371768</c:v>
                </c:pt>
                <c:pt idx="2976">
                  <c:v>11.209335234371768</c:v>
                </c:pt>
                <c:pt idx="2977">
                  <c:v>11.209335234371768</c:v>
                </c:pt>
                <c:pt idx="2978">
                  <c:v>11.214186278080874</c:v>
                </c:pt>
                <c:pt idx="2979">
                  <c:v>11.214186278080874</c:v>
                </c:pt>
                <c:pt idx="2980">
                  <c:v>11.214186278080874</c:v>
                </c:pt>
                <c:pt idx="2981">
                  <c:v>11.214186278080874</c:v>
                </c:pt>
                <c:pt idx="2982">
                  <c:v>11.214186278080874</c:v>
                </c:pt>
                <c:pt idx="2983">
                  <c:v>11.214186278080874</c:v>
                </c:pt>
                <c:pt idx="2984">
                  <c:v>11.214186278080874</c:v>
                </c:pt>
                <c:pt idx="2985">
                  <c:v>11.218894644033933</c:v>
                </c:pt>
                <c:pt idx="2986">
                  <c:v>11.218894644033933</c:v>
                </c:pt>
                <c:pt idx="2987">
                  <c:v>11.218894644033933</c:v>
                </c:pt>
                <c:pt idx="2988">
                  <c:v>11.218894644033933</c:v>
                </c:pt>
                <c:pt idx="2989">
                  <c:v>11.218894644033933</c:v>
                </c:pt>
                <c:pt idx="2990">
                  <c:v>11.218894644033933</c:v>
                </c:pt>
                <c:pt idx="2991">
                  <c:v>11.223745687743165</c:v>
                </c:pt>
                <c:pt idx="2992">
                  <c:v>11.223745687743165</c:v>
                </c:pt>
                <c:pt idx="2993">
                  <c:v>11.228596731452397</c:v>
                </c:pt>
                <c:pt idx="2994">
                  <c:v>11.228596731452397</c:v>
                </c:pt>
                <c:pt idx="2995">
                  <c:v>11.228596731452397</c:v>
                </c:pt>
                <c:pt idx="2996">
                  <c:v>11.233305097405331</c:v>
                </c:pt>
                <c:pt idx="2997">
                  <c:v>11.233305097405331</c:v>
                </c:pt>
                <c:pt idx="2998">
                  <c:v>11.233305097405331</c:v>
                </c:pt>
                <c:pt idx="2999">
                  <c:v>11.233305097405331</c:v>
                </c:pt>
                <c:pt idx="3000">
                  <c:v>11.233305097405331</c:v>
                </c:pt>
                <c:pt idx="3001">
                  <c:v>11.233305097405331</c:v>
                </c:pt>
                <c:pt idx="3002">
                  <c:v>11.238156141114564</c:v>
                </c:pt>
                <c:pt idx="3003">
                  <c:v>11.238156141114564</c:v>
                </c:pt>
                <c:pt idx="3004">
                  <c:v>11.238156141114564</c:v>
                </c:pt>
                <c:pt idx="3005">
                  <c:v>11.238156141114564</c:v>
                </c:pt>
                <c:pt idx="3006">
                  <c:v>11.238156141114564</c:v>
                </c:pt>
                <c:pt idx="3007">
                  <c:v>11.238156141114564</c:v>
                </c:pt>
                <c:pt idx="3008">
                  <c:v>11.238156141114564</c:v>
                </c:pt>
                <c:pt idx="3009">
                  <c:v>11.238156141114564</c:v>
                </c:pt>
                <c:pt idx="3010">
                  <c:v>11.243007184823796</c:v>
                </c:pt>
                <c:pt idx="3011">
                  <c:v>11.243007184823796</c:v>
                </c:pt>
                <c:pt idx="3012">
                  <c:v>11.243007184823796</c:v>
                </c:pt>
                <c:pt idx="3013">
                  <c:v>11.243007184823796</c:v>
                </c:pt>
                <c:pt idx="3014">
                  <c:v>11.243007184823796</c:v>
                </c:pt>
                <c:pt idx="3015">
                  <c:v>11.2478582285329</c:v>
                </c:pt>
                <c:pt idx="3016">
                  <c:v>11.2478582285329</c:v>
                </c:pt>
                <c:pt idx="3017">
                  <c:v>11.2478582285329</c:v>
                </c:pt>
                <c:pt idx="3018">
                  <c:v>11.2478582285329</c:v>
                </c:pt>
                <c:pt idx="3019">
                  <c:v>11.2478582285329</c:v>
                </c:pt>
                <c:pt idx="3020">
                  <c:v>11.2478582285329</c:v>
                </c:pt>
                <c:pt idx="3021">
                  <c:v>11.2478582285329</c:v>
                </c:pt>
                <c:pt idx="3022">
                  <c:v>11.2478582285329</c:v>
                </c:pt>
                <c:pt idx="3023">
                  <c:v>11.2478582285329</c:v>
                </c:pt>
                <c:pt idx="3024">
                  <c:v>11.252566594485961</c:v>
                </c:pt>
                <c:pt idx="3025">
                  <c:v>11.252566594485961</c:v>
                </c:pt>
                <c:pt idx="3026">
                  <c:v>11.252566594485961</c:v>
                </c:pt>
                <c:pt idx="3027">
                  <c:v>11.257417638195193</c:v>
                </c:pt>
                <c:pt idx="3028">
                  <c:v>11.257417638195193</c:v>
                </c:pt>
                <c:pt idx="3029">
                  <c:v>11.257417638195193</c:v>
                </c:pt>
                <c:pt idx="3030">
                  <c:v>11.257417638195193</c:v>
                </c:pt>
                <c:pt idx="3031">
                  <c:v>11.262268681904299</c:v>
                </c:pt>
                <c:pt idx="3032">
                  <c:v>11.262268681904299</c:v>
                </c:pt>
                <c:pt idx="3033">
                  <c:v>11.262268681904299</c:v>
                </c:pt>
                <c:pt idx="3034">
                  <c:v>11.26697704785736</c:v>
                </c:pt>
                <c:pt idx="3035">
                  <c:v>11.26697704785736</c:v>
                </c:pt>
                <c:pt idx="3036">
                  <c:v>11.26697704785736</c:v>
                </c:pt>
                <c:pt idx="3037">
                  <c:v>11.26697704785736</c:v>
                </c:pt>
                <c:pt idx="3038">
                  <c:v>11.27182809156659</c:v>
                </c:pt>
                <c:pt idx="3039">
                  <c:v>11.27182809156659</c:v>
                </c:pt>
                <c:pt idx="3040">
                  <c:v>11.27182809156659</c:v>
                </c:pt>
                <c:pt idx="3041">
                  <c:v>11.27182809156659</c:v>
                </c:pt>
                <c:pt idx="3042">
                  <c:v>11.27182809156659</c:v>
                </c:pt>
                <c:pt idx="3043">
                  <c:v>11.276679135275822</c:v>
                </c:pt>
                <c:pt idx="3044">
                  <c:v>11.276679135275822</c:v>
                </c:pt>
                <c:pt idx="3045">
                  <c:v>11.276679135275822</c:v>
                </c:pt>
                <c:pt idx="3046">
                  <c:v>11.276679135275822</c:v>
                </c:pt>
                <c:pt idx="3047">
                  <c:v>11.281387501228757</c:v>
                </c:pt>
                <c:pt idx="3048">
                  <c:v>11.281387501228757</c:v>
                </c:pt>
                <c:pt idx="3049">
                  <c:v>11.281387501228757</c:v>
                </c:pt>
                <c:pt idx="3050">
                  <c:v>11.286238544937989</c:v>
                </c:pt>
                <c:pt idx="3051">
                  <c:v>11.286238544937989</c:v>
                </c:pt>
                <c:pt idx="3052">
                  <c:v>11.286238544937989</c:v>
                </c:pt>
                <c:pt idx="3053">
                  <c:v>11.291089588647221</c:v>
                </c:pt>
                <c:pt idx="3054">
                  <c:v>11.291089588647221</c:v>
                </c:pt>
                <c:pt idx="3055">
                  <c:v>11.291089588647221</c:v>
                </c:pt>
                <c:pt idx="3056">
                  <c:v>11.291089588647221</c:v>
                </c:pt>
                <c:pt idx="3057">
                  <c:v>11.291089588647221</c:v>
                </c:pt>
                <c:pt idx="3058">
                  <c:v>11.295797954600154</c:v>
                </c:pt>
                <c:pt idx="3059">
                  <c:v>11.295797954600154</c:v>
                </c:pt>
                <c:pt idx="3060">
                  <c:v>11.300648998309386</c:v>
                </c:pt>
                <c:pt idx="3061">
                  <c:v>11.300648998309386</c:v>
                </c:pt>
                <c:pt idx="3062">
                  <c:v>11.305500042018618</c:v>
                </c:pt>
                <c:pt idx="3063">
                  <c:v>11.305500042018618</c:v>
                </c:pt>
                <c:pt idx="3064">
                  <c:v>11.305500042018618</c:v>
                </c:pt>
                <c:pt idx="3065">
                  <c:v>11.310208407971679</c:v>
                </c:pt>
                <c:pt idx="3066">
                  <c:v>11.310208407971679</c:v>
                </c:pt>
                <c:pt idx="3067">
                  <c:v>11.315059451680785</c:v>
                </c:pt>
                <c:pt idx="3068">
                  <c:v>11.315059451680785</c:v>
                </c:pt>
                <c:pt idx="3069">
                  <c:v>11.315059451680785</c:v>
                </c:pt>
                <c:pt idx="3070">
                  <c:v>11.315059451680785</c:v>
                </c:pt>
                <c:pt idx="3071">
                  <c:v>11.319910495390017</c:v>
                </c:pt>
                <c:pt idx="3072">
                  <c:v>11.319910495390017</c:v>
                </c:pt>
                <c:pt idx="3073">
                  <c:v>11.319910495390017</c:v>
                </c:pt>
                <c:pt idx="3074">
                  <c:v>11.319910495390017</c:v>
                </c:pt>
                <c:pt idx="3075">
                  <c:v>11.319910495390017</c:v>
                </c:pt>
                <c:pt idx="3076">
                  <c:v>11.319910495390017</c:v>
                </c:pt>
                <c:pt idx="3077">
                  <c:v>11.319910495390017</c:v>
                </c:pt>
                <c:pt idx="3078">
                  <c:v>11.319910495390017</c:v>
                </c:pt>
                <c:pt idx="3079">
                  <c:v>11.324618861343076</c:v>
                </c:pt>
                <c:pt idx="3080">
                  <c:v>11.324618861343076</c:v>
                </c:pt>
                <c:pt idx="3081">
                  <c:v>11.324618861343076</c:v>
                </c:pt>
                <c:pt idx="3082">
                  <c:v>11.324618861343076</c:v>
                </c:pt>
                <c:pt idx="3083">
                  <c:v>11.324618861343076</c:v>
                </c:pt>
                <c:pt idx="3084">
                  <c:v>11.329469905052182</c:v>
                </c:pt>
                <c:pt idx="3085">
                  <c:v>11.329469905052182</c:v>
                </c:pt>
                <c:pt idx="3086">
                  <c:v>11.324618861343076</c:v>
                </c:pt>
                <c:pt idx="3087">
                  <c:v>11.324618861343076</c:v>
                </c:pt>
                <c:pt idx="3088">
                  <c:v>11.324618861343076</c:v>
                </c:pt>
                <c:pt idx="3089">
                  <c:v>11.324618861343076</c:v>
                </c:pt>
                <c:pt idx="3090">
                  <c:v>11.329469905052182</c:v>
                </c:pt>
                <c:pt idx="3091">
                  <c:v>11.329469905052182</c:v>
                </c:pt>
                <c:pt idx="3092">
                  <c:v>11.329469905052182</c:v>
                </c:pt>
                <c:pt idx="3093">
                  <c:v>11.334320948761414</c:v>
                </c:pt>
                <c:pt idx="3094">
                  <c:v>11.334320948761414</c:v>
                </c:pt>
                <c:pt idx="3095">
                  <c:v>11.339029314714475</c:v>
                </c:pt>
                <c:pt idx="3096">
                  <c:v>11.339029314714475</c:v>
                </c:pt>
                <c:pt idx="3097">
                  <c:v>11.339029314714475</c:v>
                </c:pt>
                <c:pt idx="3098">
                  <c:v>11.343880358423581</c:v>
                </c:pt>
                <c:pt idx="3099">
                  <c:v>11.343880358423581</c:v>
                </c:pt>
                <c:pt idx="3100">
                  <c:v>11.343880358423581</c:v>
                </c:pt>
                <c:pt idx="3101">
                  <c:v>11.343880358423581</c:v>
                </c:pt>
                <c:pt idx="3102">
                  <c:v>11.343880358423581</c:v>
                </c:pt>
                <c:pt idx="3103">
                  <c:v>11.343880358423581</c:v>
                </c:pt>
                <c:pt idx="3104">
                  <c:v>11.343880358423581</c:v>
                </c:pt>
                <c:pt idx="3105">
                  <c:v>11.343880358423581</c:v>
                </c:pt>
                <c:pt idx="3106">
                  <c:v>11.343880358423581</c:v>
                </c:pt>
                <c:pt idx="3107">
                  <c:v>11.343880358423581</c:v>
                </c:pt>
                <c:pt idx="3108">
                  <c:v>11.343880358423581</c:v>
                </c:pt>
                <c:pt idx="3109">
                  <c:v>11.343880358423581</c:v>
                </c:pt>
                <c:pt idx="3110">
                  <c:v>11.343880358423581</c:v>
                </c:pt>
                <c:pt idx="3111">
                  <c:v>11.343880358423581</c:v>
                </c:pt>
                <c:pt idx="3112">
                  <c:v>11.348731402132811</c:v>
                </c:pt>
                <c:pt idx="3113">
                  <c:v>11.348731402132811</c:v>
                </c:pt>
                <c:pt idx="3114">
                  <c:v>11.348731402132811</c:v>
                </c:pt>
                <c:pt idx="3115">
                  <c:v>11.348731402132811</c:v>
                </c:pt>
                <c:pt idx="3116">
                  <c:v>11.348731402132811</c:v>
                </c:pt>
                <c:pt idx="3117">
                  <c:v>11.348731402132811</c:v>
                </c:pt>
                <c:pt idx="3118">
                  <c:v>11.348731402132811</c:v>
                </c:pt>
                <c:pt idx="3119">
                  <c:v>11.348731402132811</c:v>
                </c:pt>
                <c:pt idx="3120">
                  <c:v>11.348731402132811</c:v>
                </c:pt>
                <c:pt idx="3121">
                  <c:v>11.348731402132811</c:v>
                </c:pt>
                <c:pt idx="3122">
                  <c:v>11.348731402132811</c:v>
                </c:pt>
                <c:pt idx="3123">
                  <c:v>11.348731402132811</c:v>
                </c:pt>
                <c:pt idx="3124">
                  <c:v>11.353439768085872</c:v>
                </c:pt>
                <c:pt idx="3125">
                  <c:v>11.353439768085872</c:v>
                </c:pt>
                <c:pt idx="3126">
                  <c:v>11.353439768085872</c:v>
                </c:pt>
                <c:pt idx="3127">
                  <c:v>11.358290811795106</c:v>
                </c:pt>
                <c:pt idx="3128">
                  <c:v>11.358290811795106</c:v>
                </c:pt>
                <c:pt idx="3129">
                  <c:v>11.358290811795106</c:v>
                </c:pt>
                <c:pt idx="3130">
                  <c:v>11.36314185550421</c:v>
                </c:pt>
                <c:pt idx="3131">
                  <c:v>11.367850221457271</c:v>
                </c:pt>
                <c:pt idx="3132">
                  <c:v>11.367850221457271</c:v>
                </c:pt>
                <c:pt idx="3133">
                  <c:v>11.372701265166503</c:v>
                </c:pt>
                <c:pt idx="3134">
                  <c:v>11.377552308875607</c:v>
                </c:pt>
                <c:pt idx="3135">
                  <c:v>11.377552308875607</c:v>
                </c:pt>
                <c:pt idx="3136">
                  <c:v>11.377552308875607</c:v>
                </c:pt>
                <c:pt idx="3137">
                  <c:v>11.377552308875607</c:v>
                </c:pt>
                <c:pt idx="3138">
                  <c:v>11.382260674828668</c:v>
                </c:pt>
                <c:pt idx="3139">
                  <c:v>11.382260674828668</c:v>
                </c:pt>
                <c:pt idx="3140">
                  <c:v>11.382260674828668</c:v>
                </c:pt>
                <c:pt idx="3141">
                  <c:v>11.387111718537902</c:v>
                </c:pt>
                <c:pt idx="3142">
                  <c:v>11.387111718537902</c:v>
                </c:pt>
                <c:pt idx="3143">
                  <c:v>11.387111718537902</c:v>
                </c:pt>
                <c:pt idx="3144">
                  <c:v>11.391962762247006</c:v>
                </c:pt>
                <c:pt idx="3145">
                  <c:v>11.396671128200065</c:v>
                </c:pt>
                <c:pt idx="3146">
                  <c:v>11.396671128200065</c:v>
                </c:pt>
                <c:pt idx="3147">
                  <c:v>11.401522171909299</c:v>
                </c:pt>
                <c:pt idx="3148">
                  <c:v>11.401522171909299</c:v>
                </c:pt>
                <c:pt idx="3149">
                  <c:v>11.401522171909299</c:v>
                </c:pt>
                <c:pt idx="3150">
                  <c:v>11.401522171909299</c:v>
                </c:pt>
                <c:pt idx="3151">
                  <c:v>11.406373215618531</c:v>
                </c:pt>
                <c:pt idx="3152">
                  <c:v>11.406373215618531</c:v>
                </c:pt>
                <c:pt idx="3153">
                  <c:v>11.406373215618531</c:v>
                </c:pt>
                <c:pt idx="3154">
                  <c:v>11.406373215618531</c:v>
                </c:pt>
                <c:pt idx="3155">
                  <c:v>11.406373215618531</c:v>
                </c:pt>
                <c:pt idx="3156">
                  <c:v>11.406373215618531</c:v>
                </c:pt>
                <c:pt idx="3157">
                  <c:v>11.406373215618531</c:v>
                </c:pt>
                <c:pt idx="3158">
                  <c:v>11.411081581571464</c:v>
                </c:pt>
                <c:pt idx="3159">
                  <c:v>11.411081581571464</c:v>
                </c:pt>
                <c:pt idx="3160">
                  <c:v>11.411081581571464</c:v>
                </c:pt>
                <c:pt idx="3161">
                  <c:v>11.411081581571464</c:v>
                </c:pt>
                <c:pt idx="3162">
                  <c:v>11.411081581571464</c:v>
                </c:pt>
                <c:pt idx="3163">
                  <c:v>11.415932625280696</c:v>
                </c:pt>
                <c:pt idx="3164">
                  <c:v>11.415932625280696</c:v>
                </c:pt>
                <c:pt idx="3165">
                  <c:v>11.415932625280696</c:v>
                </c:pt>
                <c:pt idx="3166">
                  <c:v>11.42078366898993</c:v>
                </c:pt>
                <c:pt idx="3167">
                  <c:v>11.42078366898993</c:v>
                </c:pt>
                <c:pt idx="3168">
                  <c:v>11.42078366898993</c:v>
                </c:pt>
                <c:pt idx="3169">
                  <c:v>11.42078366898993</c:v>
                </c:pt>
                <c:pt idx="3170">
                  <c:v>11.42078366898993</c:v>
                </c:pt>
                <c:pt idx="3171">
                  <c:v>11.415932625280696</c:v>
                </c:pt>
                <c:pt idx="3172">
                  <c:v>11.415932625280696</c:v>
                </c:pt>
                <c:pt idx="3173">
                  <c:v>11.42078366898993</c:v>
                </c:pt>
                <c:pt idx="3174">
                  <c:v>11.42078366898993</c:v>
                </c:pt>
                <c:pt idx="3175">
                  <c:v>11.42078366898993</c:v>
                </c:pt>
                <c:pt idx="3176">
                  <c:v>11.42078366898993</c:v>
                </c:pt>
                <c:pt idx="3177">
                  <c:v>11.425492034942861</c:v>
                </c:pt>
                <c:pt idx="3178">
                  <c:v>11.425492034942861</c:v>
                </c:pt>
                <c:pt idx="3179">
                  <c:v>11.430343078652093</c:v>
                </c:pt>
                <c:pt idx="3180">
                  <c:v>11.430343078652093</c:v>
                </c:pt>
                <c:pt idx="3181">
                  <c:v>11.430343078652093</c:v>
                </c:pt>
                <c:pt idx="3182">
                  <c:v>11.430343078652093</c:v>
                </c:pt>
                <c:pt idx="3183">
                  <c:v>11.430343078652093</c:v>
                </c:pt>
                <c:pt idx="3184">
                  <c:v>11.430343078652093</c:v>
                </c:pt>
                <c:pt idx="3185">
                  <c:v>11.430343078652093</c:v>
                </c:pt>
                <c:pt idx="3186">
                  <c:v>11.430343078652093</c:v>
                </c:pt>
                <c:pt idx="3187">
                  <c:v>11.430343078652093</c:v>
                </c:pt>
                <c:pt idx="3188">
                  <c:v>11.430343078652093</c:v>
                </c:pt>
                <c:pt idx="3189">
                  <c:v>11.430343078652093</c:v>
                </c:pt>
                <c:pt idx="3190">
                  <c:v>11.430343078652093</c:v>
                </c:pt>
                <c:pt idx="3191">
                  <c:v>11.425492034942861</c:v>
                </c:pt>
                <c:pt idx="3192">
                  <c:v>11.425492034942861</c:v>
                </c:pt>
                <c:pt idx="3193">
                  <c:v>11.425492034942861</c:v>
                </c:pt>
                <c:pt idx="3194">
                  <c:v>11.425492034942861</c:v>
                </c:pt>
                <c:pt idx="3195">
                  <c:v>11.430343078652093</c:v>
                </c:pt>
                <c:pt idx="3196">
                  <c:v>11.430343078652093</c:v>
                </c:pt>
                <c:pt idx="3197">
                  <c:v>11.430343078652093</c:v>
                </c:pt>
                <c:pt idx="3198">
                  <c:v>11.430343078652093</c:v>
                </c:pt>
                <c:pt idx="3199">
                  <c:v>11.435194122361327</c:v>
                </c:pt>
                <c:pt idx="3200">
                  <c:v>11.435194122361327</c:v>
                </c:pt>
                <c:pt idx="3201">
                  <c:v>11.435194122361327</c:v>
                </c:pt>
                <c:pt idx="3202">
                  <c:v>11.435194122361327</c:v>
                </c:pt>
                <c:pt idx="3203">
                  <c:v>11.440045166070433</c:v>
                </c:pt>
                <c:pt idx="3204">
                  <c:v>11.440045166070433</c:v>
                </c:pt>
                <c:pt idx="3205">
                  <c:v>11.440045166070433</c:v>
                </c:pt>
                <c:pt idx="3206">
                  <c:v>11.440045166070433</c:v>
                </c:pt>
                <c:pt idx="3207">
                  <c:v>11.440045166070433</c:v>
                </c:pt>
                <c:pt idx="3208">
                  <c:v>11.444753532023492</c:v>
                </c:pt>
                <c:pt idx="3209">
                  <c:v>11.444753532023492</c:v>
                </c:pt>
                <c:pt idx="3210">
                  <c:v>11.444753532023492</c:v>
                </c:pt>
                <c:pt idx="3211">
                  <c:v>11.449604575732724</c:v>
                </c:pt>
                <c:pt idx="3212">
                  <c:v>11.449604575732724</c:v>
                </c:pt>
                <c:pt idx="3213">
                  <c:v>11.449604575732724</c:v>
                </c:pt>
                <c:pt idx="3214">
                  <c:v>11.454455619441831</c:v>
                </c:pt>
                <c:pt idx="3215">
                  <c:v>11.454455619441831</c:v>
                </c:pt>
                <c:pt idx="3216">
                  <c:v>11.454455619441831</c:v>
                </c:pt>
                <c:pt idx="3217">
                  <c:v>11.454455619441831</c:v>
                </c:pt>
                <c:pt idx="3218">
                  <c:v>11.454455619441831</c:v>
                </c:pt>
                <c:pt idx="3219">
                  <c:v>11.454455619441831</c:v>
                </c:pt>
                <c:pt idx="3220">
                  <c:v>11.454455619441831</c:v>
                </c:pt>
                <c:pt idx="3221">
                  <c:v>11.454455619441831</c:v>
                </c:pt>
                <c:pt idx="3222">
                  <c:v>11.454455619441831</c:v>
                </c:pt>
                <c:pt idx="3223">
                  <c:v>11.454455619441831</c:v>
                </c:pt>
                <c:pt idx="3224">
                  <c:v>11.459163985394889</c:v>
                </c:pt>
                <c:pt idx="3225">
                  <c:v>11.459163985394889</c:v>
                </c:pt>
                <c:pt idx="3226">
                  <c:v>11.459163985394889</c:v>
                </c:pt>
                <c:pt idx="3227">
                  <c:v>11.459163985394889</c:v>
                </c:pt>
                <c:pt idx="3228">
                  <c:v>11.459163985394889</c:v>
                </c:pt>
                <c:pt idx="3229">
                  <c:v>11.459163985394889</c:v>
                </c:pt>
                <c:pt idx="3230">
                  <c:v>11.459163985394889</c:v>
                </c:pt>
                <c:pt idx="3231">
                  <c:v>11.459163985394889</c:v>
                </c:pt>
                <c:pt idx="3232">
                  <c:v>11.459163985394889</c:v>
                </c:pt>
                <c:pt idx="3233">
                  <c:v>11.464015029104123</c:v>
                </c:pt>
                <c:pt idx="3234">
                  <c:v>11.464015029104123</c:v>
                </c:pt>
                <c:pt idx="3235">
                  <c:v>11.464015029104123</c:v>
                </c:pt>
                <c:pt idx="3236">
                  <c:v>11.464015029104123</c:v>
                </c:pt>
                <c:pt idx="3237">
                  <c:v>11.464015029104123</c:v>
                </c:pt>
                <c:pt idx="3238">
                  <c:v>11.464015029104123</c:v>
                </c:pt>
                <c:pt idx="3239">
                  <c:v>11.464015029104123</c:v>
                </c:pt>
                <c:pt idx="3240">
                  <c:v>11.464015029104123</c:v>
                </c:pt>
                <c:pt idx="3241">
                  <c:v>11.468866072813356</c:v>
                </c:pt>
                <c:pt idx="3242">
                  <c:v>11.468866072813356</c:v>
                </c:pt>
                <c:pt idx="3243">
                  <c:v>11.468866072813356</c:v>
                </c:pt>
                <c:pt idx="3244">
                  <c:v>11.468866072813356</c:v>
                </c:pt>
                <c:pt idx="3245">
                  <c:v>11.473574438766288</c:v>
                </c:pt>
                <c:pt idx="3246">
                  <c:v>11.473574438766288</c:v>
                </c:pt>
                <c:pt idx="3247">
                  <c:v>11.473574438766288</c:v>
                </c:pt>
                <c:pt idx="3248">
                  <c:v>11.473574438766288</c:v>
                </c:pt>
                <c:pt idx="3249">
                  <c:v>11.473574438766288</c:v>
                </c:pt>
                <c:pt idx="3250">
                  <c:v>11.473574438766288</c:v>
                </c:pt>
                <c:pt idx="3251">
                  <c:v>11.473574438766288</c:v>
                </c:pt>
                <c:pt idx="3252">
                  <c:v>11.473574438766288</c:v>
                </c:pt>
                <c:pt idx="3253">
                  <c:v>11.473574438766288</c:v>
                </c:pt>
                <c:pt idx="3254">
                  <c:v>11.473574438766288</c:v>
                </c:pt>
                <c:pt idx="3255">
                  <c:v>11.473574438766288</c:v>
                </c:pt>
                <c:pt idx="3256">
                  <c:v>11.478425482475521</c:v>
                </c:pt>
                <c:pt idx="3257">
                  <c:v>11.478425482475521</c:v>
                </c:pt>
                <c:pt idx="3258">
                  <c:v>11.478425482475521</c:v>
                </c:pt>
                <c:pt idx="3259">
                  <c:v>11.478425482475521</c:v>
                </c:pt>
                <c:pt idx="3260">
                  <c:v>11.478425482475521</c:v>
                </c:pt>
                <c:pt idx="3261">
                  <c:v>11.483276526184753</c:v>
                </c:pt>
                <c:pt idx="3262">
                  <c:v>11.483276526184753</c:v>
                </c:pt>
                <c:pt idx="3263">
                  <c:v>11.483276526184753</c:v>
                </c:pt>
                <c:pt idx="3264">
                  <c:v>11.487984892137685</c:v>
                </c:pt>
                <c:pt idx="3265">
                  <c:v>11.487984892137685</c:v>
                </c:pt>
                <c:pt idx="3266">
                  <c:v>11.487984892137685</c:v>
                </c:pt>
                <c:pt idx="3267">
                  <c:v>11.487984892137685</c:v>
                </c:pt>
                <c:pt idx="3268">
                  <c:v>11.492835935846919</c:v>
                </c:pt>
                <c:pt idx="3269">
                  <c:v>11.492835935846919</c:v>
                </c:pt>
                <c:pt idx="3270">
                  <c:v>11.492835935846919</c:v>
                </c:pt>
                <c:pt idx="3271">
                  <c:v>11.497686979556152</c:v>
                </c:pt>
                <c:pt idx="3272">
                  <c:v>11.497686979556152</c:v>
                </c:pt>
                <c:pt idx="3273">
                  <c:v>11.497686979556152</c:v>
                </c:pt>
                <c:pt idx="3274">
                  <c:v>11.502395345509211</c:v>
                </c:pt>
                <c:pt idx="3275">
                  <c:v>11.502395345509211</c:v>
                </c:pt>
                <c:pt idx="3276">
                  <c:v>11.507246389218317</c:v>
                </c:pt>
                <c:pt idx="3277">
                  <c:v>11.512097432927549</c:v>
                </c:pt>
                <c:pt idx="3278">
                  <c:v>11.512097432927549</c:v>
                </c:pt>
                <c:pt idx="3279">
                  <c:v>11.512097432927549</c:v>
                </c:pt>
                <c:pt idx="3280">
                  <c:v>11.516805798880609</c:v>
                </c:pt>
                <c:pt idx="3281">
                  <c:v>11.516805798880609</c:v>
                </c:pt>
                <c:pt idx="3282">
                  <c:v>11.521656842589714</c:v>
                </c:pt>
                <c:pt idx="3283">
                  <c:v>11.521656842589714</c:v>
                </c:pt>
                <c:pt idx="3284">
                  <c:v>11.521656842589714</c:v>
                </c:pt>
                <c:pt idx="3285">
                  <c:v>11.521656842589714</c:v>
                </c:pt>
                <c:pt idx="3286">
                  <c:v>11.526507886298946</c:v>
                </c:pt>
                <c:pt idx="3287">
                  <c:v>11.526507886298946</c:v>
                </c:pt>
                <c:pt idx="3288">
                  <c:v>11.526507886298946</c:v>
                </c:pt>
                <c:pt idx="3289">
                  <c:v>11.531216252252007</c:v>
                </c:pt>
                <c:pt idx="3290">
                  <c:v>11.531216252252007</c:v>
                </c:pt>
                <c:pt idx="3291">
                  <c:v>11.531216252252007</c:v>
                </c:pt>
                <c:pt idx="3292">
                  <c:v>11.531216252252007</c:v>
                </c:pt>
                <c:pt idx="3293">
                  <c:v>11.531216252252007</c:v>
                </c:pt>
                <c:pt idx="3294">
                  <c:v>11.531216252252007</c:v>
                </c:pt>
                <c:pt idx="3295">
                  <c:v>11.531216252252007</c:v>
                </c:pt>
                <c:pt idx="3296">
                  <c:v>11.531216252252007</c:v>
                </c:pt>
                <c:pt idx="3297">
                  <c:v>11.531216252252007</c:v>
                </c:pt>
                <c:pt idx="3298">
                  <c:v>11.531216252252007</c:v>
                </c:pt>
                <c:pt idx="3299">
                  <c:v>11.531216252252007</c:v>
                </c:pt>
                <c:pt idx="3300">
                  <c:v>11.526507886298946</c:v>
                </c:pt>
                <c:pt idx="3301">
                  <c:v>11.526507886298946</c:v>
                </c:pt>
                <c:pt idx="3302">
                  <c:v>11.526507886298946</c:v>
                </c:pt>
                <c:pt idx="3303">
                  <c:v>11.526507886298946</c:v>
                </c:pt>
                <c:pt idx="3304">
                  <c:v>11.526507886298946</c:v>
                </c:pt>
                <c:pt idx="3305">
                  <c:v>11.531216252252007</c:v>
                </c:pt>
                <c:pt idx="3306">
                  <c:v>11.531216252252007</c:v>
                </c:pt>
                <c:pt idx="3307">
                  <c:v>11.531216252252007</c:v>
                </c:pt>
                <c:pt idx="3308">
                  <c:v>11.531216252252007</c:v>
                </c:pt>
                <c:pt idx="3309">
                  <c:v>11.536067295961113</c:v>
                </c:pt>
                <c:pt idx="3310">
                  <c:v>11.536067295961113</c:v>
                </c:pt>
                <c:pt idx="3311">
                  <c:v>11.536067295961113</c:v>
                </c:pt>
                <c:pt idx="3312">
                  <c:v>11.536067295961113</c:v>
                </c:pt>
                <c:pt idx="3313">
                  <c:v>11.536067295961113</c:v>
                </c:pt>
                <c:pt idx="3314">
                  <c:v>11.536067295961113</c:v>
                </c:pt>
                <c:pt idx="3315">
                  <c:v>11.536067295961113</c:v>
                </c:pt>
                <c:pt idx="3316">
                  <c:v>11.536067295961113</c:v>
                </c:pt>
                <c:pt idx="3317">
                  <c:v>11.536067295961113</c:v>
                </c:pt>
                <c:pt idx="3318">
                  <c:v>11.536067295961113</c:v>
                </c:pt>
                <c:pt idx="3319">
                  <c:v>11.536067295961113</c:v>
                </c:pt>
                <c:pt idx="3320">
                  <c:v>11.536067295961113</c:v>
                </c:pt>
                <c:pt idx="3321">
                  <c:v>11.540918339670345</c:v>
                </c:pt>
                <c:pt idx="3322">
                  <c:v>11.540918339670345</c:v>
                </c:pt>
                <c:pt idx="3323">
                  <c:v>11.545626705623404</c:v>
                </c:pt>
                <c:pt idx="3324">
                  <c:v>11.545626705623404</c:v>
                </c:pt>
                <c:pt idx="3325">
                  <c:v>11.545626705623404</c:v>
                </c:pt>
                <c:pt idx="3326">
                  <c:v>11.545626705623404</c:v>
                </c:pt>
                <c:pt idx="3327">
                  <c:v>11.550477749332636</c:v>
                </c:pt>
                <c:pt idx="3328">
                  <c:v>11.550477749332636</c:v>
                </c:pt>
                <c:pt idx="3329">
                  <c:v>11.550477749332636</c:v>
                </c:pt>
                <c:pt idx="3330">
                  <c:v>11.550477749332636</c:v>
                </c:pt>
                <c:pt idx="3331">
                  <c:v>11.550477749332636</c:v>
                </c:pt>
                <c:pt idx="3332">
                  <c:v>11.555328793041742</c:v>
                </c:pt>
                <c:pt idx="3333">
                  <c:v>11.555328793041742</c:v>
                </c:pt>
                <c:pt idx="3334">
                  <c:v>11.555328793041742</c:v>
                </c:pt>
                <c:pt idx="3335">
                  <c:v>11.555328793041742</c:v>
                </c:pt>
                <c:pt idx="3336">
                  <c:v>11.555328793041742</c:v>
                </c:pt>
                <c:pt idx="3337">
                  <c:v>11.555328793041742</c:v>
                </c:pt>
                <c:pt idx="3338">
                  <c:v>11.555328793041742</c:v>
                </c:pt>
                <c:pt idx="3339">
                  <c:v>11.560037158994803</c:v>
                </c:pt>
                <c:pt idx="3340">
                  <c:v>11.564888202704035</c:v>
                </c:pt>
                <c:pt idx="3341">
                  <c:v>11.564888202704035</c:v>
                </c:pt>
                <c:pt idx="3342">
                  <c:v>11.564888202704035</c:v>
                </c:pt>
                <c:pt idx="3343">
                  <c:v>11.569739246413141</c:v>
                </c:pt>
                <c:pt idx="3344">
                  <c:v>11.569739246413141</c:v>
                </c:pt>
                <c:pt idx="3345">
                  <c:v>11.569739246413141</c:v>
                </c:pt>
                <c:pt idx="3346">
                  <c:v>11.569739246413141</c:v>
                </c:pt>
                <c:pt idx="3347">
                  <c:v>11.569739246413141</c:v>
                </c:pt>
                <c:pt idx="3348">
                  <c:v>11.569739246413141</c:v>
                </c:pt>
                <c:pt idx="3349">
                  <c:v>11.569739246413141</c:v>
                </c:pt>
                <c:pt idx="3350">
                  <c:v>11.5744476123662</c:v>
                </c:pt>
                <c:pt idx="3351">
                  <c:v>11.5744476123662</c:v>
                </c:pt>
                <c:pt idx="3352">
                  <c:v>11.579298656075432</c:v>
                </c:pt>
                <c:pt idx="3353">
                  <c:v>11.579298656075432</c:v>
                </c:pt>
                <c:pt idx="3354">
                  <c:v>11.584149699784538</c:v>
                </c:pt>
                <c:pt idx="3355">
                  <c:v>11.584149699784538</c:v>
                </c:pt>
                <c:pt idx="3356">
                  <c:v>11.584149699784538</c:v>
                </c:pt>
                <c:pt idx="3357">
                  <c:v>11.579298656075432</c:v>
                </c:pt>
                <c:pt idx="3358">
                  <c:v>11.579298656075432</c:v>
                </c:pt>
                <c:pt idx="3359">
                  <c:v>11.579298656075432</c:v>
                </c:pt>
                <c:pt idx="3360">
                  <c:v>11.584149699784538</c:v>
                </c:pt>
                <c:pt idx="3361">
                  <c:v>11.584149699784538</c:v>
                </c:pt>
                <c:pt idx="3362">
                  <c:v>11.584149699784538</c:v>
                </c:pt>
                <c:pt idx="3363">
                  <c:v>11.584149699784538</c:v>
                </c:pt>
                <c:pt idx="3364">
                  <c:v>11.584149699784538</c:v>
                </c:pt>
                <c:pt idx="3365">
                  <c:v>11.584149699784538</c:v>
                </c:pt>
                <c:pt idx="3366">
                  <c:v>11.584149699784538</c:v>
                </c:pt>
                <c:pt idx="3367">
                  <c:v>11.584149699784538</c:v>
                </c:pt>
                <c:pt idx="3368">
                  <c:v>11.584149699784538</c:v>
                </c:pt>
                <c:pt idx="3369">
                  <c:v>11.584149699784538</c:v>
                </c:pt>
                <c:pt idx="3370">
                  <c:v>11.588858065737599</c:v>
                </c:pt>
                <c:pt idx="3371">
                  <c:v>11.588858065737599</c:v>
                </c:pt>
                <c:pt idx="3372">
                  <c:v>11.593709109446831</c:v>
                </c:pt>
                <c:pt idx="3373">
                  <c:v>11.593709109446831</c:v>
                </c:pt>
                <c:pt idx="3374">
                  <c:v>11.593709109446831</c:v>
                </c:pt>
                <c:pt idx="3375">
                  <c:v>11.593709109446831</c:v>
                </c:pt>
                <c:pt idx="3376">
                  <c:v>11.593709109446831</c:v>
                </c:pt>
                <c:pt idx="3377">
                  <c:v>11.593709109446831</c:v>
                </c:pt>
                <c:pt idx="3378">
                  <c:v>11.593709109446831</c:v>
                </c:pt>
                <c:pt idx="3379">
                  <c:v>11.593709109446831</c:v>
                </c:pt>
                <c:pt idx="3380">
                  <c:v>11.593709109446831</c:v>
                </c:pt>
                <c:pt idx="3381">
                  <c:v>11.598560153156061</c:v>
                </c:pt>
                <c:pt idx="3382">
                  <c:v>11.598560153156061</c:v>
                </c:pt>
                <c:pt idx="3383">
                  <c:v>11.598560153156061</c:v>
                </c:pt>
                <c:pt idx="3384">
                  <c:v>11.603268519108996</c:v>
                </c:pt>
                <c:pt idx="3385">
                  <c:v>11.603268519108996</c:v>
                </c:pt>
                <c:pt idx="3386">
                  <c:v>11.603268519108996</c:v>
                </c:pt>
                <c:pt idx="3387">
                  <c:v>11.608119562818228</c:v>
                </c:pt>
                <c:pt idx="3388">
                  <c:v>11.608119562818228</c:v>
                </c:pt>
                <c:pt idx="3389">
                  <c:v>11.608119562818228</c:v>
                </c:pt>
                <c:pt idx="3390">
                  <c:v>11.608119562818228</c:v>
                </c:pt>
                <c:pt idx="3391">
                  <c:v>11.61297060652746</c:v>
                </c:pt>
                <c:pt idx="3392">
                  <c:v>11.61297060652746</c:v>
                </c:pt>
                <c:pt idx="3393">
                  <c:v>11.61297060652746</c:v>
                </c:pt>
                <c:pt idx="3394">
                  <c:v>11.617821650236566</c:v>
                </c:pt>
                <c:pt idx="3395">
                  <c:v>11.617821650236566</c:v>
                </c:pt>
                <c:pt idx="3396">
                  <c:v>11.622530016189625</c:v>
                </c:pt>
                <c:pt idx="3397">
                  <c:v>11.622530016189625</c:v>
                </c:pt>
                <c:pt idx="3398">
                  <c:v>11.622530016189625</c:v>
                </c:pt>
                <c:pt idx="3399">
                  <c:v>11.622530016189625</c:v>
                </c:pt>
                <c:pt idx="3400">
                  <c:v>11.627381059898857</c:v>
                </c:pt>
                <c:pt idx="3401">
                  <c:v>11.627381059898857</c:v>
                </c:pt>
                <c:pt idx="3402">
                  <c:v>11.627381059898857</c:v>
                </c:pt>
                <c:pt idx="3403">
                  <c:v>11.627381059898857</c:v>
                </c:pt>
                <c:pt idx="3404">
                  <c:v>11.632232103607963</c:v>
                </c:pt>
                <c:pt idx="3405">
                  <c:v>11.632232103607963</c:v>
                </c:pt>
                <c:pt idx="3406">
                  <c:v>11.632232103607963</c:v>
                </c:pt>
                <c:pt idx="3407">
                  <c:v>11.636940469561024</c:v>
                </c:pt>
                <c:pt idx="3408">
                  <c:v>11.636940469561024</c:v>
                </c:pt>
                <c:pt idx="3409">
                  <c:v>11.636940469561024</c:v>
                </c:pt>
                <c:pt idx="3410">
                  <c:v>11.636940469561024</c:v>
                </c:pt>
                <c:pt idx="3411">
                  <c:v>11.636940469561024</c:v>
                </c:pt>
                <c:pt idx="3412">
                  <c:v>11.641791513270256</c:v>
                </c:pt>
                <c:pt idx="3413">
                  <c:v>11.641791513270256</c:v>
                </c:pt>
                <c:pt idx="3414">
                  <c:v>11.641791513270256</c:v>
                </c:pt>
                <c:pt idx="3415">
                  <c:v>11.646642556979362</c:v>
                </c:pt>
                <c:pt idx="3416">
                  <c:v>11.646642556979362</c:v>
                </c:pt>
                <c:pt idx="3417">
                  <c:v>11.646642556979362</c:v>
                </c:pt>
                <c:pt idx="3418">
                  <c:v>11.646642556979362</c:v>
                </c:pt>
                <c:pt idx="3419">
                  <c:v>11.651350922932421</c:v>
                </c:pt>
                <c:pt idx="3420">
                  <c:v>11.651350922932421</c:v>
                </c:pt>
                <c:pt idx="3421">
                  <c:v>11.651350922932421</c:v>
                </c:pt>
                <c:pt idx="3422">
                  <c:v>11.651350922932421</c:v>
                </c:pt>
                <c:pt idx="3423">
                  <c:v>11.651350922932421</c:v>
                </c:pt>
                <c:pt idx="3424">
                  <c:v>11.651350922932421</c:v>
                </c:pt>
                <c:pt idx="3425">
                  <c:v>11.651350922932421</c:v>
                </c:pt>
                <c:pt idx="3426">
                  <c:v>11.651350922932421</c:v>
                </c:pt>
                <c:pt idx="3427">
                  <c:v>11.651350922932421</c:v>
                </c:pt>
                <c:pt idx="3428">
                  <c:v>11.651350922932421</c:v>
                </c:pt>
                <c:pt idx="3429">
                  <c:v>11.651350922932421</c:v>
                </c:pt>
                <c:pt idx="3430">
                  <c:v>11.656201966641653</c:v>
                </c:pt>
                <c:pt idx="3431">
                  <c:v>11.656201966641653</c:v>
                </c:pt>
                <c:pt idx="3432">
                  <c:v>11.656201966641653</c:v>
                </c:pt>
                <c:pt idx="3433">
                  <c:v>11.656201966641653</c:v>
                </c:pt>
                <c:pt idx="3434">
                  <c:v>11.661053010350885</c:v>
                </c:pt>
                <c:pt idx="3435">
                  <c:v>11.661053010350885</c:v>
                </c:pt>
                <c:pt idx="3436">
                  <c:v>11.661053010350885</c:v>
                </c:pt>
                <c:pt idx="3437">
                  <c:v>11.661053010350885</c:v>
                </c:pt>
                <c:pt idx="3438">
                  <c:v>11.661053010350885</c:v>
                </c:pt>
                <c:pt idx="3439">
                  <c:v>11.661053010350885</c:v>
                </c:pt>
                <c:pt idx="3440">
                  <c:v>11.661053010350885</c:v>
                </c:pt>
                <c:pt idx="3441">
                  <c:v>11.661053010350885</c:v>
                </c:pt>
                <c:pt idx="3442">
                  <c:v>11.661053010350885</c:v>
                </c:pt>
                <c:pt idx="3443">
                  <c:v>11.661053010350885</c:v>
                </c:pt>
                <c:pt idx="3444">
                  <c:v>11.661053010350885</c:v>
                </c:pt>
                <c:pt idx="3445">
                  <c:v>11.661053010350885</c:v>
                </c:pt>
                <c:pt idx="3446">
                  <c:v>11.66576137630382</c:v>
                </c:pt>
                <c:pt idx="3447">
                  <c:v>11.66576137630382</c:v>
                </c:pt>
                <c:pt idx="3448">
                  <c:v>11.66576137630382</c:v>
                </c:pt>
                <c:pt idx="3449">
                  <c:v>11.66576137630382</c:v>
                </c:pt>
                <c:pt idx="3450">
                  <c:v>11.66576137630382</c:v>
                </c:pt>
                <c:pt idx="3451">
                  <c:v>11.66576137630382</c:v>
                </c:pt>
                <c:pt idx="3452">
                  <c:v>11.66576137630382</c:v>
                </c:pt>
                <c:pt idx="3453">
                  <c:v>11.66576137630382</c:v>
                </c:pt>
                <c:pt idx="3454">
                  <c:v>11.66576137630382</c:v>
                </c:pt>
                <c:pt idx="3455">
                  <c:v>11.66576137630382</c:v>
                </c:pt>
                <c:pt idx="3456">
                  <c:v>11.66576137630382</c:v>
                </c:pt>
                <c:pt idx="3457">
                  <c:v>11.66576137630382</c:v>
                </c:pt>
                <c:pt idx="3458">
                  <c:v>11.66576137630382</c:v>
                </c:pt>
                <c:pt idx="3459">
                  <c:v>11.66576137630382</c:v>
                </c:pt>
                <c:pt idx="3460">
                  <c:v>11.66576137630382</c:v>
                </c:pt>
                <c:pt idx="3461">
                  <c:v>11.66576137630382</c:v>
                </c:pt>
                <c:pt idx="3462">
                  <c:v>11.66576137630382</c:v>
                </c:pt>
                <c:pt idx="3463">
                  <c:v>11.670612420013052</c:v>
                </c:pt>
                <c:pt idx="3464">
                  <c:v>11.670612420013052</c:v>
                </c:pt>
                <c:pt idx="3465">
                  <c:v>11.675463463722282</c:v>
                </c:pt>
                <c:pt idx="3466">
                  <c:v>11.675463463722282</c:v>
                </c:pt>
                <c:pt idx="3467">
                  <c:v>11.675463463722282</c:v>
                </c:pt>
                <c:pt idx="3468">
                  <c:v>11.680171829675343</c:v>
                </c:pt>
                <c:pt idx="3469">
                  <c:v>11.680171829675343</c:v>
                </c:pt>
                <c:pt idx="3470">
                  <c:v>11.685022873384449</c:v>
                </c:pt>
                <c:pt idx="3471">
                  <c:v>11.685022873384449</c:v>
                </c:pt>
                <c:pt idx="3472">
                  <c:v>11.689873917093681</c:v>
                </c:pt>
                <c:pt idx="3473">
                  <c:v>11.689873917093681</c:v>
                </c:pt>
                <c:pt idx="3474">
                  <c:v>11.694582283046742</c:v>
                </c:pt>
                <c:pt idx="3475">
                  <c:v>11.694582283046742</c:v>
                </c:pt>
                <c:pt idx="3476">
                  <c:v>11.694582283046742</c:v>
                </c:pt>
                <c:pt idx="3477">
                  <c:v>11.699433326755846</c:v>
                </c:pt>
                <c:pt idx="3478">
                  <c:v>11.704284370465079</c:v>
                </c:pt>
                <c:pt idx="3479">
                  <c:v>11.704284370465079</c:v>
                </c:pt>
                <c:pt idx="3480">
                  <c:v>11.708992736418139</c:v>
                </c:pt>
                <c:pt idx="3481">
                  <c:v>11.708992736418139</c:v>
                </c:pt>
                <c:pt idx="3482">
                  <c:v>11.708992736418139</c:v>
                </c:pt>
                <c:pt idx="3483">
                  <c:v>11.708992736418139</c:v>
                </c:pt>
                <c:pt idx="3484">
                  <c:v>11.708992736418139</c:v>
                </c:pt>
                <c:pt idx="3485">
                  <c:v>11.708992736418139</c:v>
                </c:pt>
                <c:pt idx="3486">
                  <c:v>11.708992736418139</c:v>
                </c:pt>
                <c:pt idx="3487">
                  <c:v>11.708992736418139</c:v>
                </c:pt>
                <c:pt idx="3488">
                  <c:v>11.708992736418139</c:v>
                </c:pt>
                <c:pt idx="3489">
                  <c:v>11.708992736418139</c:v>
                </c:pt>
                <c:pt idx="3490">
                  <c:v>11.708992736418139</c:v>
                </c:pt>
                <c:pt idx="3491">
                  <c:v>11.708992736418139</c:v>
                </c:pt>
                <c:pt idx="3492">
                  <c:v>11.708992736418139</c:v>
                </c:pt>
                <c:pt idx="3493">
                  <c:v>11.708992736418139</c:v>
                </c:pt>
                <c:pt idx="3494">
                  <c:v>11.708992736418139</c:v>
                </c:pt>
                <c:pt idx="3495">
                  <c:v>11.704284370465079</c:v>
                </c:pt>
                <c:pt idx="3496">
                  <c:v>11.704284370465079</c:v>
                </c:pt>
                <c:pt idx="3497">
                  <c:v>11.704284370465079</c:v>
                </c:pt>
                <c:pt idx="3498">
                  <c:v>11.704284370465079</c:v>
                </c:pt>
                <c:pt idx="3499">
                  <c:v>11.704284370465079</c:v>
                </c:pt>
                <c:pt idx="3500">
                  <c:v>11.704284370465079</c:v>
                </c:pt>
                <c:pt idx="3501">
                  <c:v>11.704284370465079</c:v>
                </c:pt>
                <c:pt idx="3502">
                  <c:v>11.704284370465079</c:v>
                </c:pt>
                <c:pt idx="3503">
                  <c:v>11.708992736418139</c:v>
                </c:pt>
                <c:pt idx="3504">
                  <c:v>11.708992736418139</c:v>
                </c:pt>
                <c:pt idx="3505">
                  <c:v>11.708992736418139</c:v>
                </c:pt>
                <c:pt idx="3506">
                  <c:v>11.708992736418139</c:v>
                </c:pt>
                <c:pt idx="3507">
                  <c:v>11.713843780127245</c:v>
                </c:pt>
                <c:pt idx="3508">
                  <c:v>11.713843780127245</c:v>
                </c:pt>
                <c:pt idx="3509">
                  <c:v>11.718694823836477</c:v>
                </c:pt>
                <c:pt idx="3510">
                  <c:v>11.718694823836477</c:v>
                </c:pt>
                <c:pt idx="3511">
                  <c:v>11.723403189789536</c:v>
                </c:pt>
                <c:pt idx="3512">
                  <c:v>11.723403189789536</c:v>
                </c:pt>
                <c:pt idx="3513">
                  <c:v>11.728254233498642</c:v>
                </c:pt>
                <c:pt idx="3514">
                  <c:v>11.728254233498642</c:v>
                </c:pt>
                <c:pt idx="3515">
                  <c:v>11.728254233498642</c:v>
                </c:pt>
                <c:pt idx="3516">
                  <c:v>11.733105277207875</c:v>
                </c:pt>
                <c:pt idx="3517">
                  <c:v>11.733105277207875</c:v>
                </c:pt>
                <c:pt idx="3518">
                  <c:v>11.733105277207875</c:v>
                </c:pt>
                <c:pt idx="3519">
                  <c:v>11.733105277207875</c:v>
                </c:pt>
                <c:pt idx="3520">
                  <c:v>11.737813643160935</c:v>
                </c:pt>
                <c:pt idx="3521">
                  <c:v>11.737813643160935</c:v>
                </c:pt>
                <c:pt idx="3522">
                  <c:v>11.737813643160935</c:v>
                </c:pt>
                <c:pt idx="3523">
                  <c:v>11.737813643160935</c:v>
                </c:pt>
                <c:pt idx="3524">
                  <c:v>11.742664686870167</c:v>
                </c:pt>
                <c:pt idx="3525">
                  <c:v>11.742664686870167</c:v>
                </c:pt>
                <c:pt idx="3526">
                  <c:v>11.742664686870167</c:v>
                </c:pt>
                <c:pt idx="3527">
                  <c:v>11.747515730579273</c:v>
                </c:pt>
                <c:pt idx="3528">
                  <c:v>11.747515730579273</c:v>
                </c:pt>
                <c:pt idx="3529">
                  <c:v>11.747515730579273</c:v>
                </c:pt>
                <c:pt idx="3530">
                  <c:v>11.747515730579273</c:v>
                </c:pt>
                <c:pt idx="3531">
                  <c:v>11.747515730579273</c:v>
                </c:pt>
                <c:pt idx="3532">
                  <c:v>11.752224096532332</c:v>
                </c:pt>
                <c:pt idx="3533">
                  <c:v>11.752224096532332</c:v>
                </c:pt>
                <c:pt idx="3534">
                  <c:v>11.752224096532332</c:v>
                </c:pt>
                <c:pt idx="3535">
                  <c:v>11.752224096532332</c:v>
                </c:pt>
                <c:pt idx="3536">
                  <c:v>11.752224096532332</c:v>
                </c:pt>
                <c:pt idx="3537">
                  <c:v>11.752224096532332</c:v>
                </c:pt>
                <c:pt idx="3538">
                  <c:v>11.757075140241565</c:v>
                </c:pt>
                <c:pt idx="3539">
                  <c:v>11.757075140241565</c:v>
                </c:pt>
                <c:pt idx="3540">
                  <c:v>11.757075140241565</c:v>
                </c:pt>
                <c:pt idx="3541">
                  <c:v>11.757075140241565</c:v>
                </c:pt>
                <c:pt idx="3542">
                  <c:v>11.761926183950671</c:v>
                </c:pt>
                <c:pt idx="3543">
                  <c:v>11.761926183950671</c:v>
                </c:pt>
                <c:pt idx="3544">
                  <c:v>11.761926183950671</c:v>
                </c:pt>
                <c:pt idx="3545">
                  <c:v>11.766634549903731</c:v>
                </c:pt>
                <c:pt idx="3546">
                  <c:v>11.766634549903731</c:v>
                </c:pt>
                <c:pt idx="3547">
                  <c:v>11.766634549903731</c:v>
                </c:pt>
                <c:pt idx="3548">
                  <c:v>11.766634549903731</c:v>
                </c:pt>
                <c:pt idx="3549">
                  <c:v>11.771485593612963</c:v>
                </c:pt>
                <c:pt idx="3550">
                  <c:v>11.771485593612963</c:v>
                </c:pt>
                <c:pt idx="3551">
                  <c:v>11.771485593612963</c:v>
                </c:pt>
                <c:pt idx="3552">
                  <c:v>11.771485593612963</c:v>
                </c:pt>
                <c:pt idx="3553">
                  <c:v>11.771485593612963</c:v>
                </c:pt>
                <c:pt idx="3554">
                  <c:v>11.776336637322068</c:v>
                </c:pt>
                <c:pt idx="3555">
                  <c:v>11.776336637322068</c:v>
                </c:pt>
                <c:pt idx="3556">
                  <c:v>11.776336637322068</c:v>
                </c:pt>
                <c:pt idx="3557">
                  <c:v>11.776336637322068</c:v>
                </c:pt>
                <c:pt idx="3558">
                  <c:v>11.776336637322068</c:v>
                </c:pt>
                <c:pt idx="3559">
                  <c:v>11.776336637322068</c:v>
                </c:pt>
                <c:pt idx="3560">
                  <c:v>11.776336637322068</c:v>
                </c:pt>
                <c:pt idx="3561">
                  <c:v>11.776336637322068</c:v>
                </c:pt>
                <c:pt idx="3562">
                  <c:v>11.776336637322068</c:v>
                </c:pt>
                <c:pt idx="3563">
                  <c:v>11.776336637322068</c:v>
                </c:pt>
                <c:pt idx="3564">
                  <c:v>11.776336637322068</c:v>
                </c:pt>
                <c:pt idx="3565">
                  <c:v>11.781045003275128</c:v>
                </c:pt>
                <c:pt idx="3566">
                  <c:v>11.781045003275128</c:v>
                </c:pt>
                <c:pt idx="3567">
                  <c:v>11.776336637322068</c:v>
                </c:pt>
                <c:pt idx="3568">
                  <c:v>11.776336637322068</c:v>
                </c:pt>
                <c:pt idx="3569">
                  <c:v>11.776336637322068</c:v>
                </c:pt>
                <c:pt idx="3570">
                  <c:v>11.776336637322068</c:v>
                </c:pt>
                <c:pt idx="3571">
                  <c:v>11.781045003275128</c:v>
                </c:pt>
                <c:pt idx="3572">
                  <c:v>11.781045003275128</c:v>
                </c:pt>
                <c:pt idx="3573">
                  <c:v>11.781045003275128</c:v>
                </c:pt>
                <c:pt idx="3574">
                  <c:v>11.781045003275128</c:v>
                </c:pt>
                <c:pt idx="3575">
                  <c:v>11.785896046984361</c:v>
                </c:pt>
                <c:pt idx="3576">
                  <c:v>11.785896046984361</c:v>
                </c:pt>
                <c:pt idx="3577">
                  <c:v>11.785896046984361</c:v>
                </c:pt>
                <c:pt idx="3578">
                  <c:v>11.785896046984361</c:v>
                </c:pt>
                <c:pt idx="3579">
                  <c:v>11.785896046984361</c:v>
                </c:pt>
                <c:pt idx="3580">
                  <c:v>11.785896046984361</c:v>
                </c:pt>
                <c:pt idx="3581">
                  <c:v>11.785896046984361</c:v>
                </c:pt>
                <c:pt idx="3582">
                  <c:v>11.785896046984361</c:v>
                </c:pt>
                <c:pt idx="3583">
                  <c:v>11.785896046984361</c:v>
                </c:pt>
                <c:pt idx="3584">
                  <c:v>11.785896046984361</c:v>
                </c:pt>
                <c:pt idx="3585">
                  <c:v>11.790747090693595</c:v>
                </c:pt>
                <c:pt idx="3586">
                  <c:v>11.790747090693595</c:v>
                </c:pt>
                <c:pt idx="3587">
                  <c:v>11.790747090693595</c:v>
                </c:pt>
                <c:pt idx="3588">
                  <c:v>11.790747090693595</c:v>
                </c:pt>
                <c:pt idx="3589">
                  <c:v>11.790747090693595</c:v>
                </c:pt>
                <c:pt idx="3590">
                  <c:v>11.790747090693595</c:v>
                </c:pt>
                <c:pt idx="3591">
                  <c:v>11.790747090693595</c:v>
                </c:pt>
                <c:pt idx="3592">
                  <c:v>11.790747090693595</c:v>
                </c:pt>
                <c:pt idx="3593">
                  <c:v>11.795455456646526</c:v>
                </c:pt>
                <c:pt idx="3594">
                  <c:v>11.795455456646526</c:v>
                </c:pt>
                <c:pt idx="3595">
                  <c:v>11.795455456646526</c:v>
                </c:pt>
                <c:pt idx="3596">
                  <c:v>11.795455456646526</c:v>
                </c:pt>
                <c:pt idx="3597">
                  <c:v>11.795455456646526</c:v>
                </c:pt>
                <c:pt idx="3598">
                  <c:v>11.795455456646526</c:v>
                </c:pt>
                <c:pt idx="3599">
                  <c:v>11.800306500355758</c:v>
                </c:pt>
                <c:pt idx="3600">
                  <c:v>11.800306500355758</c:v>
                </c:pt>
                <c:pt idx="3601">
                  <c:v>11.800306500355758</c:v>
                </c:pt>
                <c:pt idx="3602">
                  <c:v>11.800306500355758</c:v>
                </c:pt>
                <c:pt idx="3603">
                  <c:v>11.800306500355758</c:v>
                </c:pt>
                <c:pt idx="3604">
                  <c:v>11.800306500355758</c:v>
                </c:pt>
                <c:pt idx="3605">
                  <c:v>11.805157544064992</c:v>
                </c:pt>
                <c:pt idx="3606">
                  <c:v>11.805157544064992</c:v>
                </c:pt>
                <c:pt idx="3607">
                  <c:v>11.805157544064992</c:v>
                </c:pt>
                <c:pt idx="3608">
                  <c:v>11.805157544064992</c:v>
                </c:pt>
                <c:pt idx="3609">
                  <c:v>11.805157544064992</c:v>
                </c:pt>
                <c:pt idx="3610">
                  <c:v>11.805157544064992</c:v>
                </c:pt>
                <c:pt idx="3611">
                  <c:v>11.810008587774098</c:v>
                </c:pt>
                <c:pt idx="3612">
                  <c:v>11.810008587774098</c:v>
                </c:pt>
                <c:pt idx="3613">
                  <c:v>11.810008587774098</c:v>
                </c:pt>
                <c:pt idx="3614">
                  <c:v>11.814716953727157</c:v>
                </c:pt>
                <c:pt idx="3615">
                  <c:v>11.814716953727157</c:v>
                </c:pt>
                <c:pt idx="3616">
                  <c:v>11.814716953727157</c:v>
                </c:pt>
                <c:pt idx="3617">
                  <c:v>11.819567997436391</c:v>
                </c:pt>
                <c:pt idx="3618">
                  <c:v>11.819567997436391</c:v>
                </c:pt>
                <c:pt idx="3619">
                  <c:v>11.819567997436391</c:v>
                </c:pt>
                <c:pt idx="3620">
                  <c:v>11.819567997436391</c:v>
                </c:pt>
                <c:pt idx="3621">
                  <c:v>11.824419041145497</c:v>
                </c:pt>
                <c:pt idx="3622">
                  <c:v>11.824419041145497</c:v>
                </c:pt>
                <c:pt idx="3623">
                  <c:v>11.824419041145497</c:v>
                </c:pt>
                <c:pt idx="3624">
                  <c:v>11.824419041145497</c:v>
                </c:pt>
                <c:pt idx="3625">
                  <c:v>11.824419041145497</c:v>
                </c:pt>
                <c:pt idx="3626">
                  <c:v>11.824419041145497</c:v>
                </c:pt>
                <c:pt idx="3627">
                  <c:v>11.824419041145497</c:v>
                </c:pt>
                <c:pt idx="3628">
                  <c:v>11.824419041145497</c:v>
                </c:pt>
                <c:pt idx="3629">
                  <c:v>11.829127407098554</c:v>
                </c:pt>
                <c:pt idx="3630">
                  <c:v>11.829127407098554</c:v>
                </c:pt>
                <c:pt idx="3631">
                  <c:v>11.829127407098554</c:v>
                </c:pt>
                <c:pt idx="3632">
                  <c:v>11.833978450807788</c:v>
                </c:pt>
                <c:pt idx="3633">
                  <c:v>11.833978450807788</c:v>
                </c:pt>
                <c:pt idx="3634">
                  <c:v>11.833978450807788</c:v>
                </c:pt>
                <c:pt idx="3635">
                  <c:v>11.833978450807788</c:v>
                </c:pt>
                <c:pt idx="3636">
                  <c:v>11.833978450807788</c:v>
                </c:pt>
                <c:pt idx="3637">
                  <c:v>11.829127407098554</c:v>
                </c:pt>
                <c:pt idx="3638">
                  <c:v>11.829127407098554</c:v>
                </c:pt>
                <c:pt idx="3639">
                  <c:v>11.829127407098554</c:v>
                </c:pt>
                <c:pt idx="3640">
                  <c:v>11.829127407098554</c:v>
                </c:pt>
                <c:pt idx="3641">
                  <c:v>11.829127407098554</c:v>
                </c:pt>
                <c:pt idx="3642">
                  <c:v>11.829127407098554</c:v>
                </c:pt>
                <c:pt idx="3643">
                  <c:v>11.833978450807788</c:v>
                </c:pt>
                <c:pt idx="3644">
                  <c:v>11.833978450807788</c:v>
                </c:pt>
                <c:pt idx="3645">
                  <c:v>11.833978450807788</c:v>
                </c:pt>
                <c:pt idx="3646">
                  <c:v>11.833978450807788</c:v>
                </c:pt>
                <c:pt idx="3647">
                  <c:v>11.833978450807788</c:v>
                </c:pt>
                <c:pt idx="3648">
                  <c:v>11.833978450807788</c:v>
                </c:pt>
                <c:pt idx="3649">
                  <c:v>11.833978450807788</c:v>
                </c:pt>
                <c:pt idx="3650">
                  <c:v>11.833978450807788</c:v>
                </c:pt>
                <c:pt idx="3651">
                  <c:v>11.833978450807788</c:v>
                </c:pt>
                <c:pt idx="3652">
                  <c:v>11.833978450807788</c:v>
                </c:pt>
                <c:pt idx="3653">
                  <c:v>11.833978450807788</c:v>
                </c:pt>
                <c:pt idx="3654">
                  <c:v>11.833978450807788</c:v>
                </c:pt>
                <c:pt idx="3655">
                  <c:v>11.833978450807788</c:v>
                </c:pt>
                <c:pt idx="3656">
                  <c:v>11.833978450807788</c:v>
                </c:pt>
                <c:pt idx="3657">
                  <c:v>11.833978450807788</c:v>
                </c:pt>
                <c:pt idx="3658">
                  <c:v>11.833978450807788</c:v>
                </c:pt>
                <c:pt idx="3659">
                  <c:v>11.833978450807788</c:v>
                </c:pt>
                <c:pt idx="3660">
                  <c:v>11.83882949451702</c:v>
                </c:pt>
                <c:pt idx="3661">
                  <c:v>11.83882949451702</c:v>
                </c:pt>
                <c:pt idx="3662">
                  <c:v>11.843537860469953</c:v>
                </c:pt>
                <c:pt idx="3663">
                  <c:v>11.843537860469953</c:v>
                </c:pt>
                <c:pt idx="3664">
                  <c:v>11.848388904179187</c:v>
                </c:pt>
                <c:pt idx="3665">
                  <c:v>11.848388904179187</c:v>
                </c:pt>
                <c:pt idx="3666">
                  <c:v>11.848388904179187</c:v>
                </c:pt>
                <c:pt idx="3667">
                  <c:v>11.848388904179187</c:v>
                </c:pt>
                <c:pt idx="3668">
                  <c:v>11.848388904179187</c:v>
                </c:pt>
                <c:pt idx="3669">
                  <c:v>11.848388904179187</c:v>
                </c:pt>
                <c:pt idx="3670">
                  <c:v>11.853239947888417</c:v>
                </c:pt>
                <c:pt idx="3671">
                  <c:v>11.853239947888417</c:v>
                </c:pt>
                <c:pt idx="3672">
                  <c:v>11.853239947888417</c:v>
                </c:pt>
                <c:pt idx="3673">
                  <c:v>11.853239947888417</c:v>
                </c:pt>
                <c:pt idx="3674">
                  <c:v>11.85794831384135</c:v>
                </c:pt>
                <c:pt idx="3675">
                  <c:v>11.85794831384135</c:v>
                </c:pt>
                <c:pt idx="3676">
                  <c:v>11.85794831384135</c:v>
                </c:pt>
                <c:pt idx="3677">
                  <c:v>11.85794831384135</c:v>
                </c:pt>
                <c:pt idx="3678">
                  <c:v>11.862799357550584</c:v>
                </c:pt>
                <c:pt idx="3679">
                  <c:v>11.862799357550584</c:v>
                </c:pt>
                <c:pt idx="3680">
                  <c:v>11.862799357550584</c:v>
                </c:pt>
                <c:pt idx="3681">
                  <c:v>11.862799357550584</c:v>
                </c:pt>
                <c:pt idx="3682">
                  <c:v>11.862799357550584</c:v>
                </c:pt>
                <c:pt idx="3683">
                  <c:v>11.862799357550584</c:v>
                </c:pt>
                <c:pt idx="3684">
                  <c:v>11.867650401259816</c:v>
                </c:pt>
                <c:pt idx="3685">
                  <c:v>11.867650401259816</c:v>
                </c:pt>
                <c:pt idx="3686">
                  <c:v>11.867650401259816</c:v>
                </c:pt>
                <c:pt idx="3687">
                  <c:v>11.867650401259816</c:v>
                </c:pt>
                <c:pt idx="3688">
                  <c:v>11.867650401259816</c:v>
                </c:pt>
                <c:pt idx="3689">
                  <c:v>11.872358767212877</c:v>
                </c:pt>
                <c:pt idx="3690">
                  <c:v>11.872358767212877</c:v>
                </c:pt>
                <c:pt idx="3691">
                  <c:v>11.872358767212877</c:v>
                </c:pt>
                <c:pt idx="3692">
                  <c:v>11.872358767212877</c:v>
                </c:pt>
                <c:pt idx="3693">
                  <c:v>11.872358767212877</c:v>
                </c:pt>
                <c:pt idx="3694">
                  <c:v>11.877209810921981</c:v>
                </c:pt>
                <c:pt idx="3695">
                  <c:v>11.877209810921981</c:v>
                </c:pt>
                <c:pt idx="3696">
                  <c:v>11.877209810921981</c:v>
                </c:pt>
                <c:pt idx="3697">
                  <c:v>11.877209810921981</c:v>
                </c:pt>
                <c:pt idx="3698">
                  <c:v>11.877209810921981</c:v>
                </c:pt>
                <c:pt idx="3699">
                  <c:v>11.877209810921981</c:v>
                </c:pt>
                <c:pt idx="3700">
                  <c:v>11.877209810921981</c:v>
                </c:pt>
                <c:pt idx="3701">
                  <c:v>11.877209810921981</c:v>
                </c:pt>
                <c:pt idx="3702">
                  <c:v>11.877209810921981</c:v>
                </c:pt>
                <c:pt idx="3703">
                  <c:v>11.882060854631213</c:v>
                </c:pt>
                <c:pt idx="3704">
                  <c:v>11.882060854631213</c:v>
                </c:pt>
                <c:pt idx="3705">
                  <c:v>11.882060854631213</c:v>
                </c:pt>
                <c:pt idx="3706">
                  <c:v>11.886769220584274</c:v>
                </c:pt>
                <c:pt idx="3707">
                  <c:v>11.886769220584274</c:v>
                </c:pt>
                <c:pt idx="3708">
                  <c:v>11.886769220584274</c:v>
                </c:pt>
                <c:pt idx="3709">
                  <c:v>11.886769220584274</c:v>
                </c:pt>
                <c:pt idx="3710">
                  <c:v>11.886769220584274</c:v>
                </c:pt>
                <c:pt idx="3711">
                  <c:v>11.886769220584274</c:v>
                </c:pt>
                <c:pt idx="3712">
                  <c:v>11.886769220584274</c:v>
                </c:pt>
                <c:pt idx="3713">
                  <c:v>11.89162026429338</c:v>
                </c:pt>
                <c:pt idx="3714">
                  <c:v>11.89162026429338</c:v>
                </c:pt>
                <c:pt idx="3715">
                  <c:v>11.89162026429338</c:v>
                </c:pt>
                <c:pt idx="3716">
                  <c:v>11.89162026429338</c:v>
                </c:pt>
                <c:pt idx="3717">
                  <c:v>11.89162026429338</c:v>
                </c:pt>
                <c:pt idx="3718">
                  <c:v>11.89162026429338</c:v>
                </c:pt>
                <c:pt idx="3719">
                  <c:v>11.89162026429338</c:v>
                </c:pt>
                <c:pt idx="3720">
                  <c:v>11.89162026429338</c:v>
                </c:pt>
                <c:pt idx="3721">
                  <c:v>11.89162026429338</c:v>
                </c:pt>
                <c:pt idx="3722">
                  <c:v>11.89162026429338</c:v>
                </c:pt>
                <c:pt idx="3723">
                  <c:v>11.896471308002612</c:v>
                </c:pt>
                <c:pt idx="3724">
                  <c:v>11.896471308002612</c:v>
                </c:pt>
                <c:pt idx="3725">
                  <c:v>11.896471308002612</c:v>
                </c:pt>
                <c:pt idx="3726">
                  <c:v>11.896471308002612</c:v>
                </c:pt>
                <c:pt idx="3727">
                  <c:v>11.896471308002612</c:v>
                </c:pt>
                <c:pt idx="3728">
                  <c:v>11.901179673955671</c:v>
                </c:pt>
                <c:pt idx="3729">
                  <c:v>11.901179673955671</c:v>
                </c:pt>
                <c:pt idx="3730">
                  <c:v>11.901179673955671</c:v>
                </c:pt>
                <c:pt idx="3731">
                  <c:v>11.901179673955671</c:v>
                </c:pt>
                <c:pt idx="3732">
                  <c:v>11.901179673955671</c:v>
                </c:pt>
                <c:pt idx="3733">
                  <c:v>11.901179673955671</c:v>
                </c:pt>
                <c:pt idx="3734">
                  <c:v>11.901179673955671</c:v>
                </c:pt>
                <c:pt idx="3735">
                  <c:v>11.901179673955671</c:v>
                </c:pt>
                <c:pt idx="3736">
                  <c:v>11.901179673955671</c:v>
                </c:pt>
                <c:pt idx="3737">
                  <c:v>11.901179673955671</c:v>
                </c:pt>
                <c:pt idx="3738">
                  <c:v>11.901179673955671</c:v>
                </c:pt>
                <c:pt idx="3739">
                  <c:v>11.901179673955671</c:v>
                </c:pt>
                <c:pt idx="3740">
                  <c:v>11.901179673955671</c:v>
                </c:pt>
                <c:pt idx="3741">
                  <c:v>11.901179673955671</c:v>
                </c:pt>
                <c:pt idx="3742">
                  <c:v>11.906030717664777</c:v>
                </c:pt>
                <c:pt idx="3743">
                  <c:v>11.906030717664777</c:v>
                </c:pt>
                <c:pt idx="3744">
                  <c:v>11.906030717664777</c:v>
                </c:pt>
                <c:pt idx="3745">
                  <c:v>11.906030717664777</c:v>
                </c:pt>
                <c:pt idx="3746">
                  <c:v>11.910881761374009</c:v>
                </c:pt>
                <c:pt idx="3747">
                  <c:v>11.910881761374009</c:v>
                </c:pt>
                <c:pt idx="3748">
                  <c:v>11.910881761374009</c:v>
                </c:pt>
                <c:pt idx="3749">
                  <c:v>11.910881761374009</c:v>
                </c:pt>
                <c:pt idx="3750">
                  <c:v>11.910881761374009</c:v>
                </c:pt>
                <c:pt idx="3751">
                  <c:v>11.91559012732707</c:v>
                </c:pt>
                <c:pt idx="3752">
                  <c:v>11.91559012732707</c:v>
                </c:pt>
                <c:pt idx="3753">
                  <c:v>11.91559012732707</c:v>
                </c:pt>
                <c:pt idx="3754">
                  <c:v>11.91559012732707</c:v>
                </c:pt>
                <c:pt idx="3755">
                  <c:v>11.91559012732707</c:v>
                </c:pt>
                <c:pt idx="3756">
                  <c:v>11.91559012732707</c:v>
                </c:pt>
                <c:pt idx="3757">
                  <c:v>11.920441171036176</c:v>
                </c:pt>
                <c:pt idx="3758">
                  <c:v>11.920441171036176</c:v>
                </c:pt>
                <c:pt idx="3759">
                  <c:v>11.920441171036176</c:v>
                </c:pt>
                <c:pt idx="3760">
                  <c:v>11.925292214745406</c:v>
                </c:pt>
                <c:pt idx="3761">
                  <c:v>11.925292214745406</c:v>
                </c:pt>
                <c:pt idx="3762">
                  <c:v>11.925292214745406</c:v>
                </c:pt>
                <c:pt idx="3763">
                  <c:v>11.925292214745406</c:v>
                </c:pt>
                <c:pt idx="3764">
                  <c:v>11.930000580698467</c:v>
                </c:pt>
                <c:pt idx="3765">
                  <c:v>11.930000580698467</c:v>
                </c:pt>
                <c:pt idx="3766">
                  <c:v>11.930000580698467</c:v>
                </c:pt>
                <c:pt idx="3767">
                  <c:v>11.930000580698467</c:v>
                </c:pt>
                <c:pt idx="3768">
                  <c:v>11.930000580698467</c:v>
                </c:pt>
                <c:pt idx="3769">
                  <c:v>11.930000580698467</c:v>
                </c:pt>
                <c:pt idx="3770">
                  <c:v>11.930000580698467</c:v>
                </c:pt>
                <c:pt idx="3771">
                  <c:v>11.930000580698467</c:v>
                </c:pt>
                <c:pt idx="3772">
                  <c:v>11.930000580698467</c:v>
                </c:pt>
                <c:pt idx="3773">
                  <c:v>11.934851624407699</c:v>
                </c:pt>
                <c:pt idx="3774">
                  <c:v>11.934851624407699</c:v>
                </c:pt>
                <c:pt idx="3775">
                  <c:v>11.934851624407699</c:v>
                </c:pt>
                <c:pt idx="3776">
                  <c:v>11.934851624407699</c:v>
                </c:pt>
                <c:pt idx="3777">
                  <c:v>11.939702668116805</c:v>
                </c:pt>
                <c:pt idx="3778">
                  <c:v>11.939702668116805</c:v>
                </c:pt>
                <c:pt idx="3779">
                  <c:v>11.944411034069866</c:v>
                </c:pt>
                <c:pt idx="3780">
                  <c:v>11.944411034069866</c:v>
                </c:pt>
                <c:pt idx="3781">
                  <c:v>11.944411034069866</c:v>
                </c:pt>
                <c:pt idx="3782">
                  <c:v>11.944411034069866</c:v>
                </c:pt>
                <c:pt idx="3783">
                  <c:v>11.944411034069866</c:v>
                </c:pt>
                <c:pt idx="3784">
                  <c:v>11.944411034069866</c:v>
                </c:pt>
                <c:pt idx="3785">
                  <c:v>11.944411034069866</c:v>
                </c:pt>
                <c:pt idx="3786">
                  <c:v>11.944411034069866</c:v>
                </c:pt>
                <c:pt idx="3787">
                  <c:v>11.944411034069866</c:v>
                </c:pt>
                <c:pt idx="3788">
                  <c:v>11.944411034069866</c:v>
                </c:pt>
                <c:pt idx="3789">
                  <c:v>11.944411034069866</c:v>
                </c:pt>
                <c:pt idx="3790">
                  <c:v>11.944411034069866</c:v>
                </c:pt>
                <c:pt idx="3791">
                  <c:v>11.944411034069866</c:v>
                </c:pt>
                <c:pt idx="3792">
                  <c:v>11.944411034069866</c:v>
                </c:pt>
                <c:pt idx="3793">
                  <c:v>11.949262077779096</c:v>
                </c:pt>
                <c:pt idx="3794">
                  <c:v>11.949262077779096</c:v>
                </c:pt>
                <c:pt idx="3795">
                  <c:v>11.949262077779096</c:v>
                </c:pt>
                <c:pt idx="3796">
                  <c:v>11.949262077779096</c:v>
                </c:pt>
                <c:pt idx="3797">
                  <c:v>11.949262077779096</c:v>
                </c:pt>
                <c:pt idx="3798">
                  <c:v>11.949262077779096</c:v>
                </c:pt>
                <c:pt idx="3799">
                  <c:v>11.949262077779096</c:v>
                </c:pt>
                <c:pt idx="3800">
                  <c:v>11.949262077779096</c:v>
                </c:pt>
                <c:pt idx="3801">
                  <c:v>11.949262077779096</c:v>
                </c:pt>
                <c:pt idx="3802">
                  <c:v>11.949262077779096</c:v>
                </c:pt>
                <c:pt idx="3803">
                  <c:v>11.949262077779096</c:v>
                </c:pt>
                <c:pt idx="3804">
                  <c:v>11.949262077779096</c:v>
                </c:pt>
                <c:pt idx="3805">
                  <c:v>11.949262077779096</c:v>
                </c:pt>
                <c:pt idx="3806">
                  <c:v>11.954113121488202</c:v>
                </c:pt>
                <c:pt idx="3807">
                  <c:v>11.954113121488202</c:v>
                </c:pt>
                <c:pt idx="3808">
                  <c:v>11.954113121488202</c:v>
                </c:pt>
                <c:pt idx="3809">
                  <c:v>11.958821487441263</c:v>
                </c:pt>
                <c:pt idx="3810">
                  <c:v>11.958821487441263</c:v>
                </c:pt>
                <c:pt idx="3811">
                  <c:v>11.958821487441263</c:v>
                </c:pt>
                <c:pt idx="3812">
                  <c:v>11.963672531150495</c:v>
                </c:pt>
                <c:pt idx="3813">
                  <c:v>11.963672531150495</c:v>
                </c:pt>
                <c:pt idx="3814">
                  <c:v>11.963672531150495</c:v>
                </c:pt>
                <c:pt idx="3815">
                  <c:v>11.963672531150495</c:v>
                </c:pt>
                <c:pt idx="3816">
                  <c:v>11.963672531150495</c:v>
                </c:pt>
                <c:pt idx="3817">
                  <c:v>11.968523574859601</c:v>
                </c:pt>
                <c:pt idx="3818">
                  <c:v>11.968523574859601</c:v>
                </c:pt>
                <c:pt idx="3819">
                  <c:v>11.968523574859601</c:v>
                </c:pt>
                <c:pt idx="3820">
                  <c:v>11.968523574859601</c:v>
                </c:pt>
                <c:pt idx="3821">
                  <c:v>11.968523574859601</c:v>
                </c:pt>
                <c:pt idx="3822">
                  <c:v>11.968523574859601</c:v>
                </c:pt>
                <c:pt idx="3823">
                  <c:v>11.97323194081266</c:v>
                </c:pt>
                <c:pt idx="3824">
                  <c:v>11.97323194081266</c:v>
                </c:pt>
                <c:pt idx="3825">
                  <c:v>11.97323194081266</c:v>
                </c:pt>
                <c:pt idx="3826">
                  <c:v>11.97323194081266</c:v>
                </c:pt>
                <c:pt idx="3827">
                  <c:v>11.978082984521892</c:v>
                </c:pt>
                <c:pt idx="3828">
                  <c:v>11.978082984521892</c:v>
                </c:pt>
                <c:pt idx="3829">
                  <c:v>11.978082984521892</c:v>
                </c:pt>
                <c:pt idx="3830">
                  <c:v>11.978082984521892</c:v>
                </c:pt>
                <c:pt idx="3831">
                  <c:v>11.978082984521892</c:v>
                </c:pt>
                <c:pt idx="3832">
                  <c:v>11.978082984521892</c:v>
                </c:pt>
                <c:pt idx="3833">
                  <c:v>11.978082984521892</c:v>
                </c:pt>
                <c:pt idx="3834">
                  <c:v>11.978082984521892</c:v>
                </c:pt>
                <c:pt idx="3835">
                  <c:v>11.978082984521892</c:v>
                </c:pt>
                <c:pt idx="3836">
                  <c:v>11.978082984521892</c:v>
                </c:pt>
                <c:pt idx="3837">
                  <c:v>11.978082984521892</c:v>
                </c:pt>
                <c:pt idx="3838">
                  <c:v>11.978082984521892</c:v>
                </c:pt>
                <c:pt idx="3839">
                  <c:v>11.978082984521892</c:v>
                </c:pt>
                <c:pt idx="3840">
                  <c:v>11.978082984521892</c:v>
                </c:pt>
                <c:pt idx="3841">
                  <c:v>11.97323194081266</c:v>
                </c:pt>
                <c:pt idx="3842">
                  <c:v>11.97323194081266</c:v>
                </c:pt>
                <c:pt idx="3843">
                  <c:v>11.97323194081266</c:v>
                </c:pt>
                <c:pt idx="3844">
                  <c:v>11.97323194081266</c:v>
                </c:pt>
                <c:pt idx="3845">
                  <c:v>11.978082984521892</c:v>
                </c:pt>
                <c:pt idx="3846">
                  <c:v>11.978082984521892</c:v>
                </c:pt>
                <c:pt idx="3847">
                  <c:v>11.978082984521892</c:v>
                </c:pt>
                <c:pt idx="3848">
                  <c:v>11.978082984521892</c:v>
                </c:pt>
                <c:pt idx="3849">
                  <c:v>11.978082984521892</c:v>
                </c:pt>
                <c:pt idx="3850">
                  <c:v>11.978082984521892</c:v>
                </c:pt>
                <c:pt idx="3851">
                  <c:v>11.978082984521892</c:v>
                </c:pt>
                <c:pt idx="3852">
                  <c:v>11.978082984521892</c:v>
                </c:pt>
                <c:pt idx="3853">
                  <c:v>11.978082984521892</c:v>
                </c:pt>
                <c:pt idx="3854">
                  <c:v>11.978082984521892</c:v>
                </c:pt>
                <c:pt idx="3855">
                  <c:v>11.978082984521892</c:v>
                </c:pt>
                <c:pt idx="3856">
                  <c:v>11.978082984521892</c:v>
                </c:pt>
                <c:pt idx="3857">
                  <c:v>11.978082984521892</c:v>
                </c:pt>
                <c:pt idx="3858">
                  <c:v>11.978082984521892</c:v>
                </c:pt>
                <c:pt idx="3859">
                  <c:v>11.978082984521892</c:v>
                </c:pt>
                <c:pt idx="3860">
                  <c:v>11.982934028231124</c:v>
                </c:pt>
                <c:pt idx="3861">
                  <c:v>11.982934028231124</c:v>
                </c:pt>
                <c:pt idx="3862">
                  <c:v>11.982934028231124</c:v>
                </c:pt>
                <c:pt idx="3863">
                  <c:v>11.987642394184059</c:v>
                </c:pt>
                <c:pt idx="3864">
                  <c:v>11.987642394184059</c:v>
                </c:pt>
                <c:pt idx="3865">
                  <c:v>11.987642394184059</c:v>
                </c:pt>
                <c:pt idx="3866">
                  <c:v>11.992493437893291</c:v>
                </c:pt>
                <c:pt idx="3867">
                  <c:v>11.992493437893291</c:v>
                </c:pt>
                <c:pt idx="3868">
                  <c:v>11.992493437893291</c:v>
                </c:pt>
                <c:pt idx="3869">
                  <c:v>11.992493437893291</c:v>
                </c:pt>
                <c:pt idx="3870">
                  <c:v>11.997344481602523</c:v>
                </c:pt>
                <c:pt idx="3871">
                  <c:v>11.997344481602523</c:v>
                </c:pt>
                <c:pt idx="3872">
                  <c:v>11.997344481602523</c:v>
                </c:pt>
                <c:pt idx="3873">
                  <c:v>12.002195525311627</c:v>
                </c:pt>
                <c:pt idx="3874">
                  <c:v>12.002195525311627</c:v>
                </c:pt>
                <c:pt idx="3875">
                  <c:v>12.002195525311627</c:v>
                </c:pt>
                <c:pt idx="3876">
                  <c:v>12.002195525311627</c:v>
                </c:pt>
                <c:pt idx="3877">
                  <c:v>12.002195525311627</c:v>
                </c:pt>
                <c:pt idx="3878">
                  <c:v>12.002195525311627</c:v>
                </c:pt>
                <c:pt idx="3879">
                  <c:v>12.006903891264688</c:v>
                </c:pt>
                <c:pt idx="3880">
                  <c:v>12.006903891264688</c:v>
                </c:pt>
                <c:pt idx="3881">
                  <c:v>12.006903891264688</c:v>
                </c:pt>
                <c:pt idx="3882">
                  <c:v>12.006903891264688</c:v>
                </c:pt>
                <c:pt idx="3883">
                  <c:v>12.006903891264688</c:v>
                </c:pt>
                <c:pt idx="3884">
                  <c:v>12.006903891264688</c:v>
                </c:pt>
                <c:pt idx="3885">
                  <c:v>12.01175493497392</c:v>
                </c:pt>
                <c:pt idx="3886">
                  <c:v>12.01175493497392</c:v>
                </c:pt>
                <c:pt idx="3887">
                  <c:v>12.01175493497392</c:v>
                </c:pt>
                <c:pt idx="3888">
                  <c:v>12.01175493497392</c:v>
                </c:pt>
                <c:pt idx="3889">
                  <c:v>12.01175493497392</c:v>
                </c:pt>
                <c:pt idx="3890">
                  <c:v>12.01175493497392</c:v>
                </c:pt>
                <c:pt idx="3891">
                  <c:v>12.016605978683026</c:v>
                </c:pt>
                <c:pt idx="3892">
                  <c:v>12.016605978683026</c:v>
                </c:pt>
                <c:pt idx="3893">
                  <c:v>12.016605978683026</c:v>
                </c:pt>
                <c:pt idx="3894">
                  <c:v>12.016605978683026</c:v>
                </c:pt>
                <c:pt idx="3895">
                  <c:v>12.016605978683026</c:v>
                </c:pt>
                <c:pt idx="3896">
                  <c:v>12.016605978683026</c:v>
                </c:pt>
                <c:pt idx="3897">
                  <c:v>12.016605978683026</c:v>
                </c:pt>
                <c:pt idx="3898">
                  <c:v>12.016605978683026</c:v>
                </c:pt>
                <c:pt idx="3899">
                  <c:v>12.016605978683026</c:v>
                </c:pt>
                <c:pt idx="3900">
                  <c:v>12.016605978683026</c:v>
                </c:pt>
                <c:pt idx="3901">
                  <c:v>12.016605978683026</c:v>
                </c:pt>
                <c:pt idx="3902">
                  <c:v>12.021314344636087</c:v>
                </c:pt>
                <c:pt idx="3903">
                  <c:v>12.021314344636087</c:v>
                </c:pt>
                <c:pt idx="3904">
                  <c:v>12.021314344636087</c:v>
                </c:pt>
                <c:pt idx="3905">
                  <c:v>12.021314344636087</c:v>
                </c:pt>
                <c:pt idx="3906">
                  <c:v>12.026165388345317</c:v>
                </c:pt>
                <c:pt idx="3907">
                  <c:v>12.021314344636087</c:v>
                </c:pt>
                <c:pt idx="3908">
                  <c:v>12.021314344636087</c:v>
                </c:pt>
                <c:pt idx="3909">
                  <c:v>12.021314344636087</c:v>
                </c:pt>
                <c:pt idx="3910">
                  <c:v>12.026165388345317</c:v>
                </c:pt>
                <c:pt idx="3911">
                  <c:v>12.021314344636087</c:v>
                </c:pt>
                <c:pt idx="3912">
                  <c:v>12.026165388345317</c:v>
                </c:pt>
                <c:pt idx="3913">
                  <c:v>12.026165388345317</c:v>
                </c:pt>
                <c:pt idx="3914">
                  <c:v>12.026165388345317</c:v>
                </c:pt>
                <c:pt idx="3915">
                  <c:v>12.026165388345317</c:v>
                </c:pt>
                <c:pt idx="3916">
                  <c:v>12.03101643205455</c:v>
                </c:pt>
                <c:pt idx="3917">
                  <c:v>12.03101643205455</c:v>
                </c:pt>
                <c:pt idx="3918">
                  <c:v>12.03101643205455</c:v>
                </c:pt>
                <c:pt idx="3919">
                  <c:v>12.03101643205455</c:v>
                </c:pt>
                <c:pt idx="3920">
                  <c:v>12.03101643205455</c:v>
                </c:pt>
                <c:pt idx="3921">
                  <c:v>12.035724798007484</c:v>
                </c:pt>
                <c:pt idx="3922">
                  <c:v>12.035724798007484</c:v>
                </c:pt>
                <c:pt idx="3923">
                  <c:v>12.035724798007484</c:v>
                </c:pt>
                <c:pt idx="3924">
                  <c:v>12.035724798007484</c:v>
                </c:pt>
                <c:pt idx="3925">
                  <c:v>12.035724798007484</c:v>
                </c:pt>
                <c:pt idx="3926">
                  <c:v>12.035724798007484</c:v>
                </c:pt>
                <c:pt idx="3927">
                  <c:v>12.035724798007484</c:v>
                </c:pt>
                <c:pt idx="3928">
                  <c:v>12.035724798007484</c:v>
                </c:pt>
                <c:pt idx="3929">
                  <c:v>12.035724798007484</c:v>
                </c:pt>
                <c:pt idx="3930">
                  <c:v>12.035724798007484</c:v>
                </c:pt>
                <c:pt idx="3931">
                  <c:v>12.035724798007484</c:v>
                </c:pt>
                <c:pt idx="3932">
                  <c:v>12.040575841716716</c:v>
                </c:pt>
                <c:pt idx="3933">
                  <c:v>12.040575841716716</c:v>
                </c:pt>
                <c:pt idx="3934">
                  <c:v>12.040575841716716</c:v>
                </c:pt>
                <c:pt idx="3935">
                  <c:v>12.045426885425949</c:v>
                </c:pt>
                <c:pt idx="3936">
                  <c:v>12.045426885425949</c:v>
                </c:pt>
                <c:pt idx="3937">
                  <c:v>12.045426885425949</c:v>
                </c:pt>
                <c:pt idx="3938">
                  <c:v>12.045426885425949</c:v>
                </c:pt>
                <c:pt idx="3939">
                  <c:v>12.045426885425949</c:v>
                </c:pt>
                <c:pt idx="3940">
                  <c:v>12.045426885425949</c:v>
                </c:pt>
                <c:pt idx="3941">
                  <c:v>12.050135251378881</c:v>
                </c:pt>
                <c:pt idx="3942">
                  <c:v>12.050135251378881</c:v>
                </c:pt>
                <c:pt idx="3943">
                  <c:v>12.050135251378881</c:v>
                </c:pt>
                <c:pt idx="3944">
                  <c:v>12.050135251378881</c:v>
                </c:pt>
                <c:pt idx="3945">
                  <c:v>12.050135251378881</c:v>
                </c:pt>
                <c:pt idx="3946">
                  <c:v>12.050135251378881</c:v>
                </c:pt>
                <c:pt idx="3947">
                  <c:v>12.050135251378881</c:v>
                </c:pt>
                <c:pt idx="3948">
                  <c:v>12.050135251378881</c:v>
                </c:pt>
                <c:pt idx="3949">
                  <c:v>12.050135251378881</c:v>
                </c:pt>
                <c:pt idx="3950">
                  <c:v>12.050135251378881</c:v>
                </c:pt>
                <c:pt idx="3951">
                  <c:v>12.050135251378881</c:v>
                </c:pt>
                <c:pt idx="3952">
                  <c:v>12.054986295088113</c:v>
                </c:pt>
                <c:pt idx="3953">
                  <c:v>12.054986295088113</c:v>
                </c:pt>
                <c:pt idx="3954">
                  <c:v>12.054986295088113</c:v>
                </c:pt>
                <c:pt idx="3955">
                  <c:v>12.054986295088113</c:v>
                </c:pt>
                <c:pt idx="3956">
                  <c:v>12.059837338797346</c:v>
                </c:pt>
                <c:pt idx="3957">
                  <c:v>12.059837338797346</c:v>
                </c:pt>
                <c:pt idx="3958">
                  <c:v>12.059837338797346</c:v>
                </c:pt>
                <c:pt idx="3959">
                  <c:v>12.059837338797346</c:v>
                </c:pt>
                <c:pt idx="3960">
                  <c:v>12.059837338797346</c:v>
                </c:pt>
                <c:pt idx="3961">
                  <c:v>12.059837338797346</c:v>
                </c:pt>
                <c:pt idx="3962">
                  <c:v>12.059837338797346</c:v>
                </c:pt>
                <c:pt idx="3963">
                  <c:v>12.059837338797346</c:v>
                </c:pt>
                <c:pt idx="3964">
                  <c:v>12.059837338797346</c:v>
                </c:pt>
                <c:pt idx="3965">
                  <c:v>12.059837338797346</c:v>
                </c:pt>
                <c:pt idx="3966">
                  <c:v>12.059837338797346</c:v>
                </c:pt>
                <c:pt idx="3967">
                  <c:v>12.059837338797346</c:v>
                </c:pt>
                <c:pt idx="3968">
                  <c:v>12.059837338797346</c:v>
                </c:pt>
                <c:pt idx="3969">
                  <c:v>12.059837338797346</c:v>
                </c:pt>
                <c:pt idx="3970">
                  <c:v>12.064545704750406</c:v>
                </c:pt>
                <c:pt idx="3971">
                  <c:v>12.064545704750406</c:v>
                </c:pt>
                <c:pt idx="3972">
                  <c:v>12.064545704750406</c:v>
                </c:pt>
                <c:pt idx="3973">
                  <c:v>12.069396748459512</c:v>
                </c:pt>
                <c:pt idx="3974">
                  <c:v>12.069396748459512</c:v>
                </c:pt>
                <c:pt idx="3975">
                  <c:v>12.069396748459512</c:v>
                </c:pt>
                <c:pt idx="3976">
                  <c:v>12.069396748459512</c:v>
                </c:pt>
                <c:pt idx="3977">
                  <c:v>12.069396748459512</c:v>
                </c:pt>
                <c:pt idx="3978">
                  <c:v>12.069396748459512</c:v>
                </c:pt>
                <c:pt idx="3979">
                  <c:v>12.069396748459512</c:v>
                </c:pt>
                <c:pt idx="3980">
                  <c:v>12.069396748459512</c:v>
                </c:pt>
                <c:pt idx="3981">
                  <c:v>12.069396748459512</c:v>
                </c:pt>
                <c:pt idx="3982">
                  <c:v>12.069396748459512</c:v>
                </c:pt>
                <c:pt idx="3983">
                  <c:v>12.069396748459512</c:v>
                </c:pt>
                <c:pt idx="3984">
                  <c:v>12.069396748459512</c:v>
                </c:pt>
                <c:pt idx="3985">
                  <c:v>12.074247792168745</c:v>
                </c:pt>
                <c:pt idx="3986">
                  <c:v>12.074247792168745</c:v>
                </c:pt>
                <c:pt idx="3987">
                  <c:v>12.074247792168745</c:v>
                </c:pt>
                <c:pt idx="3988">
                  <c:v>12.074247792168745</c:v>
                </c:pt>
                <c:pt idx="3989">
                  <c:v>12.078956158121803</c:v>
                </c:pt>
                <c:pt idx="3990">
                  <c:v>12.078956158121803</c:v>
                </c:pt>
                <c:pt idx="3991">
                  <c:v>12.078956158121803</c:v>
                </c:pt>
                <c:pt idx="3992">
                  <c:v>12.078956158121803</c:v>
                </c:pt>
                <c:pt idx="3993">
                  <c:v>12.078956158121803</c:v>
                </c:pt>
                <c:pt idx="3994">
                  <c:v>12.08380720183091</c:v>
                </c:pt>
                <c:pt idx="3995">
                  <c:v>12.08380720183091</c:v>
                </c:pt>
                <c:pt idx="3996">
                  <c:v>12.08380720183091</c:v>
                </c:pt>
                <c:pt idx="3997">
                  <c:v>12.08380720183091</c:v>
                </c:pt>
                <c:pt idx="3998">
                  <c:v>12.08380720183091</c:v>
                </c:pt>
                <c:pt idx="3999">
                  <c:v>12.088658245540142</c:v>
                </c:pt>
                <c:pt idx="4000">
                  <c:v>12.088658245540142</c:v>
                </c:pt>
                <c:pt idx="4001">
                  <c:v>12.088658245540142</c:v>
                </c:pt>
                <c:pt idx="4002">
                  <c:v>12.093366611493202</c:v>
                </c:pt>
                <c:pt idx="4003">
                  <c:v>12.093366611493202</c:v>
                </c:pt>
                <c:pt idx="4004">
                  <c:v>12.098217655202308</c:v>
                </c:pt>
                <c:pt idx="4005">
                  <c:v>12.098217655202308</c:v>
                </c:pt>
                <c:pt idx="4006">
                  <c:v>12.098217655202308</c:v>
                </c:pt>
                <c:pt idx="4007">
                  <c:v>12.103068698911539</c:v>
                </c:pt>
                <c:pt idx="4008">
                  <c:v>12.103068698911539</c:v>
                </c:pt>
                <c:pt idx="4009">
                  <c:v>12.103068698911539</c:v>
                </c:pt>
                <c:pt idx="4010">
                  <c:v>12.103068698911539</c:v>
                </c:pt>
                <c:pt idx="4011">
                  <c:v>12.103068698911539</c:v>
                </c:pt>
                <c:pt idx="4012">
                  <c:v>12.103068698911539</c:v>
                </c:pt>
                <c:pt idx="4013">
                  <c:v>12.107777064864599</c:v>
                </c:pt>
                <c:pt idx="4014">
                  <c:v>12.107777064864599</c:v>
                </c:pt>
                <c:pt idx="4015">
                  <c:v>12.107777064864599</c:v>
                </c:pt>
                <c:pt idx="4016">
                  <c:v>12.107777064864599</c:v>
                </c:pt>
                <c:pt idx="4017">
                  <c:v>12.112628108573706</c:v>
                </c:pt>
                <c:pt idx="4018">
                  <c:v>12.112628108573706</c:v>
                </c:pt>
                <c:pt idx="4019">
                  <c:v>12.112628108573706</c:v>
                </c:pt>
                <c:pt idx="4020">
                  <c:v>12.112628108573706</c:v>
                </c:pt>
                <c:pt idx="4021">
                  <c:v>12.112628108573706</c:v>
                </c:pt>
                <c:pt idx="4022">
                  <c:v>12.112628108573706</c:v>
                </c:pt>
                <c:pt idx="4023">
                  <c:v>12.112628108573706</c:v>
                </c:pt>
                <c:pt idx="4024">
                  <c:v>12.112628108573706</c:v>
                </c:pt>
                <c:pt idx="4025">
                  <c:v>12.112628108573706</c:v>
                </c:pt>
                <c:pt idx="4026">
                  <c:v>12.112628108573706</c:v>
                </c:pt>
                <c:pt idx="4027">
                  <c:v>12.112628108573706</c:v>
                </c:pt>
                <c:pt idx="4028">
                  <c:v>12.112628108573706</c:v>
                </c:pt>
                <c:pt idx="4029">
                  <c:v>12.117479152282938</c:v>
                </c:pt>
                <c:pt idx="4030">
                  <c:v>12.117479152282938</c:v>
                </c:pt>
                <c:pt idx="4031">
                  <c:v>12.117479152282938</c:v>
                </c:pt>
                <c:pt idx="4032">
                  <c:v>12.117479152282938</c:v>
                </c:pt>
                <c:pt idx="4033">
                  <c:v>12.122187518235998</c:v>
                </c:pt>
                <c:pt idx="4034">
                  <c:v>12.122187518235998</c:v>
                </c:pt>
                <c:pt idx="4035">
                  <c:v>12.122187518235998</c:v>
                </c:pt>
                <c:pt idx="4036">
                  <c:v>12.122187518235998</c:v>
                </c:pt>
                <c:pt idx="4037">
                  <c:v>12.127038561945229</c:v>
                </c:pt>
                <c:pt idx="4038">
                  <c:v>12.127038561945229</c:v>
                </c:pt>
                <c:pt idx="4039">
                  <c:v>12.127038561945229</c:v>
                </c:pt>
                <c:pt idx="4040">
                  <c:v>12.131889605654335</c:v>
                </c:pt>
                <c:pt idx="4041">
                  <c:v>12.131889605654335</c:v>
                </c:pt>
                <c:pt idx="4042">
                  <c:v>12.131889605654335</c:v>
                </c:pt>
                <c:pt idx="4043">
                  <c:v>12.136597971607396</c:v>
                </c:pt>
                <c:pt idx="4044">
                  <c:v>12.136597971607396</c:v>
                </c:pt>
                <c:pt idx="4045">
                  <c:v>12.136597971607396</c:v>
                </c:pt>
                <c:pt idx="4046">
                  <c:v>12.141449015316628</c:v>
                </c:pt>
                <c:pt idx="4047">
                  <c:v>12.141449015316628</c:v>
                </c:pt>
                <c:pt idx="4048">
                  <c:v>12.141449015316628</c:v>
                </c:pt>
                <c:pt idx="4049">
                  <c:v>12.146300059025734</c:v>
                </c:pt>
                <c:pt idx="4050">
                  <c:v>12.146300059025734</c:v>
                </c:pt>
                <c:pt idx="4051">
                  <c:v>12.146300059025734</c:v>
                </c:pt>
                <c:pt idx="4052">
                  <c:v>12.151008424978793</c:v>
                </c:pt>
                <c:pt idx="4053">
                  <c:v>12.151008424978793</c:v>
                </c:pt>
                <c:pt idx="4054">
                  <c:v>12.151008424978793</c:v>
                </c:pt>
                <c:pt idx="4055">
                  <c:v>12.155859468688025</c:v>
                </c:pt>
                <c:pt idx="4056">
                  <c:v>12.155859468688025</c:v>
                </c:pt>
                <c:pt idx="4057">
                  <c:v>12.155859468688025</c:v>
                </c:pt>
                <c:pt idx="4058">
                  <c:v>12.155859468688025</c:v>
                </c:pt>
                <c:pt idx="4059">
                  <c:v>12.160710512397131</c:v>
                </c:pt>
                <c:pt idx="4060">
                  <c:v>12.160710512397131</c:v>
                </c:pt>
                <c:pt idx="4061">
                  <c:v>12.160710512397131</c:v>
                </c:pt>
                <c:pt idx="4062">
                  <c:v>12.160710512397131</c:v>
                </c:pt>
                <c:pt idx="4063">
                  <c:v>12.160710512397131</c:v>
                </c:pt>
                <c:pt idx="4064">
                  <c:v>12.160710512397131</c:v>
                </c:pt>
                <c:pt idx="4065">
                  <c:v>12.160710512397131</c:v>
                </c:pt>
                <c:pt idx="4066">
                  <c:v>12.160710512397131</c:v>
                </c:pt>
                <c:pt idx="4067">
                  <c:v>12.160710512397131</c:v>
                </c:pt>
                <c:pt idx="4068">
                  <c:v>12.160710512397131</c:v>
                </c:pt>
                <c:pt idx="4069">
                  <c:v>12.160710512397131</c:v>
                </c:pt>
                <c:pt idx="4070">
                  <c:v>12.160710512397131</c:v>
                </c:pt>
                <c:pt idx="4071">
                  <c:v>12.160710512397131</c:v>
                </c:pt>
                <c:pt idx="4072">
                  <c:v>12.160710512397131</c:v>
                </c:pt>
                <c:pt idx="4073">
                  <c:v>12.160710512397131</c:v>
                </c:pt>
                <c:pt idx="4074">
                  <c:v>12.160710512397131</c:v>
                </c:pt>
                <c:pt idx="4075">
                  <c:v>12.160710512397131</c:v>
                </c:pt>
                <c:pt idx="4076">
                  <c:v>12.160710512397131</c:v>
                </c:pt>
                <c:pt idx="4077">
                  <c:v>12.160710512397131</c:v>
                </c:pt>
                <c:pt idx="4078">
                  <c:v>12.160710512397131</c:v>
                </c:pt>
                <c:pt idx="4079">
                  <c:v>12.160710512397131</c:v>
                </c:pt>
                <c:pt idx="4080">
                  <c:v>12.160710512397131</c:v>
                </c:pt>
                <c:pt idx="4081">
                  <c:v>12.165418878350192</c:v>
                </c:pt>
                <c:pt idx="4082">
                  <c:v>12.165418878350192</c:v>
                </c:pt>
                <c:pt idx="4083">
                  <c:v>12.165418878350192</c:v>
                </c:pt>
                <c:pt idx="4084">
                  <c:v>12.165418878350192</c:v>
                </c:pt>
                <c:pt idx="4085">
                  <c:v>12.165418878350192</c:v>
                </c:pt>
                <c:pt idx="4086">
                  <c:v>12.165418878350192</c:v>
                </c:pt>
                <c:pt idx="4087">
                  <c:v>12.165418878350192</c:v>
                </c:pt>
                <c:pt idx="4088">
                  <c:v>12.165418878350192</c:v>
                </c:pt>
                <c:pt idx="4089">
                  <c:v>12.165418878350192</c:v>
                </c:pt>
                <c:pt idx="4090">
                  <c:v>12.165418878350192</c:v>
                </c:pt>
                <c:pt idx="4091">
                  <c:v>12.165418878350192</c:v>
                </c:pt>
                <c:pt idx="4092">
                  <c:v>12.165418878350192</c:v>
                </c:pt>
                <c:pt idx="4093">
                  <c:v>12.165418878350192</c:v>
                </c:pt>
                <c:pt idx="4094">
                  <c:v>12.165418878350192</c:v>
                </c:pt>
                <c:pt idx="4095">
                  <c:v>12.165418878350192</c:v>
                </c:pt>
                <c:pt idx="4096">
                  <c:v>12.170269922059424</c:v>
                </c:pt>
                <c:pt idx="4097">
                  <c:v>12.170269922059424</c:v>
                </c:pt>
                <c:pt idx="4098">
                  <c:v>12.170269922059424</c:v>
                </c:pt>
                <c:pt idx="4099">
                  <c:v>12.170269922059424</c:v>
                </c:pt>
                <c:pt idx="4100">
                  <c:v>12.170269922059424</c:v>
                </c:pt>
                <c:pt idx="4101">
                  <c:v>12.175120965768658</c:v>
                </c:pt>
                <c:pt idx="4102">
                  <c:v>12.175120965768658</c:v>
                </c:pt>
                <c:pt idx="4103">
                  <c:v>12.175120965768658</c:v>
                </c:pt>
                <c:pt idx="4104">
                  <c:v>12.175120965768658</c:v>
                </c:pt>
                <c:pt idx="4105">
                  <c:v>12.175120965768658</c:v>
                </c:pt>
                <c:pt idx="4106">
                  <c:v>12.175120965768658</c:v>
                </c:pt>
                <c:pt idx="4107">
                  <c:v>12.175120965768658</c:v>
                </c:pt>
                <c:pt idx="4108">
                  <c:v>12.179972009477762</c:v>
                </c:pt>
                <c:pt idx="4109">
                  <c:v>12.179972009477762</c:v>
                </c:pt>
                <c:pt idx="4110">
                  <c:v>12.179972009477762</c:v>
                </c:pt>
                <c:pt idx="4111">
                  <c:v>12.179972009477762</c:v>
                </c:pt>
                <c:pt idx="4112">
                  <c:v>12.184680375430821</c:v>
                </c:pt>
                <c:pt idx="4113">
                  <c:v>12.184680375430821</c:v>
                </c:pt>
                <c:pt idx="4114">
                  <c:v>12.189531419140055</c:v>
                </c:pt>
                <c:pt idx="4115">
                  <c:v>12.189531419140055</c:v>
                </c:pt>
                <c:pt idx="4116">
                  <c:v>12.189531419140055</c:v>
                </c:pt>
                <c:pt idx="4117">
                  <c:v>12.194382462849161</c:v>
                </c:pt>
                <c:pt idx="4118">
                  <c:v>12.194382462849161</c:v>
                </c:pt>
                <c:pt idx="4119">
                  <c:v>12.194382462849161</c:v>
                </c:pt>
                <c:pt idx="4120">
                  <c:v>12.19909082880222</c:v>
                </c:pt>
                <c:pt idx="4121">
                  <c:v>12.19909082880222</c:v>
                </c:pt>
                <c:pt idx="4122">
                  <c:v>12.19909082880222</c:v>
                </c:pt>
                <c:pt idx="4123">
                  <c:v>12.19909082880222</c:v>
                </c:pt>
                <c:pt idx="4124">
                  <c:v>12.203941872511452</c:v>
                </c:pt>
                <c:pt idx="4125">
                  <c:v>12.203941872511452</c:v>
                </c:pt>
                <c:pt idx="4126">
                  <c:v>12.203941872511452</c:v>
                </c:pt>
                <c:pt idx="4127">
                  <c:v>12.203941872511452</c:v>
                </c:pt>
                <c:pt idx="4128">
                  <c:v>12.203941872511452</c:v>
                </c:pt>
                <c:pt idx="4129">
                  <c:v>12.208792916220558</c:v>
                </c:pt>
                <c:pt idx="4130">
                  <c:v>12.208792916220558</c:v>
                </c:pt>
                <c:pt idx="4131">
                  <c:v>12.208792916220558</c:v>
                </c:pt>
                <c:pt idx="4132">
                  <c:v>12.208792916220558</c:v>
                </c:pt>
                <c:pt idx="4133">
                  <c:v>12.208792916220558</c:v>
                </c:pt>
                <c:pt idx="4134">
                  <c:v>12.208792916220558</c:v>
                </c:pt>
                <c:pt idx="4135">
                  <c:v>12.208792916220558</c:v>
                </c:pt>
                <c:pt idx="4136">
                  <c:v>12.213501282173617</c:v>
                </c:pt>
                <c:pt idx="4137">
                  <c:v>12.213501282173617</c:v>
                </c:pt>
                <c:pt idx="4138">
                  <c:v>12.213501282173617</c:v>
                </c:pt>
                <c:pt idx="4139">
                  <c:v>12.213501282173617</c:v>
                </c:pt>
                <c:pt idx="4140">
                  <c:v>12.213501282173617</c:v>
                </c:pt>
                <c:pt idx="4141">
                  <c:v>12.213501282173617</c:v>
                </c:pt>
                <c:pt idx="4142">
                  <c:v>12.218352325882851</c:v>
                </c:pt>
                <c:pt idx="4143">
                  <c:v>12.218352325882851</c:v>
                </c:pt>
                <c:pt idx="4144">
                  <c:v>12.218352325882851</c:v>
                </c:pt>
                <c:pt idx="4145">
                  <c:v>12.218352325882851</c:v>
                </c:pt>
                <c:pt idx="4146">
                  <c:v>12.218352325882851</c:v>
                </c:pt>
                <c:pt idx="4147">
                  <c:v>12.218352325882851</c:v>
                </c:pt>
                <c:pt idx="4148">
                  <c:v>12.218352325882851</c:v>
                </c:pt>
                <c:pt idx="4149">
                  <c:v>12.218352325882851</c:v>
                </c:pt>
                <c:pt idx="4150">
                  <c:v>12.218352325882851</c:v>
                </c:pt>
                <c:pt idx="4151">
                  <c:v>12.223203369592083</c:v>
                </c:pt>
                <c:pt idx="4152">
                  <c:v>12.223203369592083</c:v>
                </c:pt>
                <c:pt idx="4153">
                  <c:v>12.223203369592083</c:v>
                </c:pt>
                <c:pt idx="4154">
                  <c:v>12.223203369592083</c:v>
                </c:pt>
                <c:pt idx="4155">
                  <c:v>12.223203369592083</c:v>
                </c:pt>
                <c:pt idx="4156">
                  <c:v>12.227911735545014</c:v>
                </c:pt>
                <c:pt idx="4157">
                  <c:v>12.227911735545014</c:v>
                </c:pt>
                <c:pt idx="4158">
                  <c:v>12.227911735545014</c:v>
                </c:pt>
                <c:pt idx="4159">
                  <c:v>12.227911735545014</c:v>
                </c:pt>
                <c:pt idx="4160">
                  <c:v>12.232762779254248</c:v>
                </c:pt>
                <c:pt idx="4161">
                  <c:v>12.232762779254248</c:v>
                </c:pt>
                <c:pt idx="4162">
                  <c:v>12.232762779254248</c:v>
                </c:pt>
                <c:pt idx="4163">
                  <c:v>12.232762779254248</c:v>
                </c:pt>
                <c:pt idx="4164">
                  <c:v>12.227911735545014</c:v>
                </c:pt>
                <c:pt idx="4165">
                  <c:v>12.227911735545014</c:v>
                </c:pt>
                <c:pt idx="4166">
                  <c:v>12.227911735545014</c:v>
                </c:pt>
                <c:pt idx="4167">
                  <c:v>12.232762779254248</c:v>
                </c:pt>
                <c:pt idx="4168">
                  <c:v>12.232762779254248</c:v>
                </c:pt>
                <c:pt idx="4169">
                  <c:v>12.232762779254248</c:v>
                </c:pt>
                <c:pt idx="4170">
                  <c:v>12.232762779254248</c:v>
                </c:pt>
                <c:pt idx="4171">
                  <c:v>12.232762779254248</c:v>
                </c:pt>
                <c:pt idx="4172">
                  <c:v>12.232762779254248</c:v>
                </c:pt>
                <c:pt idx="4173">
                  <c:v>12.232762779254248</c:v>
                </c:pt>
                <c:pt idx="4174">
                  <c:v>12.23761382296348</c:v>
                </c:pt>
                <c:pt idx="4175">
                  <c:v>12.23761382296348</c:v>
                </c:pt>
                <c:pt idx="4176">
                  <c:v>12.23761382296348</c:v>
                </c:pt>
                <c:pt idx="4177">
                  <c:v>12.23761382296348</c:v>
                </c:pt>
                <c:pt idx="4178">
                  <c:v>12.242322188916413</c:v>
                </c:pt>
                <c:pt idx="4179">
                  <c:v>12.242322188916413</c:v>
                </c:pt>
                <c:pt idx="4180">
                  <c:v>12.242322188916413</c:v>
                </c:pt>
                <c:pt idx="4181">
                  <c:v>12.242322188916413</c:v>
                </c:pt>
                <c:pt idx="4182">
                  <c:v>12.242322188916413</c:v>
                </c:pt>
                <c:pt idx="4183">
                  <c:v>12.242322188916413</c:v>
                </c:pt>
                <c:pt idx="4184">
                  <c:v>12.242322188916413</c:v>
                </c:pt>
                <c:pt idx="4185">
                  <c:v>12.247173232625647</c:v>
                </c:pt>
                <c:pt idx="4186">
                  <c:v>12.247173232625647</c:v>
                </c:pt>
                <c:pt idx="4187">
                  <c:v>12.247173232625647</c:v>
                </c:pt>
                <c:pt idx="4188">
                  <c:v>12.252024276334879</c:v>
                </c:pt>
                <c:pt idx="4189">
                  <c:v>12.256732642287938</c:v>
                </c:pt>
                <c:pt idx="4190">
                  <c:v>12.256732642287938</c:v>
                </c:pt>
                <c:pt idx="4191">
                  <c:v>12.261583685997044</c:v>
                </c:pt>
                <c:pt idx="4192">
                  <c:v>12.261583685997044</c:v>
                </c:pt>
                <c:pt idx="4193">
                  <c:v>12.261583685997044</c:v>
                </c:pt>
                <c:pt idx="4194">
                  <c:v>12.261583685997044</c:v>
                </c:pt>
                <c:pt idx="4195">
                  <c:v>12.261583685997044</c:v>
                </c:pt>
                <c:pt idx="4196">
                  <c:v>12.266434729706276</c:v>
                </c:pt>
                <c:pt idx="4197">
                  <c:v>12.266434729706276</c:v>
                </c:pt>
                <c:pt idx="4198">
                  <c:v>12.271143095659337</c:v>
                </c:pt>
                <c:pt idx="4199">
                  <c:v>12.271143095659337</c:v>
                </c:pt>
                <c:pt idx="4200">
                  <c:v>12.275994139368443</c:v>
                </c:pt>
                <c:pt idx="4201">
                  <c:v>12.275994139368443</c:v>
                </c:pt>
                <c:pt idx="4202">
                  <c:v>12.275994139368443</c:v>
                </c:pt>
                <c:pt idx="4203">
                  <c:v>12.275994139368443</c:v>
                </c:pt>
                <c:pt idx="4204">
                  <c:v>12.280845183077673</c:v>
                </c:pt>
                <c:pt idx="4205">
                  <c:v>12.280845183077673</c:v>
                </c:pt>
                <c:pt idx="4206">
                  <c:v>12.280845183077673</c:v>
                </c:pt>
                <c:pt idx="4207">
                  <c:v>12.285553549030734</c:v>
                </c:pt>
                <c:pt idx="4208">
                  <c:v>12.285553549030734</c:v>
                </c:pt>
                <c:pt idx="4209">
                  <c:v>12.285553549030734</c:v>
                </c:pt>
                <c:pt idx="4210">
                  <c:v>12.285553549030734</c:v>
                </c:pt>
                <c:pt idx="4211">
                  <c:v>12.285553549030734</c:v>
                </c:pt>
                <c:pt idx="4212">
                  <c:v>12.285553549030734</c:v>
                </c:pt>
                <c:pt idx="4213">
                  <c:v>12.285553549030734</c:v>
                </c:pt>
                <c:pt idx="4214">
                  <c:v>12.280845183077673</c:v>
                </c:pt>
                <c:pt idx="4215">
                  <c:v>12.280845183077673</c:v>
                </c:pt>
                <c:pt idx="4216">
                  <c:v>12.280845183077673</c:v>
                </c:pt>
                <c:pt idx="4217">
                  <c:v>12.285553549030734</c:v>
                </c:pt>
                <c:pt idx="4218">
                  <c:v>12.285553549030734</c:v>
                </c:pt>
                <c:pt idx="4219">
                  <c:v>12.285553549030734</c:v>
                </c:pt>
                <c:pt idx="4220">
                  <c:v>12.285553549030734</c:v>
                </c:pt>
                <c:pt idx="4221">
                  <c:v>12.285553549030734</c:v>
                </c:pt>
                <c:pt idx="4222">
                  <c:v>12.285553549030734</c:v>
                </c:pt>
                <c:pt idx="4223">
                  <c:v>12.285553549030734</c:v>
                </c:pt>
                <c:pt idx="4224">
                  <c:v>12.285553549030734</c:v>
                </c:pt>
                <c:pt idx="4225">
                  <c:v>12.285553549030734</c:v>
                </c:pt>
                <c:pt idx="4226">
                  <c:v>12.285553549030734</c:v>
                </c:pt>
                <c:pt idx="4227">
                  <c:v>12.280845183077673</c:v>
                </c:pt>
                <c:pt idx="4228">
                  <c:v>12.285553549030734</c:v>
                </c:pt>
                <c:pt idx="4229">
                  <c:v>12.285553549030734</c:v>
                </c:pt>
                <c:pt idx="4230">
                  <c:v>12.280845183077673</c:v>
                </c:pt>
                <c:pt idx="4231">
                  <c:v>12.280845183077673</c:v>
                </c:pt>
                <c:pt idx="4232">
                  <c:v>12.280845183077673</c:v>
                </c:pt>
                <c:pt idx="4233">
                  <c:v>12.285553549030734</c:v>
                </c:pt>
                <c:pt idx="4234">
                  <c:v>12.285553549030734</c:v>
                </c:pt>
                <c:pt idx="4235">
                  <c:v>12.285553549030734</c:v>
                </c:pt>
                <c:pt idx="4236">
                  <c:v>12.285553549030734</c:v>
                </c:pt>
                <c:pt idx="4237">
                  <c:v>12.29040459273984</c:v>
                </c:pt>
                <c:pt idx="4238">
                  <c:v>12.29040459273984</c:v>
                </c:pt>
                <c:pt idx="4239">
                  <c:v>12.29040459273984</c:v>
                </c:pt>
                <c:pt idx="4240">
                  <c:v>12.29040459273984</c:v>
                </c:pt>
                <c:pt idx="4241">
                  <c:v>12.29040459273984</c:v>
                </c:pt>
                <c:pt idx="4242">
                  <c:v>12.29040459273984</c:v>
                </c:pt>
                <c:pt idx="4243">
                  <c:v>12.29040459273984</c:v>
                </c:pt>
                <c:pt idx="4244">
                  <c:v>12.29040459273984</c:v>
                </c:pt>
                <c:pt idx="4245">
                  <c:v>12.29040459273984</c:v>
                </c:pt>
                <c:pt idx="4246">
                  <c:v>12.29040459273984</c:v>
                </c:pt>
                <c:pt idx="4247">
                  <c:v>12.29040459273984</c:v>
                </c:pt>
                <c:pt idx="4248">
                  <c:v>12.29040459273984</c:v>
                </c:pt>
                <c:pt idx="4249">
                  <c:v>12.29040459273984</c:v>
                </c:pt>
                <c:pt idx="4250">
                  <c:v>12.29040459273984</c:v>
                </c:pt>
                <c:pt idx="4251">
                  <c:v>12.29040459273984</c:v>
                </c:pt>
                <c:pt idx="4252">
                  <c:v>12.29040459273984</c:v>
                </c:pt>
                <c:pt idx="4253">
                  <c:v>12.29040459273984</c:v>
                </c:pt>
                <c:pt idx="4254">
                  <c:v>12.29040459273984</c:v>
                </c:pt>
                <c:pt idx="4255">
                  <c:v>12.29040459273984</c:v>
                </c:pt>
                <c:pt idx="4256">
                  <c:v>12.29040459273984</c:v>
                </c:pt>
                <c:pt idx="4257">
                  <c:v>12.29040459273984</c:v>
                </c:pt>
                <c:pt idx="4258">
                  <c:v>12.29040459273984</c:v>
                </c:pt>
                <c:pt idx="4259">
                  <c:v>12.29040459273984</c:v>
                </c:pt>
                <c:pt idx="4260">
                  <c:v>12.29040459273984</c:v>
                </c:pt>
                <c:pt idx="4261">
                  <c:v>12.29040459273984</c:v>
                </c:pt>
                <c:pt idx="4262">
                  <c:v>12.29040459273984</c:v>
                </c:pt>
                <c:pt idx="4263">
                  <c:v>12.29040459273984</c:v>
                </c:pt>
                <c:pt idx="4264">
                  <c:v>12.29040459273984</c:v>
                </c:pt>
                <c:pt idx="4265">
                  <c:v>12.29040459273984</c:v>
                </c:pt>
                <c:pt idx="4266">
                  <c:v>12.29040459273984</c:v>
                </c:pt>
                <c:pt idx="4267">
                  <c:v>12.295255636449072</c:v>
                </c:pt>
                <c:pt idx="4268">
                  <c:v>12.295255636449072</c:v>
                </c:pt>
                <c:pt idx="4269">
                  <c:v>12.295255636449072</c:v>
                </c:pt>
                <c:pt idx="4270">
                  <c:v>12.295255636449072</c:v>
                </c:pt>
                <c:pt idx="4271">
                  <c:v>12.295255636449072</c:v>
                </c:pt>
                <c:pt idx="4272">
                  <c:v>12.299964002402133</c:v>
                </c:pt>
                <c:pt idx="4273">
                  <c:v>12.299964002402133</c:v>
                </c:pt>
                <c:pt idx="4274">
                  <c:v>12.299964002402133</c:v>
                </c:pt>
                <c:pt idx="4275">
                  <c:v>12.304815046111363</c:v>
                </c:pt>
                <c:pt idx="4276">
                  <c:v>12.304815046111363</c:v>
                </c:pt>
                <c:pt idx="4277">
                  <c:v>12.304815046111363</c:v>
                </c:pt>
                <c:pt idx="4278">
                  <c:v>12.304815046111363</c:v>
                </c:pt>
                <c:pt idx="4279">
                  <c:v>12.309666089820469</c:v>
                </c:pt>
                <c:pt idx="4280">
                  <c:v>12.309666089820469</c:v>
                </c:pt>
                <c:pt idx="4281">
                  <c:v>12.309666089820469</c:v>
                </c:pt>
                <c:pt idx="4282">
                  <c:v>12.31437445577353</c:v>
                </c:pt>
                <c:pt idx="4283">
                  <c:v>12.31437445577353</c:v>
                </c:pt>
                <c:pt idx="4284">
                  <c:v>12.31437445577353</c:v>
                </c:pt>
                <c:pt idx="4285">
                  <c:v>12.31437445577353</c:v>
                </c:pt>
                <c:pt idx="4286">
                  <c:v>12.319225499482762</c:v>
                </c:pt>
                <c:pt idx="4287">
                  <c:v>12.319225499482762</c:v>
                </c:pt>
                <c:pt idx="4288">
                  <c:v>12.324076543191868</c:v>
                </c:pt>
                <c:pt idx="4289">
                  <c:v>12.324076543191868</c:v>
                </c:pt>
                <c:pt idx="4290">
                  <c:v>12.324076543191868</c:v>
                </c:pt>
                <c:pt idx="4291">
                  <c:v>12.328784909144927</c:v>
                </c:pt>
                <c:pt idx="4292">
                  <c:v>12.328784909144927</c:v>
                </c:pt>
                <c:pt idx="4293">
                  <c:v>12.328784909144927</c:v>
                </c:pt>
                <c:pt idx="4294">
                  <c:v>12.333635952854159</c:v>
                </c:pt>
                <c:pt idx="4295">
                  <c:v>12.333635952854159</c:v>
                </c:pt>
                <c:pt idx="4296">
                  <c:v>12.333635952854159</c:v>
                </c:pt>
                <c:pt idx="4297">
                  <c:v>12.333635952854159</c:v>
                </c:pt>
                <c:pt idx="4298">
                  <c:v>12.333635952854159</c:v>
                </c:pt>
                <c:pt idx="4299">
                  <c:v>12.333635952854159</c:v>
                </c:pt>
                <c:pt idx="4300">
                  <c:v>12.338486996563265</c:v>
                </c:pt>
                <c:pt idx="4301">
                  <c:v>12.338486996563265</c:v>
                </c:pt>
                <c:pt idx="4302">
                  <c:v>12.338486996563265</c:v>
                </c:pt>
                <c:pt idx="4303">
                  <c:v>12.338486996563265</c:v>
                </c:pt>
                <c:pt idx="4304">
                  <c:v>12.338486996563265</c:v>
                </c:pt>
                <c:pt idx="4305">
                  <c:v>12.338486996563265</c:v>
                </c:pt>
                <c:pt idx="4306">
                  <c:v>12.338486996563265</c:v>
                </c:pt>
                <c:pt idx="4307">
                  <c:v>12.338486996563265</c:v>
                </c:pt>
                <c:pt idx="4308">
                  <c:v>12.338486996563265</c:v>
                </c:pt>
                <c:pt idx="4309">
                  <c:v>12.338486996563265</c:v>
                </c:pt>
                <c:pt idx="4310">
                  <c:v>12.338486996563265</c:v>
                </c:pt>
                <c:pt idx="4311">
                  <c:v>12.338486996563265</c:v>
                </c:pt>
                <c:pt idx="4312">
                  <c:v>12.338486996563265</c:v>
                </c:pt>
                <c:pt idx="4313">
                  <c:v>12.338486996563265</c:v>
                </c:pt>
                <c:pt idx="4314">
                  <c:v>12.338486996563265</c:v>
                </c:pt>
                <c:pt idx="4315">
                  <c:v>12.343195362516326</c:v>
                </c:pt>
                <c:pt idx="4316">
                  <c:v>12.343195362516326</c:v>
                </c:pt>
                <c:pt idx="4317">
                  <c:v>12.338486996563265</c:v>
                </c:pt>
                <c:pt idx="4318">
                  <c:v>12.338486996563265</c:v>
                </c:pt>
                <c:pt idx="4319">
                  <c:v>12.338486996563265</c:v>
                </c:pt>
                <c:pt idx="4320">
                  <c:v>12.338486996563265</c:v>
                </c:pt>
                <c:pt idx="4321">
                  <c:v>12.338486996563265</c:v>
                </c:pt>
                <c:pt idx="4322">
                  <c:v>12.338486996563265</c:v>
                </c:pt>
                <c:pt idx="4323">
                  <c:v>12.338486996563265</c:v>
                </c:pt>
                <c:pt idx="4324">
                  <c:v>12.338486996563265</c:v>
                </c:pt>
                <c:pt idx="4325">
                  <c:v>12.338486996563265</c:v>
                </c:pt>
                <c:pt idx="4326">
                  <c:v>12.338486996563265</c:v>
                </c:pt>
                <c:pt idx="4327">
                  <c:v>12.338486996563265</c:v>
                </c:pt>
                <c:pt idx="4328">
                  <c:v>12.338486996563265</c:v>
                </c:pt>
                <c:pt idx="4329">
                  <c:v>12.338486996563265</c:v>
                </c:pt>
                <c:pt idx="4330">
                  <c:v>12.338486996563265</c:v>
                </c:pt>
                <c:pt idx="4331">
                  <c:v>12.338486996563265</c:v>
                </c:pt>
                <c:pt idx="4332">
                  <c:v>12.343195362516326</c:v>
                </c:pt>
                <c:pt idx="4333">
                  <c:v>12.343195362516326</c:v>
                </c:pt>
                <c:pt idx="4334">
                  <c:v>12.343195362516326</c:v>
                </c:pt>
                <c:pt idx="4335">
                  <c:v>12.343195362516326</c:v>
                </c:pt>
                <c:pt idx="4336">
                  <c:v>12.343195362516326</c:v>
                </c:pt>
                <c:pt idx="4337">
                  <c:v>12.343195362516326</c:v>
                </c:pt>
                <c:pt idx="4338">
                  <c:v>12.343195362516326</c:v>
                </c:pt>
                <c:pt idx="4339">
                  <c:v>12.343195362516326</c:v>
                </c:pt>
                <c:pt idx="4340">
                  <c:v>12.343195362516326</c:v>
                </c:pt>
                <c:pt idx="4341">
                  <c:v>12.343195362516326</c:v>
                </c:pt>
                <c:pt idx="4342">
                  <c:v>12.343195362516326</c:v>
                </c:pt>
                <c:pt idx="4343">
                  <c:v>12.348046406225558</c:v>
                </c:pt>
                <c:pt idx="4344">
                  <c:v>12.348046406225558</c:v>
                </c:pt>
                <c:pt idx="4345">
                  <c:v>12.348046406225558</c:v>
                </c:pt>
                <c:pt idx="4346">
                  <c:v>12.348046406225558</c:v>
                </c:pt>
                <c:pt idx="4347">
                  <c:v>12.348046406225558</c:v>
                </c:pt>
                <c:pt idx="4348">
                  <c:v>12.352897449934662</c:v>
                </c:pt>
                <c:pt idx="4349">
                  <c:v>12.352897449934662</c:v>
                </c:pt>
                <c:pt idx="4350">
                  <c:v>12.352897449934662</c:v>
                </c:pt>
                <c:pt idx="4351">
                  <c:v>12.352897449934662</c:v>
                </c:pt>
                <c:pt idx="4352">
                  <c:v>12.352897449934662</c:v>
                </c:pt>
                <c:pt idx="4353">
                  <c:v>12.357605815887723</c:v>
                </c:pt>
                <c:pt idx="4354">
                  <c:v>12.357605815887723</c:v>
                </c:pt>
                <c:pt idx="4355">
                  <c:v>12.357605815887723</c:v>
                </c:pt>
                <c:pt idx="4356">
                  <c:v>12.357605815887723</c:v>
                </c:pt>
                <c:pt idx="4357">
                  <c:v>12.357605815887723</c:v>
                </c:pt>
                <c:pt idx="4358">
                  <c:v>12.357605815887723</c:v>
                </c:pt>
                <c:pt idx="4359">
                  <c:v>12.357605815887723</c:v>
                </c:pt>
                <c:pt idx="4360">
                  <c:v>12.362456859596955</c:v>
                </c:pt>
                <c:pt idx="4361">
                  <c:v>12.362456859596955</c:v>
                </c:pt>
                <c:pt idx="4362">
                  <c:v>12.362456859596955</c:v>
                </c:pt>
                <c:pt idx="4363">
                  <c:v>12.362456859596955</c:v>
                </c:pt>
                <c:pt idx="4364">
                  <c:v>12.362456859596955</c:v>
                </c:pt>
                <c:pt idx="4365">
                  <c:v>12.367307903306187</c:v>
                </c:pt>
                <c:pt idx="4366">
                  <c:v>12.367307903306187</c:v>
                </c:pt>
                <c:pt idx="4367">
                  <c:v>12.367307903306187</c:v>
                </c:pt>
                <c:pt idx="4368">
                  <c:v>12.367307903306187</c:v>
                </c:pt>
                <c:pt idx="4369">
                  <c:v>12.367307903306187</c:v>
                </c:pt>
                <c:pt idx="4370">
                  <c:v>12.372158947015294</c:v>
                </c:pt>
                <c:pt idx="4371">
                  <c:v>12.372158947015294</c:v>
                </c:pt>
                <c:pt idx="4372">
                  <c:v>12.372158947015294</c:v>
                </c:pt>
                <c:pt idx="4373">
                  <c:v>12.372158947015294</c:v>
                </c:pt>
                <c:pt idx="4374">
                  <c:v>12.372158947015294</c:v>
                </c:pt>
                <c:pt idx="4375">
                  <c:v>12.376867312968352</c:v>
                </c:pt>
                <c:pt idx="4376">
                  <c:v>12.376867312968352</c:v>
                </c:pt>
                <c:pt idx="4377">
                  <c:v>12.376867312968352</c:v>
                </c:pt>
                <c:pt idx="4378">
                  <c:v>12.376867312968352</c:v>
                </c:pt>
                <c:pt idx="4379">
                  <c:v>12.381718356677585</c:v>
                </c:pt>
                <c:pt idx="4380">
                  <c:v>12.381718356677585</c:v>
                </c:pt>
                <c:pt idx="4381">
                  <c:v>12.381718356677585</c:v>
                </c:pt>
                <c:pt idx="4382">
                  <c:v>12.381718356677585</c:v>
                </c:pt>
                <c:pt idx="4383">
                  <c:v>12.381718356677585</c:v>
                </c:pt>
                <c:pt idx="4384">
                  <c:v>12.381718356677585</c:v>
                </c:pt>
                <c:pt idx="4385">
                  <c:v>12.381718356677585</c:v>
                </c:pt>
                <c:pt idx="4386">
                  <c:v>12.381718356677585</c:v>
                </c:pt>
                <c:pt idx="4387">
                  <c:v>12.381718356677585</c:v>
                </c:pt>
                <c:pt idx="4388">
                  <c:v>12.381718356677585</c:v>
                </c:pt>
                <c:pt idx="4389">
                  <c:v>12.381718356677585</c:v>
                </c:pt>
                <c:pt idx="4390">
                  <c:v>12.386569400386691</c:v>
                </c:pt>
                <c:pt idx="4391">
                  <c:v>12.386569400386691</c:v>
                </c:pt>
                <c:pt idx="4392">
                  <c:v>12.386569400386691</c:v>
                </c:pt>
                <c:pt idx="4393">
                  <c:v>12.386569400386691</c:v>
                </c:pt>
                <c:pt idx="4394">
                  <c:v>12.391277766339751</c:v>
                </c:pt>
                <c:pt idx="4395">
                  <c:v>12.391277766339751</c:v>
                </c:pt>
                <c:pt idx="4396">
                  <c:v>12.391277766339751</c:v>
                </c:pt>
                <c:pt idx="4397">
                  <c:v>12.391277766339751</c:v>
                </c:pt>
                <c:pt idx="4398">
                  <c:v>12.391277766339751</c:v>
                </c:pt>
                <c:pt idx="4399">
                  <c:v>12.391277766339751</c:v>
                </c:pt>
                <c:pt idx="4400">
                  <c:v>12.391277766339751</c:v>
                </c:pt>
                <c:pt idx="4401">
                  <c:v>12.396128810048983</c:v>
                </c:pt>
                <c:pt idx="4402">
                  <c:v>12.396128810048983</c:v>
                </c:pt>
                <c:pt idx="4403">
                  <c:v>12.396128810048983</c:v>
                </c:pt>
                <c:pt idx="4404">
                  <c:v>12.396128810048983</c:v>
                </c:pt>
                <c:pt idx="4405">
                  <c:v>12.396128810048983</c:v>
                </c:pt>
                <c:pt idx="4406">
                  <c:v>12.396128810048983</c:v>
                </c:pt>
                <c:pt idx="4407">
                  <c:v>12.40097985375809</c:v>
                </c:pt>
                <c:pt idx="4408">
                  <c:v>12.40097985375809</c:v>
                </c:pt>
                <c:pt idx="4409">
                  <c:v>12.40097985375809</c:v>
                </c:pt>
                <c:pt idx="4410">
                  <c:v>12.40097985375809</c:v>
                </c:pt>
                <c:pt idx="4411">
                  <c:v>12.405688219711148</c:v>
                </c:pt>
                <c:pt idx="4412">
                  <c:v>12.405688219711148</c:v>
                </c:pt>
                <c:pt idx="4413">
                  <c:v>12.410539263420381</c:v>
                </c:pt>
                <c:pt idx="4414">
                  <c:v>12.410539263420381</c:v>
                </c:pt>
                <c:pt idx="4415">
                  <c:v>12.410539263420381</c:v>
                </c:pt>
                <c:pt idx="4416">
                  <c:v>12.410539263420381</c:v>
                </c:pt>
                <c:pt idx="4417">
                  <c:v>12.415390307129613</c:v>
                </c:pt>
                <c:pt idx="4418">
                  <c:v>12.415390307129613</c:v>
                </c:pt>
                <c:pt idx="4419">
                  <c:v>12.415390307129613</c:v>
                </c:pt>
                <c:pt idx="4420">
                  <c:v>12.415390307129613</c:v>
                </c:pt>
                <c:pt idx="4421">
                  <c:v>12.420098673082547</c:v>
                </c:pt>
                <c:pt idx="4422">
                  <c:v>12.420098673082547</c:v>
                </c:pt>
                <c:pt idx="4423">
                  <c:v>12.42494971679178</c:v>
                </c:pt>
                <c:pt idx="4424">
                  <c:v>12.42494971679178</c:v>
                </c:pt>
                <c:pt idx="4425">
                  <c:v>12.42494971679178</c:v>
                </c:pt>
                <c:pt idx="4426">
                  <c:v>12.42494971679178</c:v>
                </c:pt>
                <c:pt idx="4427">
                  <c:v>12.429800760501012</c:v>
                </c:pt>
                <c:pt idx="4428">
                  <c:v>12.429800760501012</c:v>
                </c:pt>
                <c:pt idx="4429">
                  <c:v>12.429800760501012</c:v>
                </c:pt>
                <c:pt idx="4430">
                  <c:v>12.429800760501012</c:v>
                </c:pt>
                <c:pt idx="4431">
                  <c:v>12.429800760501012</c:v>
                </c:pt>
                <c:pt idx="4432">
                  <c:v>12.434509126453944</c:v>
                </c:pt>
                <c:pt idx="4433">
                  <c:v>12.434509126453944</c:v>
                </c:pt>
                <c:pt idx="4434">
                  <c:v>12.434509126453944</c:v>
                </c:pt>
                <c:pt idx="4435">
                  <c:v>12.434509126453944</c:v>
                </c:pt>
                <c:pt idx="4436">
                  <c:v>12.439360170163177</c:v>
                </c:pt>
                <c:pt idx="4437">
                  <c:v>12.439360170163177</c:v>
                </c:pt>
                <c:pt idx="4438">
                  <c:v>12.439360170163177</c:v>
                </c:pt>
                <c:pt idx="4439">
                  <c:v>12.439360170163177</c:v>
                </c:pt>
                <c:pt idx="4440">
                  <c:v>12.439360170163177</c:v>
                </c:pt>
                <c:pt idx="4441">
                  <c:v>12.439360170163177</c:v>
                </c:pt>
                <c:pt idx="4442">
                  <c:v>12.434509126453944</c:v>
                </c:pt>
                <c:pt idx="4443">
                  <c:v>12.434509126453944</c:v>
                </c:pt>
                <c:pt idx="4444">
                  <c:v>12.434509126453944</c:v>
                </c:pt>
                <c:pt idx="4445">
                  <c:v>12.434509126453944</c:v>
                </c:pt>
                <c:pt idx="4446">
                  <c:v>12.434509126453944</c:v>
                </c:pt>
                <c:pt idx="4447">
                  <c:v>12.434509126453944</c:v>
                </c:pt>
                <c:pt idx="4448">
                  <c:v>12.434509126453944</c:v>
                </c:pt>
                <c:pt idx="4449">
                  <c:v>12.434509126453944</c:v>
                </c:pt>
                <c:pt idx="4450">
                  <c:v>12.439360170163177</c:v>
                </c:pt>
                <c:pt idx="4451">
                  <c:v>12.439360170163177</c:v>
                </c:pt>
                <c:pt idx="4452">
                  <c:v>12.439360170163177</c:v>
                </c:pt>
                <c:pt idx="4453">
                  <c:v>12.439360170163177</c:v>
                </c:pt>
                <c:pt idx="4454">
                  <c:v>12.439360170163177</c:v>
                </c:pt>
                <c:pt idx="4455">
                  <c:v>12.439360170163177</c:v>
                </c:pt>
                <c:pt idx="4456">
                  <c:v>12.439360170163177</c:v>
                </c:pt>
                <c:pt idx="4457">
                  <c:v>12.439360170163177</c:v>
                </c:pt>
                <c:pt idx="4458">
                  <c:v>12.439360170163177</c:v>
                </c:pt>
                <c:pt idx="4459">
                  <c:v>12.439360170163177</c:v>
                </c:pt>
                <c:pt idx="4460">
                  <c:v>12.439360170163177</c:v>
                </c:pt>
                <c:pt idx="4461">
                  <c:v>12.439360170163177</c:v>
                </c:pt>
                <c:pt idx="4462">
                  <c:v>12.434509126453944</c:v>
                </c:pt>
                <c:pt idx="4463">
                  <c:v>12.434509126453944</c:v>
                </c:pt>
                <c:pt idx="4464">
                  <c:v>12.439360170163177</c:v>
                </c:pt>
                <c:pt idx="4465">
                  <c:v>12.439360170163177</c:v>
                </c:pt>
                <c:pt idx="4466">
                  <c:v>12.439360170163177</c:v>
                </c:pt>
                <c:pt idx="4467">
                  <c:v>12.444211213872409</c:v>
                </c:pt>
                <c:pt idx="4468">
                  <c:v>12.444211213872409</c:v>
                </c:pt>
                <c:pt idx="4469">
                  <c:v>12.448919579825469</c:v>
                </c:pt>
                <c:pt idx="4470">
                  <c:v>12.448919579825469</c:v>
                </c:pt>
                <c:pt idx="4471">
                  <c:v>12.448919579825469</c:v>
                </c:pt>
                <c:pt idx="4472">
                  <c:v>12.448919579825469</c:v>
                </c:pt>
                <c:pt idx="4473">
                  <c:v>12.448919579825469</c:v>
                </c:pt>
                <c:pt idx="4474">
                  <c:v>12.448919579825469</c:v>
                </c:pt>
                <c:pt idx="4475">
                  <c:v>12.448919579825469</c:v>
                </c:pt>
                <c:pt idx="4476">
                  <c:v>12.448919579825469</c:v>
                </c:pt>
                <c:pt idx="4477">
                  <c:v>12.448919579825469</c:v>
                </c:pt>
                <c:pt idx="4478">
                  <c:v>12.448919579825469</c:v>
                </c:pt>
                <c:pt idx="4479">
                  <c:v>12.448919579825469</c:v>
                </c:pt>
                <c:pt idx="4480">
                  <c:v>12.453770623534574</c:v>
                </c:pt>
                <c:pt idx="4481">
                  <c:v>12.453770623534574</c:v>
                </c:pt>
                <c:pt idx="4482">
                  <c:v>12.453770623534574</c:v>
                </c:pt>
                <c:pt idx="4483">
                  <c:v>12.453770623534574</c:v>
                </c:pt>
                <c:pt idx="4484">
                  <c:v>12.458621667243806</c:v>
                </c:pt>
                <c:pt idx="4485">
                  <c:v>12.458621667243806</c:v>
                </c:pt>
                <c:pt idx="4486">
                  <c:v>12.463330033196867</c:v>
                </c:pt>
                <c:pt idx="4487">
                  <c:v>12.463330033196867</c:v>
                </c:pt>
                <c:pt idx="4488">
                  <c:v>12.463330033196867</c:v>
                </c:pt>
                <c:pt idx="4489">
                  <c:v>12.463330033196867</c:v>
                </c:pt>
                <c:pt idx="4490">
                  <c:v>12.463330033196867</c:v>
                </c:pt>
                <c:pt idx="4491">
                  <c:v>12.463330033196867</c:v>
                </c:pt>
                <c:pt idx="4492">
                  <c:v>12.463330033196867</c:v>
                </c:pt>
                <c:pt idx="4493">
                  <c:v>12.463330033196867</c:v>
                </c:pt>
                <c:pt idx="4494">
                  <c:v>12.463330033196867</c:v>
                </c:pt>
                <c:pt idx="4495">
                  <c:v>12.463330033196867</c:v>
                </c:pt>
                <c:pt idx="4496">
                  <c:v>12.463330033196867</c:v>
                </c:pt>
                <c:pt idx="4497">
                  <c:v>12.463330033196867</c:v>
                </c:pt>
                <c:pt idx="4498">
                  <c:v>12.463330033196867</c:v>
                </c:pt>
                <c:pt idx="4499">
                  <c:v>12.463330033196867</c:v>
                </c:pt>
                <c:pt idx="4500">
                  <c:v>12.468181076905973</c:v>
                </c:pt>
                <c:pt idx="4501">
                  <c:v>12.468181076905973</c:v>
                </c:pt>
                <c:pt idx="4502">
                  <c:v>12.468181076905973</c:v>
                </c:pt>
                <c:pt idx="4503">
                  <c:v>12.468181076905973</c:v>
                </c:pt>
                <c:pt idx="4504">
                  <c:v>12.473032120615205</c:v>
                </c:pt>
                <c:pt idx="4505">
                  <c:v>12.473032120615205</c:v>
                </c:pt>
                <c:pt idx="4506">
                  <c:v>12.473032120615205</c:v>
                </c:pt>
                <c:pt idx="4507">
                  <c:v>12.473032120615205</c:v>
                </c:pt>
                <c:pt idx="4508">
                  <c:v>12.473032120615205</c:v>
                </c:pt>
                <c:pt idx="4509">
                  <c:v>12.473032120615205</c:v>
                </c:pt>
                <c:pt idx="4510">
                  <c:v>12.473032120615205</c:v>
                </c:pt>
                <c:pt idx="4511">
                  <c:v>12.473032120615205</c:v>
                </c:pt>
                <c:pt idx="4512">
                  <c:v>12.473032120615205</c:v>
                </c:pt>
                <c:pt idx="4513">
                  <c:v>12.473032120615205</c:v>
                </c:pt>
                <c:pt idx="4514">
                  <c:v>12.473032120615205</c:v>
                </c:pt>
                <c:pt idx="4515">
                  <c:v>12.477740486568264</c:v>
                </c:pt>
                <c:pt idx="4516">
                  <c:v>12.477740486568264</c:v>
                </c:pt>
                <c:pt idx="4517">
                  <c:v>12.477740486568264</c:v>
                </c:pt>
                <c:pt idx="4518">
                  <c:v>12.48259153027737</c:v>
                </c:pt>
                <c:pt idx="4519">
                  <c:v>12.48259153027737</c:v>
                </c:pt>
                <c:pt idx="4520">
                  <c:v>12.48259153027737</c:v>
                </c:pt>
                <c:pt idx="4521">
                  <c:v>12.48259153027737</c:v>
                </c:pt>
                <c:pt idx="4522">
                  <c:v>12.48259153027737</c:v>
                </c:pt>
                <c:pt idx="4523">
                  <c:v>12.48259153027737</c:v>
                </c:pt>
                <c:pt idx="4524">
                  <c:v>12.48259153027737</c:v>
                </c:pt>
                <c:pt idx="4525">
                  <c:v>12.48259153027737</c:v>
                </c:pt>
                <c:pt idx="4526">
                  <c:v>12.48259153027737</c:v>
                </c:pt>
                <c:pt idx="4527">
                  <c:v>12.48259153027737</c:v>
                </c:pt>
                <c:pt idx="4528">
                  <c:v>12.48259153027737</c:v>
                </c:pt>
                <c:pt idx="4529">
                  <c:v>12.48259153027737</c:v>
                </c:pt>
                <c:pt idx="4530">
                  <c:v>12.48259153027737</c:v>
                </c:pt>
                <c:pt idx="4531">
                  <c:v>12.48259153027737</c:v>
                </c:pt>
                <c:pt idx="4532">
                  <c:v>12.48259153027737</c:v>
                </c:pt>
                <c:pt idx="4533">
                  <c:v>12.48259153027737</c:v>
                </c:pt>
                <c:pt idx="4534">
                  <c:v>12.48259153027737</c:v>
                </c:pt>
                <c:pt idx="4535">
                  <c:v>12.487442573986602</c:v>
                </c:pt>
                <c:pt idx="4536">
                  <c:v>12.487442573986602</c:v>
                </c:pt>
                <c:pt idx="4537">
                  <c:v>12.487442573986602</c:v>
                </c:pt>
                <c:pt idx="4538">
                  <c:v>12.487442573986602</c:v>
                </c:pt>
                <c:pt idx="4539">
                  <c:v>12.487442573986602</c:v>
                </c:pt>
                <c:pt idx="4540">
                  <c:v>12.487442573986602</c:v>
                </c:pt>
                <c:pt idx="4541">
                  <c:v>12.487442573986602</c:v>
                </c:pt>
                <c:pt idx="4542">
                  <c:v>12.487442573986602</c:v>
                </c:pt>
                <c:pt idx="4543">
                  <c:v>12.487442573986602</c:v>
                </c:pt>
                <c:pt idx="4544">
                  <c:v>12.487442573986602</c:v>
                </c:pt>
                <c:pt idx="4545">
                  <c:v>12.487442573986602</c:v>
                </c:pt>
                <c:pt idx="4546">
                  <c:v>12.487442573986602</c:v>
                </c:pt>
                <c:pt idx="4547">
                  <c:v>12.487442573986602</c:v>
                </c:pt>
                <c:pt idx="4548">
                  <c:v>12.487442573986602</c:v>
                </c:pt>
                <c:pt idx="4549">
                  <c:v>12.487442573986602</c:v>
                </c:pt>
                <c:pt idx="4550">
                  <c:v>12.487442573986602</c:v>
                </c:pt>
                <c:pt idx="4551">
                  <c:v>12.487442573986602</c:v>
                </c:pt>
                <c:pt idx="4552">
                  <c:v>12.487442573986602</c:v>
                </c:pt>
                <c:pt idx="4553">
                  <c:v>12.487442573986602</c:v>
                </c:pt>
                <c:pt idx="4554">
                  <c:v>12.487442573986602</c:v>
                </c:pt>
                <c:pt idx="4555">
                  <c:v>12.487442573986602</c:v>
                </c:pt>
                <c:pt idx="4556">
                  <c:v>12.492150939939663</c:v>
                </c:pt>
                <c:pt idx="4557">
                  <c:v>12.492150939939663</c:v>
                </c:pt>
                <c:pt idx="4558">
                  <c:v>12.487442573986602</c:v>
                </c:pt>
                <c:pt idx="4559">
                  <c:v>12.487442573986602</c:v>
                </c:pt>
                <c:pt idx="4560">
                  <c:v>12.487442573986602</c:v>
                </c:pt>
                <c:pt idx="4561">
                  <c:v>12.487442573986602</c:v>
                </c:pt>
                <c:pt idx="4562">
                  <c:v>12.487442573986602</c:v>
                </c:pt>
                <c:pt idx="4563">
                  <c:v>12.48259153027737</c:v>
                </c:pt>
                <c:pt idx="4564">
                  <c:v>12.48259153027737</c:v>
                </c:pt>
                <c:pt idx="4565">
                  <c:v>12.487442573986602</c:v>
                </c:pt>
                <c:pt idx="4566">
                  <c:v>12.487442573986602</c:v>
                </c:pt>
                <c:pt idx="4567">
                  <c:v>12.487442573986602</c:v>
                </c:pt>
                <c:pt idx="4568">
                  <c:v>12.487442573986602</c:v>
                </c:pt>
                <c:pt idx="4569">
                  <c:v>12.487442573986602</c:v>
                </c:pt>
                <c:pt idx="4570">
                  <c:v>12.487442573986602</c:v>
                </c:pt>
                <c:pt idx="4571">
                  <c:v>12.487442573986602</c:v>
                </c:pt>
                <c:pt idx="4572">
                  <c:v>12.487442573986602</c:v>
                </c:pt>
                <c:pt idx="4573">
                  <c:v>12.487442573986602</c:v>
                </c:pt>
                <c:pt idx="4574">
                  <c:v>12.487442573986602</c:v>
                </c:pt>
                <c:pt idx="4575">
                  <c:v>12.487442573986602</c:v>
                </c:pt>
                <c:pt idx="4576">
                  <c:v>12.487442573986602</c:v>
                </c:pt>
                <c:pt idx="4577">
                  <c:v>12.487442573986602</c:v>
                </c:pt>
                <c:pt idx="4578">
                  <c:v>12.487442573986602</c:v>
                </c:pt>
                <c:pt idx="4579">
                  <c:v>12.492150939939663</c:v>
                </c:pt>
                <c:pt idx="4580">
                  <c:v>12.492150939939663</c:v>
                </c:pt>
                <c:pt idx="4581">
                  <c:v>12.492150939939663</c:v>
                </c:pt>
                <c:pt idx="4582">
                  <c:v>12.492150939939663</c:v>
                </c:pt>
                <c:pt idx="4583">
                  <c:v>12.492150939939663</c:v>
                </c:pt>
                <c:pt idx="4584">
                  <c:v>12.492150939939663</c:v>
                </c:pt>
                <c:pt idx="4585">
                  <c:v>12.497001983648895</c:v>
                </c:pt>
                <c:pt idx="4586">
                  <c:v>12.497001983648895</c:v>
                </c:pt>
                <c:pt idx="4587">
                  <c:v>12.497001983648895</c:v>
                </c:pt>
                <c:pt idx="4588">
                  <c:v>12.501853027358001</c:v>
                </c:pt>
                <c:pt idx="4589">
                  <c:v>12.501853027358001</c:v>
                </c:pt>
                <c:pt idx="4590">
                  <c:v>12.501853027358001</c:v>
                </c:pt>
                <c:pt idx="4591">
                  <c:v>12.50656139331106</c:v>
                </c:pt>
                <c:pt idx="4592">
                  <c:v>12.50656139331106</c:v>
                </c:pt>
                <c:pt idx="4593">
                  <c:v>12.50656139331106</c:v>
                </c:pt>
                <c:pt idx="4594">
                  <c:v>12.50656139331106</c:v>
                </c:pt>
                <c:pt idx="4595">
                  <c:v>12.511412437020292</c:v>
                </c:pt>
                <c:pt idx="4596">
                  <c:v>12.511412437020292</c:v>
                </c:pt>
                <c:pt idx="4597">
                  <c:v>12.511412437020292</c:v>
                </c:pt>
                <c:pt idx="4598">
                  <c:v>12.511412437020292</c:v>
                </c:pt>
                <c:pt idx="4599">
                  <c:v>12.511412437020292</c:v>
                </c:pt>
                <c:pt idx="4600">
                  <c:v>12.516263480729398</c:v>
                </c:pt>
                <c:pt idx="4601">
                  <c:v>12.516263480729398</c:v>
                </c:pt>
                <c:pt idx="4602">
                  <c:v>12.516263480729398</c:v>
                </c:pt>
                <c:pt idx="4603">
                  <c:v>12.516263480729398</c:v>
                </c:pt>
                <c:pt idx="4604">
                  <c:v>12.511412437020292</c:v>
                </c:pt>
                <c:pt idx="4605">
                  <c:v>12.511412437020292</c:v>
                </c:pt>
                <c:pt idx="4606">
                  <c:v>12.511412437020292</c:v>
                </c:pt>
                <c:pt idx="4607">
                  <c:v>12.511412437020292</c:v>
                </c:pt>
                <c:pt idx="4608">
                  <c:v>12.511412437020292</c:v>
                </c:pt>
                <c:pt idx="4609">
                  <c:v>12.511412437020292</c:v>
                </c:pt>
                <c:pt idx="4610">
                  <c:v>12.511412437020292</c:v>
                </c:pt>
                <c:pt idx="4611">
                  <c:v>12.511412437020292</c:v>
                </c:pt>
                <c:pt idx="4612">
                  <c:v>12.511412437020292</c:v>
                </c:pt>
                <c:pt idx="4613">
                  <c:v>12.511412437020292</c:v>
                </c:pt>
                <c:pt idx="4614">
                  <c:v>12.511412437020292</c:v>
                </c:pt>
                <c:pt idx="4615">
                  <c:v>12.511412437020292</c:v>
                </c:pt>
                <c:pt idx="4616">
                  <c:v>12.511412437020292</c:v>
                </c:pt>
                <c:pt idx="4617">
                  <c:v>12.511412437020292</c:v>
                </c:pt>
                <c:pt idx="4618">
                  <c:v>12.511412437020292</c:v>
                </c:pt>
                <c:pt idx="4619">
                  <c:v>12.511412437020292</c:v>
                </c:pt>
                <c:pt idx="4620">
                  <c:v>12.511412437020292</c:v>
                </c:pt>
                <c:pt idx="4621">
                  <c:v>12.511412437020292</c:v>
                </c:pt>
                <c:pt idx="4622">
                  <c:v>12.511412437020292</c:v>
                </c:pt>
                <c:pt idx="4623">
                  <c:v>12.511412437020292</c:v>
                </c:pt>
                <c:pt idx="4624">
                  <c:v>12.511412437020292</c:v>
                </c:pt>
                <c:pt idx="4625">
                  <c:v>12.511412437020292</c:v>
                </c:pt>
                <c:pt idx="4626">
                  <c:v>12.511412437020292</c:v>
                </c:pt>
                <c:pt idx="4627">
                  <c:v>12.516263480729398</c:v>
                </c:pt>
                <c:pt idx="4628">
                  <c:v>12.516263480729398</c:v>
                </c:pt>
                <c:pt idx="4629">
                  <c:v>12.516263480729398</c:v>
                </c:pt>
                <c:pt idx="4630">
                  <c:v>12.516263480729398</c:v>
                </c:pt>
                <c:pt idx="4631">
                  <c:v>12.520971846682459</c:v>
                </c:pt>
                <c:pt idx="4632">
                  <c:v>12.520971846682459</c:v>
                </c:pt>
                <c:pt idx="4633">
                  <c:v>12.525822890391691</c:v>
                </c:pt>
                <c:pt idx="4634">
                  <c:v>12.525822890391691</c:v>
                </c:pt>
                <c:pt idx="4635">
                  <c:v>12.525822890391691</c:v>
                </c:pt>
                <c:pt idx="4636">
                  <c:v>12.525822890391691</c:v>
                </c:pt>
                <c:pt idx="4637">
                  <c:v>12.525822890391691</c:v>
                </c:pt>
                <c:pt idx="4638">
                  <c:v>12.525822890391691</c:v>
                </c:pt>
                <c:pt idx="4639">
                  <c:v>12.530673934100795</c:v>
                </c:pt>
                <c:pt idx="4640">
                  <c:v>12.530673934100795</c:v>
                </c:pt>
                <c:pt idx="4641">
                  <c:v>12.530673934100795</c:v>
                </c:pt>
                <c:pt idx="4642">
                  <c:v>12.530673934100795</c:v>
                </c:pt>
                <c:pt idx="4643">
                  <c:v>12.530673934100795</c:v>
                </c:pt>
                <c:pt idx="4644">
                  <c:v>12.530673934100795</c:v>
                </c:pt>
                <c:pt idx="4645">
                  <c:v>12.530673934100795</c:v>
                </c:pt>
                <c:pt idx="4646">
                  <c:v>12.530673934100795</c:v>
                </c:pt>
                <c:pt idx="4647">
                  <c:v>12.535382300053856</c:v>
                </c:pt>
                <c:pt idx="4648">
                  <c:v>12.535382300053856</c:v>
                </c:pt>
                <c:pt idx="4649">
                  <c:v>12.535382300053856</c:v>
                </c:pt>
                <c:pt idx="4650">
                  <c:v>12.535382300053856</c:v>
                </c:pt>
                <c:pt idx="4651">
                  <c:v>12.540233343763088</c:v>
                </c:pt>
                <c:pt idx="4652">
                  <c:v>12.540233343763088</c:v>
                </c:pt>
                <c:pt idx="4653">
                  <c:v>12.540233343763088</c:v>
                </c:pt>
                <c:pt idx="4654">
                  <c:v>12.540233343763088</c:v>
                </c:pt>
                <c:pt idx="4655">
                  <c:v>12.540233343763088</c:v>
                </c:pt>
                <c:pt idx="4656">
                  <c:v>12.535382300053856</c:v>
                </c:pt>
                <c:pt idx="4657">
                  <c:v>12.535382300053856</c:v>
                </c:pt>
                <c:pt idx="4658">
                  <c:v>12.535382300053856</c:v>
                </c:pt>
                <c:pt idx="4659">
                  <c:v>12.535382300053856</c:v>
                </c:pt>
                <c:pt idx="4660">
                  <c:v>12.540233343763088</c:v>
                </c:pt>
                <c:pt idx="4661">
                  <c:v>12.540233343763088</c:v>
                </c:pt>
                <c:pt idx="4662">
                  <c:v>12.540233343763088</c:v>
                </c:pt>
                <c:pt idx="4663">
                  <c:v>12.540233343763088</c:v>
                </c:pt>
                <c:pt idx="4664">
                  <c:v>12.540233343763088</c:v>
                </c:pt>
                <c:pt idx="4665">
                  <c:v>12.545084387472194</c:v>
                </c:pt>
                <c:pt idx="4666">
                  <c:v>12.545084387472194</c:v>
                </c:pt>
                <c:pt idx="4667">
                  <c:v>12.549935431181428</c:v>
                </c:pt>
                <c:pt idx="4668">
                  <c:v>12.549935431181428</c:v>
                </c:pt>
                <c:pt idx="4669">
                  <c:v>12.549935431181428</c:v>
                </c:pt>
                <c:pt idx="4670">
                  <c:v>12.549935431181428</c:v>
                </c:pt>
                <c:pt idx="4671">
                  <c:v>12.549935431181428</c:v>
                </c:pt>
                <c:pt idx="4672">
                  <c:v>12.549935431181428</c:v>
                </c:pt>
                <c:pt idx="4673">
                  <c:v>12.549935431181428</c:v>
                </c:pt>
                <c:pt idx="4674">
                  <c:v>12.549935431181428</c:v>
                </c:pt>
                <c:pt idx="4675">
                  <c:v>12.549935431181428</c:v>
                </c:pt>
                <c:pt idx="4676">
                  <c:v>12.549935431181428</c:v>
                </c:pt>
                <c:pt idx="4677">
                  <c:v>12.554643797134485</c:v>
                </c:pt>
                <c:pt idx="4678">
                  <c:v>12.554643797134485</c:v>
                </c:pt>
                <c:pt idx="4679">
                  <c:v>12.554643797134485</c:v>
                </c:pt>
                <c:pt idx="4680">
                  <c:v>12.554643797134485</c:v>
                </c:pt>
                <c:pt idx="4681">
                  <c:v>12.559494840843719</c:v>
                </c:pt>
                <c:pt idx="4682">
                  <c:v>12.559494840843719</c:v>
                </c:pt>
                <c:pt idx="4683">
                  <c:v>12.559494840843719</c:v>
                </c:pt>
                <c:pt idx="4684">
                  <c:v>12.559494840843719</c:v>
                </c:pt>
                <c:pt idx="4685">
                  <c:v>12.559494840843719</c:v>
                </c:pt>
                <c:pt idx="4686">
                  <c:v>12.554643797134485</c:v>
                </c:pt>
                <c:pt idx="4687">
                  <c:v>12.554643797134485</c:v>
                </c:pt>
                <c:pt idx="4688">
                  <c:v>12.559494840843719</c:v>
                </c:pt>
                <c:pt idx="4689">
                  <c:v>12.559494840843719</c:v>
                </c:pt>
                <c:pt idx="4690">
                  <c:v>12.559494840843719</c:v>
                </c:pt>
                <c:pt idx="4691">
                  <c:v>12.559494840843719</c:v>
                </c:pt>
                <c:pt idx="4692">
                  <c:v>12.559494840843719</c:v>
                </c:pt>
                <c:pt idx="4693">
                  <c:v>12.559494840843719</c:v>
                </c:pt>
                <c:pt idx="4694">
                  <c:v>12.559494840843719</c:v>
                </c:pt>
                <c:pt idx="4695">
                  <c:v>12.559494840843719</c:v>
                </c:pt>
                <c:pt idx="4696">
                  <c:v>12.559494840843719</c:v>
                </c:pt>
                <c:pt idx="4697">
                  <c:v>12.559494840843719</c:v>
                </c:pt>
                <c:pt idx="4698">
                  <c:v>12.559494840843719</c:v>
                </c:pt>
                <c:pt idx="4699">
                  <c:v>12.559494840843719</c:v>
                </c:pt>
                <c:pt idx="4700">
                  <c:v>12.559494840843719</c:v>
                </c:pt>
                <c:pt idx="4701">
                  <c:v>12.559494840843719</c:v>
                </c:pt>
                <c:pt idx="4702">
                  <c:v>12.564345884552825</c:v>
                </c:pt>
                <c:pt idx="4703">
                  <c:v>12.564345884552825</c:v>
                </c:pt>
                <c:pt idx="4704">
                  <c:v>12.564345884552825</c:v>
                </c:pt>
                <c:pt idx="4705">
                  <c:v>12.564345884552825</c:v>
                </c:pt>
                <c:pt idx="4706">
                  <c:v>12.564345884552825</c:v>
                </c:pt>
                <c:pt idx="4707">
                  <c:v>12.564345884552825</c:v>
                </c:pt>
                <c:pt idx="4708">
                  <c:v>12.564345884552825</c:v>
                </c:pt>
                <c:pt idx="4709">
                  <c:v>12.564345884552825</c:v>
                </c:pt>
                <c:pt idx="4710">
                  <c:v>12.564345884552825</c:v>
                </c:pt>
                <c:pt idx="4711">
                  <c:v>12.564345884552825</c:v>
                </c:pt>
                <c:pt idx="4712">
                  <c:v>12.564345884552825</c:v>
                </c:pt>
                <c:pt idx="4713">
                  <c:v>12.564345884552825</c:v>
                </c:pt>
                <c:pt idx="4714">
                  <c:v>12.564345884552825</c:v>
                </c:pt>
                <c:pt idx="4715">
                  <c:v>12.564345884552825</c:v>
                </c:pt>
                <c:pt idx="4716">
                  <c:v>12.564345884552825</c:v>
                </c:pt>
                <c:pt idx="4717">
                  <c:v>12.564345884552825</c:v>
                </c:pt>
                <c:pt idx="4718">
                  <c:v>12.564345884552825</c:v>
                </c:pt>
                <c:pt idx="4719">
                  <c:v>12.564345884552825</c:v>
                </c:pt>
                <c:pt idx="4720">
                  <c:v>12.564345884552825</c:v>
                </c:pt>
                <c:pt idx="4721">
                  <c:v>12.564345884552825</c:v>
                </c:pt>
                <c:pt idx="4722">
                  <c:v>12.564345884552825</c:v>
                </c:pt>
                <c:pt idx="4723">
                  <c:v>12.569054250505884</c:v>
                </c:pt>
                <c:pt idx="4724">
                  <c:v>12.569054250505884</c:v>
                </c:pt>
                <c:pt idx="4725">
                  <c:v>12.573905294215118</c:v>
                </c:pt>
                <c:pt idx="4726">
                  <c:v>12.573905294215118</c:v>
                </c:pt>
                <c:pt idx="4727">
                  <c:v>12.573905294215118</c:v>
                </c:pt>
                <c:pt idx="4728">
                  <c:v>12.573905294215118</c:v>
                </c:pt>
                <c:pt idx="4729">
                  <c:v>12.573905294215118</c:v>
                </c:pt>
                <c:pt idx="4730">
                  <c:v>12.578756337924224</c:v>
                </c:pt>
                <c:pt idx="4731">
                  <c:v>12.578756337924224</c:v>
                </c:pt>
                <c:pt idx="4732">
                  <c:v>12.578756337924224</c:v>
                </c:pt>
                <c:pt idx="4733">
                  <c:v>12.578756337924224</c:v>
                </c:pt>
                <c:pt idx="4734">
                  <c:v>12.578756337924224</c:v>
                </c:pt>
                <c:pt idx="4735">
                  <c:v>12.578756337924224</c:v>
                </c:pt>
                <c:pt idx="4736">
                  <c:v>12.583464703877281</c:v>
                </c:pt>
                <c:pt idx="4737">
                  <c:v>12.583464703877281</c:v>
                </c:pt>
                <c:pt idx="4738">
                  <c:v>12.583464703877281</c:v>
                </c:pt>
                <c:pt idx="4739">
                  <c:v>12.588315747586515</c:v>
                </c:pt>
                <c:pt idx="4740">
                  <c:v>12.588315747586515</c:v>
                </c:pt>
                <c:pt idx="4741">
                  <c:v>12.593166791295621</c:v>
                </c:pt>
                <c:pt idx="4742">
                  <c:v>12.593166791295621</c:v>
                </c:pt>
                <c:pt idx="4743">
                  <c:v>12.593166791295621</c:v>
                </c:pt>
                <c:pt idx="4744">
                  <c:v>12.593166791295621</c:v>
                </c:pt>
                <c:pt idx="4745">
                  <c:v>12.593166791295621</c:v>
                </c:pt>
                <c:pt idx="4746">
                  <c:v>12.593166791295621</c:v>
                </c:pt>
                <c:pt idx="4747">
                  <c:v>12.593166791295621</c:v>
                </c:pt>
                <c:pt idx="4748">
                  <c:v>12.588315747586515</c:v>
                </c:pt>
                <c:pt idx="4749">
                  <c:v>12.588315747586515</c:v>
                </c:pt>
                <c:pt idx="4750">
                  <c:v>12.583464703877281</c:v>
                </c:pt>
                <c:pt idx="4751">
                  <c:v>12.583464703877281</c:v>
                </c:pt>
                <c:pt idx="4752">
                  <c:v>12.583464703877281</c:v>
                </c:pt>
                <c:pt idx="4753">
                  <c:v>12.583464703877281</c:v>
                </c:pt>
                <c:pt idx="4754">
                  <c:v>12.583464703877281</c:v>
                </c:pt>
                <c:pt idx="4755">
                  <c:v>12.588315747586515</c:v>
                </c:pt>
                <c:pt idx="4756">
                  <c:v>12.588315747586515</c:v>
                </c:pt>
                <c:pt idx="4757">
                  <c:v>12.588315747586515</c:v>
                </c:pt>
                <c:pt idx="4758">
                  <c:v>12.593166791295621</c:v>
                </c:pt>
                <c:pt idx="4759">
                  <c:v>12.593166791295621</c:v>
                </c:pt>
                <c:pt idx="4760">
                  <c:v>12.59787515724868</c:v>
                </c:pt>
                <c:pt idx="4761">
                  <c:v>12.59787515724868</c:v>
                </c:pt>
                <c:pt idx="4762">
                  <c:v>12.59787515724868</c:v>
                </c:pt>
                <c:pt idx="4763">
                  <c:v>12.59787515724868</c:v>
                </c:pt>
                <c:pt idx="4764">
                  <c:v>12.59787515724868</c:v>
                </c:pt>
                <c:pt idx="4765">
                  <c:v>12.59787515724868</c:v>
                </c:pt>
                <c:pt idx="4766">
                  <c:v>12.602726200957914</c:v>
                </c:pt>
                <c:pt idx="4767">
                  <c:v>12.602726200957914</c:v>
                </c:pt>
                <c:pt idx="4768">
                  <c:v>12.602726200957914</c:v>
                </c:pt>
                <c:pt idx="4769">
                  <c:v>12.602726200957914</c:v>
                </c:pt>
                <c:pt idx="4770">
                  <c:v>12.602726200957914</c:v>
                </c:pt>
                <c:pt idx="4771">
                  <c:v>12.602726200957914</c:v>
                </c:pt>
                <c:pt idx="4772">
                  <c:v>12.607577244667144</c:v>
                </c:pt>
                <c:pt idx="4773">
                  <c:v>12.607577244667144</c:v>
                </c:pt>
                <c:pt idx="4774">
                  <c:v>12.607577244667144</c:v>
                </c:pt>
                <c:pt idx="4775">
                  <c:v>12.607577244667144</c:v>
                </c:pt>
                <c:pt idx="4776">
                  <c:v>12.612285610620077</c:v>
                </c:pt>
                <c:pt idx="4777">
                  <c:v>12.612285610620077</c:v>
                </c:pt>
                <c:pt idx="4778">
                  <c:v>12.612285610620077</c:v>
                </c:pt>
                <c:pt idx="4779">
                  <c:v>12.612285610620077</c:v>
                </c:pt>
                <c:pt idx="4780">
                  <c:v>12.607577244667144</c:v>
                </c:pt>
                <c:pt idx="4781">
                  <c:v>12.607577244667144</c:v>
                </c:pt>
                <c:pt idx="4782">
                  <c:v>12.607577244667144</c:v>
                </c:pt>
                <c:pt idx="4783">
                  <c:v>12.607577244667144</c:v>
                </c:pt>
                <c:pt idx="4784">
                  <c:v>12.607577244667144</c:v>
                </c:pt>
                <c:pt idx="4785">
                  <c:v>12.602726200957914</c:v>
                </c:pt>
                <c:pt idx="4786">
                  <c:v>12.602726200957914</c:v>
                </c:pt>
                <c:pt idx="4787">
                  <c:v>12.59787515724868</c:v>
                </c:pt>
                <c:pt idx="4788">
                  <c:v>12.59787515724868</c:v>
                </c:pt>
                <c:pt idx="4789">
                  <c:v>12.59787515724868</c:v>
                </c:pt>
                <c:pt idx="4790">
                  <c:v>12.59787515724868</c:v>
                </c:pt>
                <c:pt idx="4791">
                  <c:v>12.59787515724868</c:v>
                </c:pt>
                <c:pt idx="4792">
                  <c:v>12.59787515724868</c:v>
                </c:pt>
                <c:pt idx="4793">
                  <c:v>12.59787515724868</c:v>
                </c:pt>
                <c:pt idx="4794">
                  <c:v>12.59787515724868</c:v>
                </c:pt>
                <c:pt idx="4795">
                  <c:v>12.59787515724868</c:v>
                </c:pt>
                <c:pt idx="4796">
                  <c:v>12.59787515724868</c:v>
                </c:pt>
                <c:pt idx="4797">
                  <c:v>12.59787515724868</c:v>
                </c:pt>
                <c:pt idx="4798">
                  <c:v>12.59787515724868</c:v>
                </c:pt>
                <c:pt idx="4799">
                  <c:v>12.59787515724868</c:v>
                </c:pt>
                <c:pt idx="4800">
                  <c:v>12.59787515724868</c:v>
                </c:pt>
                <c:pt idx="4801">
                  <c:v>12.59787515724868</c:v>
                </c:pt>
                <c:pt idx="4802">
                  <c:v>12.59787515724868</c:v>
                </c:pt>
                <c:pt idx="4803">
                  <c:v>12.59787515724868</c:v>
                </c:pt>
                <c:pt idx="4804">
                  <c:v>12.59787515724868</c:v>
                </c:pt>
                <c:pt idx="4805">
                  <c:v>12.59787515724868</c:v>
                </c:pt>
                <c:pt idx="4806">
                  <c:v>12.602726200957914</c:v>
                </c:pt>
                <c:pt idx="4807">
                  <c:v>12.602726200957914</c:v>
                </c:pt>
                <c:pt idx="4808">
                  <c:v>12.602726200957914</c:v>
                </c:pt>
                <c:pt idx="4809">
                  <c:v>12.602726200957914</c:v>
                </c:pt>
                <c:pt idx="4810">
                  <c:v>12.602726200957914</c:v>
                </c:pt>
                <c:pt idx="4811">
                  <c:v>12.602726200957914</c:v>
                </c:pt>
                <c:pt idx="4812">
                  <c:v>12.602726200957914</c:v>
                </c:pt>
                <c:pt idx="4813">
                  <c:v>12.607577244667144</c:v>
                </c:pt>
                <c:pt idx="4814">
                  <c:v>12.607577244667144</c:v>
                </c:pt>
                <c:pt idx="4815">
                  <c:v>12.607577244667144</c:v>
                </c:pt>
                <c:pt idx="4816">
                  <c:v>12.607577244667144</c:v>
                </c:pt>
                <c:pt idx="4817">
                  <c:v>12.607577244667144</c:v>
                </c:pt>
                <c:pt idx="4818">
                  <c:v>12.607577244667144</c:v>
                </c:pt>
                <c:pt idx="4819">
                  <c:v>12.607577244667144</c:v>
                </c:pt>
                <c:pt idx="4820">
                  <c:v>12.607577244667144</c:v>
                </c:pt>
                <c:pt idx="4821">
                  <c:v>12.607577244667144</c:v>
                </c:pt>
                <c:pt idx="4822">
                  <c:v>12.607577244667144</c:v>
                </c:pt>
                <c:pt idx="4823">
                  <c:v>12.607577244667144</c:v>
                </c:pt>
                <c:pt idx="4824">
                  <c:v>12.612285610620077</c:v>
                </c:pt>
                <c:pt idx="4825">
                  <c:v>12.612285610620077</c:v>
                </c:pt>
                <c:pt idx="4826">
                  <c:v>12.612285610620077</c:v>
                </c:pt>
                <c:pt idx="4827">
                  <c:v>12.612285610620077</c:v>
                </c:pt>
                <c:pt idx="4828">
                  <c:v>12.612285610620077</c:v>
                </c:pt>
                <c:pt idx="4829">
                  <c:v>12.612285610620077</c:v>
                </c:pt>
                <c:pt idx="4830">
                  <c:v>12.612285610620077</c:v>
                </c:pt>
                <c:pt idx="4831">
                  <c:v>12.612285610620077</c:v>
                </c:pt>
                <c:pt idx="4832">
                  <c:v>12.612285610620077</c:v>
                </c:pt>
                <c:pt idx="4833">
                  <c:v>12.612285610620077</c:v>
                </c:pt>
                <c:pt idx="4834">
                  <c:v>12.612285610620077</c:v>
                </c:pt>
                <c:pt idx="4835">
                  <c:v>12.612285610620077</c:v>
                </c:pt>
                <c:pt idx="4836">
                  <c:v>12.617136654329311</c:v>
                </c:pt>
                <c:pt idx="4837">
                  <c:v>12.617136654329311</c:v>
                </c:pt>
                <c:pt idx="4838">
                  <c:v>12.617136654329311</c:v>
                </c:pt>
                <c:pt idx="4839">
                  <c:v>12.621987698038543</c:v>
                </c:pt>
                <c:pt idx="4840">
                  <c:v>12.621987698038543</c:v>
                </c:pt>
                <c:pt idx="4841">
                  <c:v>12.617136654329311</c:v>
                </c:pt>
                <c:pt idx="4842">
                  <c:v>12.617136654329311</c:v>
                </c:pt>
                <c:pt idx="4843">
                  <c:v>12.617136654329311</c:v>
                </c:pt>
                <c:pt idx="4844">
                  <c:v>12.617136654329311</c:v>
                </c:pt>
                <c:pt idx="4845">
                  <c:v>12.617136654329311</c:v>
                </c:pt>
                <c:pt idx="4846">
                  <c:v>12.621987698038543</c:v>
                </c:pt>
                <c:pt idx="4847">
                  <c:v>12.621987698038543</c:v>
                </c:pt>
                <c:pt idx="4848">
                  <c:v>12.621987698038543</c:v>
                </c:pt>
                <c:pt idx="4849">
                  <c:v>12.626696063991476</c:v>
                </c:pt>
                <c:pt idx="4850">
                  <c:v>12.626696063991476</c:v>
                </c:pt>
                <c:pt idx="4851">
                  <c:v>12.631547107700708</c:v>
                </c:pt>
                <c:pt idx="4852">
                  <c:v>12.631547107700708</c:v>
                </c:pt>
                <c:pt idx="4853">
                  <c:v>12.63639815140994</c:v>
                </c:pt>
                <c:pt idx="4854">
                  <c:v>12.63639815140994</c:v>
                </c:pt>
                <c:pt idx="4855">
                  <c:v>12.641106517363001</c:v>
                </c:pt>
                <c:pt idx="4856">
                  <c:v>12.641106517363001</c:v>
                </c:pt>
                <c:pt idx="4857">
                  <c:v>12.641106517363001</c:v>
                </c:pt>
                <c:pt idx="4858">
                  <c:v>12.645957561072107</c:v>
                </c:pt>
                <c:pt idx="4859">
                  <c:v>12.645957561072107</c:v>
                </c:pt>
                <c:pt idx="4860">
                  <c:v>12.645957561072107</c:v>
                </c:pt>
                <c:pt idx="4861">
                  <c:v>12.650808604781339</c:v>
                </c:pt>
                <c:pt idx="4862">
                  <c:v>12.650808604781339</c:v>
                </c:pt>
                <c:pt idx="4863">
                  <c:v>12.650808604781339</c:v>
                </c:pt>
                <c:pt idx="4864">
                  <c:v>12.650808604781339</c:v>
                </c:pt>
                <c:pt idx="4865">
                  <c:v>12.650808604781339</c:v>
                </c:pt>
                <c:pt idx="4866">
                  <c:v>12.650808604781339</c:v>
                </c:pt>
                <c:pt idx="4867">
                  <c:v>12.650808604781339</c:v>
                </c:pt>
                <c:pt idx="4868">
                  <c:v>12.650808604781339</c:v>
                </c:pt>
                <c:pt idx="4869">
                  <c:v>12.650808604781339</c:v>
                </c:pt>
                <c:pt idx="4870">
                  <c:v>12.655516970734398</c:v>
                </c:pt>
                <c:pt idx="4871">
                  <c:v>12.655516970734398</c:v>
                </c:pt>
                <c:pt idx="4872">
                  <c:v>12.655516970734398</c:v>
                </c:pt>
                <c:pt idx="4873">
                  <c:v>12.650808604781339</c:v>
                </c:pt>
                <c:pt idx="4874">
                  <c:v>12.650808604781339</c:v>
                </c:pt>
                <c:pt idx="4875">
                  <c:v>12.650808604781339</c:v>
                </c:pt>
                <c:pt idx="4876">
                  <c:v>12.650808604781339</c:v>
                </c:pt>
                <c:pt idx="4877">
                  <c:v>12.650808604781339</c:v>
                </c:pt>
                <c:pt idx="4878">
                  <c:v>12.650808604781339</c:v>
                </c:pt>
                <c:pt idx="4879">
                  <c:v>12.650808604781339</c:v>
                </c:pt>
                <c:pt idx="4880">
                  <c:v>12.650808604781339</c:v>
                </c:pt>
                <c:pt idx="4881">
                  <c:v>12.650808604781339</c:v>
                </c:pt>
                <c:pt idx="4882">
                  <c:v>12.650808604781339</c:v>
                </c:pt>
                <c:pt idx="4883">
                  <c:v>12.650808604781339</c:v>
                </c:pt>
                <c:pt idx="4884">
                  <c:v>12.655516970734398</c:v>
                </c:pt>
                <c:pt idx="4885">
                  <c:v>12.655516970734398</c:v>
                </c:pt>
                <c:pt idx="4886">
                  <c:v>12.655516970734398</c:v>
                </c:pt>
                <c:pt idx="4887">
                  <c:v>12.655516970734398</c:v>
                </c:pt>
                <c:pt idx="4888">
                  <c:v>12.655516970734398</c:v>
                </c:pt>
                <c:pt idx="4889">
                  <c:v>12.655516970734398</c:v>
                </c:pt>
                <c:pt idx="4890">
                  <c:v>12.655516970734398</c:v>
                </c:pt>
                <c:pt idx="4891">
                  <c:v>12.655516970734398</c:v>
                </c:pt>
                <c:pt idx="4892">
                  <c:v>12.660368014443504</c:v>
                </c:pt>
                <c:pt idx="4893">
                  <c:v>12.660368014443504</c:v>
                </c:pt>
                <c:pt idx="4894">
                  <c:v>12.665219058152736</c:v>
                </c:pt>
                <c:pt idx="4895">
                  <c:v>12.665219058152736</c:v>
                </c:pt>
                <c:pt idx="4896">
                  <c:v>12.669927424105797</c:v>
                </c:pt>
                <c:pt idx="4897">
                  <c:v>12.669927424105797</c:v>
                </c:pt>
                <c:pt idx="4898">
                  <c:v>12.669927424105797</c:v>
                </c:pt>
                <c:pt idx="4899">
                  <c:v>12.669927424105797</c:v>
                </c:pt>
                <c:pt idx="4900">
                  <c:v>12.669927424105797</c:v>
                </c:pt>
                <c:pt idx="4901">
                  <c:v>12.669927424105797</c:v>
                </c:pt>
                <c:pt idx="4902">
                  <c:v>12.669927424105797</c:v>
                </c:pt>
                <c:pt idx="4903">
                  <c:v>12.669927424105797</c:v>
                </c:pt>
                <c:pt idx="4904">
                  <c:v>12.669927424105797</c:v>
                </c:pt>
                <c:pt idx="4905">
                  <c:v>12.669927424105797</c:v>
                </c:pt>
                <c:pt idx="4906">
                  <c:v>12.669927424105797</c:v>
                </c:pt>
                <c:pt idx="4907">
                  <c:v>12.669927424105797</c:v>
                </c:pt>
                <c:pt idx="4908">
                  <c:v>12.665219058152736</c:v>
                </c:pt>
                <c:pt idx="4909">
                  <c:v>12.665219058152736</c:v>
                </c:pt>
                <c:pt idx="4910">
                  <c:v>12.665219058152736</c:v>
                </c:pt>
                <c:pt idx="4911">
                  <c:v>12.665219058152736</c:v>
                </c:pt>
                <c:pt idx="4912">
                  <c:v>12.665219058152736</c:v>
                </c:pt>
                <c:pt idx="4913">
                  <c:v>12.665219058152736</c:v>
                </c:pt>
                <c:pt idx="4914">
                  <c:v>12.669927424105797</c:v>
                </c:pt>
                <c:pt idx="4915">
                  <c:v>12.669927424105797</c:v>
                </c:pt>
                <c:pt idx="4916">
                  <c:v>12.669927424105797</c:v>
                </c:pt>
                <c:pt idx="4917">
                  <c:v>12.665219058152736</c:v>
                </c:pt>
                <c:pt idx="4918">
                  <c:v>12.665219058152736</c:v>
                </c:pt>
                <c:pt idx="4919">
                  <c:v>12.665219058152736</c:v>
                </c:pt>
                <c:pt idx="4920">
                  <c:v>12.665219058152736</c:v>
                </c:pt>
                <c:pt idx="4921">
                  <c:v>12.665219058152736</c:v>
                </c:pt>
                <c:pt idx="4922">
                  <c:v>12.669927424105797</c:v>
                </c:pt>
                <c:pt idx="4923">
                  <c:v>12.669927424105797</c:v>
                </c:pt>
                <c:pt idx="4924">
                  <c:v>12.669927424105797</c:v>
                </c:pt>
                <c:pt idx="4925">
                  <c:v>12.674778467814903</c:v>
                </c:pt>
                <c:pt idx="4926">
                  <c:v>12.674778467814903</c:v>
                </c:pt>
                <c:pt idx="4927">
                  <c:v>12.674778467814903</c:v>
                </c:pt>
                <c:pt idx="4928">
                  <c:v>12.674778467814903</c:v>
                </c:pt>
                <c:pt idx="4929">
                  <c:v>12.679629511524135</c:v>
                </c:pt>
                <c:pt idx="4930">
                  <c:v>12.679629511524135</c:v>
                </c:pt>
                <c:pt idx="4931">
                  <c:v>12.679629511524135</c:v>
                </c:pt>
                <c:pt idx="4932">
                  <c:v>12.679629511524135</c:v>
                </c:pt>
                <c:pt idx="4933">
                  <c:v>12.684337877477194</c:v>
                </c:pt>
                <c:pt idx="4934">
                  <c:v>12.684337877477194</c:v>
                </c:pt>
                <c:pt idx="4935">
                  <c:v>12.689188921186426</c:v>
                </c:pt>
                <c:pt idx="4936">
                  <c:v>12.689188921186426</c:v>
                </c:pt>
                <c:pt idx="4937">
                  <c:v>12.689188921186426</c:v>
                </c:pt>
                <c:pt idx="4938">
                  <c:v>12.689188921186426</c:v>
                </c:pt>
                <c:pt idx="4939">
                  <c:v>12.689188921186426</c:v>
                </c:pt>
                <c:pt idx="4940">
                  <c:v>12.689188921186426</c:v>
                </c:pt>
                <c:pt idx="4941">
                  <c:v>12.689188921186426</c:v>
                </c:pt>
                <c:pt idx="4942">
                  <c:v>12.689188921186426</c:v>
                </c:pt>
                <c:pt idx="4943">
                  <c:v>12.694039964895532</c:v>
                </c:pt>
                <c:pt idx="4944">
                  <c:v>12.694039964895532</c:v>
                </c:pt>
                <c:pt idx="4945">
                  <c:v>12.694039964895532</c:v>
                </c:pt>
                <c:pt idx="4946">
                  <c:v>12.694039964895532</c:v>
                </c:pt>
                <c:pt idx="4947">
                  <c:v>12.694039964895532</c:v>
                </c:pt>
                <c:pt idx="4948">
                  <c:v>12.694039964895532</c:v>
                </c:pt>
                <c:pt idx="4949">
                  <c:v>12.694039964895532</c:v>
                </c:pt>
                <c:pt idx="4950">
                  <c:v>12.694039964895532</c:v>
                </c:pt>
                <c:pt idx="4951">
                  <c:v>12.694039964895532</c:v>
                </c:pt>
                <c:pt idx="4952">
                  <c:v>12.694039964895532</c:v>
                </c:pt>
                <c:pt idx="4953">
                  <c:v>12.694039964895532</c:v>
                </c:pt>
                <c:pt idx="4954">
                  <c:v>12.694039964895532</c:v>
                </c:pt>
                <c:pt idx="4955">
                  <c:v>12.694039964895532</c:v>
                </c:pt>
                <c:pt idx="4956">
                  <c:v>12.694039964895532</c:v>
                </c:pt>
                <c:pt idx="4957">
                  <c:v>12.694039964895532</c:v>
                </c:pt>
                <c:pt idx="4958">
                  <c:v>12.694039964895532</c:v>
                </c:pt>
                <c:pt idx="4959">
                  <c:v>12.694039964895532</c:v>
                </c:pt>
                <c:pt idx="4960">
                  <c:v>12.694039964895532</c:v>
                </c:pt>
                <c:pt idx="4961">
                  <c:v>12.694039964895532</c:v>
                </c:pt>
                <c:pt idx="4962">
                  <c:v>12.694039964895532</c:v>
                </c:pt>
                <c:pt idx="4963">
                  <c:v>12.694039964895532</c:v>
                </c:pt>
                <c:pt idx="4964">
                  <c:v>12.689188921186426</c:v>
                </c:pt>
                <c:pt idx="4965">
                  <c:v>12.689188921186426</c:v>
                </c:pt>
                <c:pt idx="4966">
                  <c:v>12.689188921186426</c:v>
                </c:pt>
                <c:pt idx="4967">
                  <c:v>12.689188921186426</c:v>
                </c:pt>
                <c:pt idx="4968">
                  <c:v>12.689188921186426</c:v>
                </c:pt>
                <c:pt idx="4969">
                  <c:v>12.689188921186426</c:v>
                </c:pt>
                <c:pt idx="4970">
                  <c:v>12.689188921186426</c:v>
                </c:pt>
                <c:pt idx="4971">
                  <c:v>12.689188921186426</c:v>
                </c:pt>
                <c:pt idx="4972">
                  <c:v>12.689188921186426</c:v>
                </c:pt>
                <c:pt idx="4973">
                  <c:v>12.689188921186426</c:v>
                </c:pt>
                <c:pt idx="4974">
                  <c:v>12.689188921186426</c:v>
                </c:pt>
                <c:pt idx="4975">
                  <c:v>12.684337877477194</c:v>
                </c:pt>
                <c:pt idx="4976">
                  <c:v>12.684337877477194</c:v>
                </c:pt>
                <c:pt idx="4977">
                  <c:v>12.684337877477194</c:v>
                </c:pt>
                <c:pt idx="4978">
                  <c:v>12.684337877477194</c:v>
                </c:pt>
                <c:pt idx="4979">
                  <c:v>12.684337877477194</c:v>
                </c:pt>
                <c:pt idx="4980">
                  <c:v>12.684337877477194</c:v>
                </c:pt>
                <c:pt idx="4981">
                  <c:v>12.684337877477194</c:v>
                </c:pt>
                <c:pt idx="4982">
                  <c:v>12.684337877477194</c:v>
                </c:pt>
                <c:pt idx="4983">
                  <c:v>12.684337877477194</c:v>
                </c:pt>
                <c:pt idx="4984">
                  <c:v>12.684337877477194</c:v>
                </c:pt>
                <c:pt idx="4985">
                  <c:v>12.684337877477194</c:v>
                </c:pt>
                <c:pt idx="4986">
                  <c:v>12.684337877477194</c:v>
                </c:pt>
                <c:pt idx="4987">
                  <c:v>12.684337877477194</c:v>
                </c:pt>
                <c:pt idx="4988">
                  <c:v>12.684337877477194</c:v>
                </c:pt>
                <c:pt idx="4989">
                  <c:v>12.684337877477194</c:v>
                </c:pt>
                <c:pt idx="4990">
                  <c:v>12.684337877477194</c:v>
                </c:pt>
                <c:pt idx="4991">
                  <c:v>12.684337877477194</c:v>
                </c:pt>
                <c:pt idx="4992">
                  <c:v>12.684337877477194</c:v>
                </c:pt>
                <c:pt idx="4993">
                  <c:v>12.684337877477194</c:v>
                </c:pt>
                <c:pt idx="4994">
                  <c:v>12.684337877477194</c:v>
                </c:pt>
                <c:pt idx="4995">
                  <c:v>12.684337877477194</c:v>
                </c:pt>
                <c:pt idx="4996">
                  <c:v>12.684337877477194</c:v>
                </c:pt>
                <c:pt idx="4997">
                  <c:v>12.684337877477194</c:v>
                </c:pt>
                <c:pt idx="4998">
                  <c:v>12.689188921186426</c:v>
                </c:pt>
                <c:pt idx="4999">
                  <c:v>12.689188921186426</c:v>
                </c:pt>
                <c:pt idx="5000">
                  <c:v>12.694039964895532</c:v>
                </c:pt>
                <c:pt idx="5001">
                  <c:v>12.694039964895532</c:v>
                </c:pt>
                <c:pt idx="5002">
                  <c:v>12.694039964895532</c:v>
                </c:pt>
                <c:pt idx="5003">
                  <c:v>12.694039964895532</c:v>
                </c:pt>
                <c:pt idx="5004">
                  <c:v>12.694039964895532</c:v>
                </c:pt>
                <c:pt idx="5005">
                  <c:v>12.694039964895532</c:v>
                </c:pt>
                <c:pt idx="5006">
                  <c:v>12.694039964895532</c:v>
                </c:pt>
                <c:pt idx="5007">
                  <c:v>12.689188921186426</c:v>
                </c:pt>
                <c:pt idx="5008">
                  <c:v>12.689188921186426</c:v>
                </c:pt>
                <c:pt idx="5009">
                  <c:v>12.689188921186426</c:v>
                </c:pt>
                <c:pt idx="5010">
                  <c:v>12.694039964895532</c:v>
                </c:pt>
                <c:pt idx="5011">
                  <c:v>12.694039964895532</c:v>
                </c:pt>
                <c:pt idx="5012">
                  <c:v>12.698748330848593</c:v>
                </c:pt>
                <c:pt idx="5013">
                  <c:v>12.698748330848593</c:v>
                </c:pt>
                <c:pt idx="5014">
                  <c:v>12.703599374557825</c:v>
                </c:pt>
                <c:pt idx="5015">
                  <c:v>12.703599374557825</c:v>
                </c:pt>
                <c:pt idx="5016">
                  <c:v>12.703599374557825</c:v>
                </c:pt>
                <c:pt idx="5017">
                  <c:v>12.703599374557825</c:v>
                </c:pt>
                <c:pt idx="5018">
                  <c:v>12.70845041826693</c:v>
                </c:pt>
                <c:pt idx="5019">
                  <c:v>12.70845041826693</c:v>
                </c:pt>
                <c:pt idx="5020">
                  <c:v>12.70845041826693</c:v>
                </c:pt>
                <c:pt idx="5021">
                  <c:v>12.70845041826693</c:v>
                </c:pt>
                <c:pt idx="5022">
                  <c:v>12.70845041826693</c:v>
                </c:pt>
                <c:pt idx="5023">
                  <c:v>12.703599374557825</c:v>
                </c:pt>
                <c:pt idx="5024">
                  <c:v>12.703599374557825</c:v>
                </c:pt>
                <c:pt idx="5025">
                  <c:v>12.698748330848593</c:v>
                </c:pt>
                <c:pt idx="5026">
                  <c:v>12.698748330848593</c:v>
                </c:pt>
                <c:pt idx="5027">
                  <c:v>12.698748330848593</c:v>
                </c:pt>
                <c:pt idx="5028">
                  <c:v>12.703599374557825</c:v>
                </c:pt>
                <c:pt idx="5029">
                  <c:v>12.70845041826693</c:v>
                </c:pt>
                <c:pt idx="5030">
                  <c:v>12.70845041826693</c:v>
                </c:pt>
                <c:pt idx="5031">
                  <c:v>12.71315878421999</c:v>
                </c:pt>
                <c:pt idx="5032">
                  <c:v>12.71315878421999</c:v>
                </c:pt>
                <c:pt idx="5033">
                  <c:v>12.718009827929222</c:v>
                </c:pt>
                <c:pt idx="5034">
                  <c:v>12.718009827929222</c:v>
                </c:pt>
                <c:pt idx="5035">
                  <c:v>12.718009827929222</c:v>
                </c:pt>
                <c:pt idx="5036">
                  <c:v>12.718009827929222</c:v>
                </c:pt>
                <c:pt idx="5037">
                  <c:v>12.718009827929222</c:v>
                </c:pt>
                <c:pt idx="5038">
                  <c:v>12.718009827929222</c:v>
                </c:pt>
                <c:pt idx="5039">
                  <c:v>12.718009827929222</c:v>
                </c:pt>
                <c:pt idx="5040">
                  <c:v>12.718009827929222</c:v>
                </c:pt>
                <c:pt idx="5041">
                  <c:v>12.718009827929222</c:v>
                </c:pt>
                <c:pt idx="5042">
                  <c:v>12.718009827929222</c:v>
                </c:pt>
                <c:pt idx="5043">
                  <c:v>12.718009827929222</c:v>
                </c:pt>
                <c:pt idx="5044">
                  <c:v>12.718009827929222</c:v>
                </c:pt>
                <c:pt idx="5045">
                  <c:v>12.718009827929222</c:v>
                </c:pt>
                <c:pt idx="5046">
                  <c:v>12.718009827929222</c:v>
                </c:pt>
                <c:pt idx="5047">
                  <c:v>12.718009827929222</c:v>
                </c:pt>
                <c:pt idx="5048">
                  <c:v>12.718009827929222</c:v>
                </c:pt>
                <c:pt idx="5049">
                  <c:v>12.718009827929222</c:v>
                </c:pt>
                <c:pt idx="5050">
                  <c:v>12.718009827929222</c:v>
                </c:pt>
                <c:pt idx="5051">
                  <c:v>12.722860871638328</c:v>
                </c:pt>
                <c:pt idx="5052">
                  <c:v>12.722860871638328</c:v>
                </c:pt>
                <c:pt idx="5053">
                  <c:v>12.722860871638328</c:v>
                </c:pt>
                <c:pt idx="5054">
                  <c:v>12.718009827929222</c:v>
                </c:pt>
                <c:pt idx="5055">
                  <c:v>12.718009827929222</c:v>
                </c:pt>
                <c:pt idx="5056">
                  <c:v>12.718009827929222</c:v>
                </c:pt>
                <c:pt idx="5057">
                  <c:v>12.718009827929222</c:v>
                </c:pt>
                <c:pt idx="5058">
                  <c:v>12.71315878421999</c:v>
                </c:pt>
                <c:pt idx="5059">
                  <c:v>12.71315878421999</c:v>
                </c:pt>
                <c:pt idx="5060">
                  <c:v>12.718009827929222</c:v>
                </c:pt>
                <c:pt idx="5061">
                  <c:v>12.718009827929222</c:v>
                </c:pt>
                <c:pt idx="5062">
                  <c:v>12.718009827929222</c:v>
                </c:pt>
                <c:pt idx="5063">
                  <c:v>12.718009827929222</c:v>
                </c:pt>
                <c:pt idx="5064">
                  <c:v>12.718009827929222</c:v>
                </c:pt>
                <c:pt idx="5065">
                  <c:v>12.722860871638328</c:v>
                </c:pt>
                <c:pt idx="5066">
                  <c:v>12.722860871638328</c:v>
                </c:pt>
                <c:pt idx="5067">
                  <c:v>12.727569237591387</c:v>
                </c:pt>
                <c:pt idx="5068">
                  <c:v>12.727569237591387</c:v>
                </c:pt>
                <c:pt idx="5069">
                  <c:v>12.73242028130062</c:v>
                </c:pt>
                <c:pt idx="5070">
                  <c:v>12.73242028130062</c:v>
                </c:pt>
                <c:pt idx="5071">
                  <c:v>12.73242028130062</c:v>
                </c:pt>
                <c:pt idx="5072">
                  <c:v>12.737271325009852</c:v>
                </c:pt>
                <c:pt idx="5073">
                  <c:v>12.737271325009852</c:v>
                </c:pt>
                <c:pt idx="5074">
                  <c:v>12.737271325009852</c:v>
                </c:pt>
                <c:pt idx="5075">
                  <c:v>12.737271325009852</c:v>
                </c:pt>
                <c:pt idx="5076">
                  <c:v>12.737271325009852</c:v>
                </c:pt>
                <c:pt idx="5077">
                  <c:v>12.737271325009852</c:v>
                </c:pt>
                <c:pt idx="5078">
                  <c:v>12.737271325009852</c:v>
                </c:pt>
                <c:pt idx="5079">
                  <c:v>12.737271325009852</c:v>
                </c:pt>
                <c:pt idx="5080">
                  <c:v>12.742122368718958</c:v>
                </c:pt>
                <c:pt idx="5081">
                  <c:v>12.742122368718958</c:v>
                </c:pt>
                <c:pt idx="5082">
                  <c:v>12.742122368718958</c:v>
                </c:pt>
                <c:pt idx="5083">
                  <c:v>12.742122368718958</c:v>
                </c:pt>
                <c:pt idx="5084">
                  <c:v>12.742122368718958</c:v>
                </c:pt>
                <c:pt idx="5085">
                  <c:v>12.737271325009852</c:v>
                </c:pt>
                <c:pt idx="5086">
                  <c:v>12.737271325009852</c:v>
                </c:pt>
                <c:pt idx="5087">
                  <c:v>12.737271325009852</c:v>
                </c:pt>
                <c:pt idx="5088">
                  <c:v>12.737271325009852</c:v>
                </c:pt>
                <c:pt idx="5089">
                  <c:v>12.737271325009852</c:v>
                </c:pt>
                <c:pt idx="5090">
                  <c:v>12.737271325009852</c:v>
                </c:pt>
                <c:pt idx="5091">
                  <c:v>12.737271325009852</c:v>
                </c:pt>
                <c:pt idx="5092">
                  <c:v>12.737271325009852</c:v>
                </c:pt>
                <c:pt idx="5093">
                  <c:v>12.737271325009852</c:v>
                </c:pt>
                <c:pt idx="5094">
                  <c:v>12.73242028130062</c:v>
                </c:pt>
                <c:pt idx="5095">
                  <c:v>12.73242028130062</c:v>
                </c:pt>
                <c:pt idx="5096">
                  <c:v>12.73242028130062</c:v>
                </c:pt>
                <c:pt idx="5097">
                  <c:v>12.73242028130062</c:v>
                </c:pt>
                <c:pt idx="5098">
                  <c:v>12.73242028130062</c:v>
                </c:pt>
                <c:pt idx="5099">
                  <c:v>12.73242028130062</c:v>
                </c:pt>
                <c:pt idx="5100">
                  <c:v>12.73242028130062</c:v>
                </c:pt>
                <c:pt idx="5101">
                  <c:v>12.73242028130062</c:v>
                </c:pt>
                <c:pt idx="5102">
                  <c:v>12.73242028130062</c:v>
                </c:pt>
                <c:pt idx="5103">
                  <c:v>12.737271325009852</c:v>
                </c:pt>
                <c:pt idx="5104">
                  <c:v>12.737271325009852</c:v>
                </c:pt>
                <c:pt idx="5105">
                  <c:v>12.737271325009852</c:v>
                </c:pt>
                <c:pt idx="5106">
                  <c:v>12.737271325009852</c:v>
                </c:pt>
                <c:pt idx="5107">
                  <c:v>12.737271325009852</c:v>
                </c:pt>
                <c:pt idx="5108">
                  <c:v>12.737271325009852</c:v>
                </c:pt>
                <c:pt idx="5109">
                  <c:v>12.737271325009852</c:v>
                </c:pt>
                <c:pt idx="5110">
                  <c:v>12.737271325009852</c:v>
                </c:pt>
                <c:pt idx="5111">
                  <c:v>12.737271325009852</c:v>
                </c:pt>
                <c:pt idx="5112">
                  <c:v>12.737271325009852</c:v>
                </c:pt>
                <c:pt idx="5113">
                  <c:v>12.737271325009852</c:v>
                </c:pt>
                <c:pt idx="5114">
                  <c:v>12.737271325009852</c:v>
                </c:pt>
                <c:pt idx="5115">
                  <c:v>12.737271325009852</c:v>
                </c:pt>
                <c:pt idx="5116">
                  <c:v>12.737271325009852</c:v>
                </c:pt>
                <c:pt idx="5117">
                  <c:v>12.737271325009852</c:v>
                </c:pt>
                <c:pt idx="5118">
                  <c:v>12.742122368718958</c:v>
                </c:pt>
                <c:pt idx="5119">
                  <c:v>12.742122368718958</c:v>
                </c:pt>
                <c:pt idx="5120">
                  <c:v>12.742122368718958</c:v>
                </c:pt>
                <c:pt idx="5121">
                  <c:v>12.746830734672018</c:v>
                </c:pt>
                <c:pt idx="5122">
                  <c:v>12.746830734672018</c:v>
                </c:pt>
                <c:pt idx="5123">
                  <c:v>12.746830734672018</c:v>
                </c:pt>
                <c:pt idx="5124">
                  <c:v>12.746830734672018</c:v>
                </c:pt>
                <c:pt idx="5125">
                  <c:v>12.751681778381251</c:v>
                </c:pt>
                <c:pt idx="5126">
                  <c:v>12.751681778381251</c:v>
                </c:pt>
                <c:pt idx="5127">
                  <c:v>12.751681778381251</c:v>
                </c:pt>
                <c:pt idx="5128">
                  <c:v>12.751681778381251</c:v>
                </c:pt>
                <c:pt idx="5129">
                  <c:v>12.751681778381251</c:v>
                </c:pt>
                <c:pt idx="5130">
                  <c:v>12.751681778381251</c:v>
                </c:pt>
                <c:pt idx="5131">
                  <c:v>12.751681778381251</c:v>
                </c:pt>
                <c:pt idx="5132">
                  <c:v>12.756532822090357</c:v>
                </c:pt>
                <c:pt idx="5133">
                  <c:v>12.756532822090357</c:v>
                </c:pt>
                <c:pt idx="5134">
                  <c:v>12.756532822090357</c:v>
                </c:pt>
                <c:pt idx="5135">
                  <c:v>12.756532822090357</c:v>
                </c:pt>
                <c:pt idx="5136">
                  <c:v>12.756532822090357</c:v>
                </c:pt>
                <c:pt idx="5137">
                  <c:v>12.756532822090357</c:v>
                </c:pt>
                <c:pt idx="5138">
                  <c:v>12.756532822090357</c:v>
                </c:pt>
                <c:pt idx="5139">
                  <c:v>12.756532822090357</c:v>
                </c:pt>
                <c:pt idx="5140">
                  <c:v>12.756532822090357</c:v>
                </c:pt>
                <c:pt idx="5141">
                  <c:v>12.756532822090357</c:v>
                </c:pt>
                <c:pt idx="5142">
                  <c:v>12.756532822090357</c:v>
                </c:pt>
                <c:pt idx="5143">
                  <c:v>12.751681778381251</c:v>
                </c:pt>
                <c:pt idx="5144">
                  <c:v>12.751681778381251</c:v>
                </c:pt>
                <c:pt idx="5145">
                  <c:v>12.751681778381251</c:v>
                </c:pt>
                <c:pt idx="5146">
                  <c:v>12.751681778381251</c:v>
                </c:pt>
                <c:pt idx="5147">
                  <c:v>12.751681778381251</c:v>
                </c:pt>
                <c:pt idx="5148">
                  <c:v>12.751681778381251</c:v>
                </c:pt>
                <c:pt idx="5149">
                  <c:v>12.751681778381251</c:v>
                </c:pt>
                <c:pt idx="5150">
                  <c:v>12.751681778381251</c:v>
                </c:pt>
                <c:pt idx="5151">
                  <c:v>12.756532822090357</c:v>
                </c:pt>
                <c:pt idx="5152">
                  <c:v>12.756532822090357</c:v>
                </c:pt>
                <c:pt idx="5153">
                  <c:v>12.756532822090357</c:v>
                </c:pt>
                <c:pt idx="5154">
                  <c:v>12.761241188043416</c:v>
                </c:pt>
                <c:pt idx="5155">
                  <c:v>12.761241188043416</c:v>
                </c:pt>
                <c:pt idx="5156">
                  <c:v>12.761241188043416</c:v>
                </c:pt>
                <c:pt idx="5157">
                  <c:v>12.761241188043416</c:v>
                </c:pt>
                <c:pt idx="5158">
                  <c:v>12.761241188043416</c:v>
                </c:pt>
                <c:pt idx="5159">
                  <c:v>12.761241188043416</c:v>
                </c:pt>
                <c:pt idx="5160">
                  <c:v>12.761241188043416</c:v>
                </c:pt>
                <c:pt idx="5161">
                  <c:v>12.761241188043416</c:v>
                </c:pt>
                <c:pt idx="5162">
                  <c:v>12.766092231752648</c:v>
                </c:pt>
                <c:pt idx="5163">
                  <c:v>12.766092231752648</c:v>
                </c:pt>
                <c:pt idx="5164">
                  <c:v>12.766092231752648</c:v>
                </c:pt>
                <c:pt idx="5165">
                  <c:v>12.766092231752648</c:v>
                </c:pt>
                <c:pt idx="5166">
                  <c:v>12.766092231752648</c:v>
                </c:pt>
                <c:pt idx="5167">
                  <c:v>12.766092231752648</c:v>
                </c:pt>
                <c:pt idx="5168">
                  <c:v>12.766092231752648</c:v>
                </c:pt>
                <c:pt idx="5169">
                  <c:v>12.770943275461754</c:v>
                </c:pt>
                <c:pt idx="5170">
                  <c:v>12.770943275461754</c:v>
                </c:pt>
                <c:pt idx="5171">
                  <c:v>12.770943275461754</c:v>
                </c:pt>
                <c:pt idx="5172">
                  <c:v>12.770943275461754</c:v>
                </c:pt>
                <c:pt idx="5173">
                  <c:v>12.770943275461754</c:v>
                </c:pt>
                <c:pt idx="5174">
                  <c:v>12.770943275461754</c:v>
                </c:pt>
                <c:pt idx="5175">
                  <c:v>12.770943275461754</c:v>
                </c:pt>
                <c:pt idx="5176">
                  <c:v>12.770943275461754</c:v>
                </c:pt>
                <c:pt idx="5177">
                  <c:v>12.766092231752648</c:v>
                </c:pt>
                <c:pt idx="5178">
                  <c:v>12.766092231752648</c:v>
                </c:pt>
                <c:pt idx="5179">
                  <c:v>12.766092231752648</c:v>
                </c:pt>
                <c:pt idx="5180">
                  <c:v>12.770943275461754</c:v>
                </c:pt>
                <c:pt idx="5181">
                  <c:v>12.770943275461754</c:v>
                </c:pt>
                <c:pt idx="5182">
                  <c:v>12.770943275461754</c:v>
                </c:pt>
                <c:pt idx="5183">
                  <c:v>12.770943275461754</c:v>
                </c:pt>
                <c:pt idx="5184">
                  <c:v>12.770943275461754</c:v>
                </c:pt>
                <c:pt idx="5185">
                  <c:v>12.770943275461754</c:v>
                </c:pt>
                <c:pt idx="5186">
                  <c:v>12.770943275461754</c:v>
                </c:pt>
                <c:pt idx="5187">
                  <c:v>12.770943275461754</c:v>
                </c:pt>
                <c:pt idx="5188">
                  <c:v>12.775651641414814</c:v>
                </c:pt>
                <c:pt idx="5189">
                  <c:v>12.775651641414814</c:v>
                </c:pt>
                <c:pt idx="5190">
                  <c:v>12.775651641414814</c:v>
                </c:pt>
                <c:pt idx="5191">
                  <c:v>12.780502685124047</c:v>
                </c:pt>
                <c:pt idx="5192">
                  <c:v>12.780502685124047</c:v>
                </c:pt>
                <c:pt idx="5193">
                  <c:v>12.780502685124047</c:v>
                </c:pt>
                <c:pt idx="5194">
                  <c:v>12.780502685124047</c:v>
                </c:pt>
                <c:pt idx="5195">
                  <c:v>12.780502685124047</c:v>
                </c:pt>
                <c:pt idx="5196">
                  <c:v>12.780502685124047</c:v>
                </c:pt>
                <c:pt idx="5197">
                  <c:v>12.780502685124047</c:v>
                </c:pt>
                <c:pt idx="5198">
                  <c:v>12.780502685124047</c:v>
                </c:pt>
                <c:pt idx="5199">
                  <c:v>12.780502685124047</c:v>
                </c:pt>
                <c:pt idx="5200">
                  <c:v>12.780502685124047</c:v>
                </c:pt>
                <c:pt idx="5201">
                  <c:v>12.780502685124047</c:v>
                </c:pt>
                <c:pt idx="5202">
                  <c:v>12.780502685124047</c:v>
                </c:pt>
                <c:pt idx="5203">
                  <c:v>12.785353728833151</c:v>
                </c:pt>
                <c:pt idx="5204">
                  <c:v>12.785353728833151</c:v>
                </c:pt>
                <c:pt idx="5205">
                  <c:v>12.785353728833151</c:v>
                </c:pt>
                <c:pt idx="5206">
                  <c:v>12.785353728833151</c:v>
                </c:pt>
                <c:pt idx="5207">
                  <c:v>12.785353728833151</c:v>
                </c:pt>
                <c:pt idx="5208">
                  <c:v>12.780502685124047</c:v>
                </c:pt>
                <c:pt idx="5209">
                  <c:v>12.780502685124047</c:v>
                </c:pt>
                <c:pt idx="5210">
                  <c:v>12.780502685124047</c:v>
                </c:pt>
                <c:pt idx="5211">
                  <c:v>12.780502685124047</c:v>
                </c:pt>
                <c:pt idx="5212">
                  <c:v>12.780502685124047</c:v>
                </c:pt>
                <c:pt idx="5213">
                  <c:v>12.780502685124047</c:v>
                </c:pt>
                <c:pt idx="5214">
                  <c:v>12.780502685124047</c:v>
                </c:pt>
                <c:pt idx="5215">
                  <c:v>12.780502685124047</c:v>
                </c:pt>
                <c:pt idx="5216">
                  <c:v>12.780502685124047</c:v>
                </c:pt>
                <c:pt idx="5217">
                  <c:v>12.780502685124047</c:v>
                </c:pt>
                <c:pt idx="5218">
                  <c:v>12.780502685124047</c:v>
                </c:pt>
                <c:pt idx="5219">
                  <c:v>12.780502685124047</c:v>
                </c:pt>
                <c:pt idx="5220">
                  <c:v>12.780502685124047</c:v>
                </c:pt>
                <c:pt idx="5221">
                  <c:v>12.780502685124047</c:v>
                </c:pt>
                <c:pt idx="5222">
                  <c:v>12.780502685124047</c:v>
                </c:pt>
                <c:pt idx="5223">
                  <c:v>12.785353728833151</c:v>
                </c:pt>
                <c:pt idx="5224">
                  <c:v>12.785353728833151</c:v>
                </c:pt>
                <c:pt idx="5225">
                  <c:v>12.790062094786212</c:v>
                </c:pt>
                <c:pt idx="5226">
                  <c:v>12.790062094786212</c:v>
                </c:pt>
                <c:pt idx="5227">
                  <c:v>12.785353728833151</c:v>
                </c:pt>
                <c:pt idx="5228">
                  <c:v>12.785353728833151</c:v>
                </c:pt>
                <c:pt idx="5229">
                  <c:v>12.785353728833151</c:v>
                </c:pt>
                <c:pt idx="5230">
                  <c:v>12.785353728833151</c:v>
                </c:pt>
                <c:pt idx="5231">
                  <c:v>12.790062094786212</c:v>
                </c:pt>
                <c:pt idx="5232">
                  <c:v>12.790062094786212</c:v>
                </c:pt>
                <c:pt idx="5233">
                  <c:v>12.790062094786212</c:v>
                </c:pt>
                <c:pt idx="5234">
                  <c:v>12.790062094786212</c:v>
                </c:pt>
                <c:pt idx="5235">
                  <c:v>12.790062094786212</c:v>
                </c:pt>
                <c:pt idx="5236">
                  <c:v>12.790062094786212</c:v>
                </c:pt>
                <c:pt idx="5237">
                  <c:v>12.790062094786212</c:v>
                </c:pt>
                <c:pt idx="5238">
                  <c:v>12.790062094786212</c:v>
                </c:pt>
                <c:pt idx="5239">
                  <c:v>12.790062094786212</c:v>
                </c:pt>
                <c:pt idx="5240">
                  <c:v>12.790062094786212</c:v>
                </c:pt>
                <c:pt idx="5241">
                  <c:v>12.790062094786212</c:v>
                </c:pt>
                <c:pt idx="5242">
                  <c:v>12.790062094786212</c:v>
                </c:pt>
                <c:pt idx="5243">
                  <c:v>12.790062094786212</c:v>
                </c:pt>
                <c:pt idx="5244">
                  <c:v>12.790062094786212</c:v>
                </c:pt>
                <c:pt idx="5245">
                  <c:v>12.790062094786212</c:v>
                </c:pt>
                <c:pt idx="5246">
                  <c:v>12.790062094786212</c:v>
                </c:pt>
                <c:pt idx="5247">
                  <c:v>12.785353728833151</c:v>
                </c:pt>
                <c:pt idx="5248">
                  <c:v>12.785353728833151</c:v>
                </c:pt>
                <c:pt idx="5249">
                  <c:v>12.785353728833151</c:v>
                </c:pt>
                <c:pt idx="5250">
                  <c:v>12.785353728833151</c:v>
                </c:pt>
                <c:pt idx="5251">
                  <c:v>12.785353728833151</c:v>
                </c:pt>
                <c:pt idx="5252">
                  <c:v>12.785353728833151</c:v>
                </c:pt>
                <c:pt idx="5253">
                  <c:v>12.790062094786212</c:v>
                </c:pt>
                <c:pt idx="5254">
                  <c:v>12.790062094786212</c:v>
                </c:pt>
                <c:pt idx="5255">
                  <c:v>12.790062094786212</c:v>
                </c:pt>
                <c:pt idx="5256">
                  <c:v>12.794913138495444</c:v>
                </c:pt>
                <c:pt idx="5257">
                  <c:v>12.794913138495444</c:v>
                </c:pt>
                <c:pt idx="5258">
                  <c:v>12.794913138495444</c:v>
                </c:pt>
                <c:pt idx="5259">
                  <c:v>12.794913138495444</c:v>
                </c:pt>
                <c:pt idx="5260">
                  <c:v>12.799764182204676</c:v>
                </c:pt>
                <c:pt idx="5261">
                  <c:v>12.799764182204676</c:v>
                </c:pt>
                <c:pt idx="5262">
                  <c:v>12.799764182204676</c:v>
                </c:pt>
                <c:pt idx="5263">
                  <c:v>12.799764182204676</c:v>
                </c:pt>
                <c:pt idx="5264">
                  <c:v>12.799764182204676</c:v>
                </c:pt>
                <c:pt idx="5265">
                  <c:v>12.799764182204676</c:v>
                </c:pt>
                <c:pt idx="5266">
                  <c:v>12.804472548157609</c:v>
                </c:pt>
                <c:pt idx="5267">
                  <c:v>12.804472548157609</c:v>
                </c:pt>
                <c:pt idx="5268">
                  <c:v>12.804472548157609</c:v>
                </c:pt>
                <c:pt idx="5269">
                  <c:v>12.809323591866841</c:v>
                </c:pt>
                <c:pt idx="5270">
                  <c:v>12.809323591866841</c:v>
                </c:pt>
                <c:pt idx="5271">
                  <c:v>12.809323591866841</c:v>
                </c:pt>
                <c:pt idx="5272">
                  <c:v>12.809323591866841</c:v>
                </c:pt>
                <c:pt idx="5273">
                  <c:v>12.809323591866841</c:v>
                </c:pt>
                <c:pt idx="5274">
                  <c:v>12.809323591866841</c:v>
                </c:pt>
                <c:pt idx="5275">
                  <c:v>12.809323591866841</c:v>
                </c:pt>
                <c:pt idx="5276">
                  <c:v>12.809323591866841</c:v>
                </c:pt>
                <c:pt idx="5277">
                  <c:v>12.809323591866841</c:v>
                </c:pt>
                <c:pt idx="5278">
                  <c:v>12.809323591866841</c:v>
                </c:pt>
                <c:pt idx="5279">
                  <c:v>12.809323591866841</c:v>
                </c:pt>
                <c:pt idx="5280">
                  <c:v>12.809323591866841</c:v>
                </c:pt>
                <c:pt idx="5281">
                  <c:v>12.809323591866841</c:v>
                </c:pt>
                <c:pt idx="5282">
                  <c:v>12.809323591866841</c:v>
                </c:pt>
                <c:pt idx="5283">
                  <c:v>12.804472548157609</c:v>
                </c:pt>
                <c:pt idx="5284">
                  <c:v>12.809323591866841</c:v>
                </c:pt>
                <c:pt idx="5285">
                  <c:v>12.809323591866841</c:v>
                </c:pt>
                <c:pt idx="5286">
                  <c:v>12.809323591866841</c:v>
                </c:pt>
                <c:pt idx="5287">
                  <c:v>12.809323591866841</c:v>
                </c:pt>
                <c:pt idx="5288">
                  <c:v>12.809323591866841</c:v>
                </c:pt>
                <c:pt idx="5289">
                  <c:v>12.809323591866841</c:v>
                </c:pt>
                <c:pt idx="5290">
                  <c:v>12.809323591866841</c:v>
                </c:pt>
                <c:pt idx="5291">
                  <c:v>12.809323591866841</c:v>
                </c:pt>
                <c:pt idx="5292">
                  <c:v>12.809323591866841</c:v>
                </c:pt>
                <c:pt idx="5293">
                  <c:v>12.809323591866841</c:v>
                </c:pt>
                <c:pt idx="5294">
                  <c:v>12.809323591866841</c:v>
                </c:pt>
                <c:pt idx="5295">
                  <c:v>12.809323591866841</c:v>
                </c:pt>
                <c:pt idx="5296">
                  <c:v>12.814174635576073</c:v>
                </c:pt>
                <c:pt idx="5297">
                  <c:v>12.814174635576073</c:v>
                </c:pt>
                <c:pt idx="5298">
                  <c:v>12.818883001529008</c:v>
                </c:pt>
                <c:pt idx="5299">
                  <c:v>12.818883001529008</c:v>
                </c:pt>
                <c:pt idx="5300">
                  <c:v>12.82373404523824</c:v>
                </c:pt>
                <c:pt idx="5301">
                  <c:v>12.82373404523824</c:v>
                </c:pt>
                <c:pt idx="5302">
                  <c:v>12.82373404523824</c:v>
                </c:pt>
                <c:pt idx="5303">
                  <c:v>12.82373404523824</c:v>
                </c:pt>
                <c:pt idx="5304">
                  <c:v>12.828585088947472</c:v>
                </c:pt>
                <c:pt idx="5305">
                  <c:v>12.828585088947472</c:v>
                </c:pt>
                <c:pt idx="5306">
                  <c:v>12.828585088947472</c:v>
                </c:pt>
                <c:pt idx="5307">
                  <c:v>12.828585088947472</c:v>
                </c:pt>
                <c:pt idx="5308">
                  <c:v>12.828585088947472</c:v>
                </c:pt>
                <c:pt idx="5309">
                  <c:v>12.828585088947472</c:v>
                </c:pt>
                <c:pt idx="5310">
                  <c:v>12.828585088947472</c:v>
                </c:pt>
                <c:pt idx="5311">
                  <c:v>12.828585088947472</c:v>
                </c:pt>
                <c:pt idx="5312">
                  <c:v>12.828585088947472</c:v>
                </c:pt>
                <c:pt idx="5313">
                  <c:v>12.828585088947472</c:v>
                </c:pt>
                <c:pt idx="5314">
                  <c:v>12.828585088947472</c:v>
                </c:pt>
                <c:pt idx="5315">
                  <c:v>12.828585088947472</c:v>
                </c:pt>
                <c:pt idx="5316">
                  <c:v>12.828585088947472</c:v>
                </c:pt>
                <c:pt idx="5317">
                  <c:v>12.828585088947472</c:v>
                </c:pt>
                <c:pt idx="5318">
                  <c:v>12.833293454900531</c:v>
                </c:pt>
                <c:pt idx="5319">
                  <c:v>12.833293454900531</c:v>
                </c:pt>
                <c:pt idx="5320">
                  <c:v>12.833293454900531</c:v>
                </c:pt>
                <c:pt idx="5321">
                  <c:v>12.833293454900531</c:v>
                </c:pt>
                <c:pt idx="5322">
                  <c:v>12.833293454900531</c:v>
                </c:pt>
                <c:pt idx="5323">
                  <c:v>12.828585088947472</c:v>
                </c:pt>
                <c:pt idx="5324">
                  <c:v>12.828585088947472</c:v>
                </c:pt>
                <c:pt idx="5325">
                  <c:v>12.828585088947472</c:v>
                </c:pt>
                <c:pt idx="5326">
                  <c:v>12.833293454900531</c:v>
                </c:pt>
                <c:pt idx="5327">
                  <c:v>12.833293454900531</c:v>
                </c:pt>
                <c:pt idx="5328">
                  <c:v>12.833293454900531</c:v>
                </c:pt>
                <c:pt idx="5329">
                  <c:v>12.833293454900531</c:v>
                </c:pt>
                <c:pt idx="5330">
                  <c:v>12.833293454900531</c:v>
                </c:pt>
                <c:pt idx="5331">
                  <c:v>12.838144498609637</c:v>
                </c:pt>
                <c:pt idx="5332">
                  <c:v>12.838144498609637</c:v>
                </c:pt>
                <c:pt idx="5333">
                  <c:v>12.838144498609637</c:v>
                </c:pt>
                <c:pt idx="5334">
                  <c:v>12.842995542318869</c:v>
                </c:pt>
                <c:pt idx="5335">
                  <c:v>12.842995542318869</c:v>
                </c:pt>
                <c:pt idx="5336">
                  <c:v>12.842995542318869</c:v>
                </c:pt>
                <c:pt idx="5337">
                  <c:v>12.842995542318869</c:v>
                </c:pt>
                <c:pt idx="5338">
                  <c:v>12.84770390827193</c:v>
                </c:pt>
                <c:pt idx="5339">
                  <c:v>12.84770390827193</c:v>
                </c:pt>
                <c:pt idx="5340">
                  <c:v>12.84770390827193</c:v>
                </c:pt>
                <c:pt idx="5341">
                  <c:v>12.84770390827193</c:v>
                </c:pt>
                <c:pt idx="5342">
                  <c:v>12.852554951981036</c:v>
                </c:pt>
                <c:pt idx="5343">
                  <c:v>12.852554951981036</c:v>
                </c:pt>
                <c:pt idx="5344">
                  <c:v>12.852554951981036</c:v>
                </c:pt>
                <c:pt idx="5345">
                  <c:v>12.852554951981036</c:v>
                </c:pt>
                <c:pt idx="5346">
                  <c:v>12.852554951981036</c:v>
                </c:pt>
                <c:pt idx="5347">
                  <c:v>12.857405995690266</c:v>
                </c:pt>
                <c:pt idx="5348">
                  <c:v>12.857405995690266</c:v>
                </c:pt>
                <c:pt idx="5349">
                  <c:v>12.857405995690266</c:v>
                </c:pt>
                <c:pt idx="5350">
                  <c:v>12.857405995690266</c:v>
                </c:pt>
                <c:pt idx="5351">
                  <c:v>12.857405995690266</c:v>
                </c:pt>
                <c:pt idx="5352">
                  <c:v>12.857405995690266</c:v>
                </c:pt>
                <c:pt idx="5353">
                  <c:v>12.857405995690266</c:v>
                </c:pt>
                <c:pt idx="5354">
                  <c:v>12.857405995690266</c:v>
                </c:pt>
                <c:pt idx="5355">
                  <c:v>12.857405995690266</c:v>
                </c:pt>
                <c:pt idx="5356">
                  <c:v>12.857405995690266</c:v>
                </c:pt>
                <c:pt idx="5357">
                  <c:v>12.857405995690266</c:v>
                </c:pt>
                <c:pt idx="5358">
                  <c:v>12.857405995690266</c:v>
                </c:pt>
                <c:pt idx="5359">
                  <c:v>12.857405995690266</c:v>
                </c:pt>
                <c:pt idx="5360">
                  <c:v>12.857405995690266</c:v>
                </c:pt>
                <c:pt idx="5361">
                  <c:v>12.857405995690266</c:v>
                </c:pt>
                <c:pt idx="5362">
                  <c:v>12.857405995690266</c:v>
                </c:pt>
                <c:pt idx="5363">
                  <c:v>12.857405995690266</c:v>
                </c:pt>
                <c:pt idx="5364">
                  <c:v>12.857405995690266</c:v>
                </c:pt>
                <c:pt idx="5365">
                  <c:v>12.857405995690266</c:v>
                </c:pt>
                <c:pt idx="5366">
                  <c:v>12.857405995690266</c:v>
                </c:pt>
                <c:pt idx="5367">
                  <c:v>12.857405995690266</c:v>
                </c:pt>
                <c:pt idx="5368">
                  <c:v>12.857405995690266</c:v>
                </c:pt>
                <c:pt idx="5369">
                  <c:v>12.852554951981036</c:v>
                </c:pt>
                <c:pt idx="5370">
                  <c:v>12.852554951981036</c:v>
                </c:pt>
                <c:pt idx="5371">
                  <c:v>12.857405995690266</c:v>
                </c:pt>
                <c:pt idx="5372">
                  <c:v>12.857405995690266</c:v>
                </c:pt>
                <c:pt idx="5373">
                  <c:v>12.857405995690266</c:v>
                </c:pt>
                <c:pt idx="5374">
                  <c:v>12.857405995690266</c:v>
                </c:pt>
                <c:pt idx="5375">
                  <c:v>12.857405995690266</c:v>
                </c:pt>
                <c:pt idx="5376">
                  <c:v>12.857405995690266</c:v>
                </c:pt>
                <c:pt idx="5377">
                  <c:v>12.857405995690266</c:v>
                </c:pt>
                <c:pt idx="5378">
                  <c:v>12.857405995690266</c:v>
                </c:pt>
                <c:pt idx="5379">
                  <c:v>12.857405995690266</c:v>
                </c:pt>
                <c:pt idx="5380">
                  <c:v>12.857405995690266</c:v>
                </c:pt>
                <c:pt idx="5381">
                  <c:v>12.857405995690266</c:v>
                </c:pt>
                <c:pt idx="5382">
                  <c:v>12.862114361643327</c:v>
                </c:pt>
                <c:pt idx="5383">
                  <c:v>12.862114361643327</c:v>
                </c:pt>
                <c:pt idx="5384">
                  <c:v>12.862114361643327</c:v>
                </c:pt>
                <c:pt idx="5385">
                  <c:v>12.862114361643327</c:v>
                </c:pt>
                <c:pt idx="5386">
                  <c:v>12.862114361643327</c:v>
                </c:pt>
                <c:pt idx="5387">
                  <c:v>12.862114361643327</c:v>
                </c:pt>
                <c:pt idx="5388">
                  <c:v>12.862114361643327</c:v>
                </c:pt>
                <c:pt idx="5389">
                  <c:v>12.866965405352433</c:v>
                </c:pt>
                <c:pt idx="5390">
                  <c:v>12.866965405352433</c:v>
                </c:pt>
                <c:pt idx="5391">
                  <c:v>12.866965405352433</c:v>
                </c:pt>
                <c:pt idx="5392">
                  <c:v>12.871816449061665</c:v>
                </c:pt>
                <c:pt idx="5393">
                  <c:v>12.871816449061665</c:v>
                </c:pt>
                <c:pt idx="5394">
                  <c:v>12.871816449061665</c:v>
                </c:pt>
                <c:pt idx="5395">
                  <c:v>12.871816449061665</c:v>
                </c:pt>
                <c:pt idx="5396">
                  <c:v>12.876524815014726</c:v>
                </c:pt>
                <c:pt idx="5397">
                  <c:v>12.876524815014726</c:v>
                </c:pt>
                <c:pt idx="5398">
                  <c:v>12.876524815014726</c:v>
                </c:pt>
                <c:pt idx="5399">
                  <c:v>12.876524815014726</c:v>
                </c:pt>
                <c:pt idx="5400">
                  <c:v>12.881375858723956</c:v>
                </c:pt>
                <c:pt idx="5401">
                  <c:v>12.881375858723956</c:v>
                </c:pt>
                <c:pt idx="5402">
                  <c:v>12.881375858723956</c:v>
                </c:pt>
                <c:pt idx="5403">
                  <c:v>12.881375858723956</c:v>
                </c:pt>
                <c:pt idx="5404">
                  <c:v>12.881375858723956</c:v>
                </c:pt>
                <c:pt idx="5405">
                  <c:v>12.886226902433062</c:v>
                </c:pt>
                <c:pt idx="5406">
                  <c:v>12.886226902433062</c:v>
                </c:pt>
                <c:pt idx="5407">
                  <c:v>12.886226902433062</c:v>
                </c:pt>
                <c:pt idx="5408">
                  <c:v>12.886226902433062</c:v>
                </c:pt>
                <c:pt idx="5409">
                  <c:v>12.886226902433062</c:v>
                </c:pt>
                <c:pt idx="5410">
                  <c:v>12.886226902433062</c:v>
                </c:pt>
                <c:pt idx="5411">
                  <c:v>12.886226902433062</c:v>
                </c:pt>
                <c:pt idx="5412">
                  <c:v>12.886226902433062</c:v>
                </c:pt>
                <c:pt idx="5413">
                  <c:v>12.886226902433062</c:v>
                </c:pt>
                <c:pt idx="5414">
                  <c:v>12.886226902433062</c:v>
                </c:pt>
                <c:pt idx="5415">
                  <c:v>12.886226902433062</c:v>
                </c:pt>
                <c:pt idx="5416">
                  <c:v>12.886226902433062</c:v>
                </c:pt>
                <c:pt idx="5417">
                  <c:v>12.886226902433062</c:v>
                </c:pt>
                <c:pt idx="5418">
                  <c:v>12.886226902433062</c:v>
                </c:pt>
                <c:pt idx="5419">
                  <c:v>12.886226902433062</c:v>
                </c:pt>
                <c:pt idx="5420">
                  <c:v>12.886226902433062</c:v>
                </c:pt>
                <c:pt idx="5421">
                  <c:v>12.886226902433062</c:v>
                </c:pt>
                <c:pt idx="5422">
                  <c:v>12.886226902433062</c:v>
                </c:pt>
                <c:pt idx="5423">
                  <c:v>12.886226902433062</c:v>
                </c:pt>
                <c:pt idx="5424">
                  <c:v>12.886226902433062</c:v>
                </c:pt>
                <c:pt idx="5425">
                  <c:v>12.886226902433062</c:v>
                </c:pt>
                <c:pt idx="5426">
                  <c:v>12.886226902433062</c:v>
                </c:pt>
                <c:pt idx="5427">
                  <c:v>12.886226902433062</c:v>
                </c:pt>
                <c:pt idx="5428">
                  <c:v>12.886226902433062</c:v>
                </c:pt>
                <c:pt idx="5429">
                  <c:v>12.886226902433062</c:v>
                </c:pt>
                <c:pt idx="5430">
                  <c:v>12.886226902433062</c:v>
                </c:pt>
                <c:pt idx="5431">
                  <c:v>12.886226902433062</c:v>
                </c:pt>
                <c:pt idx="5432">
                  <c:v>12.886226902433062</c:v>
                </c:pt>
                <c:pt idx="5433">
                  <c:v>12.890935268386123</c:v>
                </c:pt>
                <c:pt idx="5434">
                  <c:v>12.890935268386123</c:v>
                </c:pt>
                <c:pt idx="5435">
                  <c:v>12.890935268386123</c:v>
                </c:pt>
                <c:pt idx="5436">
                  <c:v>12.890935268386123</c:v>
                </c:pt>
                <c:pt idx="5437">
                  <c:v>12.890935268386123</c:v>
                </c:pt>
                <c:pt idx="5438">
                  <c:v>12.890935268386123</c:v>
                </c:pt>
                <c:pt idx="5439">
                  <c:v>12.890935268386123</c:v>
                </c:pt>
                <c:pt idx="5440">
                  <c:v>12.890935268386123</c:v>
                </c:pt>
                <c:pt idx="5441">
                  <c:v>12.890935268386123</c:v>
                </c:pt>
                <c:pt idx="5442">
                  <c:v>12.890935268386123</c:v>
                </c:pt>
                <c:pt idx="5443">
                  <c:v>12.890935268386123</c:v>
                </c:pt>
                <c:pt idx="5444">
                  <c:v>12.890935268386123</c:v>
                </c:pt>
                <c:pt idx="5445">
                  <c:v>12.890935268386123</c:v>
                </c:pt>
                <c:pt idx="5446">
                  <c:v>12.890935268386123</c:v>
                </c:pt>
                <c:pt idx="5447">
                  <c:v>12.890935268386123</c:v>
                </c:pt>
                <c:pt idx="5448">
                  <c:v>12.886226902433062</c:v>
                </c:pt>
                <c:pt idx="5449">
                  <c:v>12.886226902433062</c:v>
                </c:pt>
                <c:pt idx="5450">
                  <c:v>12.886226902433062</c:v>
                </c:pt>
                <c:pt idx="5451">
                  <c:v>12.890935268386123</c:v>
                </c:pt>
                <c:pt idx="5452">
                  <c:v>12.890935268386123</c:v>
                </c:pt>
                <c:pt idx="5453">
                  <c:v>12.890935268386123</c:v>
                </c:pt>
                <c:pt idx="5454">
                  <c:v>12.886226902433062</c:v>
                </c:pt>
                <c:pt idx="5455">
                  <c:v>12.886226902433062</c:v>
                </c:pt>
                <c:pt idx="5456">
                  <c:v>12.886226902433062</c:v>
                </c:pt>
                <c:pt idx="5457">
                  <c:v>12.886226902433062</c:v>
                </c:pt>
                <c:pt idx="5458">
                  <c:v>12.886226902433062</c:v>
                </c:pt>
                <c:pt idx="5459">
                  <c:v>12.886226902433062</c:v>
                </c:pt>
                <c:pt idx="5460">
                  <c:v>12.886226902433062</c:v>
                </c:pt>
                <c:pt idx="5461">
                  <c:v>12.886226902433062</c:v>
                </c:pt>
                <c:pt idx="5462">
                  <c:v>12.886226902433062</c:v>
                </c:pt>
                <c:pt idx="5463">
                  <c:v>12.886226902433062</c:v>
                </c:pt>
                <c:pt idx="5464">
                  <c:v>12.886226902433062</c:v>
                </c:pt>
                <c:pt idx="5465">
                  <c:v>12.886226902433062</c:v>
                </c:pt>
                <c:pt idx="5466">
                  <c:v>12.886226902433062</c:v>
                </c:pt>
                <c:pt idx="5467">
                  <c:v>12.886226902433062</c:v>
                </c:pt>
                <c:pt idx="5468">
                  <c:v>12.890935268386123</c:v>
                </c:pt>
                <c:pt idx="5469">
                  <c:v>12.890935268386123</c:v>
                </c:pt>
                <c:pt idx="5470">
                  <c:v>12.890935268386123</c:v>
                </c:pt>
                <c:pt idx="5471">
                  <c:v>12.890935268386123</c:v>
                </c:pt>
                <c:pt idx="5472">
                  <c:v>12.890935268386123</c:v>
                </c:pt>
                <c:pt idx="5473">
                  <c:v>12.890935268386123</c:v>
                </c:pt>
                <c:pt idx="5474">
                  <c:v>12.890935268386123</c:v>
                </c:pt>
                <c:pt idx="5475">
                  <c:v>12.890935268386123</c:v>
                </c:pt>
                <c:pt idx="5476">
                  <c:v>12.890935268386123</c:v>
                </c:pt>
                <c:pt idx="5477">
                  <c:v>12.890935268386123</c:v>
                </c:pt>
                <c:pt idx="5478">
                  <c:v>12.890935268386123</c:v>
                </c:pt>
                <c:pt idx="5479">
                  <c:v>12.895786312095355</c:v>
                </c:pt>
                <c:pt idx="5480">
                  <c:v>12.895786312095355</c:v>
                </c:pt>
                <c:pt idx="5481">
                  <c:v>12.895786312095355</c:v>
                </c:pt>
                <c:pt idx="5482">
                  <c:v>12.895786312095355</c:v>
                </c:pt>
                <c:pt idx="5483">
                  <c:v>12.895786312095355</c:v>
                </c:pt>
                <c:pt idx="5484">
                  <c:v>12.895786312095355</c:v>
                </c:pt>
                <c:pt idx="5485">
                  <c:v>12.895786312095355</c:v>
                </c:pt>
                <c:pt idx="5486">
                  <c:v>12.895786312095355</c:v>
                </c:pt>
                <c:pt idx="5487">
                  <c:v>12.895786312095355</c:v>
                </c:pt>
                <c:pt idx="5488">
                  <c:v>12.895786312095355</c:v>
                </c:pt>
                <c:pt idx="5489">
                  <c:v>12.895786312095355</c:v>
                </c:pt>
                <c:pt idx="5490">
                  <c:v>12.895786312095355</c:v>
                </c:pt>
                <c:pt idx="5491">
                  <c:v>12.895786312095355</c:v>
                </c:pt>
                <c:pt idx="5492">
                  <c:v>12.895786312095355</c:v>
                </c:pt>
                <c:pt idx="5493">
                  <c:v>12.895786312095355</c:v>
                </c:pt>
                <c:pt idx="5494">
                  <c:v>12.895786312095355</c:v>
                </c:pt>
                <c:pt idx="5495">
                  <c:v>12.900637355804461</c:v>
                </c:pt>
                <c:pt idx="5496">
                  <c:v>12.900637355804461</c:v>
                </c:pt>
                <c:pt idx="5497">
                  <c:v>12.900637355804461</c:v>
                </c:pt>
                <c:pt idx="5498">
                  <c:v>12.900637355804461</c:v>
                </c:pt>
                <c:pt idx="5499">
                  <c:v>12.900637355804461</c:v>
                </c:pt>
                <c:pt idx="5500">
                  <c:v>12.90534572175752</c:v>
                </c:pt>
                <c:pt idx="5501">
                  <c:v>12.900637355804461</c:v>
                </c:pt>
                <c:pt idx="5502">
                  <c:v>12.900637355804461</c:v>
                </c:pt>
                <c:pt idx="5503">
                  <c:v>12.900637355804461</c:v>
                </c:pt>
                <c:pt idx="5504">
                  <c:v>12.900637355804461</c:v>
                </c:pt>
                <c:pt idx="5505">
                  <c:v>12.900637355804461</c:v>
                </c:pt>
                <c:pt idx="5506">
                  <c:v>12.900637355804461</c:v>
                </c:pt>
                <c:pt idx="5507">
                  <c:v>12.900637355804461</c:v>
                </c:pt>
                <c:pt idx="5508">
                  <c:v>12.900637355804461</c:v>
                </c:pt>
                <c:pt idx="5509">
                  <c:v>12.900637355804461</c:v>
                </c:pt>
                <c:pt idx="5510">
                  <c:v>12.900637355804461</c:v>
                </c:pt>
                <c:pt idx="5511">
                  <c:v>12.900637355804461</c:v>
                </c:pt>
                <c:pt idx="5512">
                  <c:v>12.900637355804461</c:v>
                </c:pt>
                <c:pt idx="5513">
                  <c:v>12.900637355804461</c:v>
                </c:pt>
                <c:pt idx="5514">
                  <c:v>12.900637355804461</c:v>
                </c:pt>
                <c:pt idx="5515">
                  <c:v>12.90534572175752</c:v>
                </c:pt>
                <c:pt idx="5516">
                  <c:v>12.90534572175752</c:v>
                </c:pt>
                <c:pt idx="5517">
                  <c:v>12.90534572175752</c:v>
                </c:pt>
                <c:pt idx="5518">
                  <c:v>12.90534572175752</c:v>
                </c:pt>
                <c:pt idx="5519">
                  <c:v>12.90534572175752</c:v>
                </c:pt>
                <c:pt idx="5520">
                  <c:v>12.90534572175752</c:v>
                </c:pt>
                <c:pt idx="5521">
                  <c:v>12.90534572175752</c:v>
                </c:pt>
                <c:pt idx="5522">
                  <c:v>12.90534572175752</c:v>
                </c:pt>
                <c:pt idx="5523">
                  <c:v>12.90534572175752</c:v>
                </c:pt>
                <c:pt idx="5524">
                  <c:v>12.90534572175752</c:v>
                </c:pt>
                <c:pt idx="5525">
                  <c:v>12.90534572175752</c:v>
                </c:pt>
                <c:pt idx="5526">
                  <c:v>12.90534572175752</c:v>
                </c:pt>
                <c:pt idx="5527">
                  <c:v>12.90534572175752</c:v>
                </c:pt>
                <c:pt idx="5528">
                  <c:v>12.90534572175752</c:v>
                </c:pt>
                <c:pt idx="5529">
                  <c:v>12.90534572175752</c:v>
                </c:pt>
                <c:pt idx="5530">
                  <c:v>12.90534572175752</c:v>
                </c:pt>
                <c:pt idx="5531">
                  <c:v>12.90534572175752</c:v>
                </c:pt>
                <c:pt idx="5532">
                  <c:v>12.90534572175752</c:v>
                </c:pt>
                <c:pt idx="5533">
                  <c:v>12.90534572175752</c:v>
                </c:pt>
                <c:pt idx="5534">
                  <c:v>12.900637355804461</c:v>
                </c:pt>
                <c:pt idx="5535">
                  <c:v>12.900637355804461</c:v>
                </c:pt>
                <c:pt idx="5536">
                  <c:v>12.900637355804461</c:v>
                </c:pt>
                <c:pt idx="5537">
                  <c:v>12.900637355804461</c:v>
                </c:pt>
                <c:pt idx="5538">
                  <c:v>12.900637355804461</c:v>
                </c:pt>
                <c:pt idx="5539">
                  <c:v>12.900637355804461</c:v>
                </c:pt>
                <c:pt idx="5540">
                  <c:v>12.900637355804461</c:v>
                </c:pt>
                <c:pt idx="5541">
                  <c:v>12.900637355804461</c:v>
                </c:pt>
                <c:pt idx="5542">
                  <c:v>12.900637355804461</c:v>
                </c:pt>
                <c:pt idx="5543">
                  <c:v>12.900637355804461</c:v>
                </c:pt>
                <c:pt idx="5544">
                  <c:v>12.900637355804461</c:v>
                </c:pt>
                <c:pt idx="5545">
                  <c:v>12.900637355804461</c:v>
                </c:pt>
                <c:pt idx="5546">
                  <c:v>12.895786312095355</c:v>
                </c:pt>
                <c:pt idx="5547">
                  <c:v>12.895786312095355</c:v>
                </c:pt>
                <c:pt idx="5548">
                  <c:v>12.895786312095355</c:v>
                </c:pt>
                <c:pt idx="5549">
                  <c:v>12.895786312095355</c:v>
                </c:pt>
                <c:pt idx="5550">
                  <c:v>12.895786312095355</c:v>
                </c:pt>
                <c:pt idx="5551">
                  <c:v>12.895786312095355</c:v>
                </c:pt>
                <c:pt idx="5552">
                  <c:v>12.895786312095355</c:v>
                </c:pt>
                <c:pt idx="5553">
                  <c:v>12.895786312095355</c:v>
                </c:pt>
                <c:pt idx="5554">
                  <c:v>12.895786312095355</c:v>
                </c:pt>
                <c:pt idx="5555">
                  <c:v>12.900637355804461</c:v>
                </c:pt>
                <c:pt idx="5556">
                  <c:v>12.900637355804461</c:v>
                </c:pt>
                <c:pt idx="5557">
                  <c:v>12.900637355804461</c:v>
                </c:pt>
                <c:pt idx="5558">
                  <c:v>12.900637355804461</c:v>
                </c:pt>
                <c:pt idx="5559">
                  <c:v>12.900637355804461</c:v>
                </c:pt>
                <c:pt idx="5560">
                  <c:v>12.900637355804461</c:v>
                </c:pt>
                <c:pt idx="5561">
                  <c:v>12.900637355804461</c:v>
                </c:pt>
                <c:pt idx="5562">
                  <c:v>12.900637355804461</c:v>
                </c:pt>
                <c:pt idx="5563">
                  <c:v>12.900637355804461</c:v>
                </c:pt>
                <c:pt idx="5564">
                  <c:v>12.900637355804461</c:v>
                </c:pt>
                <c:pt idx="5565">
                  <c:v>12.900637355804461</c:v>
                </c:pt>
                <c:pt idx="5566">
                  <c:v>12.900637355804461</c:v>
                </c:pt>
                <c:pt idx="5567">
                  <c:v>12.900637355804461</c:v>
                </c:pt>
                <c:pt idx="5568">
                  <c:v>12.895786312095355</c:v>
                </c:pt>
                <c:pt idx="5569">
                  <c:v>12.895786312095355</c:v>
                </c:pt>
                <c:pt idx="5570">
                  <c:v>12.900637355804461</c:v>
                </c:pt>
                <c:pt idx="5571">
                  <c:v>12.900637355804461</c:v>
                </c:pt>
                <c:pt idx="5572">
                  <c:v>12.900637355804461</c:v>
                </c:pt>
                <c:pt idx="5573">
                  <c:v>12.900637355804461</c:v>
                </c:pt>
                <c:pt idx="5574">
                  <c:v>12.900637355804461</c:v>
                </c:pt>
                <c:pt idx="5575">
                  <c:v>12.900637355804461</c:v>
                </c:pt>
                <c:pt idx="5576">
                  <c:v>12.900637355804461</c:v>
                </c:pt>
                <c:pt idx="5577">
                  <c:v>12.90534572175752</c:v>
                </c:pt>
                <c:pt idx="5578">
                  <c:v>12.90534572175752</c:v>
                </c:pt>
                <c:pt idx="5579">
                  <c:v>12.90534572175752</c:v>
                </c:pt>
                <c:pt idx="5580">
                  <c:v>12.90534572175752</c:v>
                </c:pt>
                <c:pt idx="5581">
                  <c:v>12.910196765466752</c:v>
                </c:pt>
                <c:pt idx="5582">
                  <c:v>12.910196765466752</c:v>
                </c:pt>
                <c:pt idx="5583">
                  <c:v>12.910196765466752</c:v>
                </c:pt>
                <c:pt idx="5584">
                  <c:v>12.910196765466752</c:v>
                </c:pt>
                <c:pt idx="5585">
                  <c:v>12.90534572175752</c:v>
                </c:pt>
                <c:pt idx="5586">
                  <c:v>12.90534572175752</c:v>
                </c:pt>
                <c:pt idx="5587">
                  <c:v>12.90534572175752</c:v>
                </c:pt>
                <c:pt idx="5588">
                  <c:v>12.90534572175752</c:v>
                </c:pt>
                <c:pt idx="5589">
                  <c:v>12.90534572175752</c:v>
                </c:pt>
                <c:pt idx="5590">
                  <c:v>12.910196765466752</c:v>
                </c:pt>
                <c:pt idx="5591">
                  <c:v>12.910196765466752</c:v>
                </c:pt>
                <c:pt idx="5592">
                  <c:v>12.915047809175858</c:v>
                </c:pt>
                <c:pt idx="5593">
                  <c:v>12.915047809175858</c:v>
                </c:pt>
                <c:pt idx="5594">
                  <c:v>12.915047809175858</c:v>
                </c:pt>
                <c:pt idx="5595">
                  <c:v>12.915047809175858</c:v>
                </c:pt>
                <c:pt idx="5596">
                  <c:v>12.915047809175858</c:v>
                </c:pt>
                <c:pt idx="5597">
                  <c:v>12.915047809175858</c:v>
                </c:pt>
                <c:pt idx="5598">
                  <c:v>12.915047809175858</c:v>
                </c:pt>
                <c:pt idx="5599">
                  <c:v>12.915047809175858</c:v>
                </c:pt>
                <c:pt idx="5600">
                  <c:v>12.915047809175858</c:v>
                </c:pt>
                <c:pt idx="5601">
                  <c:v>12.915047809175858</c:v>
                </c:pt>
                <c:pt idx="5602">
                  <c:v>12.915047809175858</c:v>
                </c:pt>
                <c:pt idx="5603">
                  <c:v>12.915047809175858</c:v>
                </c:pt>
                <c:pt idx="5604">
                  <c:v>12.915047809175858</c:v>
                </c:pt>
                <c:pt idx="5605">
                  <c:v>12.915047809175858</c:v>
                </c:pt>
                <c:pt idx="5606">
                  <c:v>12.915047809175858</c:v>
                </c:pt>
                <c:pt idx="5607">
                  <c:v>12.915047809175858</c:v>
                </c:pt>
                <c:pt idx="5608">
                  <c:v>12.915047809175858</c:v>
                </c:pt>
                <c:pt idx="5609">
                  <c:v>12.915047809175858</c:v>
                </c:pt>
                <c:pt idx="5610">
                  <c:v>12.919898852885092</c:v>
                </c:pt>
                <c:pt idx="5611">
                  <c:v>12.919898852885092</c:v>
                </c:pt>
                <c:pt idx="5612">
                  <c:v>12.919898852885092</c:v>
                </c:pt>
                <c:pt idx="5613">
                  <c:v>12.919898852885092</c:v>
                </c:pt>
                <c:pt idx="5614">
                  <c:v>12.919898852885092</c:v>
                </c:pt>
                <c:pt idx="5615">
                  <c:v>12.924607218838151</c:v>
                </c:pt>
                <c:pt idx="5616">
                  <c:v>12.924607218838151</c:v>
                </c:pt>
                <c:pt idx="5617">
                  <c:v>12.924607218838151</c:v>
                </c:pt>
                <c:pt idx="5618">
                  <c:v>12.924607218838151</c:v>
                </c:pt>
                <c:pt idx="5619">
                  <c:v>12.929458262547385</c:v>
                </c:pt>
                <c:pt idx="5620">
                  <c:v>12.929458262547385</c:v>
                </c:pt>
                <c:pt idx="5621">
                  <c:v>12.929458262547385</c:v>
                </c:pt>
                <c:pt idx="5622">
                  <c:v>12.929458262547385</c:v>
                </c:pt>
                <c:pt idx="5623">
                  <c:v>12.929458262547385</c:v>
                </c:pt>
                <c:pt idx="5624">
                  <c:v>12.929458262547385</c:v>
                </c:pt>
                <c:pt idx="5625">
                  <c:v>12.934309306256489</c:v>
                </c:pt>
                <c:pt idx="5626">
                  <c:v>12.934309306256489</c:v>
                </c:pt>
                <c:pt idx="5627">
                  <c:v>12.934309306256489</c:v>
                </c:pt>
                <c:pt idx="5628">
                  <c:v>12.934309306256489</c:v>
                </c:pt>
                <c:pt idx="5629">
                  <c:v>12.934309306256489</c:v>
                </c:pt>
                <c:pt idx="5630">
                  <c:v>12.934309306256489</c:v>
                </c:pt>
                <c:pt idx="5631">
                  <c:v>12.939017672209548</c:v>
                </c:pt>
                <c:pt idx="5632">
                  <c:v>12.939017672209548</c:v>
                </c:pt>
                <c:pt idx="5633">
                  <c:v>12.943868715918782</c:v>
                </c:pt>
                <c:pt idx="5634">
                  <c:v>12.943868715918782</c:v>
                </c:pt>
                <c:pt idx="5635">
                  <c:v>12.943868715918782</c:v>
                </c:pt>
                <c:pt idx="5636">
                  <c:v>12.943868715918782</c:v>
                </c:pt>
                <c:pt idx="5637">
                  <c:v>12.943868715918782</c:v>
                </c:pt>
                <c:pt idx="5638">
                  <c:v>12.948719759627888</c:v>
                </c:pt>
                <c:pt idx="5639">
                  <c:v>12.948719759627888</c:v>
                </c:pt>
                <c:pt idx="5640">
                  <c:v>12.948719759627888</c:v>
                </c:pt>
                <c:pt idx="5641">
                  <c:v>12.948719759627888</c:v>
                </c:pt>
                <c:pt idx="5642">
                  <c:v>12.948719759627888</c:v>
                </c:pt>
                <c:pt idx="5643">
                  <c:v>12.948719759627888</c:v>
                </c:pt>
                <c:pt idx="5644">
                  <c:v>12.948719759627888</c:v>
                </c:pt>
                <c:pt idx="5645">
                  <c:v>12.953428125580947</c:v>
                </c:pt>
                <c:pt idx="5646">
                  <c:v>12.953428125580947</c:v>
                </c:pt>
                <c:pt idx="5647">
                  <c:v>12.953428125580947</c:v>
                </c:pt>
                <c:pt idx="5648">
                  <c:v>12.958279169290179</c:v>
                </c:pt>
                <c:pt idx="5649">
                  <c:v>12.958279169290179</c:v>
                </c:pt>
                <c:pt idx="5650">
                  <c:v>12.958279169290179</c:v>
                </c:pt>
                <c:pt idx="5651">
                  <c:v>12.958279169290179</c:v>
                </c:pt>
                <c:pt idx="5652">
                  <c:v>12.958279169290179</c:v>
                </c:pt>
                <c:pt idx="5653">
                  <c:v>12.958279169290179</c:v>
                </c:pt>
                <c:pt idx="5654">
                  <c:v>12.958279169290179</c:v>
                </c:pt>
                <c:pt idx="5655">
                  <c:v>12.958279169290179</c:v>
                </c:pt>
                <c:pt idx="5656">
                  <c:v>12.958279169290179</c:v>
                </c:pt>
                <c:pt idx="5657">
                  <c:v>12.958279169290179</c:v>
                </c:pt>
                <c:pt idx="5658">
                  <c:v>12.958279169290179</c:v>
                </c:pt>
                <c:pt idx="5659">
                  <c:v>12.958279169290179</c:v>
                </c:pt>
                <c:pt idx="5660">
                  <c:v>12.958279169290179</c:v>
                </c:pt>
                <c:pt idx="5661">
                  <c:v>12.963130212999285</c:v>
                </c:pt>
                <c:pt idx="5662">
                  <c:v>12.963130212999285</c:v>
                </c:pt>
                <c:pt idx="5663">
                  <c:v>12.963130212999285</c:v>
                </c:pt>
                <c:pt idx="5664">
                  <c:v>12.963130212999285</c:v>
                </c:pt>
                <c:pt idx="5665">
                  <c:v>12.963130212999285</c:v>
                </c:pt>
                <c:pt idx="5666">
                  <c:v>12.963130212999285</c:v>
                </c:pt>
                <c:pt idx="5667">
                  <c:v>12.967838578952344</c:v>
                </c:pt>
                <c:pt idx="5668">
                  <c:v>12.967838578952344</c:v>
                </c:pt>
                <c:pt idx="5669">
                  <c:v>12.967838578952344</c:v>
                </c:pt>
                <c:pt idx="5670">
                  <c:v>12.963130212999285</c:v>
                </c:pt>
                <c:pt idx="5671">
                  <c:v>12.963130212999285</c:v>
                </c:pt>
                <c:pt idx="5672">
                  <c:v>12.963130212999285</c:v>
                </c:pt>
                <c:pt idx="5673">
                  <c:v>12.963130212999285</c:v>
                </c:pt>
                <c:pt idx="5674">
                  <c:v>12.963130212999285</c:v>
                </c:pt>
                <c:pt idx="5675">
                  <c:v>12.963130212999285</c:v>
                </c:pt>
                <c:pt idx="5676">
                  <c:v>12.963130212999285</c:v>
                </c:pt>
                <c:pt idx="5677">
                  <c:v>12.963130212999285</c:v>
                </c:pt>
                <c:pt idx="5678">
                  <c:v>12.963130212999285</c:v>
                </c:pt>
                <c:pt idx="5679">
                  <c:v>12.963130212999285</c:v>
                </c:pt>
                <c:pt idx="5680">
                  <c:v>12.963130212999285</c:v>
                </c:pt>
                <c:pt idx="5681">
                  <c:v>12.963130212999285</c:v>
                </c:pt>
                <c:pt idx="5682">
                  <c:v>12.963130212999285</c:v>
                </c:pt>
                <c:pt idx="5683">
                  <c:v>12.963130212999285</c:v>
                </c:pt>
                <c:pt idx="5684">
                  <c:v>12.963130212999285</c:v>
                </c:pt>
                <c:pt idx="5685">
                  <c:v>12.963130212999285</c:v>
                </c:pt>
                <c:pt idx="5686">
                  <c:v>12.963130212999285</c:v>
                </c:pt>
                <c:pt idx="5687">
                  <c:v>12.963130212999285</c:v>
                </c:pt>
                <c:pt idx="5688">
                  <c:v>12.963130212999285</c:v>
                </c:pt>
                <c:pt idx="5689">
                  <c:v>12.963130212999285</c:v>
                </c:pt>
                <c:pt idx="5690">
                  <c:v>12.963130212999285</c:v>
                </c:pt>
                <c:pt idx="5691">
                  <c:v>12.958279169290179</c:v>
                </c:pt>
                <c:pt idx="5692">
                  <c:v>12.958279169290179</c:v>
                </c:pt>
                <c:pt idx="5693">
                  <c:v>12.958279169290179</c:v>
                </c:pt>
                <c:pt idx="5694">
                  <c:v>12.958279169290179</c:v>
                </c:pt>
                <c:pt idx="5695">
                  <c:v>12.958279169290179</c:v>
                </c:pt>
                <c:pt idx="5696">
                  <c:v>12.958279169290179</c:v>
                </c:pt>
                <c:pt idx="5697">
                  <c:v>12.963130212999285</c:v>
                </c:pt>
                <c:pt idx="5698">
                  <c:v>12.963130212999285</c:v>
                </c:pt>
                <c:pt idx="5699">
                  <c:v>12.967838578952344</c:v>
                </c:pt>
                <c:pt idx="5700">
                  <c:v>12.967838578952344</c:v>
                </c:pt>
                <c:pt idx="5701">
                  <c:v>12.967838578952344</c:v>
                </c:pt>
                <c:pt idx="5702">
                  <c:v>12.972689622661578</c:v>
                </c:pt>
                <c:pt idx="5703">
                  <c:v>12.972689622661578</c:v>
                </c:pt>
                <c:pt idx="5704">
                  <c:v>12.972689622661578</c:v>
                </c:pt>
                <c:pt idx="5705">
                  <c:v>12.972689622661578</c:v>
                </c:pt>
                <c:pt idx="5706">
                  <c:v>12.972689622661578</c:v>
                </c:pt>
                <c:pt idx="5707">
                  <c:v>12.972689622661578</c:v>
                </c:pt>
                <c:pt idx="5708">
                  <c:v>12.977540666370684</c:v>
                </c:pt>
                <c:pt idx="5709">
                  <c:v>12.977540666370684</c:v>
                </c:pt>
                <c:pt idx="5710">
                  <c:v>12.977540666370684</c:v>
                </c:pt>
                <c:pt idx="5711">
                  <c:v>12.977540666370684</c:v>
                </c:pt>
                <c:pt idx="5712">
                  <c:v>12.977540666370684</c:v>
                </c:pt>
                <c:pt idx="5713">
                  <c:v>12.977540666370684</c:v>
                </c:pt>
                <c:pt idx="5714">
                  <c:v>12.977540666370684</c:v>
                </c:pt>
                <c:pt idx="5715">
                  <c:v>12.982249032323741</c:v>
                </c:pt>
                <c:pt idx="5716">
                  <c:v>12.982249032323741</c:v>
                </c:pt>
                <c:pt idx="5717">
                  <c:v>12.982249032323741</c:v>
                </c:pt>
                <c:pt idx="5718">
                  <c:v>12.982249032323741</c:v>
                </c:pt>
                <c:pt idx="5719">
                  <c:v>12.982249032323741</c:v>
                </c:pt>
                <c:pt idx="5720">
                  <c:v>12.982249032323741</c:v>
                </c:pt>
                <c:pt idx="5721">
                  <c:v>12.977540666370684</c:v>
                </c:pt>
                <c:pt idx="5722">
                  <c:v>12.977540666370684</c:v>
                </c:pt>
                <c:pt idx="5723">
                  <c:v>12.972689622661578</c:v>
                </c:pt>
                <c:pt idx="5724">
                  <c:v>12.972689622661578</c:v>
                </c:pt>
                <c:pt idx="5725">
                  <c:v>12.972689622661578</c:v>
                </c:pt>
                <c:pt idx="5726">
                  <c:v>12.972689622661578</c:v>
                </c:pt>
                <c:pt idx="5727">
                  <c:v>12.972689622661578</c:v>
                </c:pt>
                <c:pt idx="5728">
                  <c:v>12.967838578952344</c:v>
                </c:pt>
                <c:pt idx="5729">
                  <c:v>12.967838578952344</c:v>
                </c:pt>
                <c:pt idx="5730">
                  <c:v>12.967838578952344</c:v>
                </c:pt>
                <c:pt idx="5731">
                  <c:v>12.967838578952344</c:v>
                </c:pt>
                <c:pt idx="5732">
                  <c:v>12.967838578952344</c:v>
                </c:pt>
                <c:pt idx="5733">
                  <c:v>12.963130212999285</c:v>
                </c:pt>
                <c:pt idx="5734">
                  <c:v>12.963130212999285</c:v>
                </c:pt>
                <c:pt idx="5735">
                  <c:v>12.963130212999285</c:v>
                </c:pt>
                <c:pt idx="5736">
                  <c:v>12.963130212999285</c:v>
                </c:pt>
                <c:pt idx="5737">
                  <c:v>12.958279169290179</c:v>
                </c:pt>
                <c:pt idx="5738">
                  <c:v>12.958279169290179</c:v>
                </c:pt>
                <c:pt idx="5739">
                  <c:v>12.958279169290179</c:v>
                </c:pt>
                <c:pt idx="5740">
                  <c:v>12.958279169290179</c:v>
                </c:pt>
                <c:pt idx="5741">
                  <c:v>12.958279169290179</c:v>
                </c:pt>
                <c:pt idx="5742">
                  <c:v>12.958279169290179</c:v>
                </c:pt>
                <c:pt idx="5743">
                  <c:v>12.958279169290179</c:v>
                </c:pt>
                <c:pt idx="5744">
                  <c:v>12.958279169290179</c:v>
                </c:pt>
                <c:pt idx="5745">
                  <c:v>12.963130212999285</c:v>
                </c:pt>
                <c:pt idx="5746">
                  <c:v>12.963130212999285</c:v>
                </c:pt>
                <c:pt idx="5747">
                  <c:v>12.963130212999285</c:v>
                </c:pt>
                <c:pt idx="5748">
                  <c:v>12.967838578952344</c:v>
                </c:pt>
                <c:pt idx="5749">
                  <c:v>12.967838578952344</c:v>
                </c:pt>
                <c:pt idx="5750">
                  <c:v>12.972689622661578</c:v>
                </c:pt>
                <c:pt idx="5751">
                  <c:v>12.972689622661578</c:v>
                </c:pt>
                <c:pt idx="5752">
                  <c:v>12.972689622661578</c:v>
                </c:pt>
                <c:pt idx="5753">
                  <c:v>12.972689622661578</c:v>
                </c:pt>
                <c:pt idx="5754">
                  <c:v>12.977540666370684</c:v>
                </c:pt>
                <c:pt idx="5755">
                  <c:v>12.977540666370684</c:v>
                </c:pt>
                <c:pt idx="5756">
                  <c:v>12.977540666370684</c:v>
                </c:pt>
                <c:pt idx="5757">
                  <c:v>12.982249032323741</c:v>
                </c:pt>
                <c:pt idx="5758">
                  <c:v>12.982249032323741</c:v>
                </c:pt>
                <c:pt idx="5759">
                  <c:v>12.987100076032975</c:v>
                </c:pt>
                <c:pt idx="5760">
                  <c:v>12.987100076032975</c:v>
                </c:pt>
                <c:pt idx="5761">
                  <c:v>12.987100076032975</c:v>
                </c:pt>
                <c:pt idx="5762">
                  <c:v>12.991951119742208</c:v>
                </c:pt>
                <c:pt idx="5763">
                  <c:v>12.991951119742208</c:v>
                </c:pt>
                <c:pt idx="5764">
                  <c:v>12.991951119742208</c:v>
                </c:pt>
                <c:pt idx="5765">
                  <c:v>12.991951119742208</c:v>
                </c:pt>
                <c:pt idx="5766">
                  <c:v>12.991951119742208</c:v>
                </c:pt>
                <c:pt idx="5767">
                  <c:v>12.991951119742208</c:v>
                </c:pt>
                <c:pt idx="5768">
                  <c:v>12.99665948569514</c:v>
                </c:pt>
                <c:pt idx="5769">
                  <c:v>12.991951119742208</c:v>
                </c:pt>
                <c:pt idx="5770">
                  <c:v>12.991951119742208</c:v>
                </c:pt>
                <c:pt idx="5771">
                  <c:v>12.991951119742208</c:v>
                </c:pt>
                <c:pt idx="5772">
                  <c:v>12.991951119742208</c:v>
                </c:pt>
                <c:pt idx="5773">
                  <c:v>12.991951119742208</c:v>
                </c:pt>
                <c:pt idx="5774">
                  <c:v>12.987100076032975</c:v>
                </c:pt>
                <c:pt idx="5775">
                  <c:v>12.987100076032975</c:v>
                </c:pt>
                <c:pt idx="5776">
                  <c:v>12.987100076032975</c:v>
                </c:pt>
                <c:pt idx="5777">
                  <c:v>12.987100076032975</c:v>
                </c:pt>
                <c:pt idx="5778">
                  <c:v>12.991951119742208</c:v>
                </c:pt>
                <c:pt idx="5779">
                  <c:v>12.991951119742208</c:v>
                </c:pt>
                <c:pt idx="5780">
                  <c:v>12.987100076032975</c:v>
                </c:pt>
                <c:pt idx="5781">
                  <c:v>12.987100076032975</c:v>
                </c:pt>
                <c:pt idx="5782">
                  <c:v>12.987100076032975</c:v>
                </c:pt>
                <c:pt idx="5783">
                  <c:v>12.987100076032975</c:v>
                </c:pt>
                <c:pt idx="5784">
                  <c:v>12.987100076032975</c:v>
                </c:pt>
                <c:pt idx="5785">
                  <c:v>12.987100076032975</c:v>
                </c:pt>
                <c:pt idx="5786">
                  <c:v>12.987100076032975</c:v>
                </c:pt>
                <c:pt idx="5787">
                  <c:v>12.987100076032975</c:v>
                </c:pt>
                <c:pt idx="5788">
                  <c:v>12.987100076032975</c:v>
                </c:pt>
                <c:pt idx="5789">
                  <c:v>12.987100076032975</c:v>
                </c:pt>
                <c:pt idx="5790">
                  <c:v>12.987100076032975</c:v>
                </c:pt>
                <c:pt idx="5791">
                  <c:v>12.987100076032975</c:v>
                </c:pt>
                <c:pt idx="5792">
                  <c:v>12.987100076032975</c:v>
                </c:pt>
                <c:pt idx="5793">
                  <c:v>12.991951119742208</c:v>
                </c:pt>
                <c:pt idx="5794">
                  <c:v>12.991951119742208</c:v>
                </c:pt>
                <c:pt idx="5795">
                  <c:v>12.991951119742208</c:v>
                </c:pt>
                <c:pt idx="5796">
                  <c:v>12.991951119742208</c:v>
                </c:pt>
                <c:pt idx="5797">
                  <c:v>12.991951119742208</c:v>
                </c:pt>
                <c:pt idx="5798">
                  <c:v>12.99665948569514</c:v>
                </c:pt>
                <c:pt idx="5799">
                  <c:v>12.99665948569514</c:v>
                </c:pt>
                <c:pt idx="5800">
                  <c:v>12.99665948569514</c:v>
                </c:pt>
                <c:pt idx="5801">
                  <c:v>12.99665948569514</c:v>
                </c:pt>
                <c:pt idx="5802">
                  <c:v>12.99665948569514</c:v>
                </c:pt>
                <c:pt idx="5803">
                  <c:v>12.99665948569514</c:v>
                </c:pt>
                <c:pt idx="5804">
                  <c:v>12.99665948569514</c:v>
                </c:pt>
                <c:pt idx="5805">
                  <c:v>12.99665948569514</c:v>
                </c:pt>
                <c:pt idx="5806">
                  <c:v>12.99665948569514</c:v>
                </c:pt>
                <c:pt idx="5807">
                  <c:v>13.001510529404374</c:v>
                </c:pt>
                <c:pt idx="5808">
                  <c:v>13.001510529404374</c:v>
                </c:pt>
                <c:pt idx="5809">
                  <c:v>13.001510529404374</c:v>
                </c:pt>
                <c:pt idx="5810">
                  <c:v>13.001510529404374</c:v>
                </c:pt>
                <c:pt idx="5811">
                  <c:v>13.001510529404374</c:v>
                </c:pt>
                <c:pt idx="5812">
                  <c:v>13.001510529404374</c:v>
                </c:pt>
                <c:pt idx="5813">
                  <c:v>13.001510529404374</c:v>
                </c:pt>
                <c:pt idx="5814">
                  <c:v>13.001510529404374</c:v>
                </c:pt>
                <c:pt idx="5815">
                  <c:v>13.001510529404374</c:v>
                </c:pt>
                <c:pt idx="5816">
                  <c:v>13.006361573113606</c:v>
                </c:pt>
                <c:pt idx="5817">
                  <c:v>13.006361573113606</c:v>
                </c:pt>
                <c:pt idx="5818">
                  <c:v>13.006361573113606</c:v>
                </c:pt>
                <c:pt idx="5819">
                  <c:v>13.006361573113606</c:v>
                </c:pt>
                <c:pt idx="5820">
                  <c:v>13.006361573113606</c:v>
                </c:pt>
                <c:pt idx="5821">
                  <c:v>13.006361573113606</c:v>
                </c:pt>
                <c:pt idx="5822">
                  <c:v>13.011069939066665</c:v>
                </c:pt>
                <c:pt idx="5823">
                  <c:v>13.011069939066665</c:v>
                </c:pt>
                <c:pt idx="5824">
                  <c:v>13.011069939066665</c:v>
                </c:pt>
                <c:pt idx="5825">
                  <c:v>13.015920982775771</c:v>
                </c:pt>
                <c:pt idx="5826">
                  <c:v>13.015920982775771</c:v>
                </c:pt>
                <c:pt idx="5827">
                  <c:v>13.015920982775771</c:v>
                </c:pt>
                <c:pt idx="5828">
                  <c:v>13.015920982775771</c:v>
                </c:pt>
                <c:pt idx="5829">
                  <c:v>13.015920982775771</c:v>
                </c:pt>
                <c:pt idx="5830">
                  <c:v>13.015920982775771</c:v>
                </c:pt>
                <c:pt idx="5831">
                  <c:v>13.020772026485004</c:v>
                </c:pt>
                <c:pt idx="5832">
                  <c:v>13.020772026485004</c:v>
                </c:pt>
                <c:pt idx="5833">
                  <c:v>13.020772026485004</c:v>
                </c:pt>
                <c:pt idx="5834">
                  <c:v>13.025480392438064</c:v>
                </c:pt>
                <c:pt idx="5835">
                  <c:v>13.025480392438064</c:v>
                </c:pt>
                <c:pt idx="5836">
                  <c:v>13.03033143614717</c:v>
                </c:pt>
                <c:pt idx="5837">
                  <c:v>13.03033143614717</c:v>
                </c:pt>
                <c:pt idx="5838">
                  <c:v>13.03033143614717</c:v>
                </c:pt>
                <c:pt idx="5839">
                  <c:v>13.03033143614717</c:v>
                </c:pt>
                <c:pt idx="5840">
                  <c:v>13.03033143614717</c:v>
                </c:pt>
                <c:pt idx="5841">
                  <c:v>13.03033143614717</c:v>
                </c:pt>
                <c:pt idx="5842">
                  <c:v>13.03033143614717</c:v>
                </c:pt>
                <c:pt idx="5843">
                  <c:v>13.025480392438064</c:v>
                </c:pt>
                <c:pt idx="5844">
                  <c:v>13.03033143614717</c:v>
                </c:pt>
                <c:pt idx="5845">
                  <c:v>13.03033143614717</c:v>
                </c:pt>
                <c:pt idx="5846">
                  <c:v>13.03033143614717</c:v>
                </c:pt>
                <c:pt idx="5847">
                  <c:v>13.03033143614717</c:v>
                </c:pt>
                <c:pt idx="5848">
                  <c:v>13.03033143614717</c:v>
                </c:pt>
                <c:pt idx="5849">
                  <c:v>13.025480392438064</c:v>
                </c:pt>
                <c:pt idx="5850">
                  <c:v>13.025480392438064</c:v>
                </c:pt>
                <c:pt idx="5851">
                  <c:v>13.025480392438064</c:v>
                </c:pt>
                <c:pt idx="5852">
                  <c:v>13.020772026485004</c:v>
                </c:pt>
                <c:pt idx="5853">
                  <c:v>13.020772026485004</c:v>
                </c:pt>
                <c:pt idx="5854">
                  <c:v>13.020772026485004</c:v>
                </c:pt>
                <c:pt idx="5855">
                  <c:v>13.020772026485004</c:v>
                </c:pt>
                <c:pt idx="5856">
                  <c:v>13.020772026485004</c:v>
                </c:pt>
                <c:pt idx="5857">
                  <c:v>13.020772026485004</c:v>
                </c:pt>
                <c:pt idx="5858">
                  <c:v>13.020772026485004</c:v>
                </c:pt>
                <c:pt idx="5859">
                  <c:v>13.020772026485004</c:v>
                </c:pt>
                <c:pt idx="5860">
                  <c:v>13.020772026485004</c:v>
                </c:pt>
                <c:pt idx="5861">
                  <c:v>13.020772026485004</c:v>
                </c:pt>
                <c:pt idx="5862">
                  <c:v>13.020772026485004</c:v>
                </c:pt>
                <c:pt idx="5863">
                  <c:v>13.025480392438064</c:v>
                </c:pt>
                <c:pt idx="5864">
                  <c:v>13.025480392438064</c:v>
                </c:pt>
                <c:pt idx="5865">
                  <c:v>13.025480392438064</c:v>
                </c:pt>
                <c:pt idx="5866">
                  <c:v>13.025480392438064</c:v>
                </c:pt>
                <c:pt idx="5867">
                  <c:v>13.025480392438064</c:v>
                </c:pt>
                <c:pt idx="5868">
                  <c:v>13.025480392438064</c:v>
                </c:pt>
                <c:pt idx="5869">
                  <c:v>13.025480392438064</c:v>
                </c:pt>
                <c:pt idx="5870">
                  <c:v>13.025480392438064</c:v>
                </c:pt>
                <c:pt idx="5871">
                  <c:v>13.025480392438064</c:v>
                </c:pt>
                <c:pt idx="5872">
                  <c:v>13.03033143614717</c:v>
                </c:pt>
                <c:pt idx="5873">
                  <c:v>13.03033143614717</c:v>
                </c:pt>
                <c:pt idx="5874">
                  <c:v>13.03033143614717</c:v>
                </c:pt>
                <c:pt idx="5875">
                  <c:v>13.035182479856401</c:v>
                </c:pt>
                <c:pt idx="5876">
                  <c:v>13.035182479856401</c:v>
                </c:pt>
                <c:pt idx="5877">
                  <c:v>13.035182479856401</c:v>
                </c:pt>
                <c:pt idx="5878">
                  <c:v>13.039890845809461</c:v>
                </c:pt>
                <c:pt idx="5879">
                  <c:v>13.039890845809461</c:v>
                </c:pt>
                <c:pt idx="5880">
                  <c:v>13.039890845809461</c:v>
                </c:pt>
                <c:pt idx="5881">
                  <c:v>13.039890845809461</c:v>
                </c:pt>
                <c:pt idx="5882">
                  <c:v>13.039890845809461</c:v>
                </c:pt>
                <c:pt idx="5883">
                  <c:v>13.039890845809461</c:v>
                </c:pt>
                <c:pt idx="5884">
                  <c:v>13.039890845809461</c:v>
                </c:pt>
                <c:pt idx="5885">
                  <c:v>13.044741889518567</c:v>
                </c:pt>
                <c:pt idx="5886">
                  <c:v>13.044741889518567</c:v>
                </c:pt>
                <c:pt idx="5887">
                  <c:v>13.044741889518567</c:v>
                </c:pt>
                <c:pt idx="5888">
                  <c:v>13.039890845809461</c:v>
                </c:pt>
                <c:pt idx="5889">
                  <c:v>13.039890845809461</c:v>
                </c:pt>
                <c:pt idx="5890">
                  <c:v>13.039890845809461</c:v>
                </c:pt>
                <c:pt idx="5891">
                  <c:v>13.039890845809461</c:v>
                </c:pt>
                <c:pt idx="5892">
                  <c:v>13.039890845809461</c:v>
                </c:pt>
                <c:pt idx="5893">
                  <c:v>13.039890845809461</c:v>
                </c:pt>
                <c:pt idx="5894">
                  <c:v>13.039890845809461</c:v>
                </c:pt>
                <c:pt idx="5895">
                  <c:v>13.039890845809461</c:v>
                </c:pt>
                <c:pt idx="5896">
                  <c:v>13.039890845809461</c:v>
                </c:pt>
                <c:pt idx="5897">
                  <c:v>13.039890845809461</c:v>
                </c:pt>
                <c:pt idx="5898">
                  <c:v>13.035182479856401</c:v>
                </c:pt>
                <c:pt idx="5899">
                  <c:v>13.035182479856401</c:v>
                </c:pt>
                <c:pt idx="5900">
                  <c:v>13.035182479856401</c:v>
                </c:pt>
                <c:pt idx="5901">
                  <c:v>13.035182479856401</c:v>
                </c:pt>
                <c:pt idx="5902">
                  <c:v>13.035182479856401</c:v>
                </c:pt>
                <c:pt idx="5903">
                  <c:v>13.035182479856401</c:v>
                </c:pt>
                <c:pt idx="5904">
                  <c:v>13.035182479856401</c:v>
                </c:pt>
                <c:pt idx="5905">
                  <c:v>13.035182479856401</c:v>
                </c:pt>
                <c:pt idx="5906">
                  <c:v>13.035182479856401</c:v>
                </c:pt>
                <c:pt idx="5907">
                  <c:v>13.035182479856401</c:v>
                </c:pt>
                <c:pt idx="5908">
                  <c:v>13.035182479856401</c:v>
                </c:pt>
                <c:pt idx="5909">
                  <c:v>13.035182479856401</c:v>
                </c:pt>
                <c:pt idx="5910">
                  <c:v>13.035182479856401</c:v>
                </c:pt>
                <c:pt idx="5911">
                  <c:v>13.035182479856401</c:v>
                </c:pt>
                <c:pt idx="5912">
                  <c:v>13.035182479856401</c:v>
                </c:pt>
                <c:pt idx="5913">
                  <c:v>13.039890845809461</c:v>
                </c:pt>
                <c:pt idx="5914">
                  <c:v>13.039890845809461</c:v>
                </c:pt>
                <c:pt idx="5915">
                  <c:v>13.039890845809461</c:v>
                </c:pt>
                <c:pt idx="5916">
                  <c:v>13.044741889518567</c:v>
                </c:pt>
                <c:pt idx="5917">
                  <c:v>13.044741889518567</c:v>
                </c:pt>
                <c:pt idx="5918">
                  <c:v>13.0495929332278</c:v>
                </c:pt>
                <c:pt idx="5919">
                  <c:v>13.0495929332278</c:v>
                </c:pt>
                <c:pt idx="5920">
                  <c:v>13.0495929332278</c:v>
                </c:pt>
                <c:pt idx="5921">
                  <c:v>13.05430129918086</c:v>
                </c:pt>
                <c:pt idx="5922">
                  <c:v>13.05430129918086</c:v>
                </c:pt>
                <c:pt idx="5923">
                  <c:v>13.05430129918086</c:v>
                </c:pt>
                <c:pt idx="5924">
                  <c:v>13.05430129918086</c:v>
                </c:pt>
                <c:pt idx="5925">
                  <c:v>13.059152342889965</c:v>
                </c:pt>
                <c:pt idx="5926">
                  <c:v>13.059152342889965</c:v>
                </c:pt>
                <c:pt idx="5927">
                  <c:v>13.059152342889965</c:v>
                </c:pt>
                <c:pt idx="5928">
                  <c:v>13.059152342889965</c:v>
                </c:pt>
                <c:pt idx="5929">
                  <c:v>13.059152342889965</c:v>
                </c:pt>
                <c:pt idx="5930">
                  <c:v>13.059152342889965</c:v>
                </c:pt>
                <c:pt idx="5931">
                  <c:v>13.064003386599197</c:v>
                </c:pt>
                <c:pt idx="5932">
                  <c:v>13.064003386599197</c:v>
                </c:pt>
                <c:pt idx="5933">
                  <c:v>13.064003386599197</c:v>
                </c:pt>
                <c:pt idx="5934">
                  <c:v>13.064003386599197</c:v>
                </c:pt>
                <c:pt idx="5935">
                  <c:v>13.064003386599197</c:v>
                </c:pt>
                <c:pt idx="5936">
                  <c:v>13.064003386599197</c:v>
                </c:pt>
                <c:pt idx="5937">
                  <c:v>13.064003386599197</c:v>
                </c:pt>
                <c:pt idx="5938">
                  <c:v>13.059152342889965</c:v>
                </c:pt>
                <c:pt idx="5939">
                  <c:v>13.059152342889965</c:v>
                </c:pt>
                <c:pt idx="5940">
                  <c:v>13.059152342889965</c:v>
                </c:pt>
                <c:pt idx="5941">
                  <c:v>13.059152342889965</c:v>
                </c:pt>
                <c:pt idx="5942">
                  <c:v>13.059152342889965</c:v>
                </c:pt>
                <c:pt idx="5943">
                  <c:v>13.059152342889965</c:v>
                </c:pt>
                <c:pt idx="5944">
                  <c:v>13.05430129918086</c:v>
                </c:pt>
                <c:pt idx="5945">
                  <c:v>13.05430129918086</c:v>
                </c:pt>
                <c:pt idx="5946">
                  <c:v>13.05430129918086</c:v>
                </c:pt>
                <c:pt idx="5947">
                  <c:v>13.05430129918086</c:v>
                </c:pt>
                <c:pt idx="5948">
                  <c:v>13.0495929332278</c:v>
                </c:pt>
                <c:pt idx="5949">
                  <c:v>13.0495929332278</c:v>
                </c:pt>
                <c:pt idx="5950">
                  <c:v>13.0495929332278</c:v>
                </c:pt>
                <c:pt idx="5951">
                  <c:v>13.0495929332278</c:v>
                </c:pt>
                <c:pt idx="5952">
                  <c:v>13.0495929332278</c:v>
                </c:pt>
                <c:pt idx="5953">
                  <c:v>13.044741889518567</c:v>
                </c:pt>
                <c:pt idx="5954">
                  <c:v>13.044741889518567</c:v>
                </c:pt>
                <c:pt idx="5955">
                  <c:v>13.044741889518567</c:v>
                </c:pt>
                <c:pt idx="5956">
                  <c:v>13.044741889518567</c:v>
                </c:pt>
                <c:pt idx="5957">
                  <c:v>13.044741889518567</c:v>
                </c:pt>
                <c:pt idx="5958">
                  <c:v>13.044741889518567</c:v>
                </c:pt>
                <c:pt idx="5959">
                  <c:v>13.0495929332278</c:v>
                </c:pt>
                <c:pt idx="5960">
                  <c:v>13.0495929332278</c:v>
                </c:pt>
                <c:pt idx="5961">
                  <c:v>13.0495929332278</c:v>
                </c:pt>
                <c:pt idx="5962">
                  <c:v>13.0495929332278</c:v>
                </c:pt>
                <c:pt idx="5963">
                  <c:v>13.0495929332278</c:v>
                </c:pt>
                <c:pt idx="5964">
                  <c:v>13.0495929332278</c:v>
                </c:pt>
                <c:pt idx="5965">
                  <c:v>13.0495929332278</c:v>
                </c:pt>
                <c:pt idx="5966">
                  <c:v>13.0495929332278</c:v>
                </c:pt>
                <c:pt idx="5967">
                  <c:v>13.0495929332278</c:v>
                </c:pt>
                <c:pt idx="5968">
                  <c:v>13.0495929332278</c:v>
                </c:pt>
                <c:pt idx="5969">
                  <c:v>13.0495929332278</c:v>
                </c:pt>
                <c:pt idx="5970">
                  <c:v>13.0495929332278</c:v>
                </c:pt>
                <c:pt idx="5971">
                  <c:v>13.0495929332278</c:v>
                </c:pt>
                <c:pt idx="5972">
                  <c:v>13.0495929332278</c:v>
                </c:pt>
                <c:pt idx="5973">
                  <c:v>13.0495929332278</c:v>
                </c:pt>
                <c:pt idx="5974">
                  <c:v>13.0495929332278</c:v>
                </c:pt>
                <c:pt idx="5975">
                  <c:v>13.05430129918086</c:v>
                </c:pt>
                <c:pt idx="5976">
                  <c:v>13.05430129918086</c:v>
                </c:pt>
                <c:pt idx="5977">
                  <c:v>13.05430129918086</c:v>
                </c:pt>
                <c:pt idx="5978">
                  <c:v>13.05430129918086</c:v>
                </c:pt>
                <c:pt idx="5979">
                  <c:v>13.059152342889965</c:v>
                </c:pt>
                <c:pt idx="5980">
                  <c:v>13.059152342889965</c:v>
                </c:pt>
                <c:pt idx="5981">
                  <c:v>13.05430129918086</c:v>
                </c:pt>
                <c:pt idx="5982">
                  <c:v>13.05430129918086</c:v>
                </c:pt>
                <c:pt idx="5983">
                  <c:v>13.059152342889965</c:v>
                </c:pt>
                <c:pt idx="5984">
                  <c:v>13.059152342889965</c:v>
                </c:pt>
                <c:pt idx="5985">
                  <c:v>13.059152342889965</c:v>
                </c:pt>
                <c:pt idx="5986">
                  <c:v>13.059152342889965</c:v>
                </c:pt>
                <c:pt idx="5987">
                  <c:v>13.059152342889965</c:v>
                </c:pt>
                <c:pt idx="5988">
                  <c:v>13.059152342889965</c:v>
                </c:pt>
                <c:pt idx="5989">
                  <c:v>13.05430129918086</c:v>
                </c:pt>
                <c:pt idx="5990">
                  <c:v>13.059152342889965</c:v>
                </c:pt>
                <c:pt idx="5991">
                  <c:v>13.059152342889965</c:v>
                </c:pt>
                <c:pt idx="5992">
                  <c:v>13.059152342889965</c:v>
                </c:pt>
                <c:pt idx="5993">
                  <c:v>13.064003386599197</c:v>
                </c:pt>
                <c:pt idx="5994">
                  <c:v>13.064003386599197</c:v>
                </c:pt>
                <c:pt idx="5995">
                  <c:v>13.064003386599197</c:v>
                </c:pt>
                <c:pt idx="5996">
                  <c:v>13.064003386599197</c:v>
                </c:pt>
                <c:pt idx="5997">
                  <c:v>13.064003386599197</c:v>
                </c:pt>
                <c:pt idx="5998">
                  <c:v>13.064003386599197</c:v>
                </c:pt>
                <c:pt idx="5999">
                  <c:v>13.064003386599197</c:v>
                </c:pt>
                <c:pt idx="6000">
                  <c:v>13.064003386599197</c:v>
                </c:pt>
                <c:pt idx="6001">
                  <c:v>13.064003386599197</c:v>
                </c:pt>
                <c:pt idx="6002">
                  <c:v>13.064003386599197</c:v>
                </c:pt>
                <c:pt idx="6003">
                  <c:v>13.064003386599197</c:v>
                </c:pt>
                <c:pt idx="6004">
                  <c:v>13.068711752552257</c:v>
                </c:pt>
                <c:pt idx="6005">
                  <c:v>13.068711752552257</c:v>
                </c:pt>
                <c:pt idx="6006">
                  <c:v>13.068711752552257</c:v>
                </c:pt>
                <c:pt idx="6007">
                  <c:v>13.068711752552257</c:v>
                </c:pt>
                <c:pt idx="6008">
                  <c:v>13.068711752552257</c:v>
                </c:pt>
                <c:pt idx="6009">
                  <c:v>13.068711752552257</c:v>
                </c:pt>
                <c:pt idx="6010">
                  <c:v>13.068711752552257</c:v>
                </c:pt>
                <c:pt idx="6011">
                  <c:v>13.068711752552257</c:v>
                </c:pt>
                <c:pt idx="6012">
                  <c:v>13.068711752552257</c:v>
                </c:pt>
                <c:pt idx="6013">
                  <c:v>13.068711752552257</c:v>
                </c:pt>
                <c:pt idx="6014">
                  <c:v>13.068711752552257</c:v>
                </c:pt>
                <c:pt idx="6015">
                  <c:v>13.068711752552257</c:v>
                </c:pt>
                <c:pt idx="6016">
                  <c:v>13.068711752552257</c:v>
                </c:pt>
                <c:pt idx="6017">
                  <c:v>13.068711752552257</c:v>
                </c:pt>
                <c:pt idx="6018">
                  <c:v>13.068711752552257</c:v>
                </c:pt>
                <c:pt idx="6019">
                  <c:v>13.068711752552257</c:v>
                </c:pt>
                <c:pt idx="6020">
                  <c:v>13.068711752552257</c:v>
                </c:pt>
                <c:pt idx="6021">
                  <c:v>13.068711752552257</c:v>
                </c:pt>
                <c:pt idx="6022">
                  <c:v>13.068711752552257</c:v>
                </c:pt>
                <c:pt idx="6023">
                  <c:v>13.068711752552257</c:v>
                </c:pt>
                <c:pt idx="6024">
                  <c:v>13.068711752552257</c:v>
                </c:pt>
                <c:pt idx="6025">
                  <c:v>13.068711752552257</c:v>
                </c:pt>
                <c:pt idx="6026">
                  <c:v>13.068711752552257</c:v>
                </c:pt>
                <c:pt idx="6027">
                  <c:v>13.068711752552257</c:v>
                </c:pt>
                <c:pt idx="6028">
                  <c:v>13.07356279626149</c:v>
                </c:pt>
                <c:pt idx="6029">
                  <c:v>13.07356279626149</c:v>
                </c:pt>
                <c:pt idx="6030">
                  <c:v>13.07356279626149</c:v>
                </c:pt>
                <c:pt idx="6031">
                  <c:v>13.07356279626149</c:v>
                </c:pt>
                <c:pt idx="6032">
                  <c:v>13.07356279626149</c:v>
                </c:pt>
                <c:pt idx="6033">
                  <c:v>13.07356279626149</c:v>
                </c:pt>
                <c:pt idx="6034">
                  <c:v>13.07356279626149</c:v>
                </c:pt>
                <c:pt idx="6035">
                  <c:v>13.07356279626149</c:v>
                </c:pt>
                <c:pt idx="6036">
                  <c:v>13.07356279626149</c:v>
                </c:pt>
                <c:pt idx="6037">
                  <c:v>13.07356279626149</c:v>
                </c:pt>
                <c:pt idx="6038">
                  <c:v>13.07356279626149</c:v>
                </c:pt>
                <c:pt idx="6039">
                  <c:v>13.07356279626149</c:v>
                </c:pt>
                <c:pt idx="6040">
                  <c:v>13.07356279626149</c:v>
                </c:pt>
                <c:pt idx="6041">
                  <c:v>13.07356279626149</c:v>
                </c:pt>
                <c:pt idx="6042">
                  <c:v>13.07356279626149</c:v>
                </c:pt>
                <c:pt idx="6043">
                  <c:v>13.07356279626149</c:v>
                </c:pt>
                <c:pt idx="6044">
                  <c:v>13.07356279626149</c:v>
                </c:pt>
                <c:pt idx="6045">
                  <c:v>13.07356279626149</c:v>
                </c:pt>
                <c:pt idx="6046">
                  <c:v>13.07356279626149</c:v>
                </c:pt>
                <c:pt idx="6047">
                  <c:v>13.068711752552257</c:v>
                </c:pt>
                <c:pt idx="6048">
                  <c:v>13.068711752552257</c:v>
                </c:pt>
                <c:pt idx="6049">
                  <c:v>13.068711752552257</c:v>
                </c:pt>
                <c:pt idx="6050">
                  <c:v>13.068711752552257</c:v>
                </c:pt>
                <c:pt idx="6051">
                  <c:v>13.068711752552257</c:v>
                </c:pt>
                <c:pt idx="6052">
                  <c:v>13.068711752552257</c:v>
                </c:pt>
                <c:pt idx="6053">
                  <c:v>13.068711752552257</c:v>
                </c:pt>
                <c:pt idx="6054">
                  <c:v>13.068711752552257</c:v>
                </c:pt>
                <c:pt idx="6055">
                  <c:v>13.064003386599197</c:v>
                </c:pt>
                <c:pt idx="6056">
                  <c:v>13.064003386599197</c:v>
                </c:pt>
                <c:pt idx="6057">
                  <c:v>13.064003386599197</c:v>
                </c:pt>
                <c:pt idx="6058">
                  <c:v>13.064003386599197</c:v>
                </c:pt>
                <c:pt idx="6059">
                  <c:v>13.064003386599197</c:v>
                </c:pt>
                <c:pt idx="6060">
                  <c:v>13.064003386599197</c:v>
                </c:pt>
                <c:pt idx="6061">
                  <c:v>13.064003386599197</c:v>
                </c:pt>
                <c:pt idx="6062">
                  <c:v>13.064003386599197</c:v>
                </c:pt>
                <c:pt idx="6063">
                  <c:v>13.064003386599197</c:v>
                </c:pt>
                <c:pt idx="6064">
                  <c:v>13.064003386599197</c:v>
                </c:pt>
                <c:pt idx="6065">
                  <c:v>13.064003386599197</c:v>
                </c:pt>
                <c:pt idx="6066">
                  <c:v>13.068711752552257</c:v>
                </c:pt>
                <c:pt idx="6067">
                  <c:v>13.068711752552257</c:v>
                </c:pt>
                <c:pt idx="6068">
                  <c:v>13.068711752552257</c:v>
                </c:pt>
                <c:pt idx="6069">
                  <c:v>13.068711752552257</c:v>
                </c:pt>
                <c:pt idx="6070">
                  <c:v>13.068711752552257</c:v>
                </c:pt>
                <c:pt idx="6071">
                  <c:v>13.07356279626149</c:v>
                </c:pt>
                <c:pt idx="6072">
                  <c:v>13.07356279626149</c:v>
                </c:pt>
                <c:pt idx="6073">
                  <c:v>13.07356279626149</c:v>
                </c:pt>
                <c:pt idx="6074">
                  <c:v>13.07356279626149</c:v>
                </c:pt>
                <c:pt idx="6075">
                  <c:v>13.078413839970596</c:v>
                </c:pt>
                <c:pt idx="6076">
                  <c:v>13.078413839970596</c:v>
                </c:pt>
                <c:pt idx="6077">
                  <c:v>13.078413839970596</c:v>
                </c:pt>
                <c:pt idx="6078">
                  <c:v>13.078413839970596</c:v>
                </c:pt>
                <c:pt idx="6079">
                  <c:v>13.078413839970596</c:v>
                </c:pt>
                <c:pt idx="6080">
                  <c:v>13.078413839970596</c:v>
                </c:pt>
                <c:pt idx="6081">
                  <c:v>13.083122205923654</c:v>
                </c:pt>
                <c:pt idx="6082">
                  <c:v>13.083122205923654</c:v>
                </c:pt>
                <c:pt idx="6083">
                  <c:v>13.083122205923654</c:v>
                </c:pt>
                <c:pt idx="6084">
                  <c:v>13.083122205923654</c:v>
                </c:pt>
                <c:pt idx="6085">
                  <c:v>13.083122205923654</c:v>
                </c:pt>
                <c:pt idx="6086">
                  <c:v>13.083122205923654</c:v>
                </c:pt>
                <c:pt idx="6087">
                  <c:v>13.083122205923654</c:v>
                </c:pt>
                <c:pt idx="6088">
                  <c:v>13.083122205923654</c:v>
                </c:pt>
                <c:pt idx="6089">
                  <c:v>13.083122205923654</c:v>
                </c:pt>
                <c:pt idx="6090">
                  <c:v>13.083122205923654</c:v>
                </c:pt>
                <c:pt idx="6091">
                  <c:v>13.083122205923654</c:v>
                </c:pt>
                <c:pt idx="6092">
                  <c:v>13.083122205923654</c:v>
                </c:pt>
                <c:pt idx="6093">
                  <c:v>13.083122205923654</c:v>
                </c:pt>
                <c:pt idx="6094">
                  <c:v>13.083122205923654</c:v>
                </c:pt>
                <c:pt idx="6095">
                  <c:v>13.078413839970596</c:v>
                </c:pt>
                <c:pt idx="6096">
                  <c:v>13.083122205923654</c:v>
                </c:pt>
                <c:pt idx="6097">
                  <c:v>13.083122205923654</c:v>
                </c:pt>
                <c:pt idx="6098">
                  <c:v>13.083122205923654</c:v>
                </c:pt>
                <c:pt idx="6099">
                  <c:v>13.083122205923654</c:v>
                </c:pt>
                <c:pt idx="6100">
                  <c:v>13.083122205923654</c:v>
                </c:pt>
                <c:pt idx="6101">
                  <c:v>13.083122205923654</c:v>
                </c:pt>
                <c:pt idx="6102">
                  <c:v>13.083122205923654</c:v>
                </c:pt>
                <c:pt idx="6103">
                  <c:v>13.083122205923654</c:v>
                </c:pt>
                <c:pt idx="6104">
                  <c:v>13.083122205923654</c:v>
                </c:pt>
                <c:pt idx="6105">
                  <c:v>13.083122205923654</c:v>
                </c:pt>
                <c:pt idx="6106">
                  <c:v>13.083122205923654</c:v>
                </c:pt>
                <c:pt idx="6107">
                  <c:v>13.083122205923654</c:v>
                </c:pt>
                <c:pt idx="6108">
                  <c:v>13.083122205923654</c:v>
                </c:pt>
                <c:pt idx="6109">
                  <c:v>13.083122205923654</c:v>
                </c:pt>
                <c:pt idx="6110">
                  <c:v>13.083122205923654</c:v>
                </c:pt>
                <c:pt idx="6111">
                  <c:v>13.083122205923654</c:v>
                </c:pt>
                <c:pt idx="6112">
                  <c:v>13.083122205923654</c:v>
                </c:pt>
                <c:pt idx="6113">
                  <c:v>13.083122205923654</c:v>
                </c:pt>
                <c:pt idx="6114">
                  <c:v>13.083122205923654</c:v>
                </c:pt>
                <c:pt idx="6115">
                  <c:v>13.083122205923654</c:v>
                </c:pt>
                <c:pt idx="6116">
                  <c:v>13.083122205923654</c:v>
                </c:pt>
                <c:pt idx="6117">
                  <c:v>13.083122205923654</c:v>
                </c:pt>
                <c:pt idx="6118">
                  <c:v>13.083122205923654</c:v>
                </c:pt>
                <c:pt idx="6119">
                  <c:v>13.083122205923654</c:v>
                </c:pt>
                <c:pt idx="6120">
                  <c:v>13.083122205923654</c:v>
                </c:pt>
                <c:pt idx="6121">
                  <c:v>13.083122205923654</c:v>
                </c:pt>
                <c:pt idx="6122">
                  <c:v>13.083122205923654</c:v>
                </c:pt>
                <c:pt idx="6123">
                  <c:v>13.078413839970596</c:v>
                </c:pt>
                <c:pt idx="6124">
                  <c:v>13.078413839970596</c:v>
                </c:pt>
                <c:pt idx="6125">
                  <c:v>13.078413839970596</c:v>
                </c:pt>
                <c:pt idx="6126">
                  <c:v>13.078413839970596</c:v>
                </c:pt>
                <c:pt idx="6127">
                  <c:v>13.078413839970596</c:v>
                </c:pt>
                <c:pt idx="6128">
                  <c:v>13.078413839970596</c:v>
                </c:pt>
                <c:pt idx="6129">
                  <c:v>13.078413839970596</c:v>
                </c:pt>
                <c:pt idx="6130">
                  <c:v>13.078413839970596</c:v>
                </c:pt>
                <c:pt idx="6131">
                  <c:v>13.078413839970596</c:v>
                </c:pt>
                <c:pt idx="6132">
                  <c:v>13.078413839970596</c:v>
                </c:pt>
                <c:pt idx="6133">
                  <c:v>13.078413839970596</c:v>
                </c:pt>
                <c:pt idx="6134">
                  <c:v>13.078413839970596</c:v>
                </c:pt>
                <c:pt idx="6135">
                  <c:v>13.078413839970596</c:v>
                </c:pt>
                <c:pt idx="6136">
                  <c:v>13.078413839970596</c:v>
                </c:pt>
                <c:pt idx="6137">
                  <c:v>13.078413839970596</c:v>
                </c:pt>
                <c:pt idx="6138">
                  <c:v>13.078413839970596</c:v>
                </c:pt>
                <c:pt idx="6139">
                  <c:v>13.078413839970596</c:v>
                </c:pt>
                <c:pt idx="6140">
                  <c:v>13.078413839970596</c:v>
                </c:pt>
                <c:pt idx="6141">
                  <c:v>13.078413839970596</c:v>
                </c:pt>
                <c:pt idx="6142">
                  <c:v>13.083122205923654</c:v>
                </c:pt>
                <c:pt idx="6143">
                  <c:v>13.083122205923654</c:v>
                </c:pt>
                <c:pt idx="6144">
                  <c:v>13.083122205923654</c:v>
                </c:pt>
                <c:pt idx="6145">
                  <c:v>13.083122205923654</c:v>
                </c:pt>
                <c:pt idx="6146">
                  <c:v>13.087973249632887</c:v>
                </c:pt>
                <c:pt idx="6147">
                  <c:v>13.087973249632887</c:v>
                </c:pt>
                <c:pt idx="6148">
                  <c:v>13.087973249632887</c:v>
                </c:pt>
                <c:pt idx="6149">
                  <c:v>13.087973249632887</c:v>
                </c:pt>
                <c:pt idx="6150">
                  <c:v>13.092824293341993</c:v>
                </c:pt>
                <c:pt idx="6151">
                  <c:v>13.092824293341993</c:v>
                </c:pt>
                <c:pt idx="6152">
                  <c:v>13.092824293341993</c:v>
                </c:pt>
                <c:pt idx="6153">
                  <c:v>13.092824293341993</c:v>
                </c:pt>
                <c:pt idx="6154">
                  <c:v>13.092824293341993</c:v>
                </c:pt>
                <c:pt idx="6155">
                  <c:v>13.097532659295053</c:v>
                </c:pt>
                <c:pt idx="6156">
                  <c:v>13.097532659295053</c:v>
                </c:pt>
                <c:pt idx="6157">
                  <c:v>13.097532659295053</c:v>
                </c:pt>
                <c:pt idx="6158">
                  <c:v>13.102383703004286</c:v>
                </c:pt>
                <c:pt idx="6159">
                  <c:v>13.102383703004286</c:v>
                </c:pt>
                <c:pt idx="6160">
                  <c:v>13.102383703004286</c:v>
                </c:pt>
                <c:pt idx="6161">
                  <c:v>13.102383703004286</c:v>
                </c:pt>
                <c:pt idx="6162">
                  <c:v>13.102383703004286</c:v>
                </c:pt>
                <c:pt idx="6163">
                  <c:v>13.102383703004286</c:v>
                </c:pt>
                <c:pt idx="6164">
                  <c:v>13.102383703004286</c:v>
                </c:pt>
                <c:pt idx="6165">
                  <c:v>13.102383703004286</c:v>
                </c:pt>
                <c:pt idx="6166">
                  <c:v>13.102383703004286</c:v>
                </c:pt>
                <c:pt idx="6167">
                  <c:v>13.102383703004286</c:v>
                </c:pt>
                <c:pt idx="6168">
                  <c:v>13.102383703004286</c:v>
                </c:pt>
                <c:pt idx="6169">
                  <c:v>13.102383703004286</c:v>
                </c:pt>
                <c:pt idx="6170">
                  <c:v>13.097532659295053</c:v>
                </c:pt>
                <c:pt idx="6171">
                  <c:v>13.097532659295053</c:v>
                </c:pt>
                <c:pt idx="6172">
                  <c:v>13.097532659295053</c:v>
                </c:pt>
                <c:pt idx="6173">
                  <c:v>13.097532659295053</c:v>
                </c:pt>
                <c:pt idx="6174">
                  <c:v>13.097532659295053</c:v>
                </c:pt>
                <c:pt idx="6175">
                  <c:v>13.097532659295053</c:v>
                </c:pt>
                <c:pt idx="6176">
                  <c:v>13.097532659295053</c:v>
                </c:pt>
                <c:pt idx="6177">
                  <c:v>13.097532659295053</c:v>
                </c:pt>
                <c:pt idx="6178">
                  <c:v>13.097532659295053</c:v>
                </c:pt>
                <c:pt idx="6179">
                  <c:v>13.097532659295053</c:v>
                </c:pt>
                <c:pt idx="6180">
                  <c:v>13.097532659295053</c:v>
                </c:pt>
                <c:pt idx="6181">
                  <c:v>13.097532659295053</c:v>
                </c:pt>
                <c:pt idx="6182">
                  <c:v>13.097532659295053</c:v>
                </c:pt>
                <c:pt idx="6183">
                  <c:v>13.097532659295053</c:v>
                </c:pt>
                <c:pt idx="6184">
                  <c:v>13.097532659295053</c:v>
                </c:pt>
                <c:pt idx="6185">
                  <c:v>13.097532659295053</c:v>
                </c:pt>
                <c:pt idx="6186">
                  <c:v>13.097532659295053</c:v>
                </c:pt>
                <c:pt idx="6187">
                  <c:v>13.097532659295053</c:v>
                </c:pt>
                <c:pt idx="6188">
                  <c:v>13.097532659295053</c:v>
                </c:pt>
                <c:pt idx="6189">
                  <c:v>13.097532659295053</c:v>
                </c:pt>
                <c:pt idx="6190">
                  <c:v>13.097532659295053</c:v>
                </c:pt>
                <c:pt idx="6191">
                  <c:v>13.097532659295053</c:v>
                </c:pt>
                <c:pt idx="6192">
                  <c:v>13.102383703004286</c:v>
                </c:pt>
                <c:pt idx="6193">
                  <c:v>13.102383703004286</c:v>
                </c:pt>
                <c:pt idx="6194">
                  <c:v>13.107234746713392</c:v>
                </c:pt>
                <c:pt idx="6195">
                  <c:v>13.107234746713392</c:v>
                </c:pt>
                <c:pt idx="6196">
                  <c:v>13.112085790422622</c:v>
                </c:pt>
                <c:pt idx="6197">
                  <c:v>13.112085790422622</c:v>
                </c:pt>
                <c:pt idx="6198">
                  <c:v>13.112085790422622</c:v>
                </c:pt>
                <c:pt idx="6199">
                  <c:v>13.107234746713392</c:v>
                </c:pt>
                <c:pt idx="6200">
                  <c:v>13.107234746713392</c:v>
                </c:pt>
                <c:pt idx="6201">
                  <c:v>13.107234746713392</c:v>
                </c:pt>
                <c:pt idx="6202">
                  <c:v>13.107234746713392</c:v>
                </c:pt>
                <c:pt idx="6203">
                  <c:v>13.107234746713392</c:v>
                </c:pt>
                <c:pt idx="6204">
                  <c:v>13.107234746713392</c:v>
                </c:pt>
                <c:pt idx="6205">
                  <c:v>13.107234746713392</c:v>
                </c:pt>
                <c:pt idx="6206">
                  <c:v>13.107234746713392</c:v>
                </c:pt>
                <c:pt idx="6207">
                  <c:v>13.107234746713392</c:v>
                </c:pt>
                <c:pt idx="6208">
                  <c:v>13.107234746713392</c:v>
                </c:pt>
                <c:pt idx="6209">
                  <c:v>13.107234746713392</c:v>
                </c:pt>
                <c:pt idx="6210">
                  <c:v>13.107234746713392</c:v>
                </c:pt>
                <c:pt idx="6211">
                  <c:v>13.107234746713392</c:v>
                </c:pt>
                <c:pt idx="6212">
                  <c:v>13.107234746713392</c:v>
                </c:pt>
                <c:pt idx="6213">
                  <c:v>13.107234746713392</c:v>
                </c:pt>
                <c:pt idx="6214">
                  <c:v>13.112085790422622</c:v>
                </c:pt>
                <c:pt idx="6215">
                  <c:v>13.107234746713392</c:v>
                </c:pt>
                <c:pt idx="6216">
                  <c:v>13.107234746713392</c:v>
                </c:pt>
                <c:pt idx="6217">
                  <c:v>13.107234746713392</c:v>
                </c:pt>
                <c:pt idx="6218">
                  <c:v>13.107234746713392</c:v>
                </c:pt>
                <c:pt idx="6219">
                  <c:v>13.102383703004286</c:v>
                </c:pt>
                <c:pt idx="6220">
                  <c:v>13.102383703004286</c:v>
                </c:pt>
                <c:pt idx="6221">
                  <c:v>13.102383703004286</c:v>
                </c:pt>
                <c:pt idx="6222">
                  <c:v>13.102383703004286</c:v>
                </c:pt>
                <c:pt idx="6223">
                  <c:v>13.107234746713392</c:v>
                </c:pt>
                <c:pt idx="6224">
                  <c:v>13.107234746713392</c:v>
                </c:pt>
                <c:pt idx="6225">
                  <c:v>13.107234746713392</c:v>
                </c:pt>
                <c:pt idx="6226">
                  <c:v>13.112085790422622</c:v>
                </c:pt>
                <c:pt idx="6227">
                  <c:v>13.112085790422622</c:v>
                </c:pt>
                <c:pt idx="6228">
                  <c:v>13.112085790422622</c:v>
                </c:pt>
                <c:pt idx="6229">
                  <c:v>13.112085790422622</c:v>
                </c:pt>
                <c:pt idx="6230">
                  <c:v>13.112085790422622</c:v>
                </c:pt>
                <c:pt idx="6231">
                  <c:v>13.112085790422622</c:v>
                </c:pt>
                <c:pt idx="6232">
                  <c:v>13.107234746713392</c:v>
                </c:pt>
                <c:pt idx="6233">
                  <c:v>13.107234746713392</c:v>
                </c:pt>
                <c:pt idx="6234">
                  <c:v>13.107234746713392</c:v>
                </c:pt>
                <c:pt idx="6235">
                  <c:v>13.107234746713392</c:v>
                </c:pt>
                <c:pt idx="6236">
                  <c:v>13.107234746713392</c:v>
                </c:pt>
                <c:pt idx="6237">
                  <c:v>13.107234746713392</c:v>
                </c:pt>
                <c:pt idx="6238">
                  <c:v>13.107234746713392</c:v>
                </c:pt>
                <c:pt idx="6239">
                  <c:v>13.107234746713392</c:v>
                </c:pt>
                <c:pt idx="6240">
                  <c:v>13.107234746713392</c:v>
                </c:pt>
                <c:pt idx="6241">
                  <c:v>13.107234746713392</c:v>
                </c:pt>
                <c:pt idx="6242">
                  <c:v>13.107234746713392</c:v>
                </c:pt>
                <c:pt idx="6243">
                  <c:v>13.107234746713392</c:v>
                </c:pt>
                <c:pt idx="6244">
                  <c:v>13.112085790422622</c:v>
                </c:pt>
                <c:pt idx="6245">
                  <c:v>13.112085790422622</c:v>
                </c:pt>
                <c:pt idx="6246">
                  <c:v>13.112085790422622</c:v>
                </c:pt>
                <c:pt idx="6247">
                  <c:v>13.112085790422622</c:v>
                </c:pt>
                <c:pt idx="6248">
                  <c:v>13.112085790422622</c:v>
                </c:pt>
                <c:pt idx="6249">
                  <c:v>13.112085790422622</c:v>
                </c:pt>
                <c:pt idx="6250">
                  <c:v>13.112085790422622</c:v>
                </c:pt>
                <c:pt idx="6251">
                  <c:v>13.112085790422622</c:v>
                </c:pt>
                <c:pt idx="6252">
                  <c:v>13.112085790422622</c:v>
                </c:pt>
                <c:pt idx="6253">
                  <c:v>13.112085790422622</c:v>
                </c:pt>
                <c:pt idx="6254">
                  <c:v>13.112085790422622</c:v>
                </c:pt>
                <c:pt idx="6255">
                  <c:v>13.112085790422622</c:v>
                </c:pt>
                <c:pt idx="6256">
                  <c:v>13.112085790422622</c:v>
                </c:pt>
                <c:pt idx="6257">
                  <c:v>13.116794156375683</c:v>
                </c:pt>
                <c:pt idx="6258">
                  <c:v>13.116794156375683</c:v>
                </c:pt>
                <c:pt idx="6259">
                  <c:v>13.116794156375683</c:v>
                </c:pt>
                <c:pt idx="6260">
                  <c:v>13.121645200084915</c:v>
                </c:pt>
                <c:pt idx="6261">
                  <c:v>13.121645200084915</c:v>
                </c:pt>
                <c:pt idx="6262">
                  <c:v>13.121645200084915</c:v>
                </c:pt>
                <c:pt idx="6263">
                  <c:v>13.121645200084915</c:v>
                </c:pt>
                <c:pt idx="6264">
                  <c:v>13.121645200084915</c:v>
                </c:pt>
                <c:pt idx="6265">
                  <c:v>13.116794156375683</c:v>
                </c:pt>
                <c:pt idx="6266">
                  <c:v>13.121645200084915</c:v>
                </c:pt>
                <c:pt idx="6267">
                  <c:v>13.121645200084915</c:v>
                </c:pt>
                <c:pt idx="6268">
                  <c:v>13.121645200084915</c:v>
                </c:pt>
                <c:pt idx="6269">
                  <c:v>13.121645200084915</c:v>
                </c:pt>
                <c:pt idx="6270">
                  <c:v>13.121645200084915</c:v>
                </c:pt>
                <c:pt idx="6271">
                  <c:v>13.121645200084915</c:v>
                </c:pt>
                <c:pt idx="6272">
                  <c:v>13.121645200084915</c:v>
                </c:pt>
                <c:pt idx="6273">
                  <c:v>13.126496243794021</c:v>
                </c:pt>
                <c:pt idx="6274">
                  <c:v>13.126496243794021</c:v>
                </c:pt>
                <c:pt idx="6275">
                  <c:v>13.126496243794021</c:v>
                </c:pt>
                <c:pt idx="6276">
                  <c:v>13.126496243794021</c:v>
                </c:pt>
                <c:pt idx="6277">
                  <c:v>13.126496243794021</c:v>
                </c:pt>
                <c:pt idx="6278">
                  <c:v>13.126496243794021</c:v>
                </c:pt>
                <c:pt idx="6279">
                  <c:v>13.126496243794021</c:v>
                </c:pt>
                <c:pt idx="6280">
                  <c:v>13.126496243794021</c:v>
                </c:pt>
                <c:pt idx="6281">
                  <c:v>13.126496243794021</c:v>
                </c:pt>
                <c:pt idx="6282">
                  <c:v>13.126496243794021</c:v>
                </c:pt>
                <c:pt idx="6283">
                  <c:v>13.126496243794021</c:v>
                </c:pt>
                <c:pt idx="6284">
                  <c:v>13.126496243794021</c:v>
                </c:pt>
                <c:pt idx="6285">
                  <c:v>13.126496243794021</c:v>
                </c:pt>
                <c:pt idx="6286">
                  <c:v>13.126496243794021</c:v>
                </c:pt>
                <c:pt idx="6287">
                  <c:v>13.126496243794021</c:v>
                </c:pt>
                <c:pt idx="6288">
                  <c:v>13.126496243794021</c:v>
                </c:pt>
                <c:pt idx="6289">
                  <c:v>13.126496243794021</c:v>
                </c:pt>
                <c:pt idx="6290">
                  <c:v>13.126496243794021</c:v>
                </c:pt>
                <c:pt idx="6291">
                  <c:v>13.126496243794021</c:v>
                </c:pt>
                <c:pt idx="6292">
                  <c:v>13.126496243794021</c:v>
                </c:pt>
                <c:pt idx="6293">
                  <c:v>13.126496243794021</c:v>
                </c:pt>
                <c:pt idx="6294">
                  <c:v>13.126496243794021</c:v>
                </c:pt>
                <c:pt idx="6295">
                  <c:v>13.126496243794021</c:v>
                </c:pt>
                <c:pt idx="6296">
                  <c:v>13.126496243794021</c:v>
                </c:pt>
                <c:pt idx="6297">
                  <c:v>13.126496243794021</c:v>
                </c:pt>
                <c:pt idx="6298">
                  <c:v>13.126496243794021</c:v>
                </c:pt>
                <c:pt idx="6299">
                  <c:v>13.126496243794021</c:v>
                </c:pt>
                <c:pt idx="6300">
                  <c:v>13.126496243794021</c:v>
                </c:pt>
                <c:pt idx="6301">
                  <c:v>13.126496243794021</c:v>
                </c:pt>
                <c:pt idx="6302">
                  <c:v>13.126496243794021</c:v>
                </c:pt>
                <c:pt idx="6303">
                  <c:v>13.126496243794021</c:v>
                </c:pt>
                <c:pt idx="6304">
                  <c:v>13.126496243794021</c:v>
                </c:pt>
                <c:pt idx="6305">
                  <c:v>13.126496243794021</c:v>
                </c:pt>
                <c:pt idx="6306">
                  <c:v>13.126496243794021</c:v>
                </c:pt>
                <c:pt idx="6307">
                  <c:v>13.126496243794021</c:v>
                </c:pt>
                <c:pt idx="6308">
                  <c:v>13.131204609747082</c:v>
                </c:pt>
                <c:pt idx="6309">
                  <c:v>13.131204609747082</c:v>
                </c:pt>
                <c:pt idx="6310">
                  <c:v>13.131204609747082</c:v>
                </c:pt>
                <c:pt idx="6311">
                  <c:v>13.131204609747082</c:v>
                </c:pt>
                <c:pt idx="6312">
                  <c:v>13.131204609747082</c:v>
                </c:pt>
                <c:pt idx="6313">
                  <c:v>13.131204609747082</c:v>
                </c:pt>
                <c:pt idx="6314">
                  <c:v>13.131204609747082</c:v>
                </c:pt>
                <c:pt idx="6315">
                  <c:v>13.136055653456312</c:v>
                </c:pt>
                <c:pt idx="6316">
                  <c:v>13.136055653456312</c:v>
                </c:pt>
                <c:pt idx="6317">
                  <c:v>13.136055653456312</c:v>
                </c:pt>
                <c:pt idx="6318">
                  <c:v>13.136055653456312</c:v>
                </c:pt>
                <c:pt idx="6319">
                  <c:v>13.136055653456312</c:v>
                </c:pt>
                <c:pt idx="6320">
                  <c:v>13.136055653456312</c:v>
                </c:pt>
                <c:pt idx="6321">
                  <c:v>13.136055653456312</c:v>
                </c:pt>
                <c:pt idx="6322">
                  <c:v>13.140906697165418</c:v>
                </c:pt>
                <c:pt idx="6323">
                  <c:v>13.140906697165418</c:v>
                </c:pt>
                <c:pt idx="6324">
                  <c:v>13.140906697165418</c:v>
                </c:pt>
                <c:pt idx="6325">
                  <c:v>13.140906697165418</c:v>
                </c:pt>
                <c:pt idx="6326">
                  <c:v>13.140906697165418</c:v>
                </c:pt>
                <c:pt idx="6327">
                  <c:v>13.145615063118479</c:v>
                </c:pt>
                <c:pt idx="6328">
                  <c:v>13.145615063118479</c:v>
                </c:pt>
                <c:pt idx="6329">
                  <c:v>13.145615063118479</c:v>
                </c:pt>
                <c:pt idx="6330">
                  <c:v>13.150466106827711</c:v>
                </c:pt>
                <c:pt idx="6331">
                  <c:v>13.150466106827711</c:v>
                </c:pt>
                <c:pt idx="6332">
                  <c:v>13.150466106827711</c:v>
                </c:pt>
                <c:pt idx="6333">
                  <c:v>13.150466106827711</c:v>
                </c:pt>
                <c:pt idx="6334">
                  <c:v>13.150466106827711</c:v>
                </c:pt>
                <c:pt idx="6335">
                  <c:v>13.150466106827711</c:v>
                </c:pt>
                <c:pt idx="6336">
                  <c:v>13.150466106827711</c:v>
                </c:pt>
                <c:pt idx="6337">
                  <c:v>13.150466106827711</c:v>
                </c:pt>
                <c:pt idx="6338">
                  <c:v>13.150466106827711</c:v>
                </c:pt>
                <c:pt idx="6339">
                  <c:v>13.150466106827711</c:v>
                </c:pt>
                <c:pt idx="6340">
                  <c:v>13.155317150536817</c:v>
                </c:pt>
                <c:pt idx="6341">
                  <c:v>13.155317150536817</c:v>
                </c:pt>
                <c:pt idx="6342">
                  <c:v>13.155317150536817</c:v>
                </c:pt>
                <c:pt idx="6343">
                  <c:v>13.155317150536817</c:v>
                </c:pt>
                <c:pt idx="6344">
                  <c:v>13.160025516489876</c:v>
                </c:pt>
                <c:pt idx="6345">
                  <c:v>13.160025516489876</c:v>
                </c:pt>
                <c:pt idx="6346">
                  <c:v>13.160025516489876</c:v>
                </c:pt>
                <c:pt idx="6347">
                  <c:v>13.160025516489876</c:v>
                </c:pt>
                <c:pt idx="6348">
                  <c:v>13.164876560199108</c:v>
                </c:pt>
                <c:pt idx="6349">
                  <c:v>13.164876560199108</c:v>
                </c:pt>
                <c:pt idx="6350">
                  <c:v>13.164876560199108</c:v>
                </c:pt>
                <c:pt idx="6351">
                  <c:v>13.164876560199108</c:v>
                </c:pt>
                <c:pt idx="6352">
                  <c:v>13.164876560199108</c:v>
                </c:pt>
                <c:pt idx="6353">
                  <c:v>13.164876560199108</c:v>
                </c:pt>
                <c:pt idx="6354">
                  <c:v>13.164876560199108</c:v>
                </c:pt>
                <c:pt idx="6355">
                  <c:v>13.164876560199108</c:v>
                </c:pt>
                <c:pt idx="6356">
                  <c:v>13.164876560199108</c:v>
                </c:pt>
                <c:pt idx="6357">
                  <c:v>13.164876560199108</c:v>
                </c:pt>
                <c:pt idx="6358">
                  <c:v>13.164876560199108</c:v>
                </c:pt>
                <c:pt idx="6359">
                  <c:v>13.164876560199108</c:v>
                </c:pt>
                <c:pt idx="6360">
                  <c:v>13.164876560199108</c:v>
                </c:pt>
                <c:pt idx="6361">
                  <c:v>13.164876560199108</c:v>
                </c:pt>
                <c:pt idx="6362">
                  <c:v>13.164876560199108</c:v>
                </c:pt>
                <c:pt idx="6363">
                  <c:v>13.164876560199108</c:v>
                </c:pt>
                <c:pt idx="6364">
                  <c:v>13.164876560199108</c:v>
                </c:pt>
                <c:pt idx="6365">
                  <c:v>13.164876560199108</c:v>
                </c:pt>
                <c:pt idx="6366">
                  <c:v>13.164876560199108</c:v>
                </c:pt>
                <c:pt idx="6367">
                  <c:v>13.16972760390834</c:v>
                </c:pt>
                <c:pt idx="6368">
                  <c:v>13.16972760390834</c:v>
                </c:pt>
                <c:pt idx="6369">
                  <c:v>13.16972760390834</c:v>
                </c:pt>
                <c:pt idx="6370">
                  <c:v>13.164876560199108</c:v>
                </c:pt>
                <c:pt idx="6371">
                  <c:v>13.16972760390834</c:v>
                </c:pt>
                <c:pt idx="6372">
                  <c:v>13.16972760390834</c:v>
                </c:pt>
                <c:pt idx="6373">
                  <c:v>13.164876560199108</c:v>
                </c:pt>
                <c:pt idx="6374">
                  <c:v>13.164876560199108</c:v>
                </c:pt>
                <c:pt idx="6375">
                  <c:v>13.164876560199108</c:v>
                </c:pt>
                <c:pt idx="6376">
                  <c:v>13.16972760390834</c:v>
                </c:pt>
                <c:pt idx="6377">
                  <c:v>13.16972760390834</c:v>
                </c:pt>
                <c:pt idx="6378">
                  <c:v>13.16972760390834</c:v>
                </c:pt>
                <c:pt idx="6379">
                  <c:v>13.16972760390834</c:v>
                </c:pt>
                <c:pt idx="6380">
                  <c:v>13.16972760390834</c:v>
                </c:pt>
                <c:pt idx="6381">
                  <c:v>13.16972760390834</c:v>
                </c:pt>
                <c:pt idx="6382">
                  <c:v>13.16972760390834</c:v>
                </c:pt>
                <c:pt idx="6383">
                  <c:v>13.16972760390834</c:v>
                </c:pt>
                <c:pt idx="6384">
                  <c:v>13.16972760390834</c:v>
                </c:pt>
                <c:pt idx="6385">
                  <c:v>13.16972760390834</c:v>
                </c:pt>
                <c:pt idx="6386">
                  <c:v>13.174435969861275</c:v>
                </c:pt>
                <c:pt idx="6387">
                  <c:v>13.174435969861275</c:v>
                </c:pt>
                <c:pt idx="6388">
                  <c:v>13.174435969861275</c:v>
                </c:pt>
                <c:pt idx="6389">
                  <c:v>13.179287013570507</c:v>
                </c:pt>
                <c:pt idx="6390">
                  <c:v>13.179287013570507</c:v>
                </c:pt>
                <c:pt idx="6391">
                  <c:v>13.179287013570507</c:v>
                </c:pt>
                <c:pt idx="6392">
                  <c:v>13.179287013570507</c:v>
                </c:pt>
                <c:pt idx="6393">
                  <c:v>13.174435969861275</c:v>
                </c:pt>
                <c:pt idx="6394">
                  <c:v>13.174435969861275</c:v>
                </c:pt>
                <c:pt idx="6395">
                  <c:v>13.174435969861275</c:v>
                </c:pt>
                <c:pt idx="6396">
                  <c:v>13.174435969861275</c:v>
                </c:pt>
                <c:pt idx="6397">
                  <c:v>13.174435969861275</c:v>
                </c:pt>
                <c:pt idx="6398">
                  <c:v>13.174435969861275</c:v>
                </c:pt>
                <c:pt idx="6399">
                  <c:v>13.174435969861275</c:v>
                </c:pt>
                <c:pt idx="6400">
                  <c:v>13.174435969861275</c:v>
                </c:pt>
                <c:pt idx="6401">
                  <c:v>13.179287013570507</c:v>
                </c:pt>
                <c:pt idx="6402">
                  <c:v>13.179287013570507</c:v>
                </c:pt>
                <c:pt idx="6403">
                  <c:v>13.179287013570507</c:v>
                </c:pt>
                <c:pt idx="6404">
                  <c:v>13.179287013570507</c:v>
                </c:pt>
                <c:pt idx="6405">
                  <c:v>13.179287013570507</c:v>
                </c:pt>
                <c:pt idx="6406">
                  <c:v>13.179287013570507</c:v>
                </c:pt>
                <c:pt idx="6407">
                  <c:v>13.179287013570507</c:v>
                </c:pt>
                <c:pt idx="6408">
                  <c:v>13.179287013570507</c:v>
                </c:pt>
                <c:pt idx="6409">
                  <c:v>13.179287013570507</c:v>
                </c:pt>
                <c:pt idx="6410">
                  <c:v>13.179287013570507</c:v>
                </c:pt>
                <c:pt idx="6411">
                  <c:v>13.179287013570507</c:v>
                </c:pt>
                <c:pt idx="6412">
                  <c:v>13.179287013570507</c:v>
                </c:pt>
                <c:pt idx="6413">
                  <c:v>13.174435969861275</c:v>
                </c:pt>
                <c:pt idx="6414">
                  <c:v>13.174435969861275</c:v>
                </c:pt>
                <c:pt idx="6415">
                  <c:v>13.179287013570507</c:v>
                </c:pt>
                <c:pt idx="6416">
                  <c:v>13.174435969861275</c:v>
                </c:pt>
                <c:pt idx="6417">
                  <c:v>13.174435969861275</c:v>
                </c:pt>
                <c:pt idx="6418">
                  <c:v>13.179287013570507</c:v>
                </c:pt>
                <c:pt idx="6419">
                  <c:v>13.179287013570507</c:v>
                </c:pt>
                <c:pt idx="6420">
                  <c:v>13.179287013570507</c:v>
                </c:pt>
                <c:pt idx="6421">
                  <c:v>13.179287013570507</c:v>
                </c:pt>
                <c:pt idx="6422">
                  <c:v>13.179287013570507</c:v>
                </c:pt>
                <c:pt idx="6423">
                  <c:v>13.179287013570507</c:v>
                </c:pt>
                <c:pt idx="6424">
                  <c:v>13.179287013570507</c:v>
                </c:pt>
                <c:pt idx="6425">
                  <c:v>13.179287013570507</c:v>
                </c:pt>
                <c:pt idx="6426">
                  <c:v>13.179287013570507</c:v>
                </c:pt>
                <c:pt idx="6427">
                  <c:v>13.179287013570507</c:v>
                </c:pt>
                <c:pt idx="6428">
                  <c:v>13.179287013570507</c:v>
                </c:pt>
                <c:pt idx="6429">
                  <c:v>13.179287013570507</c:v>
                </c:pt>
                <c:pt idx="6430">
                  <c:v>13.179287013570507</c:v>
                </c:pt>
                <c:pt idx="6431">
                  <c:v>13.179287013570507</c:v>
                </c:pt>
                <c:pt idx="6432">
                  <c:v>13.184138057279739</c:v>
                </c:pt>
                <c:pt idx="6433">
                  <c:v>13.184138057279739</c:v>
                </c:pt>
                <c:pt idx="6434">
                  <c:v>13.184138057279739</c:v>
                </c:pt>
                <c:pt idx="6435">
                  <c:v>13.184138057279739</c:v>
                </c:pt>
                <c:pt idx="6436">
                  <c:v>13.184138057279739</c:v>
                </c:pt>
                <c:pt idx="6437">
                  <c:v>13.184138057279739</c:v>
                </c:pt>
                <c:pt idx="6438">
                  <c:v>13.184138057279739</c:v>
                </c:pt>
                <c:pt idx="6439">
                  <c:v>13.179287013570507</c:v>
                </c:pt>
                <c:pt idx="6440">
                  <c:v>13.179287013570507</c:v>
                </c:pt>
                <c:pt idx="6441">
                  <c:v>13.179287013570507</c:v>
                </c:pt>
                <c:pt idx="6442">
                  <c:v>13.179287013570507</c:v>
                </c:pt>
                <c:pt idx="6443">
                  <c:v>13.179287013570507</c:v>
                </c:pt>
                <c:pt idx="6444">
                  <c:v>13.179287013570507</c:v>
                </c:pt>
                <c:pt idx="6445">
                  <c:v>13.179287013570507</c:v>
                </c:pt>
                <c:pt idx="6446">
                  <c:v>13.179287013570507</c:v>
                </c:pt>
                <c:pt idx="6447">
                  <c:v>13.179287013570507</c:v>
                </c:pt>
                <c:pt idx="6448">
                  <c:v>13.179287013570507</c:v>
                </c:pt>
                <c:pt idx="6449">
                  <c:v>13.179287013570507</c:v>
                </c:pt>
                <c:pt idx="6450">
                  <c:v>13.179287013570507</c:v>
                </c:pt>
                <c:pt idx="6451">
                  <c:v>13.179287013570507</c:v>
                </c:pt>
                <c:pt idx="6452">
                  <c:v>13.179287013570507</c:v>
                </c:pt>
                <c:pt idx="6453">
                  <c:v>13.184138057279739</c:v>
                </c:pt>
                <c:pt idx="6454">
                  <c:v>13.184138057279739</c:v>
                </c:pt>
                <c:pt idx="6455">
                  <c:v>13.184138057279739</c:v>
                </c:pt>
                <c:pt idx="6456">
                  <c:v>13.179287013570507</c:v>
                </c:pt>
                <c:pt idx="6457">
                  <c:v>13.179287013570507</c:v>
                </c:pt>
                <c:pt idx="6458">
                  <c:v>13.184138057279739</c:v>
                </c:pt>
                <c:pt idx="6459">
                  <c:v>13.184138057279739</c:v>
                </c:pt>
                <c:pt idx="6460">
                  <c:v>13.184138057279739</c:v>
                </c:pt>
                <c:pt idx="6461">
                  <c:v>13.184138057279739</c:v>
                </c:pt>
                <c:pt idx="6462">
                  <c:v>13.184138057279739</c:v>
                </c:pt>
                <c:pt idx="6463">
                  <c:v>13.188846423232672</c:v>
                </c:pt>
                <c:pt idx="6464">
                  <c:v>13.188846423232672</c:v>
                </c:pt>
                <c:pt idx="6465">
                  <c:v>13.188846423232672</c:v>
                </c:pt>
                <c:pt idx="6466">
                  <c:v>13.188846423232672</c:v>
                </c:pt>
                <c:pt idx="6467">
                  <c:v>13.193697466941904</c:v>
                </c:pt>
                <c:pt idx="6468">
                  <c:v>13.193697466941904</c:v>
                </c:pt>
                <c:pt idx="6469">
                  <c:v>13.193697466941904</c:v>
                </c:pt>
                <c:pt idx="6470">
                  <c:v>13.193697466941904</c:v>
                </c:pt>
                <c:pt idx="6471">
                  <c:v>13.193697466941904</c:v>
                </c:pt>
                <c:pt idx="6472">
                  <c:v>13.193697466941904</c:v>
                </c:pt>
                <c:pt idx="6473">
                  <c:v>13.193697466941904</c:v>
                </c:pt>
                <c:pt idx="6474">
                  <c:v>13.198548510651136</c:v>
                </c:pt>
                <c:pt idx="6475">
                  <c:v>13.198548510651136</c:v>
                </c:pt>
                <c:pt idx="6476">
                  <c:v>13.198548510651136</c:v>
                </c:pt>
                <c:pt idx="6477">
                  <c:v>13.198548510651136</c:v>
                </c:pt>
                <c:pt idx="6478">
                  <c:v>13.198548510651136</c:v>
                </c:pt>
                <c:pt idx="6479">
                  <c:v>13.198548510651136</c:v>
                </c:pt>
                <c:pt idx="6480">
                  <c:v>13.198548510651136</c:v>
                </c:pt>
                <c:pt idx="6481">
                  <c:v>13.198548510651136</c:v>
                </c:pt>
                <c:pt idx="6482">
                  <c:v>13.198548510651136</c:v>
                </c:pt>
                <c:pt idx="6483">
                  <c:v>13.198548510651136</c:v>
                </c:pt>
                <c:pt idx="6484">
                  <c:v>13.198548510651136</c:v>
                </c:pt>
                <c:pt idx="6485">
                  <c:v>13.198548510651136</c:v>
                </c:pt>
                <c:pt idx="6486">
                  <c:v>13.198548510651136</c:v>
                </c:pt>
                <c:pt idx="6487">
                  <c:v>13.198548510651136</c:v>
                </c:pt>
                <c:pt idx="6488">
                  <c:v>13.198548510651136</c:v>
                </c:pt>
                <c:pt idx="6489">
                  <c:v>13.198548510651136</c:v>
                </c:pt>
                <c:pt idx="6490">
                  <c:v>13.198548510651136</c:v>
                </c:pt>
                <c:pt idx="6491">
                  <c:v>13.198548510651136</c:v>
                </c:pt>
                <c:pt idx="6492">
                  <c:v>13.198548510651136</c:v>
                </c:pt>
                <c:pt idx="6493">
                  <c:v>13.198548510651136</c:v>
                </c:pt>
                <c:pt idx="6494">
                  <c:v>13.198548510651136</c:v>
                </c:pt>
                <c:pt idx="6495">
                  <c:v>13.198548510651136</c:v>
                </c:pt>
                <c:pt idx="6496">
                  <c:v>13.198548510651136</c:v>
                </c:pt>
                <c:pt idx="6497">
                  <c:v>13.203256876604197</c:v>
                </c:pt>
                <c:pt idx="6498">
                  <c:v>13.203256876604197</c:v>
                </c:pt>
                <c:pt idx="6499">
                  <c:v>13.203256876604197</c:v>
                </c:pt>
                <c:pt idx="6500">
                  <c:v>13.203256876604197</c:v>
                </c:pt>
                <c:pt idx="6501">
                  <c:v>13.203256876604197</c:v>
                </c:pt>
                <c:pt idx="6502">
                  <c:v>13.203256876604197</c:v>
                </c:pt>
                <c:pt idx="6503">
                  <c:v>13.203256876604197</c:v>
                </c:pt>
                <c:pt idx="6504">
                  <c:v>13.203256876604197</c:v>
                </c:pt>
                <c:pt idx="6505">
                  <c:v>13.203256876604197</c:v>
                </c:pt>
                <c:pt idx="6506">
                  <c:v>13.203256876604197</c:v>
                </c:pt>
                <c:pt idx="6507">
                  <c:v>13.203256876604197</c:v>
                </c:pt>
                <c:pt idx="6508">
                  <c:v>13.203256876604197</c:v>
                </c:pt>
                <c:pt idx="6509">
                  <c:v>13.203256876604197</c:v>
                </c:pt>
                <c:pt idx="6510">
                  <c:v>13.203256876604197</c:v>
                </c:pt>
                <c:pt idx="6511">
                  <c:v>13.203256876604197</c:v>
                </c:pt>
                <c:pt idx="6512">
                  <c:v>13.203256876604197</c:v>
                </c:pt>
                <c:pt idx="6513">
                  <c:v>13.208107920313303</c:v>
                </c:pt>
                <c:pt idx="6514">
                  <c:v>13.208107920313303</c:v>
                </c:pt>
                <c:pt idx="6515">
                  <c:v>13.208107920313303</c:v>
                </c:pt>
                <c:pt idx="6516">
                  <c:v>13.208107920313303</c:v>
                </c:pt>
                <c:pt idx="6517">
                  <c:v>13.208107920313303</c:v>
                </c:pt>
                <c:pt idx="6518">
                  <c:v>13.208107920313303</c:v>
                </c:pt>
                <c:pt idx="6519">
                  <c:v>13.212958964022533</c:v>
                </c:pt>
                <c:pt idx="6520">
                  <c:v>13.212958964022533</c:v>
                </c:pt>
                <c:pt idx="6521">
                  <c:v>13.212958964022533</c:v>
                </c:pt>
                <c:pt idx="6522">
                  <c:v>13.212958964022533</c:v>
                </c:pt>
                <c:pt idx="6523">
                  <c:v>13.212958964022533</c:v>
                </c:pt>
                <c:pt idx="6524">
                  <c:v>13.212958964022533</c:v>
                </c:pt>
                <c:pt idx="6525">
                  <c:v>13.212958964022533</c:v>
                </c:pt>
                <c:pt idx="6526">
                  <c:v>13.212958964022533</c:v>
                </c:pt>
                <c:pt idx="6527">
                  <c:v>13.212958964022533</c:v>
                </c:pt>
                <c:pt idx="6528">
                  <c:v>13.208107920313303</c:v>
                </c:pt>
                <c:pt idx="6529">
                  <c:v>13.208107920313303</c:v>
                </c:pt>
                <c:pt idx="6530">
                  <c:v>13.208107920313303</c:v>
                </c:pt>
                <c:pt idx="6531">
                  <c:v>13.208107920313303</c:v>
                </c:pt>
                <c:pt idx="6532">
                  <c:v>13.208107920313303</c:v>
                </c:pt>
                <c:pt idx="6533">
                  <c:v>13.208107920313303</c:v>
                </c:pt>
                <c:pt idx="6534">
                  <c:v>13.208107920313303</c:v>
                </c:pt>
                <c:pt idx="6535">
                  <c:v>13.212958964022533</c:v>
                </c:pt>
                <c:pt idx="6536">
                  <c:v>13.212958964022533</c:v>
                </c:pt>
                <c:pt idx="6537">
                  <c:v>13.208107920313303</c:v>
                </c:pt>
                <c:pt idx="6538">
                  <c:v>13.208107920313303</c:v>
                </c:pt>
                <c:pt idx="6539">
                  <c:v>13.208107920313303</c:v>
                </c:pt>
                <c:pt idx="6540">
                  <c:v>13.208107920313303</c:v>
                </c:pt>
                <c:pt idx="6541">
                  <c:v>13.208107920313303</c:v>
                </c:pt>
                <c:pt idx="6542">
                  <c:v>13.208107920313303</c:v>
                </c:pt>
                <c:pt idx="6543">
                  <c:v>13.208107920313303</c:v>
                </c:pt>
                <c:pt idx="6544">
                  <c:v>13.208107920313303</c:v>
                </c:pt>
                <c:pt idx="6545">
                  <c:v>13.208107920313303</c:v>
                </c:pt>
                <c:pt idx="6546">
                  <c:v>13.203256876604197</c:v>
                </c:pt>
                <c:pt idx="6547">
                  <c:v>13.203256876604197</c:v>
                </c:pt>
                <c:pt idx="6548">
                  <c:v>13.203256876604197</c:v>
                </c:pt>
                <c:pt idx="6549">
                  <c:v>13.203256876604197</c:v>
                </c:pt>
                <c:pt idx="6550">
                  <c:v>13.198548510651136</c:v>
                </c:pt>
                <c:pt idx="6551">
                  <c:v>13.198548510651136</c:v>
                </c:pt>
                <c:pt idx="6552">
                  <c:v>13.198548510651136</c:v>
                </c:pt>
                <c:pt idx="6553">
                  <c:v>13.198548510651136</c:v>
                </c:pt>
                <c:pt idx="6554">
                  <c:v>13.203256876604197</c:v>
                </c:pt>
                <c:pt idx="6555">
                  <c:v>13.203256876604197</c:v>
                </c:pt>
                <c:pt idx="6556">
                  <c:v>13.203256876604197</c:v>
                </c:pt>
                <c:pt idx="6557">
                  <c:v>13.203256876604197</c:v>
                </c:pt>
                <c:pt idx="6558">
                  <c:v>13.203256876604197</c:v>
                </c:pt>
                <c:pt idx="6559">
                  <c:v>13.203256876604197</c:v>
                </c:pt>
                <c:pt idx="6560">
                  <c:v>13.203256876604197</c:v>
                </c:pt>
                <c:pt idx="6561">
                  <c:v>13.203256876604197</c:v>
                </c:pt>
                <c:pt idx="6562">
                  <c:v>13.203256876604197</c:v>
                </c:pt>
                <c:pt idx="6563">
                  <c:v>13.203256876604197</c:v>
                </c:pt>
                <c:pt idx="6564">
                  <c:v>13.208107920313303</c:v>
                </c:pt>
                <c:pt idx="6565">
                  <c:v>13.208107920313303</c:v>
                </c:pt>
                <c:pt idx="6566">
                  <c:v>13.208107920313303</c:v>
                </c:pt>
                <c:pt idx="6567">
                  <c:v>13.208107920313303</c:v>
                </c:pt>
                <c:pt idx="6568">
                  <c:v>13.208107920313303</c:v>
                </c:pt>
                <c:pt idx="6569">
                  <c:v>13.212958964022533</c:v>
                </c:pt>
                <c:pt idx="6570">
                  <c:v>13.212958964022533</c:v>
                </c:pt>
                <c:pt idx="6571">
                  <c:v>13.212958964022533</c:v>
                </c:pt>
                <c:pt idx="6572">
                  <c:v>13.212958964022533</c:v>
                </c:pt>
                <c:pt idx="6573">
                  <c:v>13.212958964022533</c:v>
                </c:pt>
                <c:pt idx="6574">
                  <c:v>13.212958964022533</c:v>
                </c:pt>
                <c:pt idx="6575">
                  <c:v>13.217667329975594</c:v>
                </c:pt>
                <c:pt idx="6576">
                  <c:v>13.217667329975594</c:v>
                </c:pt>
                <c:pt idx="6577">
                  <c:v>13.217667329975594</c:v>
                </c:pt>
                <c:pt idx="6578">
                  <c:v>13.217667329975594</c:v>
                </c:pt>
                <c:pt idx="6579">
                  <c:v>13.217667329975594</c:v>
                </c:pt>
                <c:pt idx="6580">
                  <c:v>13.217667329975594</c:v>
                </c:pt>
                <c:pt idx="6581">
                  <c:v>13.217667329975594</c:v>
                </c:pt>
                <c:pt idx="6582">
                  <c:v>13.217667329975594</c:v>
                </c:pt>
                <c:pt idx="6583">
                  <c:v>13.217667329975594</c:v>
                </c:pt>
                <c:pt idx="6584">
                  <c:v>13.217667329975594</c:v>
                </c:pt>
                <c:pt idx="6585">
                  <c:v>13.217667329975594</c:v>
                </c:pt>
                <c:pt idx="6586">
                  <c:v>13.212958964022533</c:v>
                </c:pt>
                <c:pt idx="6587">
                  <c:v>13.212958964022533</c:v>
                </c:pt>
                <c:pt idx="6588">
                  <c:v>13.212958964022533</c:v>
                </c:pt>
                <c:pt idx="6589">
                  <c:v>13.212958964022533</c:v>
                </c:pt>
                <c:pt idx="6590">
                  <c:v>13.212958964022533</c:v>
                </c:pt>
                <c:pt idx="6591">
                  <c:v>13.212958964022533</c:v>
                </c:pt>
                <c:pt idx="6592">
                  <c:v>13.212958964022533</c:v>
                </c:pt>
                <c:pt idx="6593">
                  <c:v>13.212958964022533</c:v>
                </c:pt>
                <c:pt idx="6594">
                  <c:v>13.208107920313303</c:v>
                </c:pt>
                <c:pt idx="6595">
                  <c:v>13.208107920313303</c:v>
                </c:pt>
                <c:pt idx="6596">
                  <c:v>13.208107920313303</c:v>
                </c:pt>
                <c:pt idx="6597">
                  <c:v>13.208107920313303</c:v>
                </c:pt>
                <c:pt idx="6598">
                  <c:v>13.208107920313303</c:v>
                </c:pt>
                <c:pt idx="6599">
                  <c:v>13.208107920313303</c:v>
                </c:pt>
                <c:pt idx="6600">
                  <c:v>13.208107920313303</c:v>
                </c:pt>
                <c:pt idx="6601">
                  <c:v>13.208107920313303</c:v>
                </c:pt>
                <c:pt idx="6602">
                  <c:v>13.208107920313303</c:v>
                </c:pt>
                <c:pt idx="6603">
                  <c:v>13.208107920313303</c:v>
                </c:pt>
                <c:pt idx="6604">
                  <c:v>13.208107920313303</c:v>
                </c:pt>
                <c:pt idx="6605">
                  <c:v>13.208107920313303</c:v>
                </c:pt>
                <c:pt idx="6606">
                  <c:v>13.208107920313303</c:v>
                </c:pt>
                <c:pt idx="6607">
                  <c:v>13.208107920313303</c:v>
                </c:pt>
                <c:pt idx="6608">
                  <c:v>13.208107920313303</c:v>
                </c:pt>
                <c:pt idx="6609">
                  <c:v>13.208107920313303</c:v>
                </c:pt>
                <c:pt idx="6610">
                  <c:v>13.208107920313303</c:v>
                </c:pt>
                <c:pt idx="6611">
                  <c:v>13.208107920313303</c:v>
                </c:pt>
                <c:pt idx="6612">
                  <c:v>13.208107920313303</c:v>
                </c:pt>
                <c:pt idx="6613">
                  <c:v>13.208107920313303</c:v>
                </c:pt>
                <c:pt idx="6614">
                  <c:v>13.208107920313303</c:v>
                </c:pt>
                <c:pt idx="6615">
                  <c:v>13.208107920313303</c:v>
                </c:pt>
                <c:pt idx="6616">
                  <c:v>13.208107920313303</c:v>
                </c:pt>
                <c:pt idx="6617">
                  <c:v>13.208107920313303</c:v>
                </c:pt>
                <c:pt idx="6618">
                  <c:v>13.208107920313303</c:v>
                </c:pt>
                <c:pt idx="6619">
                  <c:v>13.208107920313303</c:v>
                </c:pt>
                <c:pt idx="6620">
                  <c:v>13.208107920313303</c:v>
                </c:pt>
                <c:pt idx="6621">
                  <c:v>13.208107920313303</c:v>
                </c:pt>
                <c:pt idx="6622">
                  <c:v>13.208107920313303</c:v>
                </c:pt>
                <c:pt idx="6623">
                  <c:v>13.208107920313303</c:v>
                </c:pt>
                <c:pt idx="6624">
                  <c:v>13.208107920313303</c:v>
                </c:pt>
                <c:pt idx="6625">
                  <c:v>13.208107920313303</c:v>
                </c:pt>
                <c:pt idx="6626">
                  <c:v>13.208107920313303</c:v>
                </c:pt>
                <c:pt idx="6627">
                  <c:v>13.208107920313303</c:v>
                </c:pt>
                <c:pt idx="6628">
                  <c:v>13.208107920313303</c:v>
                </c:pt>
                <c:pt idx="6629">
                  <c:v>13.208107920313303</c:v>
                </c:pt>
                <c:pt idx="6630">
                  <c:v>13.208107920313303</c:v>
                </c:pt>
                <c:pt idx="6631">
                  <c:v>13.208107920313303</c:v>
                </c:pt>
                <c:pt idx="6632">
                  <c:v>13.208107920313303</c:v>
                </c:pt>
                <c:pt idx="6633">
                  <c:v>13.208107920313303</c:v>
                </c:pt>
                <c:pt idx="6634">
                  <c:v>13.212958964022533</c:v>
                </c:pt>
                <c:pt idx="6635">
                  <c:v>13.212958964022533</c:v>
                </c:pt>
                <c:pt idx="6636">
                  <c:v>13.217667329975594</c:v>
                </c:pt>
                <c:pt idx="6637">
                  <c:v>13.217667329975594</c:v>
                </c:pt>
                <c:pt idx="6638">
                  <c:v>13.217667329975594</c:v>
                </c:pt>
                <c:pt idx="6639">
                  <c:v>13.217667329975594</c:v>
                </c:pt>
                <c:pt idx="6640">
                  <c:v>13.217667329975594</c:v>
                </c:pt>
                <c:pt idx="6641">
                  <c:v>13.217667329975594</c:v>
                </c:pt>
                <c:pt idx="6642">
                  <c:v>13.217667329975594</c:v>
                </c:pt>
                <c:pt idx="6643">
                  <c:v>13.217667329975594</c:v>
                </c:pt>
                <c:pt idx="6644">
                  <c:v>13.2225183736847</c:v>
                </c:pt>
                <c:pt idx="6645">
                  <c:v>13.217667329975594</c:v>
                </c:pt>
                <c:pt idx="6646">
                  <c:v>13.217667329975594</c:v>
                </c:pt>
                <c:pt idx="6647">
                  <c:v>13.217667329975594</c:v>
                </c:pt>
                <c:pt idx="6648">
                  <c:v>13.217667329975594</c:v>
                </c:pt>
                <c:pt idx="6649">
                  <c:v>13.217667329975594</c:v>
                </c:pt>
                <c:pt idx="6650">
                  <c:v>13.217667329975594</c:v>
                </c:pt>
                <c:pt idx="6651">
                  <c:v>13.2225183736847</c:v>
                </c:pt>
                <c:pt idx="6652">
                  <c:v>13.2225183736847</c:v>
                </c:pt>
                <c:pt idx="6653">
                  <c:v>13.2225183736847</c:v>
                </c:pt>
                <c:pt idx="6654">
                  <c:v>13.2225183736847</c:v>
                </c:pt>
                <c:pt idx="6655">
                  <c:v>13.2225183736847</c:v>
                </c:pt>
                <c:pt idx="6656">
                  <c:v>13.2225183736847</c:v>
                </c:pt>
                <c:pt idx="6657">
                  <c:v>13.2225183736847</c:v>
                </c:pt>
                <c:pt idx="6658">
                  <c:v>13.2225183736847</c:v>
                </c:pt>
                <c:pt idx="6659">
                  <c:v>13.2225183736847</c:v>
                </c:pt>
                <c:pt idx="6660">
                  <c:v>13.2225183736847</c:v>
                </c:pt>
                <c:pt idx="6661">
                  <c:v>13.2225183736847</c:v>
                </c:pt>
                <c:pt idx="6662">
                  <c:v>13.2225183736847</c:v>
                </c:pt>
                <c:pt idx="6663">
                  <c:v>13.2225183736847</c:v>
                </c:pt>
                <c:pt idx="6664">
                  <c:v>13.217667329975594</c:v>
                </c:pt>
                <c:pt idx="6665">
                  <c:v>13.217667329975594</c:v>
                </c:pt>
                <c:pt idx="6666">
                  <c:v>13.217667329975594</c:v>
                </c:pt>
                <c:pt idx="6667">
                  <c:v>13.217667329975594</c:v>
                </c:pt>
                <c:pt idx="6668">
                  <c:v>13.217667329975594</c:v>
                </c:pt>
                <c:pt idx="6669">
                  <c:v>13.217667329975594</c:v>
                </c:pt>
                <c:pt idx="6670">
                  <c:v>13.2225183736847</c:v>
                </c:pt>
                <c:pt idx="6671">
                  <c:v>13.2225183736847</c:v>
                </c:pt>
                <c:pt idx="6672">
                  <c:v>13.2225183736847</c:v>
                </c:pt>
                <c:pt idx="6673">
                  <c:v>13.2225183736847</c:v>
                </c:pt>
                <c:pt idx="6674">
                  <c:v>13.2225183736847</c:v>
                </c:pt>
                <c:pt idx="6675">
                  <c:v>13.2225183736847</c:v>
                </c:pt>
                <c:pt idx="6676">
                  <c:v>13.2225183736847</c:v>
                </c:pt>
                <c:pt idx="6677">
                  <c:v>13.2225183736847</c:v>
                </c:pt>
                <c:pt idx="6678">
                  <c:v>13.2225183736847</c:v>
                </c:pt>
                <c:pt idx="6679">
                  <c:v>13.227369417393932</c:v>
                </c:pt>
                <c:pt idx="6680">
                  <c:v>13.227369417393932</c:v>
                </c:pt>
                <c:pt idx="6681">
                  <c:v>13.227369417393932</c:v>
                </c:pt>
                <c:pt idx="6682">
                  <c:v>13.227369417393932</c:v>
                </c:pt>
                <c:pt idx="6683">
                  <c:v>13.227369417393932</c:v>
                </c:pt>
                <c:pt idx="6684">
                  <c:v>13.227369417393932</c:v>
                </c:pt>
                <c:pt idx="6685">
                  <c:v>13.227369417393932</c:v>
                </c:pt>
                <c:pt idx="6686">
                  <c:v>13.227369417393932</c:v>
                </c:pt>
                <c:pt idx="6687">
                  <c:v>13.227369417393932</c:v>
                </c:pt>
                <c:pt idx="6688">
                  <c:v>13.227369417393932</c:v>
                </c:pt>
                <c:pt idx="6689">
                  <c:v>13.227369417393932</c:v>
                </c:pt>
                <c:pt idx="6690">
                  <c:v>13.227369417393932</c:v>
                </c:pt>
                <c:pt idx="6691">
                  <c:v>13.227369417393932</c:v>
                </c:pt>
                <c:pt idx="6692">
                  <c:v>13.227369417393932</c:v>
                </c:pt>
                <c:pt idx="6693">
                  <c:v>13.227369417393932</c:v>
                </c:pt>
                <c:pt idx="6694">
                  <c:v>13.227369417393932</c:v>
                </c:pt>
                <c:pt idx="6695">
                  <c:v>13.227369417393932</c:v>
                </c:pt>
                <c:pt idx="6696">
                  <c:v>13.227369417393932</c:v>
                </c:pt>
                <c:pt idx="6697">
                  <c:v>13.227369417393932</c:v>
                </c:pt>
                <c:pt idx="6698">
                  <c:v>13.227369417393932</c:v>
                </c:pt>
                <c:pt idx="6699">
                  <c:v>13.227369417393932</c:v>
                </c:pt>
                <c:pt idx="6700">
                  <c:v>13.227369417393932</c:v>
                </c:pt>
                <c:pt idx="6701">
                  <c:v>13.227369417393932</c:v>
                </c:pt>
                <c:pt idx="6702">
                  <c:v>13.227369417393932</c:v>
                </c:pt>
                <c:pt idx="6703">
                  <c:v>13.227369417393932</c:v>
                </c:pt>
                <c:pt idx="6704">
                  <c:v>13.227369417393932</c:v>
                </c:pt>
                <c:pt idx="6705">
                  <c:v>13.227369417393932</c:v>
                </c:pt>
                <c:pt idx="6706">
                  <c:v>13.227369417393932</c:v>
                </c:pt>
                <c:pt idx="6707">
                  <c:v>13.227369417393932</c:v>
                </c:pt>
                <c:pt idx="6708">
                  <c:v>13.227369417393932</c:v>
                </c:pt>
                <c:pt idx="6709">
                  <c:v>13.227369417393932</c:v>
                </c:pt>
                <c:pt idx="6710">
                  <c:v>13.227369417393932</c:v>
                </c:pt>
                <c:pt idx="6711">
                  <c:v>13.227369417393932</c:v>
                </c:pt>
                <c:pt idx="6712">
                  <c:v>13.227369417393932</c:v>
                </c:pt>
                <c:pt idx="6713">
                  <c:v>13.227369417393932</c:v>
                </c:pt>
                <c:pt idx="6714">
                  <c:v>13.227369417393932</c:v>
                </c:pt>
                <c:pt idx="6715">
                  <c:v>13.227369417393932</c:v>
                </c:pt>
                <c:pt idx="6716">
                  <c:v>13.227369417393932</c:v>
                </c:pt>
                <c:pt idx="6717">
                  <c:v>13.227369417393932</c:v>
                </c:pt>
                <c:pt idx="6718">
                  <c:v>13.227369417393932</c:v>
                </c:pt>
                <c:pt idx="6719">
                  <c:v>13.227369417393932</c:v>
                </c:pt>
                <c:pt idx="6720">
                  <c:v>13.227369417393932</c:v>
                </c:pt>
                <c:pt idx="6721">
                  <c:v>13.227369417393932</c:v>
                </c:pt>
                <c:pt idx="6722">
                  <c:v>13.227369417393932</c:v>
                </c:pt>
                <c:pt idx="6723">
                  <c:v>13.227369417393932</c:v>
                </c:pt>
                <c:pt idx="6724">
                  <c:v>13.2225183736847</c:v>
                </c:pt>
                <c:pt idx="6725">
                  <c:v>13.2225183736847</c:v>
                </c:pt>
                <c:pt idx="6726">
                  <c:v>13.2225183736847</c:v>
                </c:pt>
                <c:pt idx="6727">
                  <c:v>13.227369417393932</c:v>
                </c:pt>
                <c:pt idx="6728">
                  <c:v>13.227369417393932</c:v>
                </c:pt>
                <c:pt idx="6729">
                  <c:v>13.227369417393932</c:v>
                </c:pt>
                <c:pt idx="6730">
                  <c:v>13.227369417393932</c:v>
                </c:pt>
                <c:pt idx="6731">
                  <c:v>13.227369417393932</c:v>
                </c:pt>
                <c:pt idx="6732">
                  <c:v>13.2225183736847</c:v>
                </c:pt>
                <c:pt idx="6733">
                  <c:v>13.2225183736847</c:v>
                </c:pt>
                <c:pt idx="6734">
                  <c:v>13.2225183736847</c:v>
                </c:pt>
                <c:pt idx="6735">
                  <c:v>13.2225183736847</c:v>
                </c:pt>
                <c:pt idx="6736">
                  <c:v>13.2225183736847</c:v>
                </c:pt>
                <c:pt idx="6737">
                  <c:v>13.2225183736847</c:v>
                </c:pt>
                <c:pt idx="6738">
                  <c:v>13.2225183736847</c:v>
                </c:pt>
                <c:pt idx="6739">
                  <c:v>13.2225183736847</c:v>
                </c:pt>
                <c:pt idx="6740">
                  <c:v>13.2225183736847</c:v>
                </c:pt>
                <c:pt idx="6741">
                  <c:v>13.2225183736847</c:v>
                </c:pt>
                <c:pt idx="6742">
                  <c:v>13.2225183736847</c:v>
                </c:pt>
                <c:pt idx="6743">
                  <c:v>13.227369417393932</c:v>
                </c:pt>
                <c:pt idx="6744">
                  <c:v>13.227369417393932</c:v>
                </c:pt>
                <c:pt idx="6745">
                  <c:v>13.227369417393932</c:v>
                </c:pt>
                <c:pt idx="6746">
                  <c:v>13.227369417393932</c:v>
                </c:pt>
                <c:pt idx="6747">
                  <c:v>13.227369417393932</c:v>
                </c:pt>
                <c:pt idx="6748">
                  <c:v>13.227369417393932</c:v>
                </c:pt>
                <c:pt idx="6749">
                  <c:v>13.227369417393932</c:v>
                </c:pt>
                <c:pt idx="6750">
                  <c:v>13.227369417393932</c:v>
                </c:pt>
                <c:pt idx="6751">
                  <c:v>13.227369417393932</c:v>
                </c:pt>
                <c:pt idx="6752">
                  <c:v>13.227369417393932</c:v>
                </c:pt>
                <c:pt idx="6753">
                  <c:v>13.2225183736847</c:v>
                </c:pt>
                <c:pt idx="6754">
                  <c:v>13.2225183736847</c:v>
                </c:pt>
                <c:pt idx="6755">
                  <c:v>13.2225183736847</c:v>
                </c:pt>
                <c:pt idx="6756">
                  <c:v>13.2225183736847</c:v>
                </c:pt>
                <c:pt idx="6757">
                  <c:v>13.2225183736847</c:v>
                </c:pt>
                <c:pt idx="6758">
                  <c:v>13.2225183736847</c:v>
                </c:pt>
                <c:pt idx="6759">
                  <c:v>13.2225183736847</c:v>
                </c:pt>
                <c:pt idx="6760">
                  <c:v>13.217667329975594</c:v>
                </c:pt>
                <c:pt idx="6761">
                  <c:v>13.217667329975594</c:v>
                </c:pt>
                <c:pt idx="6762">
                  <c:v>13.217667329975594</c:v>
                </c:pt>
                <c:pt idx="6763">
                  <c:v>13.2225183736847</c:v>
                </c:pt>
                <c:pt idx="6764">
                  <c:v>13.2225183736847</c:v>
                </c:pt>
                <c:pt idx="6765">
                  <c:v>13.2225183736847</c:v>
                </c:pt>
                <c:pt idx="6766">
                  <c:v>13.2225183736847</c:v>
                </c:pt>
                <c:pt idx="6767">
                  <c:v>13.2225183736847</c:v>
                </c:pt>
                <c:pt idx="6768">
                  <c:v>13.2225183736847</c:v>
                </c:pt>
                <c:pt idx="6769">
                  <c:v>13.2225183736847</c:v>
                </c:pt>
                <c:pt idx="6770">
                  <c:v>13.2225183736847</c:v>
                </c:pt>
                <c:pt idx="6771">
                  <c:v>13.2225183736847</c:v>
                </c:pt>
                <c:pt idx="6772">
                  <c:v>13.2225183736847</c:v>
                </c:pt>
                <c:pt idx="6773">
                  <c:v>13.2225183736847</c:v>
                </c:pt>
                <c:pt idx="6774">
                  <c:v>13.227369417393932</c:v>
                </c:pt>
                <c:pt idx="6775">
                  <c:v>13.227369417393932</c:v>
                </c:pt>
                <c:pt idx="6776">
                  <c:v>13.227369417393932</c:v>
                </c:pt>
                <c:pt idx="6777">
                  <c:v>13.227369417393932</c:v>
                </c:pt>
                <c:pt idx="6778">
                  <c:v>13.227369417393932</c:v>
                </c:pt>
                <c:pt idx="6779">
                  <c:v>13.227369417393932</c:v>
                </c:pt>
                <c:pt idx="6780">
                  <c:v>13.227369417393932</c:v>
                </c:pt>
                <c:pt idx="6781">
                  <c:v>13.232077783346993</c:v>
                </c:pt>
                <c:pt idx="6782">
                  <c:v>13.232077783346993</c:v>
                </c:pt>
                <c:pt idx="6783">
                  <c:v>13.236928827056097</c:v>
                </c:pt>
                <c:pt idx="6784">
                  <c:v>13.236928827056097</c:v>
                </c:pt>
                <c:pt idx="6785">
                  <c:v>13.236928827056097</c:v>
                </c:pt>
                <c:pt idx="6786">
                  <c:v>13.236928827056097</c:v>
                </c:pt>
                <c:pt idx="6787">
                  <c:v>13.236928827056097</c:v>
                </c:pt>
                <c:pt idx="6788">
                  <c:v>13.236928827056097</c:v>
                </c:pt>
                <c:pt idx="6789">
                  <c:v>13.236928827056097</c:v>
                </c:pt>
                <c:pt idx="6790">
                  <c:v>13.236928827056097</c:v>
                </c:pt>
                <c:pt idx="6791">
                  <c:v>13.236928827056097</c:v>
                </c:pt>
                <c:pt idx="6792">
                  <c:v>13.236928827056097</c:v>
                </c:pt>
                <c:pt idx="6793">
                  <c:v>13.236928827056097</c:v>
                </c:pt>
                <c:pt idx="6794">
                  <c:v>13.236928827056097</c:v>
                </c:pt>
                <c:pt idx="6795">
                  <c:v>13.232077783346993</c:v>
                </c:pt>
                <c:pt idx="6796">
                  <c:v>13.232077783346993</c:v>
                </c:pt>
                <c:pt idx="6797">
                  <c:v>13.232077783346993</c:v>
                </c:pt>
                <c:pt idx="6798">
                  <c:v>13.232077783346993</c:v>
                </c:pt>
                <c:pt idx="6799">
                  <c:v>13.232077783346993</c:v>
                </c:pt>
                <c:pt idx="6800">
                  <c:v>13.232077783346993</c:v>
                </c:pt>
                <c:pt idx="6801">
                  <c:v>13.232077783346993</c:v>
                </c:pt>
                <c:pt idx="6802">
                  <c:v>13.232077783346993</c:v>
                </c:pt>
                <c:pt idx="6803">
                  <c:v>13.232077783346993</c:v>
                </c:pt>
                <c:pt idx="6804">
                  <c:v>13.232077783346993</c:v>
                </c:pt>
                <c:pt idx="6805">
                  <c:v>13.232077783346993</c:v>
                </c:pt>
                <c:pt idx="6806">
                  <c:v>13.232077783346993</c:v>
                </c:pt>
                <c:pt idx="6807">
                  <c:v>13.232077783346993</c:v>
                </c:pt>
                <c:pt idx="6808">
                  <c:v>13.232077783346993</c:v>
                </c:pt>
                <c:pt idx="6809">
                  <c:v>13.236928827056097</c:v>
                </c:pt>
                <c:pt idx="6810">
                  <c:v>13.236928827056097</c:v>
                </c:pt>
                <c:pt idx="6811">
                  <c:v>13.236928827056097</c:v>
                </c:pt>
                <c:pt idx="6812">
                  <c:v>13.232077783346993</c:v>
                </c:pt>
                <c:pt idx="6813">
                  <c:v>13.232077783346993</c:v>
                </c:pt>
                <c:pt idx="6814">
                  <c:v>13.232077783346993</c:v>
                </c:pt>
                <c:pt idx="6815">
                  <c:v>13.232077783346993</c:v>
                </c:pt>
                <c:pt idx="6816">
                  <c:v>13.232077783346993</c:v>
                </c:pt>
                <c:pt idx="6817">
                  <c:v>13.232077783346993</c:v>
                </c:pt>
                <c:pt idx="6818">
                  <c:v>13.232077783346993</c:v>
                </c:pt>
                <c:pt idx="6819">
                  <c:v>13.232077783346993</c:v>
                </c:pt>
                <c:pt idx="6820">
                  <c:v>13.232077783346993</c:v>
                </c:pt>
                <c:pt idx="6821">
                  <c:v>13.236928827056097</c:v>
                </c:pt>
                <c:pt idx="6822">
                  <c:v>13.236928827056097</c:v>
                </c:pt>
                <c:pt idx="6823">
                  <c:v>13.236928827056097</c:v>
                </c:pt>
                <c:pt idx="6824">
                  <c:v>13.236928827056097</c:v>
                </c:pt>
                <c:pt idx="6825">
                  <c:v>13.236928827056097</c:v>
                </c:pt>
                <c:pt idx="6826">
                  <c:v>13.236928827056097</c:v>
                </c:pt>
                <c:pt idx="6827">
                  <c:v>13.236928827056097</c:v>
                </c:pt>
                <c:pt idx="6828">
                  <c:v>13.236928827056097</c:v>
                </c:pt>
                <c:pt idx="6829">
                  <c:v>13.236928827056097</c:v>
                </c:pt>
                <c:pt idx="6830">
                  <c:v>13.236928827056097</c:v>
                </c:pt>
                <c:pt idx="6831">
                  <c:v>13.236928827056097</c:v>
                </c:pt>
                <c:pt idx="6832">
                  <c:v>13.236928827056097</c:v>
                </c:pt>
                <c:pt idx="6833">
                  <c:v>13.232077783346993</c:v>
                </c:pt>
                <c:pt idx="6834">
                  <c:v>13.232077783346993</c:v>
                </c:pt>
                <c:pt idx="6835">
                  <c:v>13.232077783346993</c:v>
                </c:pt>
                <c:pt idx="6836">
                  <c:v>13.232077783346993</c:v>
                </c:pt>
                <c:pt idx="6837">
                  <c:v>13.232077783346993</c:v>
                </c:pt>
                <c:pt idx="6838">
                  <c:v>13.232077783346993</c:v>
                </c:pt>
                <c:pt idx="6839">
                  <c:v>13.232077783346993</c:v>
                </c:pt>
                <c:pt idx="6840">
                  <c:v>13.227369417393932</c:v>
                </c:pt>
                <c:pt idx="6841">
                  <c:v>13.227369417393932</c:v>
                </c:pt>
                <c:pt idx="6842">
                  <c:v>13.227369417393932</c:v>
                </c:pt>
                <c:pt idx="6843">
                  <c:v>13.227369417393932</c:v>
                </c:pt>
                <c:pt idx="6844">
                  <c:v>13.2225183736847</c:v>
                </c:pt>
                <c:pt idx="6845">
                  <c:v>13.2225183736847</c:v>
                </c:pt>
                <c:pt idx="6846">
                  <c:v>13.217667329975594</c:v>
                </c:pt>
                <c:pt idx="6847">
                  <c:v>13.217667329975594</c:v>
                </c:pt>
                <c:pt idx="6848">
                  <c:v>13.217667329975594</c:v>
                </c:pt>
                <c:pt idx="6849">
                  <c:v>13.217667329975594</c:v>
                </c:pt>
                <c:pt idx="6850">
                  <c:v>13.212958964022533</c:v>
                </c:pt>
                <c:pt idx="6851">
                  <c:v>13.212958964022533</c:v>
                </c:pt>
                <c:pt idx="6852">
                  <c:v>13.212958964022533</c:v>
                </c:pt>
                <c:pt idx="6853">
                  <c:v>13.212958964022533</c:v>
                </c:pt>
                <c:pt idx="6854">
                  <c:v>13.212958964022533</c:v>
                </c:pt>
                <c:pt idx="6855">
                  <c:v>13.212958964022533</c:v>
                </c:pt>
                <c:pt idx="6856">
                  <c:v>13.212958964022533</c:v>
                </c:pt>
                <c:pt idx="6857">
                  <c:v>13.212958964022533</c:v>
                </c:pt>
                <c:pt idx="6858">
                  <c:v>13.212958964022533</c:v>
                </c:pt>
                <c:pt idx="6859">
                  <c:v>13.212958964022533</c:v>
                </c:pt>
                <c:pt idx="6860">
                  <c:v>13.212958964022533</c:v>
                </c:pt>
                <c:pt idx="6861">
                  <c:v>13.212958964022533</c:v>
                </c:pt>
                <c:pt idx="6862">
                  <c:v>13.212958964022533</c:v>
                </c:pt>
                <c:pt idx="6863">
                  <c:v>13.212958964022533</c:v>
                </c:pt>
                <c:pt idx="6864">
                  <c:v>13.212958964022533</c:v>
                </c:pt>
                <c:pt idx="6865">
                  <c:v>13.212958964022533</c:v>
                </c:pt>
                <c:pt idx="6866">
                  <c:v>13.212958964022533</c:v>
                </c:pt>
                <c:pt idx="6867">
                  <c:v>13.212958964022533</c:v>
                </c:pt>
                <c:pt idx="6868">
                  <c:v>13.212958964022533</c:v>
                </c:pt>
                <c:pt idx="6869">
                  <c:v>13.212958964022533</c:v>
                </c:pt>
                <c:pt idx="6870">
                  <c:v>13.212958964022533</c:v>
                </c:pt>
                <c:pt idx="6871">
                  <c:v>13.212958964022533</c:v>
                </c:pt>
                <c:pt idx="6872">
                  <c:v>13.212958964022533</c:v>
                </c:pt>
                <c:pt idx="6873">
                  <c:v>13.212958964022533</c:v>
                </c:pt>
                <c:pt idx="6874">
                  <c:v>13.212958964022533</c:v>
                </c:pt>
                <c:pt idx="6875">
                  <c:v>13.212958964022533</c:v>
                </c:pt>
                <c:pt idx="6876">
                  <c:v>13.212958964022533</c:v>
                </c:pt>
                <c:pt idx="6877">
                  <c:v>13.212958964022533</c:v>
                </c:pt>
                <c:pt idx="6878">
                  <c:v>13.212958964022533</c:v>
                </c:pt>
                <c:pt idx="6879">
                  <c:v>13.212958964022533</c:v>
                </c:pt>
                <c:pt idx="6880">
                  <c:v>13.212958964022533</c:v>
                </c:pt>
                <c:pt idx="6881">
                  <c:v>13.212958964022533</c:v>
                </c:pt>
                <c:pt idx="6882">
                  <c:v>13.212958964022533</c:v>
                </c:pt>
                <c:pt idx="6883">
                  <c:v>13.212958964022533</c:v>
                </c:pt>
                <c:pt idx="6884">
                  <c:v>13.212958964022533</c:v>
                </c:pt>
                <c:pt idx="6885">
                  <c:v>13.212958964022533</c:v>
                </c:pt>
                <c:pt idx="6886">
                  <c:v>13.212958964022533</c:v>
                </c:pt>
                <c:pt idx="6887">
                  <c:v>13.212958964022533</c:v>
                </c:pt>
                <c:pt idx="6888">
                  <c:v>13.208107920313303</c:v>
                </c:pt>
                <c:pt idx="6889">
                  <c:v>13.208107920313303</c:v>
                </c:pt>
                <c:pt idx="6890">
                  <c:v>13.208107920313303</c:v>
                </c:pt>
                <c:pt idx="6891">
                  <c:v>13.208107920313303</c:v>
                </c:pt>
                <c:pt idx="6892">
                  <c:v>13.208107920313303</c:v>
                </c:pt>
                <c:pt idx="6893">
                  <c:v>13.208107920313303</c:v>
                </c:pt>
                <c:pt idx="6894">
                  <c:v>13.208107920313303</c:v>
                </c:pt>
                <c:pt idx="6895">
                  <c:v>13.208107920313303</c:v>
                </c:pt>
                <c:pt idx="6896">
                  <c:v>13.208107920313303</c:v>
                </c:pt>
                <c:pt idx="6897">
                  <c:v>13.208107920313303</c:v>
                </c:pt>
                <c:pt idx="6898">
                  <c:v>13.208107920313303</c:v>
                </c:pt>
                <c:pt idx="6899">
                  <c:v>13.208107920313303</c:v>
                </c:pt>
                <c:pt idx="6900">
                  <c:v>13.208107920313303</c:v>
                </c:pt>
                <c:pt idx="6901">
                  <c:v>13.208107920313303</c:v>
                </c:pt>
                <c:pt idx="6902">
                  <c:v>13.208107920313303</c:v>
                </c:pt>
                <c:pt idx="6903">
                  <c:v>13.203256876604197</c:v>
                </c:pt>
                <c:pt idx="6904">
                  <c:v>13.203256876604197</c:v>
                </c:pt>
                <c:pt idx="6905">
                  <c:v>13.203256876604197</c:v>
                </c:pt>
                <c:pt idx="6906">
                  <c:v>13.203256876604197</c:v>
                </c:pt>
                <c:pt idx="6907">
                  <c:v>13.203256876604197</c:v>
                </c:pt>
                <c:pt idx="6908">
                  <c:v>13.203256876604197</c:v>
                </c:pt>
                <c:pt idx="6909">
                  <c:v>13.198548510651136</c:v>
                </c:pt>
                <c:pt idx="6910">
                  <c:v>13.198548510651136</c:v>
                </c:pt>
                <c:pt idx="6911">
                  <c:v>13.198548510651136</c:v>
                </c:pt>
                <c:pt idx="6912">
                  <c:v>13.198548510651136</c:v>
                </c:pt>
                <c:pt idx="6913">
                  <c:v>13.198548510651136</c:v>
                </c:pt>
                <c:pt idx="6914">
                  <c:v>13.198548510651136</c:v>
                </c:pt>
                <c:pt idx="6915">
                  <c:v>13.198548510651136</c:v>
                </c:pt>
                <c:pt idx="6916">
                  <c:v>13.203256876604197</c:v>
                </c:pt>
                <c:pt idx="6917">
                  <c:v>13.203256876604197</c:v>
                </c:pt>
                <c:pt idx="6918">
                  <c:v>13.203256876604197</c:v>
                </c:pt>
                <c:pt idx="6919">
                  <c:v>13.203256876604197</c:v>
                </c:pt>
                <c:pt idx="6920">
                  <c:v>13.203256876604197</c:v>
                </c:pt>
                <c:pt idx="6921">
                  <c:v>13.203256876604197</c:v>
                </c:pt>
                <c:pt idx="6922">
                  <c:v>13.203256876604197</c:v>
                </c:pt>
                <c:pt idx="6923">
                  <c:v>13.208107920313303</c:v>
                </c:pt>
                <c:pt idx="6924">
                  <c:v>13.208107920313303</c:v>
                </c:pt>
                <c:pt idx="6925">
                  <c:v>13.208107920313303</c:v>
                </c:pt>
                <c:pt idx="6926">
                  <c:v>13.208107920313303</c:v>
                </c:pt>
                <c:pt idx="6927">
                  <c:v>13.208107920313303</c:v>
                </c:pt>
                <c:pt idx="6928">
                  <c:v>13.212958964022533</c:v>
                </c:pt>
                <c:pt idx="6929">
                  <c:v>13.212958964022533</c:v>
                </c:pt>
                <c:pt idx="6930">
                  <c:v>13.212958964022533</c:v>
                </c:pt>
                <c:pt idx="6931">
                  <c:v>13.212958964022533</c:v>
                </c:pt>
                <c:pt idx="6932">
                  <c:v>13.212958964022533</c:v>
                </c:pt>
                <c:pt idx="6933">
                  <c:v>13.212958964022533</c:v>
                </c:pt>
                <c:pt idx="6934">
                  <c:v>13.212958964022533</c:v>
                </c:pt>
                <c:pt idx="6935">
                  <c:v>13.212958964022533</c:v>
                </c:pt>
                <c:pt idx="6936">
                  <c:v>13.208107920313303</c:v>
                </c:pt>
                <c:pt idx="6937">
                  <c:v>13.208107920313303</c:v>
                </c:pt>
                <c:pt idx="6938">
                  <c:v>13.212958964022533</c:v>
                </c:pt>
                <c:pt idx="6939">
                  <c:v>13.212958964022533</c:v>
                </c:pt>
                <c:pt idx="6940">
                  <c:v>13.212958964022533</c:v>
                </c:pt>
                <c:pt idx="6941">
                  <c:v>13.212958964022533</c:v>
                </c:pt>
                <c:pt idx="6942">
                  <c:v>13.212958964022533</c:v>
                </c:pt>
                <c:pt idx="6943">
                  <c:v>13.212958964022533</c:v>
                </c:pt>
                <c:pt idx="6944">
                  <c:v>13.212958964022533</c:v>
                </c:pt>
                <c:pt idx="6945">
                  <c:v>13.212958964022533</c:v>
                </c:pt>
                <c:pt idx="6946">
                  <c:v>13.212958964022533</c:v>
                </c:pt>
                <c:pt idx="6947">
                  <c:v>13.212958964022533</c:v>
                </c:pt>
                <c:pt idx="6948">
                  <c:v>13.208107920313303</c:v>
                </c:pt>
                <c:pt idx="6949">
                  <c:v>13.208107920313303</c:v>
                </c:pt>
                <c:pt idx="6950">
                  <c:v>13.208107920313303</c:v>
                </c:pt>
                <c:pt idx="6951">
                  <c:v>13.208107920313303</c:v>
                </c:pt>
                <c:pt idx="6952">
                  <c:v>13.208107920313303</c:v>
                </c:pt>
                <c:pt idx="6953">
                  <c:v>13.208107920313303</c:v>
                </c:pt>
                <c:pt idx="6954">
                  <c:v>13.208107920313303</c:v>
                </c:pt>
                <c:pt idx="6955">
                  <c:v>13.208107920313303</c:v>
                </c:pt>
                <c:pt idx="6956">
                  <c:v>13.208107920313303</c:v>
                </c:pt>
                <c:pt idx="6957">
                  <c:v>13.208107920313303</c:v>
                </c:pt>
                <c:pt idx="6958">
                  <c:v>13.208107920313303</c:v>
                </c:pt>
                <c:pt idx="6959">
                  <c:v>13.208107920313303</c:v>
                </c:pt>
                <c:pt idx="6960">
                  <c:v>13.208107920313303</c:v>
                </c:pt>
                <c:pt idx="6961">
                  <c:v>13.208107920313303</c:v>
                </c:pt>
                <c:pt idx="6962">
                  <c:v>13.208107920313303</c:v>
                </c:pt>
                <c:pt idx="6963">
                  <c:v>13.208107920313303</c:v>
                </c:pt>
                <c:pt idx="6964">
                  <c:v>13.212958964022533</c:v>
                </c:pt>
                <c:pt idx="6965">
                  <c:v>13.208107920313303</c:v>
                </c:pt>
                <c:pt idx="6966">
                  <c:v>13.208107920313303</c:v>
                </c:pt>
                <c:pt idx="6967">
                  <c:v>13.208107920313303</c:v>
                </c:pt>
                <c:pt idx="6968">
                  <c:v>13.208107920313303</c:v>
                </c:pt>
                <c:pt idx="6969">
                  <c:v>13.208107920313303</c:v>
                </c:pt>
                <c:pt idx="6970">
                  <c:v>13.208107920313303</c:v>
                </c:pt>
                <c:pt idx="6971">
                  <c:v>13.208107920313303</c:v>
                </c:pt>
                <c:pt idx="6972">
                  <c:v>13.208107920313303</c:v>
                </c:pt>
                <c:pt idx="6973">
                  <c:v>13.208107920313303</c:v>
                </c:pt>
                <c:pt idx="6974">
                  <c:v>13.203256876604197</c:v>
                </c:pt>
                <c:pt idx="6975">
                  <c:v>13.203256876604197</c:v>
                </c:pt>
                <c:pt idx="6976">
                  <c:v>13.203256876604197</c:v>
                </c:pt>
                <c:pt idx="6977">
                  <c:v>13.203256876604197</c:v>
                </c:pt>
                <c:pt idx="6978">
                  <c:v>13.203256876604197</c:v>
                </c:pt>
                <c:pt idx="6979">
                  <c:v>13.198548510651136</c:v>
                </c:pt>
                <c:pt idx="6980">
                  <c:v>13.198548510651136</c:v>
                </c:pt>
                <c:pt idx="6981">
                  <c:v>13.198548510651136</c:v>
                </c:pt>
                <c:pt idx="6982">
                  <c:v>13.198548510651136</c:v>
                </c:pt>
                <c:pt idx="6983">
                  <c:v>13.198548510651136</c:v>
                </c:pt>
                <c:pt idx="6984">
                  <c:v>13.198548510651136</c:v>
                </c:pt>
                <c:pt idx="6985">
                  <c:v>13.193697466941904</c:v>
                </c:pt>
                <c:pt idx="6986">
                  <c:v>13.193697466941904</c:v>
                </c:pt>
                <c:pt idx="6987">
                  <c:v>13.193697466941904</c:v>
                </c:pt>
                <c:pt idx="6988">
                  <c:v>13.193697466941904</c:v>
                </c:pt>
                <c:pt idx="6989">
                  <c:v>13.193697466941904</c:v>
                </c:pt>
                <c:pt idx="6990">
                  <c:v>13.193697466941904</c:v>
                </c:pt>
                <c:pt idx="6991">
                  <c:v>13.193697466941904</c:v>
                </c:pt>
                <c:pt idx="6992">
                  <c:v>13.193697466941904</c:v>
                </c:pt>
                <c:pt idx="6993">
                  <c:v>13.188846423232672</c:v>
                </c:pt>
                <c:pt idx="6994">
                  <c:v>13.188846423232672</c:v>
                </c:pt>
                <c:pt idx="6995">
                  <c:v>13.188846423232672</c:v>
                </c:pt>
                <c:pt idx="6996">
                  <c:v>13.188846423232672</c:v>
                </c:pt>
                <c:pt idx="6997">
                  <c:v>13.188846423232672</c:v>
                </c:pt>
                <c:pt idx="6998">
                  <c:v>13.193697466941904</c:v>
                </c:pt>
                <c:pt idx="6999">
                  <c:v>13.193697466941904</c:v>
                </c:pt>
                <c:pt idx="7000">
                  <c:v>13.193697466941904</c:v>
                </c:pt>
                <c:pt idx="7001">
                  <c:v>13.193697466941904</c:v>
                </c:pt>
                <c:pt idx="7002">
                  <c:v>13.193697466941904</c:v>
                </c:pt>
                <c:pt idx="7003">
                  <c:v>13.198548510651136</c:v>
                </c:pt>
                <c:pt idx="7004">
                  <c:v>13.193697466941904</c:v>
                </c:pt>
                <c:pt idx="7005">
                  <c:v>13.193697466941904</c:v>
                </c:pt>
                <c:pt idx="7006">
                  <c:v>13.193697466941904</c:v>
                </c:pt>
                <c:pt idx="7007">
                  <c:v>13.198548510651136</c:v>
                </c:pt>
                <c:pt idx="7008">
                  <c:v>13.198548510651136</c:v>
                </c:pt>
                <c:pt idx="7009">
                  <c:v>13.198548510651136</c:v>
                </c:pt>
                <c:pt idx="7010">
                  <c:v>13.193697466941904</c:v>
                </c:pt>
                <c:pt idx="7011">
                  <c:v>13.193697466941904</c:v>
                </c:pt>
                <c:pt idx="7012">
                  <c:v>13.193697466941904</c:v>
                </c:pt>
                <c:pt idx="7013">
                  <c:v>13.193697466941904</c:v>
                </c:pt>
                <c:pt idx="7014">
                  <c:v>13.193697466941904</c:v>
                </c:pt>
                <c:pt idx="7015">
                  <c:v>13.193697466941904</c:v>
                </c:pt>
                <c:pt idx="7016">
                  <c:v>13.193697466941904</c:v>
                </c:pt>
                <c:pt idx="7017">
                  <c:v>13.193697466941904</c:v>
                </c:pt>
                <c:pt idx="7018">
                  <c:v>13.193697466941904</c:v>
                </c:pt>
                <c:pt idx="7019">
                  <c:v>13.193697466941904</c:v>
                </c:pt>
                <c:pt idx="7020">
                  <c:v>13.193697466941904</c:v>
                </c:pt>
                <c:pt idx="7021">
                  <c:v>13.193697466941904</c:v>
                </c:pt>
                <c:pt idx="7022">
                  <c:v>13.193697466941904</c:v>
                </c:pt>
                <c:pt idx="7023">
                  <c:v>13.193697466941904</c:v>
                </c:pt>
                <c:pt idx="7024">
                  <c:v>13.188846423232672</c:v>
                </c:pt>
                <c:pt idx="7025">
                  <c:v>13.193697466941904</c:v>
                </c:pt>
                <c:pt idx="7026">
                  <c:v>13.193697466941904</c:v>
                </c:pt>
                <c:pt idx="7027">
                  <c:v>13.188846423232672</c:v>
                </c:pt>
                <c:pt idx="7028">
                  <c:v>13.188846423232672</c:v>
                </c:pt>
                <c:pt idx="7029">
                  <c:v>13.188846423232672</c:v>
                </c:pt>
                <c:pt idx="7030">
                  <c:v>13.188846423232672</c:v>
                </c:pt>
                <c:pt idx="7031">
                  <c:v>13.188846423232672</c:v>
                </c:pt>
                <c:pt idx="7032">
                  <c:v>13.188846423232672</c:v>
                </c:pt>
                <c:pt idx="7033">
                  <c:v>13.188846423232672</c:v>
                </c:pt>
                <c:pt idx="7034">
                  <c:v>13.188846423232672</c:v>
                </c:pt>
                <c:pt idx="7035">
                  <c:v>13.193697466941904</c:v>
                </c:pt>
                <c:pt idx="7036">
                  <c:v>13.193697466941904</c:v>
                </c:pt>
                <c:pt idx="7037">
                  <c:v>13.193697466941904</c:v>
                </c:pt>
                <c:pt idx="7038">
                  <c:v>13.193697466941904</c:v>
                </c:pt>
                <c:pt idx="7039">
                  <c:v>13.193697466941904</c:v>
                </c:pt>
                <c:pt idx="7040">
                  <c:v>13.193697466941904</c:v>
                </c:pt>
                <c:pt idx="7041">
                  <c:v>13.193697466941904</c:v>
                </c:pt>
                <c:pt idx="7042">
                  <c:v>13.193697466941904</c:v>
                </c:pt>
                <c:pt idx="7043">
                  <c:v>13.193697466941904</c:v>
                </c:pt>
                <c:pt idx="7044">
                  <c:v>13.193697466941904</c:v>
                </c:pt>
                <c:pt idx="7045">
                  <c:v>13.193697466941904</c:v>
                </c:pt>
                <c:pt idx="7046">
                  <c:v>13.193697466941904</c:v>
                </c:pt>
                <c:pt idx="7047">
                  <c:v>13.193697466941904</c:v>
                </c:pt>
                <c:pt idx="7048">
                  <c:v>13.193697466941904</c:v>
                </c:pt>
                <c:pt idx="7049">
                  <c:v>13.193697466941904</c:v>
                </c:pt>
                <c:pt idx="7050">
                  <c:v>13.193697466941904</c:v>
                </c:pt>
                <c:pt idx="7051">
                  <c:v>13.193697466941904</c:v>
                </c:pt>
                <c:pt idx="7052">
                  <c:v>13.193697466941904</c:v>
                </c:pt>
                <c:pt idx="7053">
                  <c:v>13.193697466941904</c:v>
                </c:pt>
                <c:pt idx="7054">
                  <c:v>13.193697466941904</c:v>
                </c:pt>
                <c:pt idx="7055">
                  <c:v>13.193697466941904</c:v>
                </c:pt>
                <c:pt idx="7056">
                  <c:v>13.198548510651136</c:v>
                </c:pt>
                <c:pt idx="7057">
                  <c:v>13.198548510651136</c:v>
                </c:pt>
                <c:pt idx="7058">
                  <c:v>13.198548510651136</c:v>
                </c:pt>
                <c:pt idx="7059">
                  <c:v>13.198548510651136</c:v>
                </c:pt>
                <c:pt idx="7060">
                  <c:v>13.198548510651136</c:v>
                </c:pt>
                <c:pt idx="7061">
                  <c:v>13.198548510651136</c:v>
                </c:pt>
                <c:pt idx="7062">
                  <c:v>13.198548510651136</c:v>
                </c:pt>
                <c:pt idx="7063">
                  <c:v>13.198548510651136</c:v>
                </c:pt>
                <c:pt idx="7064">
                  <c:v>13.203256876604197</c:v>
                </c:pt>
                <c:pt idx="7065">
                  <c:v>13.203256876604197</c:v>
                </c:pt>
                <c:pt idx="7066">
                  <c:v>13.203256876604197</c:v>
                </c:pt>
                <c:pt idx="7067">
                  <c:v>13.203256876604197</c:v>
                </c:pt>
                <c:pt idx="7068">
                  <c:v>13.203256876604197</c:v>
                </c:pt>
                <c:pt idx="7069">
                  <c:v>13.203256876604197</c:v>
                </c:pt>
                <c:pt idx="7070">
                  <c:v>13.203256876604197</c:v>
                </c:pt>
                <c:pt idx="7071">
                  <c:v>13.208107920313303</c:v>
                </c:pt>
                <c:pt idx="7072">
                  <c:v>13.208107920313303</c:v>
                </c:pt>
                <c:pt idx="7073">
                  <c:v>13.208107920313303</c:v>
                </c:pt>
                <c:pt idx="7074">
                  <c:v>13.203256876604197</c:v>
                </c:pt>
                <c:pt idx="7075">
                  <c:v>13.203256876604197</c:v>
                </c:pt>
                <c:pt idx="7076">
                  <c:v>13.203256876604197</c:v>
                </c:pt>
                <c:pt idx="7077">
                  <c:v>13.208107920313303</c:v>
                </c:pt>
                <c:pt idx="7078">
                  <c:v>13.208107920313303</c:v>
                </c:pt>
                <c:pt idx="7079">
                  <c:v>13.208107920313303</c:v>
                </c:pt>
                <c:pt idx="7080">
                  <c:v>13.208107920313303</c:v>
                </c:pt>
                <c:pt idx="7081">
                  <c:v>13.208107920313303</c:v>
                </c:pt>
                <c:pt idx="7082">
                  <c:v>13.208107920313303</c:v>
                </c:pt>
                <c:pt idx="7083">
                  <c:v>13.208107920313303</c:v>
                </c:pt>
                <c:pt idx="7084">
                  <c:v>13.208107920313303</c:v>
                </c:pt>
                <c:pt idx="7085">
                  <c:v>13.208107920313303</c:v>
                </c:pt>
                <c:pt idx="7086">
                  <c:v>13.208107920313303</c:v>
                </c:pt>
                <c:pt idx="7087">
                  <c:v>13.208107920313303</c:v>
                </c:pt>
                <c:pt idx="7088">
                  <c:v>13.208107920313303</c:v>
                </c:pt>
                <c:pt idx="7089">
                  <c:v>13.203256876604197</c:v>
                </c:pt>
                <c:pt idx="7090">
                  <c:v>13.203256876604197</c:v>
                </c:pt>
                <c:pt idx="7091">
                  <c:v>13.203256876604197</c:v>
                </c:pt>
                <c:pt idx="7092">
                  <c:v>13.203256876604197</c:v>
                </c:pt>
                <c:pt idx="7093">
                  <c:v>13.203256876604197</c:v>
                </c:pt>
                <c:pt idx="7094">
                  <c:v>13.203256876604197</c:v>
                </c:pt>
                <c:pt idx="7095">
                  <c:v>13.203256876604197</c:v>
                </c:pt>
                <c:pt idx="7096">
                  <c:v>13.203256876604197</c:v>
                </c:pt>
                <c:pt idx="7097">
                  <c:v>13.203256876604197</c:v>
                </c:pt>
                <c:pt idx="7098">
                  <c:v>13.203256876604197</c:v>
                </c:pt>
                <c:pt idx="7099">
                  <c:v>13.203256876604197</c:v>
                </c:pt>
                <c:pt idx="7100">
                  <c:v>13.203256876604197</c:v>
                </c:pt>
                <c:pt idx="7101">
                  <c:v>13.208107920313303</c:v>
                </c:pt>
                <c:pt idx="7102">
                  <c:v>13.208107920313303</c:v>
                </c:pt>
                <c:pt idx="7103">
                  <c:v>13.208107920313303</c:v>
                </c:pt>
                <c:pt idx="7104">
                  <c:v>13.208107920313303</c:v>
                </c:pt>
                <c:pt idx="7105">
                  <c:v>13.208107920313303</c:v>
                </c:pt>
                <c:pt idx="7106">
                  <c:v>13.208107920313303</c:v>
                </c:pt>
                <c:pt idx="7107">
                  <c:v>13.208107920313303</c:v>
                </c:pt>
                <c:pt idx="7108">
                  <c:v>13.208107920313303</c:v>
                </c:pt>
                <c:pt idx="7109">
                  <c:v>13.208107920313303</c:v>
                </c:pt>
                <c:pt idx="7110">
                  <c:v>13.208107920313303</c:v>
                </c:pt>
                <c:pt idx="7111">
                  <c:v>13.203256876604197</c:v>
                </c:pt>
                <c:pt idx="7112">
                  <c:v>13.203256876604197</c:v>
                </c:pt>
                <c:pt idx="7113">
                  <c:v>13.203256876604197</c:v>
                </c:pt>
                <c:pt idx="7114">
                  <c:v>13.203256876604197</c:v>
                </c:pt>
                <c:pt idx="7115">
                  <c:v>13.203256876604197</c:v>
                </c:pt>
                <c:pt idx="7116">
                  <c:v>13.203256876604197</c:v>
                </c:pt>
                <c:pt idx="7117">
                  <c:v>13.203256876604197</c:v>
                </c:pt>
                <c:pt idx="7118">
                  <c:v>13.203256876604197</c:v>
                </c:pt>
                <c:pt idx="7119">
                  <c:v>13.203256876604197</c:v>
                </c:pt>
                <c:pt idx="7120">
                  <c:v>13.203256876604197</c:v>
                </c:pt>
                <c:pt idx="7121">
                  <c:v>13.203256876604197</c:v>
                </c:pt>
                <c:pt idx="7122">
                  <c:v>13.203256876604197</c:v>
                </c:pt>
                <c:pt idx="7123">
                  <c:v>13.203256876604197</c:v>
                </c:pt>
                <c:pt idx="7124">
                  <c:v>13.203256876604197</c:v>
                </c:pt>
                <c:pt idx="7125">
                  <c:v>13.203256876604197</c:v>
                </c:pt>
                <c:pt idx="7126">
                  <c:v>13.203256876604197</c:v>
                </c:pt>
                <c:pt idx="7127">
                  <c:v>13.203256876604197</c:v>
                </c:pt>
                <c:pt idx="7128">
                  <c:v>13.203256876604197</c:v>
                </c:pt>
                <c:pt idx="7129">
                  <c:v>13.203256876604197</c:v>
                </c:pt>
                <c:pt idx="7130">
                  <c:v>13.198548510651136</c:v>
                </c:pt>
                <c:pt idx="7131">
                  <c:v>13.198548510651136</c:v>
                </c:pt>
                <c:pt idx="7132">
                  <c:v>13.198548510651136</c:v>
                </c:pt>
                <c:pt idx="7133">
                  <c:v>13.198548510651136</c:v>
                </c:pt>
                <c:pt idx="7134">
                  <c:v>13.203256876604197</c:v>
                </c:pt>
                <c:pt idx="7135">
                  <c:v>13.203256876604197</c:v>
                </c:pt>
                <c:pt idx="7136">
                  <c:v>13.203256876604197</c:v>
                </c:pt>
                <c:pt idx="7137">
                  <c:v>13.203256876604197</c:v>
                </c:pt>
                <c:pt idx="7138">
                  <c:v>13.203256876604197</c:v>
                </c:pt>
                <c:pt idx="7139">
                  <c:v>13.203256876604197</c:v>
                </c:pt>
                <c:pt idx="7140">
                  <c:v>13.203256876604197</c:v>
                </c:pt>
                <c:pt idx="7141">
                  <c:v>13.203256876604197</c:v>
                </c:pt>
                <c:pt idx="7142">
                  <c:v>13.203256876604197</c:v>
                </c:pt>
                <c:pt idx="7143">
                  <c:v>13.203256876604197</c:v>
                </c:pt>
                <c:pt idx="7144">
                  <c:v>13.203256876604197</c:v>
                </c:pt>
                <c:pt idx="7145">
                  <c:v>13.203256876604197</c:v>
                </c:pt>
                <c:pt idx="7146">
                  <c:v>13.203256876604197</c:v>
                </c:pt>
                <c:pt idx="7147">
                  <c:v>13.203256876604197</c:v>
                </c:pt>
                <c:pt idx="7148">
                  <c:v>13.208107920313303</c:v>
                </c:pt>
                <c:pt idx="7149">
                  <c:v>13.208107920313303</c:v>
                </c:pt>
                <c:pt idx="7150">
                  <c:v>13.208107920313303</c:v>
                </c:pt>
                <c:pt idx="7151">
                  <c:v>13.208107920313303</c:v>
                </c:pt>
                <c:pt idx="7152">
                  <c:v>13.212958964022533</c:v>
                </c:pt>
                <c:pt idx="7153">
                  <c:v>13.212958964022533</c:v>
                </c:pt>
                <c:pt idx="7154">
                  <c:v>13.212958964022533</c:v>
                </c:pt>
                <c:pt idx="7155">
                  <c:v>13.212958964022533</c:v>
                </c:pt>
                <c:pt idx="7156">
                  <c:v>13.212958964022533</c:v>
                </c:pt>
                <c:pt idx="7157">
                  <c:v>13.212958964022533</c:v>
                </c:pt>
                <c:pt idx="7158">
                  <c:v>13.212958964022533</c:v>
                </c:pt>
                <c:pt idx="7159">
                  <c:v>13.208107920313303</c:v>
                </c:pt>
                <c:pt idx="7160">
                  <c:v>13.208107920313303</c:v>
                </c:pt>
                <c:pt idx="7161">
                  <c:v>13.208107920313303</c:v>
                </c:pt>
                <c:pt idx="7162">
                  <c:v>13.208107920313303</c:v>
                </c:pt>
                <c:pt idx="7163">
                  <c:v>13.208107920313303</c:v>
                </c:pt>
                <c:pt idx="7164">
                  <c:v>13.208107920313303</c:v>
                </c:pt>
                <c:pt idx="7165">
                  <c:v>13.208107920313303</c:v>
                </c:pt>
                <c:pt idx="7166">
                  <c:v>13.208107920313303</c:v>
                </c:pt>
                <c:pt idx="7167">
                  <c:v>13.208107920313303</c:v>
                </c:pt>
                <c:pt idx="7168">
                  <c:v>13.208107920313303</c:v>
                </c:pt>
                <c:pt idx="7169">
                  <c:v>13.208107920313303</c:v>
                </c:pt>
                <c:pt idx="7170">
                  <c:v>13.208107920313303</c:v>
                </c:pt>
                <c:pt idx="7171">
                  <c:v>13.212958964022533</c:v>
                </c:pt>
                <c:pt idx="7172">
                  <c:v>13.212958964022533</c:v>
                </c:pt>
                <c:pt idx="7173">
                  <c:v>13.208107920313303</c:v>
                </c:pt>
                <c:pt idx="7174">
                  <c:v>13.208107920313303</c:v>
                </c:pt>
                <c:pt idx="7175">
                  <c:v>13.208107920313303</c:v>
                </c:pt>
                <c:pt idx="7176">
                  <c:v>13.208107920313303</c:v>
                </c:pt>
                <c:pt idx="7177">
                  <c:v>13.208107920313303</c:v>
                </c:pt>
                <c:pt idx="7178">
                  <c:v>13.203256876604197</c:v>
                </c:pt>
                <c:pt idx="7179">
                  <c:v>13.203256876604197</c:v>
                </c:pt>
                <c:pt idx="7180">
                  <c:v>13.203256876604197</c:v>
                </c:pt>
                <c:pt idx="7181">
                  <c:v>13.203256876604197</c:v>
                </c:pt>
                <c:pt idx="7182">
                  <c:v>13.203256876604197</c:v>
                </c:pt>
                <c:pt idx="7183">
                  <c:v>13.203256876604197</c:v>
                </c:pt>
                <c:pt idx="7184">
                  <c:v>13.203256876604197</c:v>
                </c:pt>
                <c:pt idx="7185">
                  <c:v>13.203256876604197</c:v>
                </c:pt>
                <c:pt idx="7186">
                  <c:v>13.203256876604197</c:v>
                </c:pt>
                <c:pt idx="7187">
                  <c:v>13.208107920313303</c:v>
                </c:pt>
                <c:pt idx="7188">
                  <c:v>13.208107920313303</c:v>
                </c:pt>
                <c:pt idx="7189">
                  <c:v>13.208107920313303</c:v>
                </c:pt>
                <c:pt idx="7190">
                  <c:v>13.208107920313303</c:v>
                </c:pt>
                <c:pt idx="7191">
                  <c:v>13.203256876604197</c:v>
                </c:pt>
                <c:pt idx="7192">
                  <c:v>13.203256876604197</c:v>
                </c:pt>
                <c:pt idx="7193">
                  <c:v>13.203256876604197</c:v>
                </c:pt>
                <c:pt idx="7194">
                  <c:v>13.203256876604197</c:v>
                </c:pt>
                <c:pt idx="7195">
                  <c:v>13.203256876604197</c:v>
                </c:pt>
                <c:pt idx="7196">
                  <c:v>13.203256876604197</c:v>
                </c:pt>
                <c:pt idx="7197">
                  <c:v>13.203256876604197</c:v>
                </c:pt>
                <c:pt idx="7198">
                  <c:v>13.203256876604197</c:v>
                </c:pt>
                <c:pt idx="7199">
                  <c:v>13.203256876604197</c:v>
                </c:pt>
                <c:pt idx="7200">
                  <c:v>13.203256876604197</c:v>
                </c:pt>
                <c:pt idx="7201">
                  <c:v>13.203256876604197</c:v>
                </c:pt>
                <c:pt idx="7202">
                  <c:v>13.208107920313303</c:v>
                </c:pt>
                <c:pt idx="7203">
                  <c:v>13.208107920313303</c:v>
                </c:pt>
                <c:pt idx="7204">
                  <c:v>13.208107920313303</c:v>
                </c:pt>
                <c:pt idx="7205">
                  <c:v>13.208107920313303</c:v>
                </c:pt>
                <c:pt idx="7206">
                  <c:v>13.212958964022533</c:v>
                </c:pt>
                <c:pt idx="7207">
                  <c:v>13.212958964022533</c:v>
                </c:pt>
                <c:pt idx="7208">
                  <c:v>13.212958964022533</c:v>
                </c:pt>
                <c:pt idx="7209">
                  <c:v>13.217667329975594</c:v>
                </c:pt>
                <c:pt idx="7210">
                  <c:v>13.2225183736847</c:v>
                </c:pt>
                <c:pt idx="7211">
                  <c:v>13.2225183736847</c:v>
                </c:pt>
                <c:pt idx="7212">
                  <c:v>13.2225183736847</c:v>
                </c:pt>
                <c:pt idx="7213">
                  <c:v>13.227369417393932</c:v>
                </c:pt>
                <c:pt idx="7214">
                  <c:v>13.227369417393932</c:v>
                </c:pt>
                <c:pt idx="7215">
                  <c:v>13.227369417393932</c:v>
                </c:pt>
                <c:pt idx="7216">
                  <c:v>13.227369417393932</c:v>
                </c:pt>
                <c:pt idx="7217">
                  <c:v>13.227369417393932</c:v>
                </c:pt>
                <c:pt idx="7218">
                  <c:v>13.232077783346993</c:v>
                </c:pt>
                <c:pt idx="7219">
                  <c:v>13.232077783346993</c:v>
                </c:pt>
                <c:pt idx="7220">
                  <c:v>13.232077783346993</c:v>
                </c:pt>
                <c:pt idx="7221">
                  <c:v>13.232077783346993</c:v>
                </c:pt>
                <c:pt idx="7222">
                  <c:v>13.232077783346993</c:v>
                </c:pt>
                <c:pt idx="7223">
                  <c:v>13.227369417393932</c:v>
                </c:pt>
                <c:pt idx="7224">
                  <c:v>13.227369417393932</c:v>
                </c:pt>
                <c:pt idx="7225">
                  <c:v>13.232077783346993</c:v>
                </c:pt>
                <c:pt idx="7226">
                  <c:v>13.236928827056097</c:v>
                </c:pt>
                <c:pt idx="7227">
                  <c:v>13.241779870765329</c:v>
                </c:pt>
                <c:pt idx="7228">
                  <c:v>13.236928827056097</c:v>
                </c:pt>
                <c:pt idx="7229">
                  <c:v>13.232077783346993</c:v>
                </c:pt>
                <c:pt idx="7230">
                  <c:v>13.227369417393932</c:v>
                </c:pt>
                <c:pt idx="7231">
                  <c:v>13.2225183736847</c:v>
                </c:pt>
                <c:pt idx="7232">
                  <c:v>13.2225183736847</c:v>
                </c:pt>
                <c:pt idx="7233">
                  <c:v>13.217667329975594</c:v>
                </c:pt>
                <c:pt idx="7234">
                  <c:v>13.217667329975594</c:v>
                </c:pt>
                <c:pt idx="7235">
                  <c:v>13.217667329975594</c:v>
                </c:pt>
                <c:pt idx="7236">
                  <c:v>13.217667329975594</c:v>
                </c:pt>
                <c:pt idx="7237">
                  <c:v>13.217667329975594</c:v>
                </c:pt>
                <c:pt idx="7238">
                  <c:v>13.217667329975594</c:v>
                </c:pt>
                <c:pt idx="7239">
                  <c:v>13.217667329975594</c:v>
                </c:pt>
                <c:pt idx="7240">
                  <c:v>13.217667329975594</c:v>
                </c:pt>
                <c:pt idx="7241">
                  <c:v>13.217667329975594</c:v>
                </c:pt>
                <c:pt idx="7242">
                  <c:v>13.217667329975594</c:v>
                </c:pt>
                <c:pt idx="7243">
                  <c:v>13.217667329975594</c:v>
                </c:pt>
                <c:pt idx="7244">
                  <c:v>13.2225183736847</c:v>
                </c:pt>
                <c:pt idx="7245">
                  <c:v>13.2225183736847</c:v>
                </c:pt>
                <c:pt idx="7246">
                  <c:v>13.2225183736847</c:v>
                </c:pt>
                <c:pt idx="7247">
                  <c:v>13.227369417393932</c:v>
                </c:pt>
                <c:pt idx="7248">
                  <c:v>13.232077783346993</c:v>
                </c:pt>
                <c:pt idx="7249">
                  <c:v>13.232077783346993</c:v>
                </c:pt>
                <c:pt idx="7250">
                  <c:v>13.232077783346993</c:v>
                </c:pt>
                <c:pt idx="7251">
                  <c:v>13.227369417393932</c:v>
                </c:pt>
                <c:pt idx="7252">
                  <c:v>13.2225183736847</c:v>
                </c:pt>
                <c:pt idx="7253">
                  <c:v>13.227369417393932</c:v>
                </c:pt>
                <c:pt idx="7254">
                  <c:v>13.232077783346993</c:v>
                </c:pt>
                <c:pt idx="7255">
                  <c:v>13.236928827056097</c:v>
                </c:pt>
                <c:pt idx="7256">
                  <c:v>13.241779870765329</c:v>
                </c:pt>
                <c:pt idx="7257">
                  <c:v>13.24648823671839</c:v>
                </c:pt>
                <c:pt idx="7258">
                  <c:v>13.24648823671839</c:v>
                </c:pt>
                <c:pt idx="7259">
                  <c:v>13.24648823671839</c:v>
                </c:pt>
                <c:pt idx="7260">
                  <c:v>13.24648823671839</c:v>
                </c:pt>
                <c:pt idx="7261">
                  <c:v>13.24648823671839</c:v>
                </c:pt>
                <c:pt idx="7262">
                  <c:v>13.24648823671839</c:v>
                </c:pt>
                <c:pt idx="7263">
                  <c:v>13.24648823671839</c:v>
                </c:pt>
                <c:pt idx="7264">
                  <c:v>13.24648823671839</c:v>
                </c:pt>
                <c:pt idx="7265">
                  <c:v>13.24648823671839</c:v>
                </c:pt>
                <c:pt idx="7266">
                  <c:v>13.24648823671839</c:v>
                </c:pt>
                <c:pt idx="7267">
                  <c:v>13.24648823671839</c:v>
                </c:pt>
                <c:pt idx="7268">
                  <c:v>13.24648823671839</c:v>
                </c:pt>
                <c:pt idx="7269">
                  <c:v>13.241779870765329</c:v>
                </c:pt>
                <c:pt idx="7270">
                  <c:v>13.241779870765329</c:v>
                </c:pt>
                <c:pt idx="7271">
                  <c:v>13.241779870765329</c:v>
                </c:pt>
                <c:pt idx="7272">
                  <c:v>13.241779870765329</c:v>
                </c:pt>
                <c:pt idx="7273">
                  <c:v>13.241779870765329</c:v>
                </c:pt>
                <c:pt idx="7274">
                  <c:v>13.241779870765329</c:v>
                </c:pt>
                <c:pt idx="7275">
                  <c:v>13.241779870765329</c:v>
                </c:pt>
                <c:pt idx="7276">
                  <c:v>13.241779870765329</c:v>
                </c:pt>
                <c:pt idx="7277">
                  <c:v>13.236928827056097</c:v>
                </c:pt>
                <c:pt idx="7278">
                  <c:v>13.236928827056097</c:v>
                </c:pt>
                <c:pt idx="7279">
                  <c:v>13.236928827056097</c:v>
                </c:pt>
                <c:pt idx="7280">
                  <c:v>13.232077783346993</c:v>
                </c:pt>
                <c:pt idx="7281">
                  <c:v>13.232077783346993</c:v>
                </c:pt>
                <c:pt idx="7282">
                  <c:v>13.232077783346993</c:v>
                </c:pt>
                <c:pt idx="7283">
                  <c:v>13.232077783346993</c:v>
                </c:pt>
                <c:pt idx="7284">
                  <c:v>13.232077783346993</c:v>
                </c:pt>
                <c:pt idx="7285">
                  <c:v>13.232077783346993</c:v>
                </c:pt>
                <c:pt idx="7286">
                  <c:v>13.232077783346993</c:v>
                </c:pt>
                <c:pt idx="7287">
                  <c:v>13.236928827056097</c:v>
                </c:pt>
                <c:pt idx="7288">
                  <c:v>13.236928827056097</c:v>
                </c:pt>
                <c:pt idx="7289">
                  <c:v>13.232077783346993</c:v>
                </c:pt>
                <c:pt idx="7290">
                  <c:v>13.232077783346993</c:v>
                </c:pt>
                <c:pt idx="7291">
                  <c:v>13.232077783346993</c:v>
                </c:pt>
                <c:pt idx="7292">
                  <c:v>13.232077783346993</c:v>
                </c:pt>
                <c:pt idx="7293">
                  <c:v>13.232077783346993</c:v>
                </c:pt>
                <c:pt idx="7294">
                  <c:v>13.232077783346993</c:v>
                </c:pt>
                <c:pt idx="7295">
                  <c:v>13.232077783346993</c:v>
                </c:pt>
                <c:pt idx="7296">
                  <c:v>13.232077783346993</c:v>
                </c:pt>
                <c:pt idx="7297">
                  <c:v>13.232077783346993</c:v>
                </c:pt>
                <c:pt idx="7298">
                  <c:v>13.227369417393932</c:v>
                </c:pt>
                <c:pt idx="7299">
                  <c:v>13.227369417393932</c:v>
                </c:pt>
                <c:pt idx="7300">
                  <c:v>13.227369417393932</c:v>
                </c:pt>
                <c:pt idx="7301">
                  <c:v>13.227369417393932</c:v>
                </c:pt>
                <c:pt idx="7302">
                  <c:v>13.227369417393932</c:v>
                </c:pt>
                <c:pt idx="7303">
                  <c:v>13.227369417393932</c:v>
                </c:pt>
                <c:pt idx="7304">
                  <c:v>13.227369417393932</c:v>
                </c:pt>
                <c:pt idx="7305">
                  <c:v>13.227369417393932</c:v>
                </c:pt>
                <c:pt idx="7306">
                  <c:v>13.227369417393932</c:v>
                </c:pt>
                <c:pt idx="7307">
                  <c:v>13.227369417393932</c:v>
                </c:pt>
                <c:pt idx="7308">
                  <c:v>13.227369417393932</c:v>
                </c:pt>
                <c:pt idx="7309">
                  <c:v>13.227369417393932</c:v>
                </c:pt>
                <c:pt idx="7310">
                  <c:v>13.227369417393932</c:v>
                </c:pt>
                <c:pt idx="7311">
                  <c:v>13.2225183736847</c:v>
                </c:pt>
                <c:pt idx="7312">
                  <c:v>13.2225183736847</c:v>
                </c:pt>
                <c:pt idx="7313">
                  <c:v>13.2225183736847</c:v>
                </c:pt>
                <c:pt idx="7314">
                  <c:v>13.2225183736847</c:v>
                </c:pt>
                <c:pt idx="7315">
                  <c:v>13.2225183736847</c:v>
                </c:pt>
                <c:pt idx="7316">
                  <c:v>13.2225183736847</c:v>
                </c:pt>
                <c:pt idx="7317">
                  <c:v>13.2225183736847</c:v>
                </c:pt>
                <c:pt idx="7318">
                  <c:v>13.2225183736847</c:v>
                </c:pt>
                <c:pt idx="7319">
                  <c:v>13.2225183736847</c:v>
                </c:pt>
                <c:pt idx="7320">
                  <c:v>13.2225183736847</c:v>
                </c:pt>
                <c:pt idx="7321">
                  <c:v>13.2225183736847</c:v>
                </c:pt>
                <c:pt idx="7322">
                  <c:v>13.2225183736847</c:v>
                </c:pt>
                <c:pt idx="7323">
                  <c:v>13.2225183736847</c:v>
                </c:pt>
                <c:pt idx="7324">
                  <c:v>13.2225183736847</c:v>
                </c:pt>
                <c:pt idx="7325">
                  <c:v>13.2225183736847</c:v>
                </c:pt>
                <c:pt idx="7326">
                  <c:v>13.2225183736847</c:v>
                </c:pt>
                <c:pt idx="7327">
                  <c:v>13.2225183736847</c:v>
                </c:pt>
                <c:pt idx="7328">
                  <c:v>13.2225183736847</c:v>
                </c:pt>
                <c:pt idx="7329">
                  <c:v>13.2225183736847</c:v>
                </c:pt>
                <c:pt idx="7330">
                  <c:v>13.2225183736847</c:v>
                </c:pt>
                <c:pt idx="7331">
                  <c:v>13.2225183736847</c:v>
                </c:pt>
                <c:pt idx="7332">
                  <c:v>13.2225183736847</c:v>
                </c:pt>
                <c:pt idx="7333">
                  <c:v>13.2225183736847</c:v>
                </c:pt>
                <c:pt idx="7334">
                  <c:v>13.2225183736847</c:v>
                </c:pt>
                <c:pt idx="7335">
                  <c:v>13.2225183736847</c:v>
                </c:pt>
                <c:pt idx="7336">
                  <c:v>13.227369417393932</c:v>
                </c:pt>
                <c:pt idx="7337">
                  <c:v>13.232077783346993</c:v>
                </c:pt>
                <c:pt idx="7338">
                  <c:v>13.232077783346993</c:v>
                </c:pt>
                <c:pt idx="7339">
                  <c:v>13.232077783346993</c:v>
                </c:pt>
                <c:pt idx="7340">
                  <c:v>13.232077783346993</c:v>
                </c:pt>
                <c:pt idx="7341">
                  <c:v>13.232077783346993</c:v>
                </c:pt>
                <c:pt idx="7342">
                  <c:v>13.232077783346993</c:v>
                </c:pt>
                <c:pt idx="7343">
                  <c:v>13.232077783346993</c:v>
                </c:pt>
                <c:pt idx="7344">
                  <c:v>13.227369417393932</c:v>
                </c:pt>
                <c:pt idx="7345">
                  <c:v>13.232077783346993</c:v>
                </c:pt>
                <c:pt idx="7346">
                  <c:v>13.232077783346993</c:v>
                </c:pt>
                <c:pt idx="7347">
                  <c:v>13.232077783346993</c:v>
                </c:pt>
                <c:pt idx="7348">
                  <c:v>13.232077783346993</c:v>
                </c:pt>
                <c:pt idx="7349">
                  <c:v>13.232077783346993</c:v>
                </c:pt>
                <c:pt idx="7350">
                  <c:v>13.232077783346993</c:v>
                </c:pt>
                <c:pt idx="7351">
                  <c:v>13.227369417393932</c:v>
                </c:pt>
                <c:pt idx="7352">
                  <c:v>13.227369417393932</c:v>
                </c:pt>
                <c:pt idx="7353">
                  <c:v>13.232077783346993</c:v>
                </c:pt>
                <c:pt idx="7354">
                  <c:v>13.232077783346993</c:v>
                </c:pt>
                <c:pt idx="7355">
                  <c:v>13.232077783346993</c:v>
                </c:pt>
                <c:pt idx="7356">
                  <c:v>13.232077783346993</c:v>
                </c:pt>
                <c:pt idx="7357">
                  <c:v>13.232077783346993</c:v>
                </c:pt>
                <c:pt idx="7358">
                  <c:v>13.232077783346993</c:v>
                </c:pt>
                <c:pt idx="7359">
                  <c:v>13.232077783346993</c:v>
                </c:pt>
                <c:pt idx="7360">
                  <c:v>13.232077783346993</c:v>
                </c:pt>
                <c:pt idx="7361">
                  <c:v>13.232077783346993</c:v>
                </c:pt>
                <c:pt idx="7362">
                  <c:v>13.232077783346993</c:v>
                </c:pt>
                <c:pt idx="7363">
                  <c:v>13.232077783346993</c:v>
                </c:pt>
                <c:pt idx="7364">
                  <c:v>13.232077783346993</c:v>
                </c:pt>
                <c:pt idx="7365">
                  <c:v>13.232077783346993</c:v>
                </c:pt>
                <c:pt idx="7366">
                  <c:v>13.232077783346993</c:v>
                </c:pt>
                <c:pt idx="7367">
                  <c:v>13.232077783346993</c:v>
                </c:pt>
                <c:pt idx="7368">
                  <c:v>13.232077783346993</c:v>
                </c:pt>
                <c:pt idx="7369">
                  <c:v>13.232077783346993</c:v>
                </c:pt>
                <c:pt idx="7370">
                  <c:v>13.227369417393932</c:v>
                </c:pt>
                <c:pt idx="7371">
                  <c:v>13.227369417393932</c:v>
                </c:pt>
                <c:pt idx="7372">
                  <c:v>13.227369417393932</c:v>
                </c:pt>
                <c:pt idx="7373">
                  <c:v>13.227369417393932</c:v>
                </c:pt>
                <c:pt idx="7374">
                  <c:v>13.227369417393932</c:v>
                </c:pt>
                <c:pt idx="7375">
                  <c:v>13.2225183736847</c:v>
                </c:pt>
                <c:pt idx="7376">
                  <c:v>13.2225183736847</c:v>
                </c:pt>
                <c:pt idx="7377">
                  <c:v>13.2225183736847</c:v>
                </c:pt>
                <c:pt idx="7378">
                  <c:v>13.2225183736847</c:v>
                </c:pt>
                <c:pt idx="7379">
                  <c:v>13.2225183736847</c:v>
                </c:pt>
                <c:pt idx="7380">
                  <c:v>13.2225183736847</c:v>
                </c:pt>
                <c:pt idx="7381">
                  <c:v>13.2225183736847</c:v>
                </c:pt>
                <c:pt idx="7382">
                  <c:v>13.2225183736847</c:v>
                </c:pt>
                <c:pt idx="7383">
                  <c:v>13.2225183736847</c:v>
                </c:pt>
                <c:pt idx="7384">
                  <c:v>13.2225183736847</c:v>
                </c:pt>
                <c:pt idx="7385">
                  <c:v>13.2225183736847</c:v>
                </c:pt>
                <c:pt idx="7386">
                  <c:v>13.2225183736847</c:v>
                </c:pt>
                <c:pt idx="7387">
                  <c:v>13.2225183736847</c:v>
                </c:pt>
                <c:pt idx="7388">
                  <c:v>13.2225183736847</c:v>
                </c:pt>
                <c:pt idx="7389">
                  <c:v>13.2225183736847</c:v>
                </c:pt>
                <c:pt idx="7390">
                  <c:v>13.2225183736847</c:v>
                </c:pt>
                <c:pt idx="7391">
                  <c:v>13.2225183736847</c:v>
                </c:pt>
                <c:pt idx="7392">
                  <c:v>13.2225183736847</c:v>
                </c:pt>
                <c:pt idx="7393">
                  <c:v>13.2225183736847</c:v>
                </c:pt>
                <c:pt idx="7394">
                  <c:v>13.2225183736847</c:v>
                </c:pt>
                <c:pt idx="7395">
                  <c:v>13.2225183736847</c:v>
                </c:pt>
                <c:pt idx="7396">
                  <c:v>13.2225183736847</c:v>
                </c:pt>
                <c:pt idx="7397">
                  <c:v>13.2225183736847</c:v>
                </c:pt>
                <c:pt idx="7398">
                  <c:v>13.2225183736847</c:v>
                </c:pt>
                <c:pt idx="7399">
                  <c:v>13.2225183736847</c:v>
                </c:pt>
                <c:pt idx="7400">
                  <c:v>13.227369417393932</c:v>
                </c:pt>
                <c:pt idx="7401">
                  <c:v>13.227369417393932</c:v>
                </c:pt>
                <c:pt idx="7402">
                  <c:v>13.2225183736847</c:v>
                </c:pt>
                <c:pt idx="7403">
                  <c:v>13.227369417393932</c:v>
                </c:pt>
                <c:pt idx="7404">
                  <c:v>13.232077783346993</c:v>
                </c:pt>
                <c:pt idx="7405">
                  <c:v>13.236928827056097</c:v>
                </c:pt>
                <c:pt idx="7406">
                  <c:v>13.241779870765329</c:v>
                </c:pt>
                <c:pt idx="7407">
                  <c:v>13.232077783346993</c:v>
                </c:pt>
                <c:pt idx="7408">
                  <c:v>13.2225183736847</c:v>
                </c:pt>
                <c:pt idx="7409">
                  <c:v>13.212958964022533</c:v>
                </c:pt>
                <c:pt idx="7410">
                  <c:v>13.208107920313303</c:v>
                </c:pt>
                <c:pt idx="7411">
                  <c:v>13.203256876604197</c:v>
                </c:pt>
                <c:pt idx="7412">
                  <c:v>13.203256876604197</c:v>
                </c:pt>
                <c:pt idx="7413">
                  <c:v>13.203256876604197</c:v>
                </c:pt>
                <c:pt idx="7414">
                  <c:v>13.198548510651136</c:v>
                </c:pt>
                <c:pt idx="7415">
                  <c:v>13.198548510651136</c:v>
                </c:pt>
                <c:pt idx="7416">
                  <c:v>13.198548510651136</c:v>
                </c:pt>
                <c:pt idx="7417">
                  <c:v>13.198548510651136</c:v>
                </c:pt>
                <c:pt idx="7418">
                  <c:v>13.198548510651136</c:v>
                </c:pt>
                <c:pt idx="7419">
                  <c:v>13.198548510651136</c:v>
                </c:pt>
                <c:pt idx="7420">
                  <c:v>13.198548510651136</c:v>
                </c:pt>
                <c:pt idx="7421">
                  <c:v>13.198548510651136</c:v>
                </c:pt>
                <c:pt idx="7422">
                  <c:v>13.198548510651136</c:v>
                </c:pt>
                <c:pt idx="7423">
                  <c:v>13.203256876604197</c:v>
                </c:pt>
                <c:pt idx="7424">
                  <c:v>13.203256876604197</c:v>
                </c:pt>
                <c:pt idx="7425">
                  <c:v>13.203256876604197</c:v>
                </c:pt>
                <c:pt idx="7426">
                  <c:v>13.203256876604197</c:v>
                </c:pt>
                <c:pt idx="7427">
                  <c:v>13.208107920313303</c:v>
                </c:pt>
                <c:pt idx="7428">
                  <c:v>13.203256876604197</c:v>
                </c:pt>
                <c:pt idx="7429">
                  <c:v>13.198548510651136</c:v>
                </c:pt>
                <c:pt idx="7430">
                  <c:v>13.193697466941904</c:v>
                </c:pt>
                <c:pt idx="7431">
                  <c:v>13.188846423232672</c:v>
                </c:pt>
                <c:pt idx="7432">
                  <c:v>13.203256876604197</c:v>
                </c:pt>
                <c:pt idx="7433">
                  <c:v>13.212958964022533</c:v>
                </c:pt>
                <c:pt idx="7434">
                  <c:v>13.217667329975594</c:v>
                </c:pt>
                <c:pt idx="7435">
                  <c:v>13.2225183736847</c:v>
                </c:pt>
                <c:pt idx="7436">
                  <c:v>13.227369417393932</c:v>
                </c:pt>
                <c:pt idx="7437">
                  <c:v>13.227369417393932</c:v>
                </c:pt>
                <c:pt idx="7438">
                  <c:v>13.232077783346993</c:v>
                </c:pt>
                <c:pt idx="7439">
                  <c:v>13.232077783346993</c:v>
                </c:pt>
                <c:pt idx="7440">
                  <c:v>13.232077783346993</c:v>
                </c:pt>
                <c:pt idx="7441">
                  <c:v>13.232077783346993</c:v>
                </c:pt>
                <c:pt idx="7442">
                  <c:v>13.232077783346993</c:v>
                </c:pt>
                <c:pt idx="7443">
                  <c:v>13.236928827056097</c:v>
                </c:pt>
                <c:pt idx="7444">
                  <c:v>13.236928827056097</c:v>
                </c:pt>
                <c:pt idx="7445">
                  <c:v>13.232077783346993</c:v>
                </c:pt>
                <c:pt idx="7446">
                  <c:v>13.227369417393932</c:v>
                </c:pt>
                <c:pt idx="7447">
                  <c:v>13.2225183736847</c:v>
                </c:pt>
                <c:pt idx="7448">
                  <c:v>13.217667329975594</c:v>
                </c:pt>
                <c:pt idx="7449">
                  <c:v>13.217667329975594</c:v>
                </c:pt>
                <c:pt idx="7450">
                  <c:v>13.217667329975594</c:v>
                </c:pt>
                <c:pt idx="7451">
                  <c:v>13.217667329975594</c:v>
                </c:pt>
                <c:pt idx="7452">
                  <c:v>13.2225183736847</c:v>
                </c:pt>
                <c:pt idx="7453">
                  <c:v>13.217667329975594</c:v>
                </c:pt>
                <c:pt idx="7454">
                  <c:v>13.208107920313303</c:v>
                </c:pt>
                <c:pt idx="7455">
                  <c:v>13.208107920313303</c:v>
                </c:pt>
                <c:pt idx="7456">
                  <c:v>13.203256876604197</c:v>
                </c:pt>
                <c:pt idx="7457">
                  <c:v>13.203256876604197</c:v>
                </c:pt>
                <c:pt idx="7458">
                  <c:v>13.203256876604197</c:v>
                </c:pt>
                <c:pt idx="7459">
                  <c:v>13.203256876604197</c:v>
                </c:pt>
                <c:pt idx="7460">
                  <c:v>13.203256876604197</c:v>
                </c:pt>
                <c:pt idx="7461">
                  <c:v>13.203256876604197</c:v>
                </c:pt>
                <c:pt idx="7462">
                  <c:v>13.203256876604197</c:v>
                </c:pt>
                <c:pt idx="7463">
                  <c:v>13.208107920313303</c:v>
                </c:pt>
                <c:pt idx="7464">
                  <c:v>13.208107920313303</c:v>
                </c:pt>
                <c:pt idx="7465">
                  <c:v>13.208107920313303</c:v>
                </c:pt>
                <c:pt idx="7466">
                  <c:v>13.208107920313303</c:v>
                </c:pt>
                <c:pt idx="7467">
                  <c:v>13.208107920313303</c:v>
                </c:pt>
                <c:pt idx="7468">
                  <c:v>13.208107920313303</c:v>
                </c:pt>
                <c:pt idx="7469">
                  <c:v>13.208107920313303</c:v>
                </c:pt>
                <c:pt idx="7470">
                  <c:v>13.208107920313303</c:v>
                </c:pt>
                <c:pt idx="7471">
                  <c:v>13.217667329975594</c:v>
                </c:pt>
                <c:pt idx="7472">
                  <c:v>13.2225183736847</c:v>
                </c:pt>
                <c:pt idx="7473">
                  <c:v>13.2225183736847</c:v>
                </c:pt>
                <c:pt idx="7474">
                  <c:v>13.2225183736847</c:v>
                </c:pt>
                <c:pt idx="7475">
                  <c:v>13.2225183736847</c:v>
                </c:pt>
                <c:pt idx="7476">
                  <c:v>13.2225183736847</c:v>
                </c:pt>
                <c:pt idx="7477">
                  <c:v>13.212958964022533</c:v>
                </c:pt>
                <c:pt idx="7478">
                  <c:v>13.2225183736847</c:v>
                </c:pt>
                <c:pt idx="7479">
                  <c:v>13.227369417393932</c:v>
                </c:pt>
                <c:pt idx="7480">
                  <c:v>13.232077783346993</c:v>
                </c:pt>
                <c:pt idx="7481">
                  <c:v>13.236928827056097</c:v>
                </c:pt>
                <c:pt idx="7482">
                  <c:v>13.236928827056097</c:v>
                </c:pt>
                <c:pt idx="7483">
                  <c:v>13.236928827056097</c:v>
                </c:pt>
                <c:pt idx="7484">
                  <c:v>13.236928827056097</c:v>
                </c:pt>
                <c:pt idx="7485">
                  <c:v>13.236928827056097</c:v>
                </c:pt>
                <c:pt idx="7486">
                  <c:v>13.236928827056097</c:v>
                </c:pt>
                <c:pt idx="7487">
                  <c:v>13.236928827056097</c:v>
                </c:pt>
                <c:pt idx="7488">
                  <c:v>13.236928827056097</c:v>
                </c:pt>
                <c:pt idx="7489">
                  <c:v>13.236928827056097</c:v>
                </c:pt>
                <c:pt idx="7490">
                  <c:v>13.241779870765329</c:v>
                </c:pt>
                <c:pt idx="7491">
                  <c:v>13.241779870765329</c:v>
                </c:pt>
                <c:pt idx="7492">
                  <c:v>13.241779870765329</c:v>
                </c:pt>
                <c:pt idx="7493">
                  <c:v>13.241779870765329</c:v>
                </c:pt>
                <c:pt idx="7494">
                  <c:v>13.24648823671839</c:v>
                </c:pt>
                <c:pt idx="7495">
                  <c:v>13.24648823671839</c:v>
                </c:pt>
                <c:pt idx="7496">
                  <c:v>13.24648823671839</c:v>
                </c:pt>
                <c:pt idx="7497">
                  <c:v>13.251339280427496</c:v>
                </c:pt>
                <c:pt idx="7498">
                  <c:v>13.251339280427496</c:v>
                </c:pt>
                <c:pt idx="7499">
                  <c:v>13.251339280427496</c:v>
                </c:pt>
                <c:pt idx="7500">
                  <c:v>13.251339280427496</c:v>
                </c:pt>
                <c:pt idx="7501">
                  <c:v>13.251339280427496</c:v>
                </c:pt>
                <c:pt idx="7502">
                  <c:v>13.2513392804274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7A78-4193-8446-C84A4BB0350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9041936"/>
        <c:axId val="159169088"/>
      </c:scatterChart>
      <c:valAx>
        <c:axId val="309041936"/>
        <c:scaling>
          <c:orientation val="minMax"/>
          <c:max val="120"/>
          <c:min val="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59169088"/>
        <c:crosses val="autoZero"/>
        <c:crossBetween val="midCat"/>
      </c:valAx>
      <c:valAx>
        <c:axId val="159169088"/>
        <c:scaling>
          <c:orientation val="minMax"/>
          <c:max val="26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Uptake (mg/g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904193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35873493322602"/>
          <c:y val="4.9099307126885684E-2"/>
          <c:w val="0.81534303950691689"/>
          <c:h val="0.73182780869475972"/>
        </c:manualLayout>
      </c:layout>
      <c:scatterChart>
        <c:scatterStyle val="lineMarker"/>
        <c:varyColors val="0"/>
        <c:ser>
          <c:idx val="0"/>
          <c:order val="0"/>
          <c:tx>
            <c:strRef>
              <c:f>'Fig 3'!$H$7</c:f>
              <c:strCache>
                <c:ptCount val="1"/>
                <c:pt idx="0">
                  <c:v>S-T-4.6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Fig 3'!$H$9:$H$13811</c:f>
              <c:numCache>
                <c:formatCode>General</c:formatCode>
                <c:ptCount val="13803"/>
                <c:pt idx="0">
                  <c:v>0</c:v>
                </c:pt>
                <c:pt idx="1">
                  <c:v>1.6667000000012422E-2</c:v>
                </c:pt>
                <c:pt idx="2">
                  <c:v>3.3334000000010633E-2</c:v>
                </c:pt>
                <c:pt idx="3">
                  <c:v>5.0000000000011369E-2</c:v>
                </c:pt>
                <c:pt idx="4">
                  <c:v>6.666700000000958E-2</c:v>
                </c:pt>
                <c:pt idx="5">
                  <c:v>8.3334000000007791E-2</c:v>
                </c:pt>
                <c:pt idx="6">
                  <c:v>0.10000000000000853</c:v>
                </c:pt>
                <c:pt idx="7">
                  <c:v>0.11666700000000674</c:v>
                </c:pt>
                <c:pt idx="8">
                  <c:v>0.13333400000000495</c:v>
                </c:pt>
                <c:pt idx="9">
                  <c:v>0.15000000000000568</c:v>
                </c:pt>
                <c:pt idx="10">
                  <c:v>0.1666670000000039</c:v>
                </c:pt>
                <c:pt idx="11">
                  <c:v>0.18333400000000211</c:v>
                </c:pt>
                <c:pt idx="12">
                  <c:v>0.20000000000000284</c:v>
                </c:pt>
                <c:pt idx="13">
                  <c:v>0.21666700000000105</c:v>
                </c:pt>
                <c:pt idx="14">
                  <c:v>0.23333400000001348</c:v>
                </c:pt>
                <c:pt idx="15">
                  <c:v>0.25</c:v>
                </c:pt>
                <c:pt idx="16">
                  <c:v>0.26666700000001242</c:v>
                </c:pt>
                <c:pt idx="17">
                  <c:v>0.28333400000001063</c:v>
                </c:pt>
                <c:pt idx="18">
                  <c:v>0.30000000000001137</c:v>
                </c:pt>
                <c:pt idx="19">
                  <c:v>0.31666700000000958</c:v>
                </c:pt>
                <c:pt idx="20">
                  <c:v>0.33333400000000779</c:v>
                </c:pt>
                <c:pt idx="21">
                  <c:v>0.35000000000000853</c:v>
                </c:pt>
                <c:pt idx="22">
                  <c:v>0.36666700000000674</c:v>
                </c:pt>
                <c:pt idx="23">
                  <c:v>0.38333400000000495</c:v>
                </c:pt>
                <c:pt idx="24">
                  <c:v>0.40000000000000568</c:v>
                </c:pt>
                <c:pt idx="25">
                  <c:v>0.4166670000000039</c:v>
                </c:pt>
                <c:pt idx="26">
                  <c:v>0.43333400000000211</c:v>
                </c:pt>
                <c:pt idx="27">
                  <c:v>0.45000000000000284</c:v>
                </c:pt>
                <c:pt idx="28">
                  <c:v>0.46666700000000105</c:v>
                </c:pt>
                <c:pt idx="29">
                  <c:v>0.48333400000001348</c:v>
                </c:pt>
                <c:pt idx="30">
                  <c:v>0.5</c:v>
                </c:pt>
                <c:pt idx="31">
                  <c:v>0.51666700000001242</c:v>
                </c:pt>
                <c:pt idx="32">
                  <c:v>0.53333400000001063</c:v>
                </c:pt>
                <c:pt idx="33">
                  <c:v>0.55000000000001137</c:v>
                </c:pt>
                <c:pt idx="34">
                  <c:v>0.56666700000000958</c:v>
                </c:pt>
                <c:pt idx="35">
                  <c:v>0.58333400000000779</c:v>
                </c:pt>
                <c:pt idx="36">
                  <c:v>0.60000000000000853</c:v>
                </c:pt>
                <c:pt idx="37">
                  <c:v>0.61666700000000674</c:v>
                </c:pt>
                <c:pt idx="38">
                  <c:v>0.63333400000000495</c:v>
                </c:pt>
                <c:pt idx="39">
                  <c:v>0.65000000000000568</c:v>
                </c:pt>
                <c:pt idx="40">
                  <c:v>0.6666670000000039</c:v>
                </c:pt>
                <c:pt idx="41">
                  <c:v>0.68333400000000211</c:v>
                </c:pt>
                <c:pt idx="42">
                  <c:v>0.70000000000000284</c:v>
                </c:pt>
                <c:pt idx="43">
                  <c:v>0.71666700000000105</c:v>
                </c:pt>
                <c:pt idx="44">
                  <c:v>0.73333400000001348</c:v>
                </c:pt>
                <c:pt idx="45">
                  <c:v>0.75</c:v>
                </c:pt>
                <c:pt idx="46">
                  <c:v>0.76666700000001242</c:v>
                </c:pt>
                <c:pt idx="47">
                  <c:v>0.78333400000001063</c:v>
                </c:pt>
                <c:pt idx="48">
                  <c:v>0.80000000000001137</c:v>
                </c:pt>
                <c:pt idx="49">
                  <c:v>0.81666700000000958</c:v>
                </c:pt>
                <c:pt idx="50">
                  <c:v>0.83333400000000779</c:v>
                </c:pt>
                <c:pt idx="51">
                  <c:v>0.85000000000000853</c:v>
                </c:pt>
                <c:pt idx="52">
                  <c:v>0.86666700000000674</c:v>
                </c:pt>
                <c:pt idx="53">
                  <c:v>0.88333400000000495</c:v>
                </c:pt>
                <c:pt idx="54">
                  <c:v>0.90000000000000568</c:v>
                </c:pt>
                <c:pt idx="55">
                  <c:v>0.9166670000000039</c:v>
                </c:pt>
                <c:pt idx="56">
                  <c:v>0.93333400000000211</c:v>
                </c:pt>
                <c:pt idx="57">
                  <c:v>0.95000000000000284</c:v>
                </c:pt>
                <c:pt idx="58">
                  <c:v>0.96666700000000105</c:v>
                </c:pt>
                <c:pt idx="59">
                  <c:v>0.98333400000001348</c:v>
                </c:pt>
                <c:pt idx="60">
                  <c:v>1</c:v>
                </c:pt>
                <c:pt idx="61">
                  <c:v>1.0166670000000124</c:v>
                </c:pt>
                <c:pt idx="62">
                  <c:v>1.0333340000000106</c:v>
                </c:pt>
                <c:pt idx="63">
                  <c:v>1.0500000000000114</c:v>
                </c:pt>
                <c:pt idx="64">
                  <c:v>1.0666670000000096</c:v>
                </c:pt>
                <c:pt idx="65">
                  <c:v>1.0833340000000078</c:v>
                </c:pt>
                <c:pt idx="66">
                  <c:v>1.1000000000000085</c:v>
                </c:pt>
                <c:pt idx="67">
                  <c:v>1.1166670000000067</c:v>
                </c:pt>
                <c:pt idx="68">
                  <c:v>1.1333340000000049</c:v>
                </c:pt>
                <c:pt idx="69">
                  <c:v>1.1500000000000057</c:v>
                </c:pt>
                <c:pt idx="70">
                  <c:v>1.1666670000000039</c:v>
                </c:pt>
                <c:pt idx="71">
                  <c:v>1.1833340000000021</c:v>
                </c:pt>
                <c:pt idx="72">
                  <c:v>1.2000000000000028</c:v>
                </c:pt>
                <c:pt idx="73">
                  <c:v>1.2166670000000011</c:v>
                </c:pt>
                <c:pt idx="74">
                  <c:v>1.2333340000000135</c:v>
                </c:pt>
                <c:pt idx="75">
                  <c:v>1.25</c:v>
                </c:pt>
                <c:pt idx="76">
                  <c:v>1.2666670000000124</c:v>
                </c:pt>
                <c:pt idx="77">
                  <c:v>1.2833340000000106</c:v>
                </c:pt>
                <c:pt idx="78">
                  <c:v>1.3000000000000114</c:v>
                </c:pt>
                <c:pt idx="79">
                  <c:v>1.3166670000000096</c:v>
                </c:pt>
                <c:pt idx="80">
                  <c:v>1.3333340000000078</c:v>
                </c:pt>
                <c:pt idx="81">
                  <c:v>1.3500000000000085</c:v>
                </c:pt>
                <c:pt idx="82">
                  <c:v>1.3666670000000067</c:v>
                </c:pt>
                <c:pt idx="83">
                  <c:v>1.3833340000000049</c:v>
                </c:pt>
                <c:pt idx="84">
                  <c:v>1.4000000000000057</c:v>
                </c:pt>
                <c:pt idx="85">
                  <c:v>1.4166670000000039</c:v>
                </c:pt>
                <c:pt idx="86">
                  <c:v>1.4333340000000021</c:v>
                </c:pt>
                <c:pt idx="87">
                  <c:v>1.4500000000000028</c:v>
                </c:pt>
                <c:pt idx="88">
                  <c:v>1.4666670000000011</c:v>
                </c:pt>
                <c:pt idx="89">
                  <c:v>1.4833340000000135</c:v>
                </c:pt>
                <c:pt idx="90">
                  <c:v>1.5</c:v>
                </c:pt>
                <c:pt idx="91">
                  <c:v>1.5166670000000124</c:v>
                </c:pt>
                <c:pt idx="92">
                  <c:v>1.5333340000000106</c:v>
                </c:pt>
                <c:pt idx="93">
                  <c:v>1.5500000000000114</c:v>
                </c:pt>
                <c:pt idx="94">
                  <c:v>1.5666670000000096</c:v>
                </c:pt>
                <c:pt idx="95">
                  <c:v>1.5833340000000078</c:v>
                </c:pt>
                <c:pt idx="96">
                  <c:v>1.6000000000000085</c:v>
                </c:pt>
                <c:pt idx="97">
                  <c:v>1.6166670000000067</c:v>
                </c:pt>
                <c:pt idx="98">
                  <c:v>1.6333340000000049</c:v>
                </c:pt>
                <c:pt idx="99">
                  <c:v>1.6500000000000057</c:v>
                </c:pt>
                <c:pt idx="100">
                  <c:v>1.6666670000000039</c:v>
                </c:pt>
                <c:pt idx="101">
                  <c:v>1.6833340000000021</c:v>
                </c:pt>
                <c:pt idx="102">
                  <c:v>1.7000000000000028</c:v>
                </c:pt>
                <c:pt idx="103">
                  <c:v>1.7166670000000011</c:v>
                </c:pt>
                <c:pt idx="104">
                  <c:v>1.7333340000000135</c:v>
                </c:pt>
                <c:pt idx="105">
                  <c:v>1.75</c:v>
                </c:pt>
                <c:pt idx="106">
                  <c:v>1.7666670000000124</c:v>
                </c:pt>
                <c:pt idx="107">
                  <c:v>1.7833340000000106</c:v>
                </c:pt>
                <c:pt idx="108">
                  <c:v>1.8000000000000114</c:v>
                </c:pt>
                <c:pt idx="109">
                  <c:v>1.8166670000000096</c:v>
                </c:pt>
                <c:pt idx="110">
                  <c:v>1.8333340000000078</c:v>
                </c:pt>
                <c:pt idx="111">
                  <c:v>1.8500000000000085</c:v>
                </c:pt>
                <c:pt idx="112">
                  <c:v>1.8666670000000067</c:v>
                </c:pt>
                <c:pt idx="113">
                  <c:v>1.8833340000000049</c:v>
                </c:pt>
                <c:pt idx="114">
                  <c:v>1.9000000000000057</c:v>
                </c:pt>
                <c:pt idx="115">
                  <c:v>1.9166670000000039</c:v>
                </c:pt>
                <c:pt idx="116">
                  <c:v>1.9333340000000021</c:v>
                </c:pt>
                <c:pt idx="117">
                  <c:v>1.9500000000000028</c:v>
                </c:pt>
                <c:pt idx="118">
                  <c:v>1.9666670000000011</c:v>
                </c:pt>
                <c:pt idx="119">
                  <c:v>1.9833340000000135</c:v>
                </c:pt>
                <c:pt idx="120">
                  <c:v>2</c:v>
                </c:pt>
                <c:pt idx="121">
                  <c:v>2.0166670000000124</c:v>
                </c:pt>
                <c:pt idx="122">
                  <c:v>2.0333340000000106</c:v>
                </c:pt>
                <c:pt idx="123">
                  <c:v>2.0500000000000114</c:v>
                </c:pt>
                <c:pt idx="124">
                  <c:v>2.0666670000000096</c:v>
                </c:pt>
                <c:pt idx="125">
                  <c:v>2.0833340000000078</c:v>
                </c:pt>
                <c:pt idx="126">
                  <c:v>2.1000000000000085</c:v>
                </c:pt>
                <c:pt idx="127">
                  <c:v>2.1166670000000067</c:v>
                </c:pt>
                <c:pt idx="128">
                  <c:v>2.1333340000000049</c:v>
                </c:pt>
                <c:pt idx="129">
                  <c:v>2.1500000000000057</c:v>
                </c:pt>
                <c:pt idx="130">
                  <c:v>2.1666670000000039</c:v>
                </c:pt>
                <c:pt idx="131">
                  <c:v>2.1833340000000021</c:v>
                </c:pt>
                <c:pt idx="132">
                  <c:v>2.2000000000000028</c:v>
                </c:pt>
                <c:pt idx="133">
                  <c:v>2.2166670000000011</c:v>
                </c:pt>
                <c:pt idx="134">
                  <c:v>2.2333340000000135</c:v>
                </c:pt>
                <c:pt idx="135">
                  <c:v>2.25</c:v>
                </c:pt>
                <c:pt idx="136">
                  <c:v>2.2666670000000124</c:v>
                </c:pt>
                <c:pt idx="137">
                  <c:v>2.2833340000000106</c:v>
                </c:pt>
                <c:pt idx="138">
                  <c:v>2.3000000000000114</c:v>
                </c:pt>
                <c:pt idx="139">
                  <c:v>2.3166670000000096</c:v>
                </c:pt>
                <c:pt idx="140">
                  <c:v>2.3333340000000078</c:v>
                </c:pt>
                <c:pt idx="141">
                  <c:v>2.3500000000000085</c:v>
                </c:pt>
                <c:pt idx="142">
                  <c:v>2.3666670000000067</c:v>
                </c:pt>
                <c:pt idx="143">
                  <c:v>2.3833340000000049</c:v>
                </c:pt>
                <c:pt idx="144">
                  <c:v>2.4000000000000057</c:v>
                </c:pt>
                <c:pt idx="145">
                  <c:v>2.4166670000000039</c:v>
                </c:pt>
                <c:pt idx="146">
                  <c:v>2.4333340000000021</c:v>
                </c:pt>
                <c:pt idx="147">
                  <c:v>2.4500000000000028</c:v>
                </c:pt>
                <c:pt idx="148">
                  <c:v>2.4666670000000011</c:v>
                </c:pt>
                <c:pt idx="149">
                  <c:v>2.4833340000000135</c:v>
                </c:pt>
                <c:pt idx="150">
                  <c:v>2.5</c:v>
                </c:pt>
                <c:pt idx="151">
                  <c:v>2.5166670000000124</c:v>
                </c:pt>
                <c:pt idx="152">
                  <c:v>2.5333340000000106</c:v>
                </c:pt>
                <c:pt idx="153">
                  <c:v>2.5500000000000114</c:v>
                </c:pt>
                <c:pt idx="154">
                  <c:v>2.5666670000000096</c:v>
                </c:pt>
                <c:pt idx="155">
                  <c:v>2.5833340000000078</c:v>
                </c:pt>
                <c:pt idx="156">
                  <c:v>2.6000000000000085</c:v>
                </c:pt>
                <c:pt idx="157">
                  <c:v>2.6166670000000067</c:v>
                </c:pt>
                <c:pt idx="158">
                  <c:v>2.6333340000000049</c:v>
                </c:pt>
                <c:pt idx="159">
                  <c:v>2.6500000000000057</c:v>
                </c:pt>
                <c:pt idx="160">
                  <c:v>2.6666670000000039</c:v>
                </c:pt>
                <c:pt idx="161">
                  <c:v>2.6833340000000021</c:v>
                </c:pt>
                <c:pt idx="162">
                  <c:v>2.7000000000000028</c:v>
                </c:pt>
                <c:pt idx="163">
                  <c:v>2.7166670000000011</c:v>
                </c:pt>
                <c:pt idx="164">
                  <c:v>2.7333340000000135</c:v>
                </c:pt>
                <c:pt idx="165">
                  <c:v>2.75</c:v>
                </c:pt>
                <c:pt idx="166">
                  <c:v>2.7666670000000124</c:v>
                </c:pt>
                <c:pt idx="167">
                  <c:v>2.7833340000000106</c:v>
                </c:pt>
                <c:pt idx="168">
                  <c:v>2.8000000000000114</c:v>
                </c:pt>
                <c:pt idx="169">
                  <c:v>2.8166670000000096</c:v>
                </c:pt>
                <c:pt idx="170">
                  <c:v>2.8333340000000078</c:v>
                </c:pt>
                <c:pt idx="171">
                  <c:v>2.8500000000000085</c:v>
                </c:pt>
                <c:pt idx="172">
                  <c:v>2.8666670000000067</c:v>
                </c:pt>
                <c:pt idx="173">
                  <c:v>2.8833340000000049</c:v>
                </c:pt>
                <c:pt idx="174">
                  <c:v>2.9000000000000057</c:v>
                </c:pt>
                <c:pt idx="175">
                  <c:v>2.9166670000000039</c:v>
                </c:pt>
                <c:pt idx="176">
                  <c:v>2.9333340000000021</c:v>
                </c:pt>
                <c:pt idx="177">
                  <c:v>2.9500000000000028</c:v>
                </c:pt>
                <c:pt idx="178">
                  <c:v>2.9666670000000011</c:v>
                </c:pt>
                <c:pt idx="179">
                  <c:v>2.9833340000000135</c:v>
                </c:pt>
                <c:pt idx="180">
                  <c:v>3</c:v>
                </c:pt>
                <c:pt idx="181">
                  <c:v>3.0166670000000124</c:v>
                </c:pt>
                <c:pt idx="182">
                  <c:v>3.0333340000000106</c:v>
                </c:pt>
                <c:pt idx="183">
                  <c:v>3.0500000000000114</c:v>
                </c:pt>
                <c:pt idx="184">
                  <c:v>3.0666670000000096</c:v>
                </c:pt>
                <c:pt idx="185">
                  <c:v>3.0833340000000078</c:v>
                </c:pt>
                <c:pt idx="186">
                  <c:v>3.1000000000000085</c:v>
                </c:pt>
                <c:pt idx="187">
                  <c:v>3.1166670000000067</c:v>
                </c:pt>
                <c:pt idx="188">
                  <c:v>3.1333340000000049</c:v>
                </c:pt>
                <c:pt idx="189">
                  <c:v>3.1500000000000057</c:v>
                </c:pt>
                <c:pt idx="190">
                  <c:v>3.1666670000000039</c:v>
                </c:pt>
                <c:pt idx="191">
                  <c:v>3.1833340000000021</c:v>
                </c:pt>
                <c:pt idx="192">
                  <c:v>3.2000000000000028</c:v>
                </c:pt>
                <c:pt idx="193">
                  <c:v>3.2166670000000011</c:v>
                </c:pt>
                <c:pt idx="194">
                  <c:v>3.2333340000000135</c:v>
                </c:pt>
                <c:pt idx="195">
                  <c:v>3.25</c:v>
                </c:pt>
                <c:pt idx="196">
                  <c:v>3.2666670000000124</c:v>
                </c:pt>
                <c:pt idx="197">
                  <c:v>3.2833340000000106</c:v>
                </c:pt>
                <c:pt idx="198">
                  <c:v>3.3000000000000114</c:v>
                </c:pt>
                <c:pt idx="199">
                  <c:v>3.3166670000000096</c:v>
                </c:pt>
                <c:pt idx="200">
                  <c:v>3.3333340000000078</c:v>
                </c:pt>
                <c:pt idx="201">
                  <c:v>3.3500000000000085</c:v>
                </c:pt>
                <c:pt idx="202">
                  <c:v>3.3666670000000067</c:v>
                </c:pt>
                <c:pt idx="203">
                  <c:v>3.3833340000000049</c:v>
                </c:pt>
                <c:pt idx="204">
                  <c:v>3.4000000000000057</c:v>
                </c:pt>
                <c:pt idx="205">
                  <c:v>3.4166670000000039</c:v>
                </c:pt>
                <c:pt idx="206">
                  <c:v>3.4333340000000021</c:v>
                </c:pt>
                <c:pt idx="207">
                  <c:v>3.4500000000000028</c:v>
                </c:pt>
                <c:pt idx="208">
                  <c:v>3.4666670000000011</c:v>
                </c:pt>
                <c:pt idx="209">
                  <c:v>3.4833340000000135</c:v>
                </c:pt>
                <c:pt idx="210">
                  <c:v>3.5</c:v>
                </c:pt>
                <c:pt idx="211">
                  <c:v>3.5166670000000124</c:v>
                </c:pt>
                <c:pt idx="212">
                  <c:v>3.5333340000000106</c:v>
                </c:pt>
                <c:pt idx="213">
                  <c:v>3.5500000000000114</c:v>
                </c:pt>
                <c:pt idx="214">
                  <c:v>3.5666670000000096</c:v>
                </c:pt>
                <c:pt idx="215">
                  <c:v>3.5833340000000078</c:v>
                </c:pt>
                <c:pt idx="216">
                  <c:v>3.6000000000000085</c:v>
                </c:pt>
                <c:pt idx="217">
                  <c:v>3.6166670000000067</c:v>
                </c:pt>
                <c:pt idx="218">
                  <c:v>3.6333340000000049</c:v>
                </c:pt>
                <c:pt idx="219">
                  <c:v>3.6500000000000057</c:v>
                </c:pt>
                <c:pt idx="220">
                  <c:v>3.6666670000000039</c:v>
                </c:pt>
                <c:pt idx="221">
                  <c:v>3.6833340000000021</c:v>
                </c:pt>
                <c:pt idx="222">
                  <c:v>3.7000000000000028</c:v>
                </c:pt>
                <c:pt idx="223">
                  <c:v>3.7166670000000011</c:v>
                </c:pt>
                <c:pt idx="224">
                  <c:v>3.7333340000000135</c:v>
                </c:pt>
                <c:pt idx="225">
                  <c:v>3.75</c:v>
                </c:pt>
                <c:pt idx="226">
                  <c:v>3.7666670000000124</c:v>
                </c:pt>
                <c:pt idx="227">
                  <c:v>3.7833340000000106</c:v>
                </c:pt>
                <c:pt idx="228">
                  <c:v>3.8000000000000114</c:v>
                </c:pt>
                <c:pt idx="229">
                  <c:v>3.8166670000000096</c:v>
                </c:pt>
                <c:pt idx="230">
                  <c:v>3.8333340000000078</c:v>
                </c:pt>
                <c:pt idx="231">
                  <c:v>3.8500000000000085</c:v>
                </c:pt>
                <c:pt idx="232">
                  <c:v>3.8666670000000067</c:v>
                </c:pt>
                <c:pt idx="233">
                  <c:v>3.8833340000000049</c:v>
                </c:pt>
                <c:pt idx="234">
                  <c:v>3.9000000000000057</c:v>
                </c:pt>
                <c:pt idx="235">
                  <c:v>3.9166670000000039</c:v>
                </c:pt>
                <c:pt idx="236">
                  <c:v>3.9333340000000021</c:v>
                </c:pt>
                <c:pt idx="237">
                  <c:v>3.9500000000000028</c:v>
                </c:pt>
                <c:pt idx="238">
                  <c:v>3.9666670000000011</c:v>
                </c:pt>
                <c:pt idx="239">
                  <c:v>3.9833340000000135</c:v>
                </c:pt>
                <c:pt idx="240">
                  <c:v>4</c:v>
                </c:pt>
                <c:pt idx="241">
                  <c:v>4.0166670000000124</c:v>
                </c:pt>
                <c:pt idx="242">
                  <c:v>4.0333340000000106</c:v>
                </c:pt>
                <c:pt idx="243">
                  <c:v>4.0500000000000114</c:v>
                </c:pt>
                <c:pt idx="244">
                  <c:v>4.0666670000000096</c:v>
                </c:pt>
                <c:pt idx="245">
                  <c:v>4.0833340000000078</c:v>
                </c:pt>
                <c:pt idx="246">
                  <c:v>4.1000000000000085</c:v>
                </c:pt>
                <c:pt idx="247">
                  <c:v>4.1166670000000067</c:v>
                </c:pt>
                <c:pt idx="248">
                  <c:v>4.1333340000000049</c:v>
                </c:pt>
                <c:pt idx="249">
                  <c:v>4.1500000000000057</c:v>
                </c:pt>
                <c:pt idx="250">
                  <c:v>4.1666670000000039</c:v>
                </c:pt>
                <c:pt idx="251">
                  <c:v>4.1833340000000021</c:v>
                </c:pt>
                <c:pt idx="252">
                  <c:v>4.2000000000000028</c:v>
                </c:pt>
                <c:pt idx="253">
                  <c:v>4.2166670000000011</c:v>
                </c:pt>
                <c:pt idx="254">
                  <c:v>4.2333340000000135</c:v>
                </c:pt>
                <c:pt idx="255">
                  <c:v>4.25</c:v>
                </c:pt>
                <c:pt idx="256">
                  <c:v>4.2666670000000124</c:v>
                </c:pt>
                <c:pt idx="257">
                  <c:v>4.2833340000000106</c:v>
                </c:pt>
                <c:pt idx="258">
                  <c:v>4.3000000000000114</c:v>
                </c:pt>
                <c:pt idx="259">
                  <c:v>4.3166670000000096</c:v>
                </c:pt>
                <c:pt idx="260">
                  <c:v>4.3333340000000078</c:v>
                </c:pt>
                <c:pt idx="261">
                  <c:v>4.3500000000000085</c:v>
                </c:pt>
                <c:pt idx="262">
                  <c:v>4.3666670000000067</c:v>
                </c:pt>
                <c:pt idx="263">
                  <c:v>4.3833340000000049</c:v>
                </c:pt>
                <c:pt idx="264">
                  <c:v>4.4000000000000057</c:v>
                </c:pt>
                <c:pt idx="265">
                  <c:v>4.4166670000000039</c:v>
                </c:pt>
                <c:pt idx="266">
                  <c:v>4.4333340000000021</c:v>
                </c:pt>
                <c:pt idx="267">
                  <c:v>4.4500000000000028</c:v>
                </c:pt>
                <c:pt idx="268">
                  <c:v>4.4666670000000011</c:v>
                </c:pt>
                <c:pt idx="269">
                  <c:v>4.4833340000000135</c:v>
                </c:pt>
                <c:pt idx="270">
                  <c:v>4.5</c:v>
                </c:pt>
                <c:pt idx="271">
                  <c:v>4.5166670000000124</c:v>
                </c:pt>
                <c:pt idx="272">
                  <c:v>4.5333340000000106</c:v>
                </c:pt>
                <c:pt idx="273">
                  <c:v>4.5500000000000114</c:v>
                </c:pt>
                <c:pt idx="274">
                  <c:v>4.5666670000000096</c:v>
                </c:pt>
                <c:pt idx="275">
                  <c:v>4.5833340000000078</c:v>
                </c:pt>
                <c:pt idx="276">
                  <c:v>4.6000000000000085</c:v>
                </c:pt>
                <c:pt idx="277">
                  <c:v>4.6166670000000067</c:v>
                </c:pt>
                <c:pt idx="278">
                  <c:v>4.6333340000000049</c:v>
                </c:pt>
                <c:pt idx="279">
                  <c:v>4.6500000000000057</c:v>
                </c:pt>
                <c:pt idx="280">
                  <c:v>4.6666670000000039</c:v>
                </c:pt>
                <c:pt idx="281">
                  <c:v>4.6833340000000021</c:v>
                </c:pt>
                <c:pt idx="282">
                  <c:v>4.7000000000000028</c:v>
                </c:pt>
                <c:pt idx="283">
                  <c:v>4.7166670000000011</c:v>
                </c:pt>
                <c:pt idx="284">
                  <c:v>4.7333340000000135</c:v>
                </c:pt>
                <c:pt idx="285">
                  <c:v>4.75</c:v>
                </c:pt>
                <c:pt idx="286">
                  <c:v>4.7666670000000124</c:v>
                </c:pt>
                <c:pt idx="287">
                  <c:v>4.7833340000000106</c:v>
                </c:pt>
                <c:pt idx="288">
                  <c:v>4.8000000000000114</c:v>
                </c:pt>
                <c:pt idx="289">
                  <c:v>4.8166670000000096</c:v>
                </c:pt>
                <c:pt idx="290">
                  <c:v>4.8333340000000078</c:v>
                </c:pt>
                <c:pt idx="291">
                  <c:v>4.8500000000000085</c:v>
                </c:pt>
                <c:pt idx="292">
                  <c:v>4.8666670000000067</c:v>
                </c:pt>
                <c:pt idx="293">
                  <c:v>4.8833340000000049</c:v>
                </c:pt>
                <c:pt idx="294">
                  <c:v>4.9000000000000057</c:v>
                </c:pt>
                <c:pt idx="295">
                  <c:v>4.9166670000000039</c:v>
                </c:pt>
                <c:pt idx="296">
                  <c:v>4.9333340000000021</c:v>
                </c:pt>
                <c:pt idx="297">
                  <c:v>4.9500000000000028</c:v>
                </c:pt>
                <c:pt idx="298">
                  <c:v>4.9666670000000011</c:v>
                </c:pt>
                <c:pt idx="299">
                  <c:v>4.9833340000000135</c:v>
                </c:pt>
                <c:pt idx="300">
                  <c:v>5</c:v>
                </c:pt>
                <c:pt idx="301">
                  <c:v>5.0166670000000124</c:v>
                </c:pt>
                <c:pt idx="302">
                  <c:v>5.0333340000000106</c:v>
                </c:pt>
                <c:pt idx="303">
                  <c:v>5.0500000000000114</c:v>
                </c:pt>
                <c:pt idx="304">
                  <c:v>5.0666670000000096</c:v>
                </c:pt>
                <c:pt idx="305">
                  <c:v>5.0833340000000078</c:v>
                </c:pt>
                <c:pt idx="306">
                  <c:v>5.1000000000000085</c:v>
                </c:pt>
                <c:pt idx="307">
                  <c:v>5.1166670000000067</c:v>
                </c:pt>
                <c:pt idx="308">
                  <c:v>5.1333340000000049</c:v>
                </c:pt>
                <c:pt idx="309">
                  <c:v>5.1500000000000057</c:v>
                </c:pt>
                <c:pt idx="310">
                  <c:v>5.1666670000000039</c:v>
                </c:pt>
                <c:pt idx="311">
                  <c:v>5.1833340000000021</c:v>
                </c:pt>
                <c:pt idx="312">
                  <c:v>5.2000000000000028</c:v>
                </c:pt>
                <c:pt idx="313">
                  <c:v>5.2166670000000011</c:v>
                </c:pt>
                <c:pt idx="314">
                  <c:v>5.2333340000000135</c:v>
                </c:pt>
                <c:pt idx="315">
                  <c:v>5.25</c:v>
                </c:pt>
                <c:pt idx="316">
                  <c:v>5.2666670000000124</c:v>
                </c:pt>
                <c:pt idx="317">
                  <c:v>5.2833340000000106</c:v>
                </c:pt>
                <c:pt idx="318">
                  <c:v>5.3000000000000114</c:v>
                </c:pt>
                <c:pt idx="319">
                  <c:v>5.3166670000000096</c:v>
                </c:pt>
                <c:pt idx="320">
                  <c:v>5.3333340000000078</c:v>
                </c:pt>
                <c:pt idx="321">
                  <c:v>5.3500000000000085</c:v>
                </c:pt>
                <c:pt idx="322">
                  <c:v>5.3666670000000067</c:v>
                </c:pt>
                <c:pt idx="323">
                  <c:v>5.3833340000000049</c:v>
                </c:pt>
                <c:pt idx="324">
                  <c:v>5.4000000000000057</c:v>
                </c:pt>
                <c:pt idx="325">
                  <c:v>5.4166670000000039</c:v>
                </c:pt>
                <c:pt idx="326">
                  <c:v>5.4333340000000021</c:v>
                </c:pt>
                <c:pt idx="327">
                  <c:v>5.4500000000000028</c:v>
                </c:pt>
                <c:pt idx="328">
                  <c:v>5.4666670000000011</c:v>
                </c:pt>
                <c:pt idx="329">
                  <c:v>5.4833340000000135</c:v>
                </c:pt>
                <c:pt idx="330">
                  <c:v>5.5</c:v>
                </c:pt>
                <c:pt idx="331">
                  <c:v>5.5166670000000124</c:v>
                </c:pt>
                <c:pt idx="332">
                  <c:v>5.5333340000000106</c:v>
                </c:pt>
                <c:pt idx="333">
                  <c:v>5.5500000000000114</c:v>
                </c:pt>
                <c:pt idx="334">
                  <c:v>5.5666670000000096</c:v>
                </c:pt>
                <c:pt idx="335">
                  <c:v>5.5833340000000078</c:v>
                </c:pt>
                <c:pt idx="336">
                  <c:v>5.6000000000000085</c:v>
                </c:pt>
                <c:pt idx="337">
                  <c:v>5.6166670000000067</c:v>
                </c:pt>
                <c:pt idx="338">
                  <c:v>5.6333340000000049</c:v>
                </c:pt>
                <c:pt idx="339">
                  <c:v>5.6500000000000057</c:v>
                </c:pt>
                <c:pt idx="340">
                  <c:v>5.6666670000000039</c:v>
                </c:pt>
                <c:pt idx="341">
                  <c:v>5.6833340000000021</c:v>
                </c:pt>
                <c:pt idx="342">
                  <c:v>5.7000000000000028</c:v>
                </c:pt>
                <c:pt idx="343">
                  <c:v>5.7166670000000011</c:v>
                </c:pt>
                <c:pt idx="344">
                  <c:v>5.7333340000000135</c:v>
                </c:pt>
                <c:pt idx="345">
                  <c:v>5.75</c:v>
                </c:pt>
                <c:pt idx="346">
                  <c:v>5.7666670000000124</c:v>
                </c:pt>
                <c:pt idx="347">
                  <c:v>5.7833340000000106</c:v>
                </c:pt>
                <c:pt idx="348">
                  <c:v>5.8000000000000114</c:v>
                </c:pt>
                <c:pt idx="349">
                  <c:v>5.8166670000000096</c:v>
                </c:pt>
                <c:pt idx="350">
                  <c:v>5.8333340000000078</c:v>
                </c:pt>
                <c:pt idx="351">
                  <c:v>5.8500000000000085</c:v>
                </c:pt>
                <c:pt idx="352">
                  <c:v>5.8666670000000067</c:v>
                </c:pt>
                <c:pt idx="353">
                  <c:v>5.8833340000000049</c:v>
                </c:pt>
                <c:pt idx="354">
                  <c:v>5.9000000000000057</c:v>
                </c:pt>
                <c:pt idx="355">
                  <c:v>5.9166670000000039</c:v>
                </c:pt>
                <c:pt idx="356">
                  <c:v>5.9333340000000021</c:v>
                </c:pt>
                <c:pt idx="357">
                  <c:v>5.9500000000000028</c:v>
                </c:pt>
                <c:pt idx="358">
                  <c:v>5.9666670000000011</c:v>
                </c:pt>
                <c:pt idx="359">
                  <c:v>5.9833340000000135</c:v>
                </c:pt>
                <c:pt idx="360">
                  <c:v>6</c:v>
                </c:pt>
                <c:pt idx="361">
                  <c:v>6.0166670000000124</c:v>
                </c:pt>
                <c:pt idx="362">
                  <c:v>6.0333340000000106</c:v>
                </c:pt>
                <c:pt idx="363">
                  <c:v>6.0500000000000114</c:v>
                </c:pt>
                <c:pt idx="364">
                  <c:v>6.0666670000000096</c:v>
                </c:pt>
                <c:pt idx="365">
                  <c:v>6.0833340000000078</c:v>
                </c:pt>
                <c:pt idx="366">
                  <c:v>6.1000000000000085</c:v>
                </c:pt>
                <c:pt idx="367">
                  <c:v>6.1166670000000067</c:v>
                </c:pt>
                <c:pt idx="368">
                  <c:v>6.1333340000000049</c:v>
                </c:pt>
                <c:pt idx="369">
                  <c:v>6.1500000000000057</c:v>
                </c:pt>
                <c:pt idx="370">
                  <c:v>6.1666670000000039</c:v>
                </c:pt>
                <c:pt idx="371">
                  <c:v>6.1833340000000021</c:v>
                </c:pt>
                <c:pt idx="372">
                  <c:v>6.2000000000000028</c:v>
                </c:pt>
                <c:pt idx="373">
                  <c:v>6.2166670000000011</c:v>
                </c:pt>
                <c:pt idx="374">
                  <c:v>6.2333340000000135</c:v>
                </c:pt>
                <c:pt idx="375">
                  <c:v>6.25</c:v>
                </c:pt>
                <c:pt idx="376">
                  <c:v>6.2666670000000124</c:v>
                </c:pt>
                <c:pt idx="377">
                  <c:v>6.2833340000000106</c:v>
                </c:pt>
                <c:pt idx="378">
                  <c:v>6.3000000000000114</c:v>
                </c:pt>
                <c:pt idx="379">
                  <c:v>6.3166670000000096</c:v>
                </c:pt>
                <c:pt idx="380">
                  <c:v>6.3333340000000078</c:v>
                </c:pt>
                <c:pt idx="381">
                  <c:v>6.3500000000000085</c:v>
                </c:pt>
                <c:pt idx="382">
                  <c:v>6.3666670000000067</c:v>
                </c:pt>
                <c:pt idx="383">
                  <c:v>6.3833340000000049</c:v>
                </c:pt>
                <c:pt idx="384">
                  <c:v>6.4000000000000057</c:v>
                </c:pt>
                <c:pt idx="385">
                  <c:v>6.4166670000000039</c:v>
                </c:pt>
                <c:pt idx="386">
                  <c:v>6.4333340000000021</c:v>
                </c:pt>
                <c:pt idx="387">
                  <c:v>6.4500000000000028</c:v>
                </c:pt>
                <c:pt idx="388">
                  <c:v>6.4666670000000011</c:v>
                </c:pt>
                <c:pt idx="389">
                  <c:v>6.4833340000000135</c:v>
                </c:pt>
                <c:pt idx="390">
                  <c:v>6.5</c:v>
                </c:pt>
                <c:pt idx="391">
                  <c:v>6.5166670000000124</c:v>
                </c:pt>
                <c:pt idx="392">
                  <c:v>6.5333340000000106</c:v>
                </c:pt>
                <c:pt idx="393">
                  <c:v>6.5500000000000114</c:v>
                </c:pt>
                <c:pt idx="394">
                  <c:v>6.5666670000000096</c:v>
                </c:pt>
                <c:pt idx="395">
                  <c:v>6.5833340000000078</c:v>
                </c:pt>
                <c:pt idx="396">
                  <c:v>6.6000000000000085</c:v>
                </c:pt>
                <c:pt idx="397">
                  <c:v>6.6166670000000067</c:v>
                </c:pt>
                <c:pt idx="398">
                  <c:v>6.6333340000000049</c:v>
                </c:pt>
                <c:pt idx="399">
                  <c:v>6.6500000000000057</c:v>
                </c:pt>
                <c:pt idx="400">
                  <c:v>6.6666670000000039</c:v>
                </c:pt>
                <c:pt idx="401">
                  <c:v>6.6833340000000021</c:v>
                </c:pt>
                <c:pt idx="402">
                  <c:v>6.7000000000000028</c:v>
                </c:pt>
                <c:pt idx="403">
                  <c:v>6.7166670000000011</c:v>
                </c:pt>
                <c:pt idx="404">
                  <c:v>6.7333340000000135</c:v>
                </c:pt>
                <c:pt idx="405">
                  <c:v>6.75</c:v>
                </c:pt>
                <c:pt idx="406">
                  <c:v>6.7666670000000124</c:v>
                </c:pt>
                <c:pt idx="407">
                  <c:v>6.7833340000000106</c:v>
                </c:pt>
                <c:pt idx="408">
                  <c:v>6.8000000000000114</c:v>
                </c:pt>
                <c:pt idx="409">
                  <c:v>6.8166670000000096</c:v>
                </c:pt>
                <c:pt idx="410">
                  <c:v>6.8333340000000078</c:v>
                </c:pt>
                <c:pt idx="411">
                  <c:v>6.8500000000000085</c:v>
                </c:pt>
                <c:pt idx="412">
                  <c:v>6.8666670000000067</c:v>
                </c:pt>
                <c:pt idx="413">
                  <c:v>6.8833340000000049</c:v>
                </c:pt>
                <c:pt idx="414">
                  <c:v>6.9000000000000057</c:v>
                </c:pt>
                <c:pt idx="415">
                  <c:v>6.9166670000000039</c:v>
                </c:pt>
                <c:pt idx="416">
                  <c:v>6.9333340000000021</c:v>
                </c:pt>
                <c:pt idx="417">
                  <c:v>6.9500000000000028</c:v>
                </c:pt>
                <c:pt idx="418">
                  <c:v>6.9666670000000011</c:v>
                </c:pt>
                <c:pt idx="419">
                  <c:v>6.9833340000000135</c:v>
                </c:pt>
                <c:pt idx="420">
                  <c:v>7</c:v>
                </c:pt>
                <c:pt idx="421">
                  <c:v>7.0166670000000124</c:v>
                </c:pt>
                <c:pt idx="422">
                  <c:v>7.0333340000000106</c:v>
                </c:pt>
                <c:pt idx="423">
                  <c:v>7.0500000000000114</c:v>
                </c:pt>
                <c:pt idx="424">
                  <c:v>7.0666670000000096</c:v>
                </c:pt>
                <c:pt idx="425">
                  <c:v>7.0833340000000078</c:v>
                </c:pt>
                <c:pt idx="426">
                  <c:v>7.1000000000000085</c:v>
                </c:pt>
                <c:pt idx="427">
                  <c:v>7.1166670000000067</c:v>
                </c:pt>
                <c:pt idx="428">
                  <c:v>7.1333340000000049</c:v>
                </c:pt>
                <c:pt idx="429">
                  <c:v>7.1500000000000057</c:v>
                </c:pt>
                <c:pt idx="430">
                  <c:v>7.1666670000000039</c:v>
                </c:pt>
                <c:pt idx="431">
                  <c:v>7.1833340000000021</c:v>
                </c:pt>
                <c:pt idx="432">
                  <c:v>7.2000000000000028</c:v>
                </c:pt>
                <c:pt idx="433">
                  <c:v>7.2166670000000011</c:v>
                </c:pt>
                <c:pt idx="434">
                  <c:v>7.2333340000000135</c:v>
                </c:pt>
                <c:pt idx="435">
                  <c:v>7.25</c:v>
                </c:pt>
                <c:pt idx="436">
                  <c:v>7.2666670000000124</c:v>
                </c:pt>
                <c:pt idx="437">
                  <c:v>7.2833340000000106</c:v>
                </c:pt>
                <c:pt idx="438">
                  <c:v>7.3000000000000114</c:v>
                </c:pt>
                <c:pt idx="439">
                  <c:v>7.3166670000000096</c:v>
                </c:pt>
                <c:pt idx="440">
                  <c:v>7.3333340000000078</c:v>
                </c:pt>
                <c:pt idx="441">
                  <c:v>7.3500000000000085</c:v>
                </c:pt>
                <c:pt idx="442">
                  <c:v>7.3666670000000067</c:v>
                </c:pt>
                <c:pt idx="443">
                  <c:v>7.3833340000000049</c:v>
                </c:pt>
                <c:pt idx="444">
                  <c:v>7.4000000000000057</c:v>
                </c:pt>
                <c:pt idx="445">
                  <c:v>7.4166670000000039</c:v>
                </c:pt>
                <c:pt idx="446">
                  <c:v>7.4333340000000021</c:v>
                </c:pt>
                <c:pt idx="447">
                  <c:v>7.4500000000000028</c:v>
                </c:pt>
                <c:pt idx="448">
                  <c:v>7.4666670000000011</c:v>
                </c:pt>
                <c:pt idx="449">
                  <c:v>7.4833340000000135</c:v>
                </c:pt>
                <c:pt idx="450">
                  <c:v>7.5</c:v>
                </c:pt>
                <c:pt idx="451">
                  <c:v>7.5166670000000124</c:v>
                </c:pt>
                <c:pt idx="452">
                  <c:v>7.5333340000000106</c:v>
                </c:pt>
                <c:pt idx="453">
                  <c:v>7.5500000000000114</c:v>
                </c:pt>
                <c:pt idx="454">
                  <c:v>7.5666670000000096</c:v>
                </c:pt>
                <c:pt idx="455">
                  <c:v>7.5833340000000078</c:v>
                </c:pt>
                <c:pt idx="456">
                  <c:v>7.6000000000000085</c:v>
                </c:pt>
                <c:pt idx="457">
                  <c:v>7.6166670000000067</c:v>
                </c:pt>
                <c:pt idx="458">
                  <c:v>7.6333340000000049</c:v>
                </c:pt>
                <c:pt idx="459">
                  <c:v>7.6500000000000057</c:v>
                </c:pt>
                <c:pt idx="460">
                  <c:v>7.6666670000000039</c:v>
                </c:pt>
                <c:pt idx="461">
                  <c:v>7.6833340000000021</c:v>
                </c:pt>
                <c:pt idx="462">
                  <c:v>7.7000000000000028</c:v>
                </c:pt>
                <c:pt idx="463">
                  <c:v>7.7166670000000011</c:v>
                </c:pt>
                <c:pt idx="464">
                  <c:v>7.7333340000000135</c:v>
                </c:pt>
                <c:pt idx="465">
                  <c:v>7.75</c:v>
                </c:pt>
                <c:pt idx="466">
                  <c:v>7.7666670000000124</c:v>
                </c:pt>
                <c:pt idx="467">
                  <c:v>7.7833340000000106</c:v>
                </c:pt>
                <c:pt idx="468">
                  <c:v>7.8000000000000114</c:v>
                </c:pt>
                <c:pt idx="469">
                  <c:v>7.8166670000000096</c:v>
                </c:pt>
                <c:pt idx="470">
                  <c:v>7.8333340000000078</c:v>
                </c:pt>
                <c:pt idx="471">
                  <c:v>7.8500000000000085</c:v>
                </c:pt>
                <c:pt idx="472">
                  <c:v>7.8666670000000067</c:v>
                </c:pt>
                <c:pt idx="473">
                  <c:v>7.8833340000000049</c:v>
                </c:pt>
                <c:pt idx="474">
                  <c:v>7.9000000000000057</c:v>
                </c:pt>
                <c:pt idx="475">
                  <c:v>7.9166670000000039</c:v>
                </c:pt>
                <c:pt idx="476">
                  <c:v>7.9333340000000021</c:v>
                </c:pt>
                <c:pt idx="477">
                  <c:v>7.9500000000000028</c:v>
                </c:pt>
                <c:pt idx="478">
                  <c:v>7.9666670000000011</c:v>
                </c:pt>
                <c:pt idx="479">
                  <c:v>7.9833340000000135</c:v>
                </c:pt>
                <c:pt idx="480">
                  <c:v>8</c:v>
                </c:pt>
                <c:pt idx="481">
                  <c:v>8.0166670000000124</c:v>
                </c:pt>
                <c:pt idx="482">
                  <c:v>8.0333340000000106</c:v>
                </c:pt>
                <c:pt idx="483">
                  <c:v>8.0500000000000114</c:v>
                </c:pt>
                <c:pt idx="484">
                  <c:v>8.0666670000000096</c:v>
                </c:pt>
                <c:pt idx="485">
                  <c:v>8.0833340000000078</c:v>
                </c:pt>
                <c:pt idx="486">
                  <c:v>8.1000000000000085</c:v>
                </c:pt>
                <c:pt idx="487">
                  <c:v>8.1166670000000067</c:v>
                </c:pt>
                <c:pt idx="488">
                  <c:v>8.1333340000000049</c:v>
                </c:pt>
                <c:pt idx="489">
                  <c:v>8.1500000000000057</c:v>
                </c:pt>
                <c:pt idx="490">
                  <c:v>8.1666670000000039</c:v>
                </c:pt>
                <c:pt idx="491">
                  <c:v>8.1833340000000021</c:v>
                </c:pt>
                <c:pt idx="492">
                  <c:v>8.2000000000000028</c:v>
                </c:pt>
                <c:pt idx="493">
                  <c:v>8.2166670000000011</c:v>
                </c:pt>
                <c:pt idx="494">
                  <c:v>8.2333340000000135</c:v>
                </c:pt>
                <c:pt idx="495">
                  <c:v>8.25</c:v>
                </c:pt>
                <c:pt idx="496">
                  <c:v>8.2666670000000124</c:v>
                </c:pt>
                <c:pt idx="497">
                  <c:v>8.2833340000000106</c:v>
                </c:pt>
                <c:pt idx="498">
                  <c:v>8.3000000000000114</c:v>
                </c:pt>
                <c:pt idx="499">
                  <c:v>8.3166670000000096</c:v>
                </c:pt>
                <c:pt idx="500">
                  <c:v>8.3333340000000078</c:v>
                </c:pt>
                <c:pt idx="501">
                  <c:v>8.3500000000000085</c:v>
                </c:pt>
                <c:pt idx="502">
                  <c:v>8.3666670000000067</c:v>
                </c:pt>
                <c:pt idx="503">
                  <c:v>8.3833340000000049</c:v>
                </c:pt>
                <c:pt idx="504">
                  <c:v>8.4000000000000057</c:v>
                </c:pt>
                <c:pt idx="505">
                  <c:v>8.4166670000000039</c:v>
                </c:pt>
                <c:pt idx="506">
                  <c:v>8.4333340000000021</c:v>
                </c:pt>
                <c:pt idx="507">
                  <c:v>8.4500000000000028</c:v>
                </c:pt>
                <c:pt idx="508">
                  <c:v>8.4666670000000011</c:v>
                </c:pt>
                <c:pt idx="509">
                  <c:v>8.4833340000000135</c:v>
                </c:pt>
                <c:pt idx="510">
                  <c:v>8.5</c:v>
                </c:pt>
                <c:pt idx="511">
                  <c:v>8.5166670000000124</c:v>
                </c:pt>
                <c:pt idx="512">
                  <c:v>8.5333340000000106</c:v>
                </c:pt>
                <c:pt idx="513">
                  <c:v>8.5500000000000114</c:v>
                </c:pt>
                <c:pt idx="514">
                  <c:v>8.5666670000000096</c:v>
                </c:pt>
                <c:pt idx="515">
                  <c:v>8.5833340000000078</c:v>
                </c:pt>
                <c:pt idx="516">
                  <c:v>8.6000000000000085</c:v>
                </c:pt>
                <c:pt idx="517">
                  <c:v>8.6166670000000067</c:v>
                </c:pt>
                <c:pt idx="518">
                  <c:v>8.6333340000000049</c:v>
                </c:pt>
                <c:pt idx="519">
                  <c:v>8.6500000000000057</c:v>
                </c:pt>
                <c:pt idx="520">
                  <c:v>8.6666670000000039</c:v>
                </c:pt>
                <c:pt idx="521">
                  <c:v>8.6833340000000021</c:v>
                </c:pt>
                <c:pt idx="522">
                  <c:v>8.7000000000000028</c:v>
                </c:pt>
                <c:pt idx="523">
                  <c:v>8.7166670000000011</c:v>
                </c:pt>
                <c:pt idx="524">
                  <c:v>8.7333340000000135</c:v>
                </c:pt>
                <c:pt idx="525">
                  <c:v>8.75</c:v>
                </c:pt>
                <c:pt idx="526">
                  <c:v>8.7666670000000124</c:v>
                </c:pt>
                <c:pt idx="527">
                  <c:v>8.7833340000000106</c:v>
                </c:pt>
                <c:pt idx="528">
                  <c:v>8.8000000000000114</c:v>
                </c:pt>
                <c:pt idx="529">
                  <c:v>8.8166670000000096</c:v>
                </c:pt>
                <c:pt idx="530">
                  <c:v>8.8333340000000078</c:v>
                </c:pt>
                <c:pt idx="531">
                  <c:v>8.8500000000000085</c:v>
                </c:pt>
                <c:pt idx="532">
                  <c:v>8.8666670000000067</c:v>
                </c:pt>
                <c:pt idx="533">
                  <c:v>8.8833340000000049</c:v>
                </c:pt>
                <c:pt idx="534">
                  <c:v>8.9000000000000057</c:v>
                </c:pt>
                <c:pt idx="535">
                  <c:v>8.9166670000000039</c:v>
                </c:pt>
                <c:pt idx="536">
                  <c:v>8.9333340000000021</c:v>
                </c:pt>
                <c:pt idx="537">
                  <c:v>8.9500000000000028</c:v>
                </c:pt>
                <c:pt idx="538">
                  <c:v>8.9666670000000011</c:v>
                </c:pt>
                <c:pt idx="539">
                  <c:v>8.9833340000000135</c:v>
                </c:pt>
                <c:pt idx="540">
                  <c:v>9</c:v>
                </c:pt>
                <c:pt idx="541">
                  <c:v>9.0166670000000124</c:v>
                </c:pt>
                <c:pt idx="542">
                  <c:v>9.0333340000000106</c:v>
                </c:pt>
                <c:pt idx="543">
                  <c:v>9.0500000000000114</c:v>
                </c:pt>
                <c:pt idx="544">
                  <c:v>9.0666670000000096</c:v>
                </c:pt>
                <c:pt idx="545">
                  <c:v>9.0833340000000078</c:v>
                </c:pt>
                <c:pt idx="546">
                  <c:v>9.1000000000000085</c:v>
                </c:pt>
                <c:pt idx="547">
                  <c:v>9.1166670000000067</c:v>
                </c:pt>
                <c:pt idx="548">
                  <c:v>9.1333340000000049</c:v>
                </c:pt>
                <c:pt idx="549">
                  <c:v>9.1500000000000057</c:v>
                </c:pt>
                <c:pt idx="550">
                  <c:v>9.1666670000000039</c:v>
                </c:pt>
                <c:pt idx="551">
                  <c:v>9.1833340000000021</c:v>
                </c:pt>
                <c:pt idx="552">
                  <c:v>9.2000000000000028</c:v>
                </c:pt>
                <c:pt idx="553">
                  <c:v>9.2166670000000011</c:v>
                </c:pt>
                <c:pt idx="554">
                  <c:v>9.2333340000000135</c:v>
                </c:pt>
                <c:pt idx="555">
                  <c:v>9.25</c:v>
                </c:pt>
                <c:pt idx="556">
                  <c:v>9.2666670000000124</c:v>
                </c:pt>
                <c:pt idx="557">
                  <c:v>9.2833340000000106</c:v>
                </c:pt>
                <c:pt idx="558">
                  <c:v>9.3000000000000114</c:v>
                </c:pt>
                <c:pt idx="559">
                  <c:v>9.3166670000000096</c:v>
                </c:pt>
                <c:pt idx="560">
                  <c:v>9.3333340000000078</c:v>
                </c:pt>
                <c:pt idx="561">
                  <c:v>9.3500000000000085</c:v>
                </c:pt>
                <c:pt idx="562">
                  <c:v>9.3666670000000067</c:v>
                </c:pt>
                <c:pt idx="563">
                  <c:v>9.3833340000000049</c:v>
                </c:pt>
                <c:pt idx="564">
                  <c:v>9.4000000000000057</c:v>
                </c:pt>
                <c:pt idx="565">
                  <c:v>9.4166670000000039</c:v>
                </c:pt>
                <c:pt idx="566">
                  <c:v>9.4333340000000021</c:v>
                </c:pt>
                <c:pt idx="567">
                  <c:v>9.4500000000000028</c:v>
                </c:pt>
                <c:pt idx="568">
                  <c:v>9.4666670000000011</c:v>
                </c:pt>
                <c:pt idx="569">
                  <c:v>9.4833340000000135</c:v>
                </c:pt>
                <c:pt idx="570">
                  <c:v>9.5</c:v>
                </c:pt>
                <c:pt idx="571">
                  <c:v>9.5166670000000124</c:v>
                </c:pt>
                <c:pt idx="572">
                  <c:v>9.5333340000000106</c:v>
                </c:pt>
                <c:pt idx="573">
                  <c:v>9.5500000000000114</c:v>
                </c:pt>
                <c:pt idx="574">
                  <c:v>9.5666670000000096</c:v>
                </c:pt>
                <c:pt idx="575">
                  <c:v>9.5833340000000078</c:v>
                </c:pt>
                <c:pt idx="576">
                  <c:v>9.6000000000000085</c:v>
                </c:pt>
                <c:pt idx="577">
                  <c:v>9.6166670000000067</c:v>
                </c:pt>
                <c:pt idx="578">
                  <c:v>9.6333340000000049</c:v>
                </c:pt>
                <c:pt idx="579">
                  <c:v>9.6500000000000057</c:v>
                </c:pt>
                <c:pt idx="580">
                  <c:v>9.6666670000000039</c:v>
                </c:pt>
                <c:pt idx="581">
                  <c:v>9.6833340000000021</c:v>
                </c:pt>
                <c:pt idx="582">
                  <c:v>9.7000000000000028</c:v>
                </c:pt>
                <c:pt idx="583">
                  <c:v>9.7166670000000011</c:v>
                </c:pt>
                <c:pt idx="584">
                  <c:v>9.7333340000000135</c:v>
                </c:pt>
                <c:pt idx="585">
                  <c:v>9.75</c:v>
                </c:pt>
                <c:pt idx="586">
                  <c:v>9.7666670000000124</c:v>
                </c:pt>
                <c:pt idx="587">
                  <c:v>9.7833340000000106</c:v>
                </c:pt>
                <c:pt idx="588">
                  <c:v>9.8000000000000114</c:v>
                </c:pt>
                <c:pt idx="589">
                  <c:v>9.8166670000000096</c:v>
                </c:pt>
                <c:pt idx="590">
                  <c:v>9.8333340000000078</c:v>
                </c:pt>
                <c:pt idx="591">
                  <c:v>9.8500000000000085</c:v>
                </c:pt>
                <c:pt idx="592">
                  <c:v>9.8666670000000067</c:v>
                </c:pt>
                <c:pt idx="593">
                  <c:v>9.8833340000000049</c:v>
                </c:pt>
                <c:pt idx="594">
                  <c:v>9.9000000000000057</c:v>
                </c:pt>
                <c:pt idx="595">
                  <c:v>9.9166670000000039</c:v>
                </c:pt>
                <c:pt idx="596">
                  <c:v>9.9333340000000021</c:v>
                </c:pt>
                <c:pt idx="597">
                  <c:v>9.9500000000000028</c:v>
                </c:pt>
                <c:pt idx="598">
                  <c:v>9.9666670000000011</c:v>
                </c:pt>
                <c:pt idx="599">
                  <c:v>9.9833340000000135</c:v>
                </c:pt>
                <c:pt idx="600">
                  <c:v>10</c:v>
                </c:pt>
                <c:pt idx="601">
                  <c:v>10.016667000000012</c:v>
                </c:pt>
                <c:pt idx="602">
                  <c:v>10.033334000000011</c:v>
                </c:pt>
                <c:pt idx="603">
                  <c:v>10.050000000000011</c:v>
                </c:pt>
                <c:pt idx="604">
                  <c:v>10.06666700000001</c:v>
                </c:pt>
                <c:pt idx="605">
                  <c:v>10.083334000000008</c:v>
                </c:pt>
                <c:pt idx="606">
                  <c:v>10.100000000000009</c:v>
                </c:pt>
                <c:pt idx="607">
                  <c:v>10.116667000000007</c:v>
                </c:pt>
                <c:pt idx="608">
                  <c:v>10.133334000000005</c:v>
                </c:pt>
                <c:pt idx="609">
                  <c:v>10.150000000000006</c:v>
                </c:pt>
                <c:pt idx="610">
                  <c:v>10.166667000000004</c:v>
                </c:pt>
                <c:pt idx="611">
                  <c:v>10.183334000000002</c:v>
                </c:pt>
                <c:pt idx="612">
                  <c:v>10.200000000000003</c:v>
                </c:pt>
                <c:pt idx="613">
                  <c:v>10.216667000000001</c:v>
                </c:pt>
                <c:pt idx="614">
                  <c:v>10.233334000000013</c:v>
                </c:pt>
                <c:pt idx="615">
                  <c:v>10.25</c:v>
                </c:pt>
                <c:pt idx="616">
                  <c:v>10.266667000000012</c:v>
                </c:pt>
                <c:pt idx="617">
                  <c:v>10.283334000000011</c:v>
                </c:pt>
                <c:pt idx="618">
                  <c:v>10.300000000000011</c:v>
                </c:pt>
                <c:pt idx="619">
                  <c:v>10.31666700000001</c:v>
                </c:pt>
                <c:pt idx="620">
                  <c:v>10.333334000000008</c:v>
                </c:pt>
                <c:pt idx="621">
                  <c:v>10.350000000000009</c:v>
                </c:pt>
                <c:pt idx="622">
                  <c:v>10.366667000000007</c:v>
                </c:pt>
                <c:pt idx="623">
                  <c:v>10.383334000000005</c:v>
                </c:pt>
                <c:pt idx="624">
                  <c:v>10.400000000000006</c:v>
                </c:pt>
                <c:pt idx="625">
                  <c:v>10.416667000000004</c:v>
                </c:pt>
                <c:pt idx="626">
                  <c:v>10.433334000000002</c:v>
                </c:pt>
                <c:pt idx="627">
                  <c:v>10.450000000000003</c:v>
                </c:pt>
                <c:pt idx="628">
                  <c:v>10.466667000000001</c:v>
                </c:pt>
                <c:pt idx="629">
                  <c:v>10.483334000000013</c:v>
                </c:pt>
                <c:pt idx="630">
                  <c:v>10.5</c:v>
                </c:pt>
                <c:pt idx="631">
                  <c:v>10.516667000000012</c:v>
                </c:pt>
                <c:pt idx="632">
                  <c:v>10.533334000000011</c:v>
                </c:pt>
                <c:pt idx="633">
                  <c:v>10.550000000000011</c:v>
                </c:pt>
                <c:pt idx="634">
                  <c:v>10.56666700000001</c:v>
                </c:pt>
                <c:pt idx="635">
                  <c:v>10.583334000000008</c:v>
                </c:pt>
                <c:pt idx="636">
                  <c:v>10.600000000000009</c:v>
                </c:pt>
                <c:pt idx="637">
                  <c:v>10.616667000000007</c:v>
                </c:pt>
                <c:pt idx="638">
                  <c:v>10.633334000000005</c:v>
                </c:pt>
                <c:pt idx="639">
                  <c:v>10.650000000000006</c:v>
                </c:pt>
                <c:pt idx="640">
                  <c:v>10.666667000000004</c:v>
                </c:pt>
                <c:pt idx="641">
                  <c:v>10.683334000000002</c:v>
                </c:pt>
                <c:pt idx="642">
                  <c:v>10.700000000000003</c:v>
                </c:pt>
                <c:pt idx="643">
                  <c:v>10.716667000000001</c:v>
                </c:pt>
                <c:pt idx="644">
                  <c:v>10.733334000000013</c:v>
                </c:pt>
                <c:pt idx="645">
                  <c:v>10.75</c:v>
                </c:pt>
                <c:pt idx="646">
                  <c:v>10.766667000000012</c:v>
                </c:pt>
                <c:pt idx="647">
                  <c:v>10.783334000000011</c:v>
                </c:pt>
                <c:pt idx="648">
                  <c:v>10.800000000000011</c:v>
                </c:pt>
                <c:pt idx="649">
                  <c:v>10.81666700000001</c:v>
                </c:pt>
                <c:pt idx="650">
                  <c:v>10.833334000000008</c:v>
                </c:pt>
                <c:pt idx="651">
                  <c:v>10.850000000000009</c:v>
                </c:pt>
                <c:pt idx="652">
                  <c:v>10.866667000000007</c:v>
                </c:pt>
                <c:pt idx="653">
                  <c:v>10.883334000000005</c:v>
                </c:pt>
                <c:pt idx="654">
                  <c:v>10.900000000000006</c:v>
                </c:pt>
                <c:pt idx="655">
                  <c:v>10.916667000000004</c:v>
                </c:pt>
                <c:pt idx="656">
                  <c:v>10.933334000000002</c:v>
                </c:pt>
                <c:pt idx="657">
                  <c:v>10.950000000000003</c:v>
                </c:pt>
                <c:pt idx="658">
                  <c:v>10.966667000000001</c:v>
                </c:pt>
                <c:pt idx="659">
                  <c:v>10.983334000000013</c:v>
                </c:pt>
                <c:pt idx="660">
                  <c:v>11</c:v>
                </c:pt>
                <c:pt idx="661">
                  <c:v>11.016667000000012</c:v>
                </c:pt>
                <c:pt idx="662">
                  <c:v>11.033334000000011</c:v>
                </c:pt>
                <c:pt idx="663">
                  <c:v>11.050000000000011</c:v>
                </c:pt>
                <c:pt idx="664">
                  <c:v>11.06666700000001</c:v>
                </c:pt>
                <c:pt idx="665">
                  <c:v>11.083334000000008</c:v>
                </c:pt>
                <c:pt idx="666">
                  <c:v>11.100000000000009</c:v>
                </c:pt>
                <c:pt idx="667">
                  <c:v>11.116667000000007</c:v>
                </c:pt>
                <c:pt idx="668">
                  <c:v>11.133334000000005</c:v>
                </c:pt>
                <c:pt idx="669">
                  <c:v>11.150000000000006</c:v>
                </c:pt>
                <c:pt idx="670">
                  <c:v>11.166667000000004</c:v>
                </c:pt>
                <c:pt idx="671">
                  <c:v>11.183334000000002</c:v>
                </c:pt>
                <c:pt idx="672">
                  <c:v>11.200000000000003</c:v>
                </c:pt>
                <c:pt idx="673">
                  <c:v>11.216667000000001</c:v>
                </c:pt>
                <c:pt idx="674">
                  <c:v>11.233334000000013</c:v>
                </c:pt>
                <c:pt idx="675">
                  <c:v>11.25</c:v>
                </c:pt>
                <c:pt idx="676">
                  <c:v>11.266667000000012</c:v>
                </c:pt>
                <c:pt idx="677">
                  <c:v>11.283334000000011</c:v>
                </c:pt>
                <c:pt idx="678">
                  <c:v>11.300000000000011</c:v>
                </c:pt>
                <c:pt idx="679">
                  <c:v>11.31666700000001</c:v>
                </c:pt>
                <c:pt idx="680">
                  <c:v>11.333334000000008</c:v>
                </c:pt>
                <c:pt idx="681">
                  <c:v>11.350000000000009</c:v>
                </c:pt>
                <c:pt idx="682">
                  <c:v>11.366667000000007</c:v>
                </c:pt>
                <c:pt idx="683">
                  <c:v>11.383334000000005</c:v>
                </c:pt>
                <c:pt idx="684">
                  <c:v>11.400000000000006</c:v>
                </c:pt>
                <c:pt idx="685">
                  <c:v>11.416667000000004</c:v>
                </c:pt>
                <c:pt idx="686">
                  <c:v>11.433334000000002</c:v>
                </c:pt>
                <c:pt idx="687">
                  <c:v>11.450000000000003</c:v>
                </c:pt>
                <c:pt idx="688">
                  <c:v>11.466667000000001</c:v>
                </c:pt>
                <c:pt idx="689">
                  <c:v>11.483334000000013</c:v>
                </c:pt>
                <c:pt idx="690">
                  <c:v>11.5</c:v>
                </c:pt>
                <c:pt idx="691">
                  <c:v>11.516667000000012</c:v>
                </c:pt>
                <c:pt idx="692">
                  <c:v>11.533334000000011</c:v>
                </c:pt>
                <c:pt idx="693">
                  <c:v>11.550000000000011</c:v>
                </c:pt>
                <c:pt idx="694">
                  <c:v>11.56666700000001</c:v>
                </c:pt>
                <c:pt idx="695">
                  <c:v>11.583334000000008</c:v>
                </c:pt>
                <c:pt idx="696">
                  <c:v>11.600000000000009</c:v>
                </c:pt>
                <c:pt idx="697">
                  <c:v>11.616667000000007</c:v>
                </c:pt>
                <c:pt idx="698">
                  <c:v>11.633334000000005</c:v>
                </c:pt>
                <c:pt idx="699">
                  <c:v>11.650000000000006</c:v>
                </c:pt>
                <c:pt idx="700">
                  <c:v>11.666667000000004</c:v>
                </c:pt>
                <c:pt idx="701">
                  <c:v>11.683334000000002</c:v>
                </c:pt>
                <c:pt idx="702">
                  <c:v>11.700000000000003</c:v>
                </c:pt>
                <c:pt idx="703">
                  <c:v>11.716667000000001</c:v>
                </c:pt>
                <c:pt idx="704">
                  <c:v>11.733334000000013</c:v>
                </c:pt>
                <c:pt idx="705">
                  <c:v>11.75</c:v>
                </c:pt>
                <c:pt idx="706">
                  <c:v>11.766667000000012</c:v>
                </c:pt>
                <c:pt idx="707">
                  <c:v>11.783334000000011</c:v>
                </c:pt>
                <c:pt idx="708">
                  <c:v>11.800000000000011</c:v>
                </c:pt>
                <c:pt idx="709">
                  <c:v>11.81666700000001</c:v>
                </c:pt>
                <c:pt idx="710">
                  <c:v>11.833334000000008</c:v>
                </c:pt>
                <c:pt idx="711">
                  <c:v>11.850000000000009</c:v>
                </c:pt>
                <c:pt idx="712">
                  <c:v>11.866667000000007</c:v>
                </c:pt>
                <c:pt idx="713">
                  <c:v>11.883334000000005</c:v>
                </c:pt>
                <c:pt idx="714">
                  <c:v>11.900000000000006</c:v>
                </c:pt>
                <c:pt idx="715">
                  <c:v>11.916667000000004</c:v>
                </c:pt>
                <c:pt idx="716">
                  <c:v>11.933334000000002</c:v>
                </c:pt>
                <c:pt idx="717">
                  <c:v>11.950000000000003</c:v>
                </c:pt>
                <c:pt idx="718">
                  <c:v>11.966667000000001</c:v>
                </c:pt>
                <c:pt idx="719">
                  <c:v>11.983334000000013</c:v>
                </c:pt>
                <c:pt idx="720">
                  <c:v>12</c:v>
                </c:pt>
                <c:pt idx="721">
                  <c:v>12.016667000000012</c:v>
                </c:pt>
                <c:pt idx="722">
                  <c:v>12.033334000000011</c:v>
                </c:pt>
                <c:pt idx="723">
                  <c:v>12.050000000000011</c:v>
                </c:pt>
                <c:pt idx="724">
                  <c:v>12.06666700000001</c:v>
                </c:pt>
                <c:pt idx="725">
                  <c:v>12.083334000000008</c:v>
                </c:pt>
                <c:pt idx="726">
                  <c:v>12.100000000000009</c:v>
                </c:pt>
                <c:pt idx="727">
                  <c:v>12.116667000000007</c:v>
                </c:pt>
                <c:pt idx="728">
                  <c:v>12.133334000000005</c:v>
                </c:pt>
                <c:pt idx="729">
                  <c:v>12.150000000000006</c:v>
                </c:pt>
                <c:pt idx="730">
                  <c:v>12.166667000000004</c:v>
                </c:pt>
                <c:pt idx="731">
                  <c:v>12.183334000000002</c:v>
                </c:pt>
                <c:pt idx="732">
                  <c:v>12.200000000000003</c:v>
                </c:pt>
                <c:pt idx="733">
                  <c:v>12.216667000000001</c:v>
                </c:pt>
                <c:pt idx="734">
                  <c:v>12.233334000000013</c:v>
                </c:pt>
                <c:pt idx="735">
                  <c:v>12.25</c:v>
                </c:pt>
                <c:pt idx="736">
                  <c:v>12.266667000000012</c:v>
                </c:pt>
                <c:pt idx="737">
                  <c:v>12.283334000000011</c:v>
                </c:pt>
                <c:pt idx="738">
                  <c:v>12.300000000000011</c:v>
                </c:pt>
                <c:pt idx="739">
                  <c:v>12.31666700000001</c:v>
                </c:pt>
                <c:pt idx="740">
                  <c:v>12.333334000000008</c:v>
                </c:pt>
                <c:pt idx="741">
                  <c:v>12.350000000000009</c:v>
                </c:pt>
                <c:pt idx="742">
                  <c:v>12.366667000000007</c:v>
                </c:pt>
                <c:pt idx="743">
                  <c:v>12.383334000000005</c:v>
                </c:pt>
                <c:pt idx="744">
                  <c:v>12.400000000000006</c:v>
                </c:pt>
                <c:pt idx="745">
                  <c:v>12.416667000000004</c:v>
                </c:pt>
                <c:pt idx="746">
                  <c:v>12.433334000000002</c:v>
                </c:pt>
                <c:pt idx="747">
                  <c:v>12.450000000000003</c:v>
                </c:pt>
                <c:pt idx="748">
                  <c:v>12.466667000000001</c:v>
                </c:pt>
                <c:pt idx="749">
                  <c:v>12.483334000000013</c:v>
                </c:pt>
                <c:pt idx="750">
                  <c:v>12.5</c:v>
                </c:pt>
                <c:pt idx="751">
                  <c:v>12.516667000000012</c:v>
                </c:pt>
                <c:pt idx="752">
                  <c:v>12.533334000000011</c:v>
                </c:pt>
                <c:pt idx="753">
                  <c:v>12.550000000000011</c:v>
                </c:pt>
                <c:pt idx="754">
                  <c:v>12.56666700000001</c:v>
                </c:pt>
                <c:pt idx="755">
                  <c:v>12.583334000000008</c:v>
                </c:pt>
                <c:pt idx="756">
                  <c:v>12.600000000000009</c:v>
                </c:pt>
                <c:pt idx="757">
                  <c:v>12.616667000000007</c:v>
                </c:pt>
                <c:pt idx="758">
                  <c:v>12.633334000000005</c:v>
                </c:pt>
                <c:pt idx="759">
                  <c:v>12.650000000000006</c:v>
                </c:pt>
                <c:pt idx="760">
                  <c:v>12.666667000000004</c:v>
                </c:pt>
                <c:pt idx="761">
                  <c:v>12.683334000000002</c:v>
                </c:pt>
                <c:pt idx="762">
                  <c:v>12.700000000000003</c:v>
                </c:pt>
                <c:pt idx="763">
                  <c:v>12.716667000000001</c:v>
                </c:pt>
                <c:pt idx="764">
                  <c:v>12.733334000000013</c:v>
                </c:pt>
                <c:pt idx="765">
                  <c:v>12.75</c:v>
                </c:pt>
                <c:pt idx="766">
                  <c:v>12.766667000000012</c:v>
                </c:pt>
                <c:pt idx="767">
                  <c:v>12.783334000000011</c:v>
                </c:pt>
                <c:pt idx="768">
                  <c:v>12.800000000000011</c:v>
                </c:pt>
                <c:pt idx="769">
                  <c:v>12.81666700000001</c:v>
                </c:pt>
                <c:pt idx="770">
                  <c:v>12.833334000000008</c:v>
                </c:pt>
                <c:pt idx="771">
                  <c:v>12.850000000000009</c:v>
                </c:pt>
                <c:pt idx="772">
                  <c:v>12.866667000000007</c:v>
                </c:pt>
                <c:pt idx="773">
                  <c:v>12.883334000000005</c:v>
                </c:pt>
                <c:pt idx="774">
                  <c:v>12.900000000000006</c:v>
                </c:pt>
                <c:pt idx="775">
                  <c:v>12.916667000000004</c:v>
                </c:pt>
                <c:pt idx="776">
                  <c:v>12.933334000000002</c:v>
                </c:pt>
                <c:pt idx="777">
                  <c:v>12.950000000000003</c:v>
                </c:pt>
                <c:pt idx="778">
                  <c:v>12.966667000000001</c:v>
                </c:pt>
                <c:pt idx="779">
                  <c:v>12.983334000000013</c:v>
                </c:pt>
                <c:pt idx="780">
                  <c:v>13</c:v>
                </c:pt>
                <c:pt idx="781">
                  <c:v>13.016667000000012</c:v>
                </c:pt>
                <c:pt idx="782">
                  <c:v>13.033334000000011</c:v>
                </c:pt>
                <c:pt idx="783">
                  <c:v>13.050000000000011</c:v>
                </c:pt>
                <c:pt idx="784">
                  <c:v>13.06666700000001</c:v>
                </c:pt>
                <c:pt idx="785">
                  <c:v>13.083334000000008</c:v>
                </c:pt>
                <c:pt idx="786">
                  <c:v>13.100000000000009</c:v>
                </c:pt>
                <c:pt idx="787">
                  <c:v>13.116667000000007</c:v>
                </c:pt>
                <c:pt idx="788">
                  <c:v>13.133334000000005</c:v>
                </c:pt>
                <c:pt idx="789">
                  <c:v>13.150000000000006</c:v>
                </c:pt>
                <c:pt idx="790">
                  <c:v>13.166667000000004</c:v>
                </c:pt>
                <c:pt idx="791">
                  <c:v>13.183334000000002</c:v>
                </c:pt>
                <c:pt idx="792">
                  <c:v>13.200000000000003</c:v>
                </c:pt>
                <c:pt idx="793">
                  <c:v>13.216667000000001</c:v>
                </c:pt>
                <c:pt idx="794">
                  <c:v>13.233334000000013</c:v>
                </c:pt>
                <c:pt idx="795">
                  <c:v>13.25</c:v>
                </c:pt>
                <c:pt idx="796">
                  <c:v>13.266667000000012</c:v>
                </c:pt>
                <c:pt idx="797">
                  <c:v>13.283334000000011</c:v>
                </c:pt>
                <c:pt idx="798">
                  <c:v>13.300000000000011</c:v>
                </c:pt>
                <c:pt idx="799">
                  <c:v>13.31666700000001</c:v>
                </c:pt>
                <c:pt idx="800">
                  <c:v>13.333334000000008</c:v>
                </c:pt>
                <c:pt idx="801">
                  <c:v>13.350000000000009</c:v>
                </c:pt>
                <c:pt idx="802">
                  <c:v>13.366667000000007</c:v>
                </c:pt>
                <c:pt idx="803">
                  <c:v>13.383334000000005</c:v>
                </c:pt>
                <c:pt idx="804">
                  <c:v>13.400000000000006</c:v>
                </c:pt>
                <c:pt idx="805">
                  <c:v>13.416667000000004</c:v>
                </c:pt>
                <c:pt idx="806">
                  <c:v>13.433334000000002</c:v>
                </c:pt>
                <c:pt idx="807">
                  <c:v>13.450000000000003</c:v>
                </c:pt>
                <c:pt idx="808">
                  <c:v>13.466667000000001</c:v>
                </c:pt>
                <c:pt idx="809">
                  <c:v>13.483334000000013</c:v>
                </c:pt>
                <c:pt idx="810">
                  <c:v>13.5</c:v>
                </c:pt>
                <c:pt idx="811">
                  <c:v>13.516667000000012</c:v>
                </c:pt>
                <c:pt idx="812">
                  <c:v>13.533334000000011</c:v>
                </c:pt>
                <c:pt idx="813">
                  <c:v>13.550000000000011</c:v>
                </c:pt>
                <c:pt idx="814">
                  <c:v>13.56666700000001</c:v>
                </c:pt>
                <c:pt idx="815">
                  <c:v>13.583334000000008</c:v>
                </c:pt>
                <c:pt idx="816">
                  <c:v>13.600000000000009</c:v>
                </c:pt>
                <c:pt idx="817">
                  <c:v>13.616667000000007</c:v>
                </c:pt>
                <c:pt idx="818">
                  <c:v>13.633334000000005</c:v>
                </c:pt>
                <c:pt idx="819">
                  <c:v>13.650000000000006</c:v>
                </c:pt>
                <c:pt idx="820">
                  <c:v>13.666667000000004</c:v>
                </c:pt>
                <c:pt idx="821">
                  <c:v>13.683334000000002</c:v>
                </c:pt>
                <c:pt idx="822">
                  <c:v>13.700000000000003</c:v>
                </c:pt>
                <c:pt idx="823">
                  <c:v>13.716667000000001</c:v>
                </c:pt>
                <c:pt idx="824">
                  <c:v>13.733334000000013</c:v>
                </c:pt>
                <c:pt idx="825">
                  <c:v>13.75</c:v>
                </c:pt>
                <c:pt idx="826">
                  <c:v>13.766667000000012</c:v>
                </c:pt>
                <c:pt idx="827">
                  <c:v>13.783334000000011</c:v>
                </c:pt>
                <c:pt idx="828">
                  <c:v>13.800000000000011</c:v>
                </c:pt>
                <c:pt idx="829">
                  <c:v>13.81666700000001</c:v>
                </c:pt>
                <c:pt idx="830">
                  <c:v>13.833334000000008</c:v>
                </c:pt>
                <c:pt idx="831">
                  <c:v>13.850000000000009</c:v>
                </c:pt>
                <c:pt idx="832">
                  <c:v>13.866667000000007</c:v>
                </c:pt>
                <c:pt idx="833">
                  <c:v>13.883334000000005</c:v>
                </c:pt>
                <c:pt idx="834">
                  <c:v>13.900000000000006</c:v>
                </c:pt>
                <c:pt idx="835">
                  <c:v>13.916667000000004</c:v>
                </c:pt>
                <c:pt idx="836">
                  <c:v>13.933334000000002</c:v>
                </c:pt>
                <c:pt idx="837">
                  <c:v>13.950000000000003</c:v>
                </c:pt>
                <c:pt idx="838">
                  <c:v>13.966667000000001</c:v>
                </c:pt>
                <c:pt idx="839">
                  <c:v>13.983334000000013</c:v>
                </c:pt>
                <c:pt idx="840">
                  <c:v>14</c:v>
                </c:pt>
                <c:pt idx="841">
                  <c:v>14.016667000000012</c:v>
                </c:pt>
                <c:pt idx="842">
                  <c:v>14.033334000000011</c:v>
                </c:pt>
                <c:pt idx="843">
                  <c:v>14.050000000000011</c:v>
                </c:pt>
                <c:pt idx="844">
                  <c:v>14.06666700000001</c:v>
                </c:pt>
                <c:pt idx="845">
                  <c:v>14.083334000000008</c:v>
                </c:pt>
                <c:pt idx="846">
                  <c:v>14.100000000000009</c:v>
                </c:pt>
                <c:pt idx="847">
                  <c:v>14.116667000000007</c:v>
                </c:pt>
                <c:pt idx="848">
                  <c:v>14.133334000000005</c:v>
                </c:pt>
                <c:pt idx="849">
                  <c:v>14.150000000000006</c:v>
                </c:pt>
                <c:pt idx="850">
                  <c:v>14.166667000000004</c:v>
                </c:pt>
                <c:pt idx="851">
                  <c:v>14.183334000000002</c:v>
                </c:pt>
                <c:pt idx="852">
                  <c:v>14.200000000000003</c:v>
                </c:pt>
                <c:pt idx="853">
                  <c:v>14.216667000000001</c:v>
                </c:pt>
                <c:pt idx="854">
                  <c:v>14.233334000000013</c:v>
                </c:pt>
                <c:pt idx="855">
                  <c:v>14.25</c:v>
                </c:pt>
                <c:pt idx="856">
                  <c:v>14.266667000000012</c:v>
                </c:pt>
                <c:pt idx="857">
                  <c:v>14.283334000000011</c:v>
                </c:pt>
                <c:pt idx="858">
                  <c:v>14.300000000000011</c:v>
                </c:pt>
                <c:pt idx="859">
                  <c:v>14.31666700000001</c:v>
                </c:pt>
                <c:pt idx="860">
                  <c:v>14.333334000000008</c:v>
                </c:pt>
                <c:pt idx="861">
                  <c:v>14.350000000000009</c:v>
                </c:pt>
                <c:pt idx="862">
                  <c:v>14.366667000000007</c:v>
                </c:pt>
                <c:pt idx="863">
                  <c:v>14.383334000000005</c:v>
                </c:pt>
                <c:pt idx="864">
                  <c:v>14.400000000000006</c:v>
                </c:pt>
                <c:pt idx="865">
                  <c:v>14.416667000000004</c:v>
                </c:pt>
                <c:pt idx="866">
                  <c:v>14.433334000000002</c:v>
                </c:pt>
                <c:pt idx="867">
                  <c:v>14.450000000000003</c:v>
                </c:pt>
                <c:pt idx="868">
                  <c:v>14.466667000000001</c:v>
                </c:pt>
                <c:pt idx="869">
                  <c:v>14.483334000000013</c:v>
                </c:pt>
                <c:pt idx="870">
                  <c:v>14.5</c:v>
                </c:pt>
                <c:pt idx="871">
                  <c:v>14.516667000000012</c:v>
                </c:pt>
                <c:pt idx="872">
                  <c:v>14.533334000000011</c:v>
                </c:pt>
                <c:pt idx="873">
                  <c:v>14.550000000000011</c:v>
                </c:pt>
                <c:pt idx="874">
                  <c:v>14.56666700000001</c:v>
                </c:pt>
                <c:pt idx="875">
                  <c:v>14.583334000000008</c:v>
                </c:pt>
                <c:pt idx="876">
                  <c:v>14.600000000000009</c:v>
                </c:pt>
                <c:pt idx="877">
                  <c:v>14.616667000000007</c:v>
                </c:pt>
                <c:pt idx="878">
                  <c:v>14.633334000000005</c:v>
                </c:pt>
                <c:pt idx="879">
                  <c:v>14.650000000000006</c:v>
                </c:pt>
                <c:pt idx="880">
                  <c:v>14.666667000000004</c:v>
                </c:pt>
                <c:pt idx="881">
                  <c:v>14.683334000000002</c:v>
                </c:pt>
                <c:pt idx="882">
                  <c:v>14.700000000000003</c:v>
                </c:pt>
                <c:pt idx="883">
                  <c:v>14.716667000000001</c:v>
                </c:pt>
                <c:pt idx="884">
                  <c:v>14.733334000000013</c:v>
                </c:pt>
                <c:pt idx="885">
                  <c:v>14.75</c:v>
                </c:pt>
                <c:pt idx="886">
                  <c:v>14.766667000000012</c:v>
                </c:pt>
                <c:pt idx="887">
                  <c:v>14.783334000000011</c:v>
                </c:pt>
                <c:pt idx="888">
                  <c:v>14.800000000000011</c:v>
                </c:pt>
                <c:pt idx="889">
                  <c:v>14.81666700000001</c:v>
                </c:pt>
                <c:pt idx="890">
                  <c:v>14.833334000000008</c:v>
                </c:pt>
                <c:pt idx="891">
                  <c:v>14.850000000000009</c:v>
                </c:pt>
                <c:pt idx="892">
                  <c:v>14.866667000000007</c:v>
                </c:pt>
                <c:pt idx="893">
                  <c:v>14.883334000000005</c:v>
                </c:pt>
                <c:pt idx="894">
                  <c:v>14.900000000000006</c:v>
                </c:pt>
                <c:pt idx="895">
                  <c:v>14.916667000000004</c:v>
                </c:pt>
                <c:pt idx="896">
                  <c:v>14.933334000000002</c:v>
                </c:pt>
                <c:pt idx="897">
                  <c:v>14.950000000000003</c:v>
                </c:pt>
                <c:pt idx="898">
                  <c:v>14.966667000000001</c:v>
                </c:pt>
                <c:pt idx="899">
                  <c:v>14.983334000000013</c:v>
                </c:pt>
                <c:pt idx="900">
                  <c:v>15</c:v>
                </c:pt>
                <c:pt idx="901">
                  <c:v>15.016667000000012</c:v>
                </c:pt>
                <c:pt idx="902">
                  <c:v>15.033334000000011</c:v>
                </c:pt>
                <c:pt idx="903">
                  <c:v>15.050000000000011</c:v>
                </c:pt>
                <c:pt idx="904">
                  <c:v>15.06666700000001</c:v>
                </c:pt>
                <c:pt idx="905">
                  <c:v>15.083334000000008</c:v>
                </c:pt>
                <c:pt idx="906">
                  <c:v>15.100000000000009</c:v>
                </c:pt>
                <c:pt idx="907">
                  <c:v>15.116667000000007</c:v>
                </c:pt>
                <c:pt idx="908">
                  <c:v>15.133334000000005</c:v>
                </c:pt>
                <c:pt idx="909">
                  <c:v>15.150000000000006</c:v>
                </c:pt>
                <c:pt idx="910">
                  <c:v>15.166667000000004</c:v>
                </c:pt>
                <c:pt idx="911">
                  <c:v>15.183334000000002</c:v>
                </c:pt>
                <c:pt idx="912">
                  <c:v>15.200000000000003</c:v>
                </c:pt>
                <c:pt idx="913">
                  <c:v>15.216667000000001</c:v>
                </c:pt>
                <c:pt idx="914">
                  <c:v>15.233334000000013</c:v>
                </c:pt>
                <c:pt idx="915">
                  <c:v>15.25</c:v>
                </c:pt>
                <c:pt idx="916">
                  <c:v>15.266667000000012</c:v>
                </c:pt>
                <c:pt idx="917">
                  <c:v>15.283334000000011</c:v>
                </c:pt>
                <c:pt idx="918">
                  <c:v>15.300000000000011</c:v>
                </c:pt>
                <c:pt idx="919">
                  <c:v>15.31666700000001</c:v>
                </c:pt>
                <c:pt idx="920">
                  <c:v>15.333334000000008</c:v>
                </c:pt>
                <c:pt idx="921">
                  <c:v>15.350000000000009</c:v>
                </c:pt>
                <c:pt idx="922">
                  <c:v>15.366667000000007</c:v>
                </c:pt>
                <c:pt idx="923">
                  <c:v>15.383334000000005</c:v>
                </c:pt>
                <c:pt idx="924">
                  <c:v>15.400000000000006</c:v>
                </c:pt>
                <c:pt idx="925">
                  <c:v>15.416667000000004</c:v>
                </c:pt>
                <c:pt idx="926">
                  <c:v>15.433334000000002</c:v>
                </c:pt>
                <c:pt idx="927">
                  <c:v>15.450000000000003</c:v>
                </c:pt>
                <c:pt idx="928">
                  <c:v>15.466667000000001</c:v>
                </c:pt>
                <c:pt idx="929">
                  <c:v>15.483334000000013</c:v>
                </c:pt>
                <c:pt idx="930">
                  <c:v>15.5</c:v>
                </c:pt>
                <c:pt idx="931">
                  <c:v>15.516667000000012</c:v>
                </c:pt>
                <c:pt idx="932">
                  <c:v>15.533334000000011</c:v>
                </c:pt>
                <c:pt idx="933">
                  <c:v>15.550000000000011</c:v>
                </c:pt>
                <c:pt idx="934">
                  <c:v>15.56666700000001</c:v>
                </c:pt>
                <c:pt idx="935">
                  <c:v>15.583334000000008</c:v>
                </c:pt>
                <c:pt idx="936">
                  <c:v>15.600000000000009</c:v>
                </c:pt>
                <c:pt idx="937">
                  <c:v>15.616667000000007</c:v>
                </c:pt>
                <c:pt idx="938">
                  <c:v>15.633334000000005</c:v>
                </c:pt>
                <c:pt idx="939">
                  <c:v>15.650000000000006</c:v>
                </c:pt>
                <c:pt idx="940">
                  <c:v>15.666667000000004</c:v>
                </c:pt>
                <c:pt idx="941">
                  <c:v>15.683334000000002</c:v>
                </c:pt>
                <c:pt idx="942">
                  <c:v>15.700000000000003</c:v>
                </c:pt>
                <c:pt idx="943">
                  <c:v>15.716667000000001</c:v>
                </c:pt>
                <c:pt idx="944">
                  <c:v>15.733334000000013</c:v>
                </c:pt>
                <c:pt idx="945">
                  <c:v>15.75</c:v>
                </c:pt>
                <c:pt idx="946">
                  <c:v>15.766667000000012</c:v>
                </c:pt>
                <c:pt idx="947">
                  <c:v>15.783334000000011</c:v>
                </c:pt>
                <c:pt idx="948">
                  <c:v>15.800000000000011</c:v>
                </c:pt>
                <c:pt idx="949">
                  <c:v>15.81666700000001</c:v>
                </c:pt>
                <c:pt idx="950">
                  <c:v>15.833334000000008</c:v>
                </c:pt>
                <c:pt idx="951">
                  <c:v>15.850000000000009</c:v>
                </c:pt>
                <c:pt idx="952">
                  <c:v>15.866667000000007</c:v>
                </c:pt>
                <c:pt idx="953">
                  <c:v>15.883334000000005</c:v>
                </c:pt>
                <c:pt idx="954">
                  <c:v>15.900000000000006</c:v>
                </c:pt>
                <c:pt idx="955">
                  <c:v>15.916667000000004</c:v>
                </c:pt>
                <c:pt idx="956">
                  <c:v>15.933334000000002</c:v>
                </c:pt>
                <c:pt idx="957">
                  <c:v>15.950000000000003</c:v>
                </c:pt>
                <c:pt idx="958">
                  <c:v>15.966667000000001</c:v>
                </c:pt>
                <c:pt idx="959">
                  <c:v>15.983334000000013</c:v>
                </c:pt>
                <c:pt idx="960">
                  <c:v>16</c:v>
                </c:pt>
                <c:pt idx="961">
                  <c:v>16.016667000000012</c:v>
                </c:pt>
                <c:pt idx="962">
                  <c:v>16.033334000000011</c:v>
                </c:pt>
                <c:pt idx="963">
                  <c:v>16.050000000000011</c:v>
                </c:pt>
                <c:pt idx="964">
                  <c:v>16.06666700000001</c:v>
                </c:pt>
                <c:pt idx="965">
                  <c:v>16.083334000000008</c:v>
                </c:pt>
                <c:pt idx="966">
                  <c:v>16.100000000000009</c:v>
                </c:pt>
                <c:pt idx="967">
                  <c:v>16.116667000000007</c:v>
                </c:pt>
                <c:pt idx="968">
                  <c:v>16.133334000000005</c:v>
                </c:pt>
                <c:pt idx="969">
                  <c:v>16.150000000000006</c:v>
                </c:pt>
                <c:pt idx="970">
                  <c:v>16.166667000000004</c:v>
                </c:pt>
                <c:pt idx="971">
                  <c:v>16.183334000000002</c:v>
                </c:pt>
                <c:pt idx="972">
                  <c:v>16.200000000000003</c:v>
                </c:pt>
                <c:pt idx="973">
                  <c:v>16.216667000000001</c:v>
                </c:pt>
                <c:pt idx="974">
                  <c:v>16.233334000000013</c:v>
                </c:pt>
                <c:pt idx="975">
                  <c:v>16.25</c:v>
                </c:pt>
                <c:pt idx="976">
                  <c:v>16.266667000000012</c:v>
                </c:pt>
                <c:pt idx="977">
                  <c:v>16.283334000000011</c:v>
                </c:pt>
                <c:pt idx="978">
                  <c:v>16.300000000000011</c:v>
                </c:pt>
                <c:pt idx="979">
                  <c:v>16.31666700000001</c:v>
                </c:pt>
                <c:pt idx="980">
                  <c:v>16.333334000000008</c:v>
                </c:pt>
                <c:pt idx="981">
                  <c:v>16.350000000000009</c:v>
                </c:pt>
                <c:pt idx="982">
                  <c:v>16.366667000000007</c:v>
                </c:pt>
                <c:pt idx="983">
                  <c:v>16.383334000000005</c:v>
                </c:pt>
                <c:pt idx="984">
                  <c:v>16.400000000000006</c:v>
                </c:pt>
                <c:pt idx="985">
                  <c:v>16.416667000000004</c:v>
                </c:pt>
                <c:pt idx="986">
                  <c:v>16.433334000000002</c:v>
                </c:pt>
                <c:pt idx="987">
                  <c:v>16.450000000000003</c:v>
                </c:pt>
                <c:pt idx="988">
                  <c:v>16.466667000000001</c:v>
                </c:pt>
                <c:pt idx="989">
                  <c:v>16.483334000000013</c:v>
                </c:pt>
                <c:pt idx="990">
                  <c:v>16.5</c:v>
                </c:pt>
                <c:pt idx="991">
                  <c:v>16.516667000000012</c:v>
                </c:pt>
                <c:pt idx="992">
                  <c:v>16.533334000000011</c:v>
                </c:pt>
                <c:pt idx="993">
                  <c:v>16.550000000000011</c:v>
                </c:pt>
                <c:pt idx="994">
                  <c:v>16.56666700000001</c:v>
                </c:pt>
                <c:pt idx="995">
                  <c:v>16.583334000000008</c:v>
                </c:pt>
                <c:pt idx="996">
                  <c:v>16.600000000000009</c:v>
                </c:pt>
                <c:pt idx="997">
                  <c:v>16.616667000000007</c:v>
                </c:pt>
                <c:pt idx="998">
                  <c:v>16.633334000000005</c:v>
                </c:pt>
                <c:pt idx="999">
                  <c:v>16.650000000000006</c:v>
                </c:pt>
                <c:pt idx="1000">
                  <c:v>16.666667000000004</c:v>
                </c:pt>
                <c:pt idx="1001">
                  <c:v>16.683334000000002</c:v>
                </c:pt>
                <c:pt idx="1002">
                  <c:v>16.700000000000003</c:v>
                </c:pt>
                <c:pt idx="1003">
                  <c:v>16.716667000000001</c:v>
                </c:pt>
                <c:pt idx="1004">
                  <c:v>16.733334000000013</c:v>
                </c:pt>
                <c:pt idx="1005">
                  <c:v>16.75</c:v>
                </c:pt>
                <c:pt idx="1006">
                  <c:v>16.766667000000012</c:v>
                </c:pt>
                <c:pt idx="1007">
                  <c:v>16.783334000000011</c:v>
                </c:pt>
                <c:pt idx="1008">
                  <c:v>16.800000000000011</c:v>
                </c:pt>
                <c:pt idx="1009">
                  <c:v>16.81666700000001</c:v>
                </c:pt>
                <c:pt idx="1010">
                  <c:v>16.833334000000008</c:v>
                </c:pt>
                <c:pt idx="1011">
                  <c:v>16.850000000000009</c:v>
                </c:pt>
                <c:pt idx="1012">
                  <c:v>16.866667000000007</c:v>
                </c:pt>
                <c:pt idx="1013">
                  <c:v>16.883334000000005</c:v>
                </c:pt>
                <c:pt idx="1014">
                  <c:v>16.900000000000006</c:v>
                </c:pt>
                <c:pt idx="1015">
                  <c:v>16.916667000000004</c:v>
                </c:pt>
                <c:pt idx="1016">
                  <c:v>16.933334000000002</c:v>
                </c:pt>
                <c:pt idx="1017">
                  <c:v>16.950000000000003</c:v>
                </c:pt>
                <c:pt idx="1018">
                  <c:v>16.966667000000001</c:v>
                </c:pt>
                <c:pt idx="1019">
                  <c:v>16.983334000000013</c:v>
                </c:pt>
                <c:pt idx="1020">
                  <c:v>17</c:v>
                </c:pt>
                <c:pt idx="1021">
                  <c:v>17.016667000000012</c:v>
                </c:pt>
                <c:pt idx="1022">
                  <c:v>17.033334000000011</c:v>
                </c:pt>
                <c:pt idx="1023">
                  <c:v>17.050000000000011</c:v>
                </c:pt>
                <c:pt idx="1024">
                  <c:v>17.06666700000001</c:v>
                </c:pt>
                <c:pt idx="1025">
                  <c:v>17.083334000000008</c:v>
                </c:pt>
                <c:pt idx="1026">
                  <c:v>17.100000000000009</c:v>
                </c:pt>
                <c:pt idx="1027">
                  <c:v>17.116667000000007</c:v>
                </c:pt>
                <c:pt idx="1028">
                  <c:v>17.133334000000005</c:v>
                </c:pt>
                <c:pt idx="1029">
                  <c:v>17.150000000000006</c:v>
                </c:pt>
                <c:pt idx="1030">
                  <c:v>17.166667000000004</c:v>
                </c:pt>
                <c:pt idx="1031">
                  <c:v>17.183334000000002</c:v>
                </c:pt>
                <c:pt idx="1032">
                  <c:v>17.200000000000003</c:v>
                </c:pt>
                <c:pt idx="1033">
                  <c:v>17.216667000000001</c:v>
                </c:pt>
                <c:pt idx="1034">
                  <c:v>17.233334000000013</c:v>
                </c:pt>
                <c:pt idx="1035">
                  <c:v>17.25</c:v>
                </c:pt>
                <c:pt idx="1036">
                  <c:v>17.266667000000012</c:v>
                </c:pt>
                <c:pt idx="1037">
                  <c:v>17.283334000000011</c:v>
                </c:pt>
                <c:pt idx="1038">
                  <c:v>17.300000000000011</c:v>
                </c:pt>
                <c:pt idx="1039">
                  <c:v>17.31666700000001</c:v>
                </c:pt>
                <c:pt idx="1040">
                  <c:v>17.333334000000008</c:v>
                </c:pt>
                <c:pt idx="1041">
                  <c:v>17.350000000000009</c:v>
                </c:pt>
                <c:pt idx="1042">
                  <c:v>17.366667000000007</c:v>
                </c:pt>
                <c:pt idx="1043">
                  <c:v>17.383334000000005</c:v>
                </c:pt>
                <c:pt idx="1044">
                  <c:v>17.400000000000006</c:v>
                </c:pt>
                <c:pt idx="1045">
                  <c:v>17.416667000000004</c:v>
                </c:pt>
                <c:pt idx="1046">
                  <c:v>17.433334000000002</c:v>
                </c:pt>
                <c:pt idx="1047">
                  <c:v>17.450000000000003</c:v>
                </c:pt>
                <c:pt idx="1048">
                  <c:v>17.466667000000001</c:v>
                </c:pt>
                <c:pt idx="1049">
                  <c:v>17.483334000000013</c:v>
                </c:pt>
                <c:pt idx="1050">
                  <c:v>17.5</c:v>
                </c:pt>
                <c:pt idx="1051">
                  <c:v>17.516667000000012</c:v>
                </c:pt>
                <c:pt idx="1052">
                  <c:v>17.533334000000011</c:v>
                </c:pt>
                <c:pt idx="1053">
                  <c:v>17.550000000000011</c:v>
                </c:pt>
                <c:pt idx="1054">
                  <c:v>17.56666700000001</c:v>
                </c:pt>
                <c:pt idx="1055">
                  <c:v>17.583334000000008</c:v>
                </c:pt>
                <c:pt idx="1056">
                  <c:v>17.600000000000009</c:v>
                </c:pt>
                <c:pt idx="1057">
                  <c:v>17.616667000000007</c:v>
                </c:pt>
                <c:pt idx="1058">
                  <c:v>17.633334000000005</c:v>
                </c:pt>
                <c:pt idx="1059">
                  <c:v>17.650000000000006</c:v>
                </c:pt>
                <c:pt idx="1060">
                  <c:v>17.666667000000004</c:v>
                </c:pt>
                <c:pt idx="1061">
                  <c:v>17.683334000000002</c:v>
                </c:pt>
                <c:pt idx="1062">
                  <c:v>17.700000000000003</c:v>
                </c:pt>
                <c:pt idx="1063">
                  <c:v>17.716667000000001</c:v>
                </c:pt>
                <c:pt idx="1064">
                  <c:v>17.733334000000013</c:v>
                </c:pt>
                <c:pt idx="1065">
                  <c:v>17.75</c:v>
                </c:pt>
                <c:pt idx="1066">
                  <c:v>17.766667000000012</c:v>
                </c:pt>
                <c:pt idx="1067">
                  <c:v>17.783334000000011</c:v>
                </c:pt>
                <c:pt idx="1068">
                  <c:v>17.800000000000011</c:v>
                </c:pt>
                <c:pt idx="1069">
                  <c:v>17.81666700000001</c:v>
                </c:pt>
                <c:pt idx="1070">
                  <c:v>17.833334000000008</c:v>
                </c:pt>
                <c:pt idx="1071">
                  <c:v>17.850000000000009</c:v>
                </c:pt>
                <c:pt idx="1072">
                  <c:v>17.866667000000007</c:v>
                </c:pt>
                <c:pt idx="1073">
                  <c:v>17.883334000000005</c:v>
                </c:pt>
                <c:pt idx="1074">
                  <c:v>17.900000000000006</c:v>
                </c:pt>
                <c:pt idx="1075">
                  <c:v>17.916667000000004</c:v>
                </c:pt>
                <c:pt idx="1076">
                  <c:v>17.933334000000002</c:v>
                </c:pt>
                <c:pt idx="1077">
                  <c:v>17.950000000000003</c:v>
                </c:pt>
                <c:pt idx="1078">
                  <c:v>17.966667000000001</c:v>
                </c:pt>
                <c:pt idx="1079">
                  <c:v>17.983334000000013</c:v>
                </c:pt>
                <c:pt idx="1080">
                  <c:v>18</c:v>
                </c:pt>
                <c:pt idx="1081">
                  <c:v>18.016667000000012</c:v>
                </c:pt>
                <c:pt idx="1082">
                  <c:v>18.033334000000011</c:v>
                </c:pt>
                <c:pt idx="1083">
                  <c:v>18.050000000000011</c:v>
                </c:pt>
                <c:pt idx="1084">
                  <c:v>18.06666700000001</c:v>
                </c:pt>
                <c:pt idx="1085">
                  <c:v>18.083334000000008</c:v>
                </c:pt>
                <c:pt idx="1086">
                  <c:v>18.100000000000009</c:v>
                </c:pt>
                <c:pt idx="1087">
                  <c:v>18.116667000000007</c:v>
                </c:pt>
                <c:pt idx="1088">
                  <c:v>18.133334000000005</c:v>
                </c:pt>
                <c:pt idx="1089">
                  <c:v>18.150000000000006</c:v>
                </c:pt>
                <c:pt idx="1090">
                  <c:v>18.166667000000004</c:v>
                </c:pt>
                <c:pt idx="1091">
                  <c:v>18.183334000000002</c:v>
                </c:pt>
                <c:pt idx="1092">
                  <c:v>18.200000000000003</c:v>
                </c:pt>
                <c:pt idx="1093">
                  <c:v>18.216667000000001</c:v>
                </c:pt>
                <c:pt idx="1094">
                  <c:v>18.233334000000013</c:v>
                </c:pt>
                <c:pt idx="1095">
                  <c:v>18.25</c:v>
                </c:pt>
                <c:pt idx="1096">
                  <c:v>18.266667000000012</c:v>
                </c:pt>
                <c:pt idx="1097">
                  <c:v>18.283334000000011</c:v>
                </c:pt>
                <c:pt idx="1098">
                  <c:v>18.300000000000011</c:v>
                </c:pt>
                <c:pt idx="1099">
                  <c:v>18.31666700000001</c:v>
                </c:pt>
                <c:pt idx="1100">
                  <c:v>18.333334000000008</c:v>
                </c:pt>
                <c:pt idx="1101">
                  <c:v>18.350000000000009</c:v>
                </c:pt>
                <c:pt idx="1102">
                  <c:v>18.366667000000007</c:v>
                </c:pt>
                <c:pt idx="1103">
                  <c:v>18.383334000000005</c:v>
                </c:pt>
                <c:pt idx="1104">
                  <c:v>18.400000000000006</c:v>
                </c:pt>
                <c:pt idx="1105">
                  <c:v>18.416667000000004</c:v>
                </c:pt>
                <c:pt idx="1106">
                  <c:v>18.433334000000002</c:v>
                </c:pt>
                <c:pt idx="1107">
                  <c:v>18.450000000000003</c:v>
                </c:pt>
                <c:pt idx="1108">
                  <c:v>18.466667000000001</c:v>
                </c:pt>
                <c:pt idx="1109">
                  <c:v>18.483334000000013</c:v>
                </c:pt>
                <c:pt idx="1110">
                  <c:v>18.5</c:v>
                </c:pt>
                <c:pt idx="1111">
                  <c:v>18.516667000000012</c:v>
                </c:pt>
                <c:pt idx="1112">
                  <c:v>18.533334000000011</c:v>
                </c:pt>
                <c:pt idx="1113">
                  <c:v>18.550000000000011</c:v>
                </c:pt>
                <c:pt idx="1114">
                  <c:v>18.56666700000001</c:v>
                </c:pt>
                <c:pt idx="1115">
                  <c:v>18.583334000000008</c:v>
                </c:pt>
                <c:pt idx="1116">
                  <c:v>18.600000000000009</c:v>
                </c:pt>
                <c:pt idx="1117">
                  <c:v>18.616667000000007</c:v>
                </c:pt>
                <c:pt idx="1118">
                  <c:v>18.633334000000005</c:v>
                </c:pt>
                <c:pt idx="1119">
                  <c:v>18.650000000000006</c:v>
                </c:pt>
                <c:pt idx="1120">
                  <c:v>18.666667000000004</c:v>
                </c:pt>
                <c:pt idx="1121">
                  <c:v>18.683334000000002</c:v>
                </c:pt>
                <c:pt idx="1122">
                  <c:v>18.700000000000003</c:v>
                </c:pt>
                <c:pt idx="1123">
                  <c:v>18.716667000000001</c:v>
                </c:pt>
                <c:pt idx="1124">
                  <c:v>18.733334000000013</c:v>
                </c:pt>
                <c:pt idx="1125">
                  <c:v>18.75</c:v>
                </c:pt>
                <c:pt idx="1126">
                  <c:v>18.766667000000012</c:v>
                </c:pt>
                <c:pt idx="1127">
                  <c:v>18.783334000000011</c:v>
                </c:pt>
                <c:pt idx="1128">
                  <c:v>18.800000000000011</c:v>
                </c:pt>
                <c:pt idx="1129">
                  <c:v>18.81666700000001</c:v>
                </c:pt>
                <c:pt idx="1130">
                  <c:v>18.833334000000008</c:v>
                </c:pt>
                <c:pt idx="1131">
                  <c:v>18.850000000000009</c:v>
                </c:pt>
                <c:pt idx="1132">
                  <c:v>18.866667000000007</c:v>
                </c:pt>
                <c:pt idx="1133">
                  <c:v>18.883334000000005</c:v>
                </c:pt>
                <c:pt idx="1134">
                  <c:v>18.900000000000006</c:v>
                </c:pt>
                <c:pt idx="1135">
                  <c:v>18.916667000000004</c:v>
                </c:pt>
                <c:pt idx="1136">
                  <c:v>18.933334000000002</c:v>
                </c:pt>
                <c:pt idx="1137">
                  <c:v>18.950000000000003</c:v>
                </c:pt>
                <c:pt idx="1138">
                  <c:v>18.966667000000001</c:v>
                </c:pt>
                <c:pt idx="1139">
                  <c:v>18.983334000000013</c:v>
                </c:pt>
                <c:pt idx="1140">
                  <c:v>19</c:v>
                </c:pt>
                <c:pt idx="1141">
                  <c:v>19.016667000000012</c:v>
                </c:pt>
                <c:pt idx="1142">
                  <c:v>19.033334000000011</c:v>
                </c:pt>
                <c:pt idx="1143">
                  <c:v>19.050000000000011</c:v>
                </c:pt>
                <c:pt idx="1144">
                  <c:v>19.06666700000001</c:v>
                </c:pt>
                <c:pt idx="1145">
                  <c:v>19.083334000000008</c:v>
                </c:pt>
                <c:pt idx="1146">
                  <c:v>19.100000000000009</c:v>
                </c:pt>
                <c:pt idx="1147">
                  <c:v>19.116667000000007</c:v>
                </c:pt>
                <c:pt idx="1148">
                  <c:v>19.133334000000005</c:v>
                </c:pt>
                <c:pt idx="1149">
                  <c:v>19.150000000000006</c:v>
                </c:pt>
                <c:pt idx="1150">
                  <c:v>19.166667000000004</c:v>
                </c:pt>
                <c:pt idx="1151">
                  <c:v>19.183334000000002</c:v>
                </c:pt>
                <c:pt idx="1152">
                  <c:v>19.200000000000003</c:v>
                </c:pt>
                <c:pt idx="1153">
                  <c:v>19.216667000000001</c:v>
                </c:pt>
                <c:pt idx="1154">
                  <c:v>19.233334000000013</c:v>
                </c:pt>
                <c:pt idx="1155">
                  <c:v>19.25</c:v>
                </c:pt>
                <c:pt idx="1156">
                  <c:v>19.266667000000012</c:v>
                </c:pt>
                <c:pt idx="1157">
                  <c:v>19.283334000000011</c:v>
                </c:pt>
                <c:pt idx="1158">
                  <c:v>19.300000000000011</c:v>
                </c:pt>
                <c:pt idx="1159">
                  <c:v>19.31666700000001</c:v>
                </c:pt>
                <c:pt idx="1160">
                  <c:v>19.333334000000008</c:v>
                </c:pt>
                <c:pt idx="1161">
                  <c:v>19.350000000000009</c:v>
                </c:pt>
                <c:pt idx="1162">
                  <c:v>19.366667000000007</c:v>
                </c:pt>
                <c:pt idx="1163">
                  <c:v>19.383334000000005</c:v>
                </c:pt>
                <c:pt idx="1164">
                  <c:v>19.400000000000006</c:v>
                </c:pt>
                <c:pt idx="1165">
                  <c:v>19.416667000000004</c:v>
                </c:pt>
                <c:pt idx="1166">
                  <c:v>19.433334000000002</c:v>
                </c:pt>
                <c:pt idx="1167">
                  <c:v>19.450000000000003</c:v>
                </c:pt>
                <c:pt idx="1168">
                  <c:v>19.466667000000001</c:v>
                </c:pt>
                <c:pt idx="1169">
                  <c:v>19.483334000000013</c:v>
                </c:pt>
                <c:pt idx="1170">
                  <c:v>19.5</c:v>
                </c:pt>
                <c:pt idx="1171">
                  <c:v>19.516667000000012</c:v>
                </c:pt>
                <c:pt idx="1172">
                  <c:v>19.533334000000011</c:v>
                </c:pt>
                <c:pt idx="1173">
                  <c:v>19.550000000000011</c:v>
                </c:pt>
                <c:pt idx="1174">
                  <c:v>19.56666700000001</c:v>
                </c:pt>
                <c:pt idx="1175">
                  <c:v>19.583334000000008</c:v>
                </c:pt>
                <c:pt idx="1176">
                  <c:v>19.600000000000009</c:v>
                </c:pt>
                <c:pt idx="1177">
                  <c:v>19.616667000000007</c:v>
                </c:pt>
                <c:pt idx="1178">
                  <c:v>19.633334000000005</c:v>
                </c:pt>
                <c:pt idx="1179">
                  <c:v>19.650000000000006</c:v>
                </c:pt>
                <c:pt idx="1180">
                  <c:v>19.666667000000004</c:v>
                </c:pt>
                <c:pt idx="1181">
                  <c:v>19.683334000000002</c:v>
                </c:pt>
                <c:pt idx="1182">
                  <c:v>19.700000000000003</c:v>
                </c:pt>
                <c:pt idx="1183">
                  <c:v>19.716667000000001</c:v>
                </c:pt>
                <c:pt idx="1184">
                  <c:v>19.733334000000013</c:v>
                </c:pt>
                <c:pt idx="1185">
                  <c:v>19.75</c:v>
                </c:pt>
                <c:pt idx="1186">
                  <c:v>19.766667000000012</c:v>
                </c:pt>
                <c:pt idx="1187">
                  <c:v>19.783334000000011</c:v>
                </c:pt>
                <c:pt idx="1188">
                  <c:v>19.800000000000011</c:v>
                </c:pt>
                <c:pt idx="1189">
                  <c:v>19.81666700000001</c:v>
                </c:pt>
                <c:pt idx="1190">
                  <c:v>19.833334000000008</c:v>
                </c:pt>
                <c:pt idx="1191">
                  <c:v>19.850000000000009</c:v>
                </c:pt>
                <c:pt idx="1192">
                  <c:v>19.866667000000007</c:v>
                </c:pt>
                <c:pt idx="1193">
                  <c:v>19.883334000000005</c:v>
                </c:pt>
                <c:pt idx="1194">
                  <c:v>19.900000000000006</c:v>
                </c:pt>
                <c:pt idx="1195">
                  <c:v>19.916667000000004</c:v>
                </c:pt>
                <c:pt idx="1196">
                  <c:v>19.933334000000002</c:v>
                </c:pt>
                <c:pt idx="1197">
                  <c:v>19.950000000000003</c:v>
                </c:pt>
                <c:pt idx="1198">
                  <c:v>19.966667000000001</c:v>
                </c:pt>
                <c:pt idx="1199">
                  <c:v>19.983334000000013</c:v>
                </c:pt>
                <c:pt idx="1200">
                  <c:v>20</c:v>
                </c:pt>
                <c:pt idx="1201">
                  <c:v>20.016667000000012</c:v>
                </c:pt>
                <c:pt idx="1202">
                  <c:v>20.033334000000011</c:v>
                </c:pt>
                <c:pt idx="1203">
                  <c:v>20.050000000000011</c:v>
                </c:pt>
                <c:pt idx="1204">
                  <c:v>20.06666700000001</c:v>
                </c:pt>
                <c:pt idx="1205">
                  <c:v>20.083334000000008</c:v>
                </c:pt>
                <c:pt idx="1206">
                  <c:v>20.100000000000009</c:v>
                </c:pt>
                <c:pt idx="1207">
                  <c:v>20.116667000000007</c:v>
                </c:pt>
                <c:pt idx="1208">
                  <c:v>20.133334000000005</c:v>
                </c:pt>
                <c:pt idx="1209">
                  <c:v>20.150000000000006</c:v>
                </c:pt>
                <c:pt idx="1210">
                  <c:v>20.166667000000004</c:v>
                </c:pt>
                <c:pt idx="1211">
                  <c:v>20.183334000000002</c:v>
                </c:pt>
                <c:pt idx="1212">
                  <c:v>20.200000000000003</c:v>
                </c:pt>
                <c:pt idx="1213">
                  <c:v>20.216667000000001</c:v>
                </c:pt>
                <c:pt idx="1214">
                  <c:v>20.233334000000013</c:v>
                </c:pt>
                <c:pt idx="1215">
                  <c:v>20.25</c:v>
                </c:pt>
                <c:pt idx="1216">
                  <c:v>20.266667000000012</c:v>
                </c:pt>
                <c:pt idx="1217">
                  <c:v>20.283334000000011</c:v>
                </c:pt>
                <c:pt idx="1218">
                  <c:v>20.300000000000011</c:v>
                </c:pt>
                <c:pt idx="1219">
                  <c:v>20.31666700000001</c:v>
                </c:pt>
                <c:pt idx="1220">
                  <c:v>20.333334000000008</c:v>
                </c:pt>
                <c:pt idx="1221">
                  <c:v>20.350000000000009</c:v>
                </c:pt>
                <c:pt idx="1222">
                  <c:v>20.366667000000007</c:v>
                </c:pt>
                <c:pt idx="1223">
                  <c:v>20.383334000000005</c:v>
                </c:pt>
                <c:pt idx="1224">
                  <c:v>20.400000000000006</c:v>
                </c:pt>
                <c:pt idx="1225">
                  <c:v>20.416667000000004</c:v>
                </c:pt>
                <c:pt idx="1226">
                  <c:v>20.433334000000002</c:v>
                </c:pt>
                <c:pt idx="1227">
                  <c:v>20.450000000000003</c:v>
                </c:pt>
                <c:pt idx="1228">
                  <c:v>20.466667000000001</c:v>
                </c:pt>
                <c:pt idx="1229">
                  <c:v>20.483334000000013</c:v>
                </c:pt>
                <c:pt idx="1230">
                  <c:v>20.5</c:v>
                </c:pt>
                <c:pt idx="1231">
                  <c:v>20.516667000000012</c:v>
                </c:pt>
                <c:pt idx="1232">
                  <c:v>20.533334000000011</c:v>
                </c:pt>
                <c:pt idx="1233">
                  <c:v>20.550000000000011</c:v>
                </c:pt>
                <c:pt idx="1234">
                  <c:v>20.56666700000001</c:v>
                </c:pt>
                <c:pt idx="1235">
                  <c:v>20.583334000000008</c:v>
                </c:pt>
                <c:pt idx="1236">
                  <c:v>20.600000000000009</c:v>
                </c:pt>
                <c:pt idx="1237">
                  <c:v>20.616667000000007</c:v>
                </c:pt>
                <c:pt idx="1238">
                  <c:v>20.633334000000005</c:v>
                </c:pt>
                <c:pt idx="1239">
                  <c:v>20.650000000000006</c:v>
                </c:pt>
                <c:pt idx="1240">
                  <c:v>20.666667000000004</c:v>
                </c:pt>
                <c:pt idx="1241">
                  <c:v>20.683334000000002</c:v>
                </c:pt>
                <c:pt idx="1242">
                  <c:v>20.700000000000003</c:v>
                </c:pt>
                <c:pt idx="1243">
                  <c:v>20.716667000000001</c:v>
                </c:pt>
                <c:pt idx="1244">
                  <c:v>20.733334000000013</c:v>
                </c:pt>
                <c:pt idx="1245">
                  <c:v>20.75</c:v>
                </c:pt>
                <c:pt idx="1246">
                  <c:v>20.766667000000012</c:v>
                </c:pt>
                <c:pt idx="1247">
                  <c:v>20.783334000000011</c:v>
                </c:pt>
                <c:pt idx="1248">
                  <c:v>20.800000000000011</c:v>
                </c:pt>
                <c:pt idx="1249">
                  <c:v>20.81666700000001</c:v>
                </c:pt>
                <c:pt idx="1250">
                  <c:v>20.833334000000008</c:v>
                </c:pt>
                <c:pt idx="1251">
                  <c:v>20.850000000000009</c:v>
                </c:pt>
                <c:pt idx="1252">
                  <c:v>20.866667000000007</c:v>
                </c:pt>
                <c:pt idx="1253">
                  <c:v>20.883334000000005</c:v>
                </c:pt>
                <c:pt idx="1254">
                  <c:v>20.900000000000006</c:v>
                </c:pt>
                <c:pt idx="1255">
                  <c:v>20.916667000000004</c:v>
                </c:pt>
                <c:pt idx="1256">
                  <c:v>20.933334000000002</c:v>
                </c:pt>
                <c:pt idx="1257">
                  <c:v>20.950000000000003</c:v>
                </c:pt>
                <c:pt idx="1258">
                  <c:v>20.966667000000001</c:v>
                </c:pt>
                <c:pt idx="1259">
                  <c:v>20.983334000000013</c:v>
                </c:pt>
                <c:pt idx="1260">
                  <c:v>21</c:v>
                </c:pt>
                <c:pt idx="1261">
                  <c:v>21.016667000000012</c:v>
                </c:pt>
                <c:pt idx="1262">
                  <c:v>21.033334000000011</c:v>
                </c:pt>
                <c:pt idx="1263">
                  <c:v>21.050000000000011</c:v>
                </c:pt>
                <c:pt idx="1264">
                  <c:v>21.06666700000001</c:v>
                </c:pt>
                <c:pt idx="1265">
                  <c:v>21.083334000000008</c:v>
                </c:pt>
                <c:pt idx="1266">
                  <c:v>21.100000000000009</c:v>
                </c:pt>
                <c:pt idx="1267">
                  <c:v>21.116667000000007</c:v>
                </c:pt>
                <c:pt idx="1268">
                  <c:v>21.133334000000005</c:v>
                </c:pt>
                <c:pt idx="1269">
                  <c:v>21.150000000000006</c:v>
                </c:pt>
                <c:pt idx="1270">
                  <c:v>21.166667000000004</c:v>
                </c:pt>
                <c:pt idx="1271">
                  <c:v>21.183334000000002</c:v>
                </c:pt>
                <c:pt idx="1272">
                  <c:v>21.200000000000003</c:v>
                </c:pt>
                <c:pt idx="1273">
                  <c:v>21.216667000000001</c:v>
                </c:pt>
                <c:pt idx="1274">
                  <c:v>21.233334000000013</c:v>
                </c:pt>
                <c:pt idx="1275">
                  <c:v>21.25</c:v>
                </c:pt>
                <c:pt idx="1276">
                  <c:v>21.266667000000012</c:v>
                </c:pt>
                <c:pt idx="1277">
                  <c:v>21.283334000000011</c:v>
                </c:pt>
                <c:pt idx="1278">
                  <c:v>21.300000000000011</c:v>
                </c:pt>
                <c:pt idx="1279">
                  <c:v>21.31666700000001</c:v>
                </c:pt>
                <c:pt idx="1280">
                  <c:v>21.333334000000008</c:v>
                </c:pt>
                <c:pt idx="1281">
                  <c:v>21.350000000000009</c:v>
                </c:pt>
                <c:pt idx="1282">
                  <c:v>21.366667000000007</c:v>
                </c:pt>
                <c:pt idx="1283">
                  <c:v>21.383334000000005</c:v>
                </c:pt>
                <c:pt idx="1284">
                  <c:v>21.400000000000006</c:v>
                </c:pt>
                <c:pt idx="1285">
                  <c:v>21.416667000000004</c:v>
                </c:pt>
                <c:pt idx="1286">
                  <c:v>21.433334000000002</c:v>
                </c:pt>
                <c:pt idx="1287">
                  <c:v>21.450000000000003</c:v>
                </c:pt>
                <c:pt idx="1288">
                  <c:v>21.466667000000001</c:v>
                </c:pt>
                <c:pt idx="1289">
                  <c:v>21.483334000000013</c:v>
                </c:pt>
                <c:pt idx="1290">
                  <c:v>21.5</c:v>
                </c:pt>
                <c:pt idx="1291">
                  <c:v>21.516667000000012</c:v>
                </c:pt>
                <c:pt idx="1292">
                  <c:v>21.533334000000011</c:v>
                </c:pt>
                <c:pt idx="1293">
                  <c:v>21.550000000000011</c:v>
                </c:pt>
                <c:pt idx="1294">
                  <c:v>21.56666700000001</c:v>
                </c:pt>
                <c:pt idx="1295">
                  <c:v>21.583334000000008</c:v>
                </c:pt>
                <c:pt idx="1296">
                  <c:v>21.600000000000009</c:v>
                </c:pt>
                <c:pt idx="1297">
                  <c:v>21.616667000000007</c:v>
                </c:pt>
                <c:pt idx="1298">
                  <c:v>21.633334000000005</c:v>
                </c:pt>
                <c:pt idx="1299">
                  <c:v>21.650000000000006</c:v>
                </c:pt>
                <c:pt idx="1300">
                  <c:v>21.666667000000004</c:v>
                </c:pt>
                <c:pt idx="1301">
                  <c:v>21.683334000000002</c:v>
                </c:pt>
                <c:pt idx="1302">
                  <c:v>21.700000000000003</c:v>
                </c:pt>
                <c:pt idx="1303">
                  <c:v>21.716667000000001</c:v>
                </c:pt>
                <c:pt idx="1304">
                  <c:v>21.733334000000013</c:v>
                </c:pt>
                <c:pt idx="1305">
                  <c:v>21.75</c:v>
                </c:pt>
                <c:pt idx="1306">
                  <c:v>21.766667000000012</c:v>
                </c:pt>
                <c:pt idx="1307">
                  <c:v>21.783334000000011</c:v>
                </c:pt>
                <c:pt idx="1308">
                  <c:v>21.800000000000011</c:v>
                </c:pt>
                <c:pt idx="1309">
                  <c:v>21.81666700000001</c:v>
                </c:pt>
                <c:pt idx="1310">
                  <c:v>21.833334000000008</c:v>
                </c:pt>
                <c:pt idx="1311">
                  <c:v>21.850000000000009</c:v>
                </c:pt>
                <c:pt idx="1312">
                  <c:v>21.866667000000007</c:v>
                </c:pt>
                <c:pt idx="1313">
                  <c:v>21.883334000000005</c:v>
                </c:pt>
                <c:pt idx="1314">
                  <c:v>21.900000000000006</c:v>
                </c:pt>
                <c:pt idx="1315">
                  <c:v>21.916667000000004</c:v>
                </c:pt>
                <c:pt idx="1316">
                  <c:v>21.933334000000002</c:v>
                </c:pt>
                <c:pt idx="1317">
                  <c:v>21.950000000000003</c:v>
                </c:pt>
                <c:pt idx="1318">
                  <c:v>21.966667000000001</c:v>
                </c:pt>
                <c:pt idx="1319">
                  <c:v>21.983334000000013</c:v>
                </c:pt>
                <c:pt idx="1320">
                  <c:v>22</c:v>
                </c:pt>
                <c:pt idx="1321">
                  <c:v>22.016667000000012</c:v>
                </c:pt>
                <c:pt idx="1322">
                  <c:v>22.033334000000011</c:v>
                </c:pt>
                <c:pt idx="1323">
                  <c:v>22.050000000000011</c:v>
                </c:pt>
                <c:pt idx="1324">
                  <c:v>22.06666700000001</c:v>
                </c:pt>
                <c:pt idx="1325">
                  <c:v>22.083334000000008</c:v>
                </c:pt>
                <c:pt idx="1326">
                  <c:v>22.100000000000009</c:v>
                </c:pt>
                <c:pt idx="1327">
                  <c:v>22.116667000000007</c:v>
                </c:pt>
                <c:pt idx="1328">
                  <c:v>22.133334000000005</c:v>
                </c:pt>
                <c:pt idx="1329">
                  <c:v>22.150000000000006</c:v>
                </c:pt>
                <c:pt idx="1330">
                  <c:v>22.166667000000004</c:v>
                </c:pt>
                <c:pt idx="1331">
                  <c:v>22.183334000000002</c:v>
                </c:pt>
                <c:pt idx="1332">
                  <c:v>22.200000000000003</c:v>
                </c:pt>
                <c:pt idx="1333">
                  <c:v>22.216667000000001</c:v>
                </c:pt>
                <c:pt idx="1334">
                  <c:v>22.233334000000013</c:v>
                </c:pt>
                <c:pt idx="1335">
                  <c:v>22.25</c:v>
                </c:pt>
                <c:pt idx="1336">
                  <c:v>22.266667000000012</c:v>
                </c:pt>
                <c:pt idx="1337">
                  <c:v>22.283334000000011</c:v>
                </c:pt>
                <c:pt idx="1338">
                  <c:v>22.300000000000011</c:v>
                </c:pt>
                <c:pt idx="1339">
                  <c:v>22.31666700000001</c:v>
                </c:pt>
                <c:pt idx="1340">
                  <c:v>22.333334000000008</c:v>
                </c:pt>
                <c:pt idx="1341">
                  <c:v>22.350000000000009</c:v>
                </c:pt>
                <c:pt idx="1342">
                  <c:v>22.366667000000007</c:v>
                </c:pt>
                <c:pt idx="1343">
                  <c:v>22.383334000000005</c:v>
                </c:pt>
                <c:pt idx="1344">
                  <c:v>22.400000000000006</c:v>
                </c:pt>
                <c:pt idx="1345">
                  <c:v>22.416667000000004</c:v>
                </c:pt>
                <c:pt idx="1346">
                  <c:v>22.433334000000002</c:v>
                </c:pt>
                <c:pt idx="1347">
                  <c:v>22.450000000000003</c:v>
                </c:pt>
                <c:pt idx="1348">
                  <c:v>22.466667000000001</c:v>
                </c:pt>
                <c:pt idx="1349">
                  <c:v>22.483334000000013</c:v>
                </c:pt>
                <c:pt idx="1350">
                  <c:v>22.5</c:v>
                </c:pt>
                <c:pt idx="1351">
                  <c:v>22.516667000000012</c:v>
                </c:pt>
                <c:pt idx="1352">
                  <c:v>22.533334000000011</c:v>
                </c:pt>
                <c:pt idx="1353">
                  <c:v>22.550000000000011</c:v>
                </c:pt>
                <c:pt idx="1354">
                  <c:v>22.56666700000001</c:v>
                </c:pt>
                <c:pt idx="1355">
                  <c:v>22.583334000000008</c:v>
                </c:pt>
                <c:pt idx="1356">
                  <c:v>22.600000000000009</c:v>
                </c:pt>
                <c:pt idx="1357">
                  <c:v>22.616667000000007</c:v>
                </c:pt>
                <c:pt idx="1358">
                  <c:v>22.633334000000005</c:v>
                </c:pt>
                <c:pt idx="1359">
                  <c:v>22.650000000000006</c:v>
                </c:pt>
                <c:pt idx="1360">
                  <c:v>22.666667000000004</c:v>
                </c:pt>
                <c:pt idx="1361">
                  <c:v>22.683334000000002</c:v>
                </c:pt>
                <c:pt idx="1362">
                  <c:v>22.700000000000003</c:v>
                </c:pt>
                <c:pt idx="1363">
                  <c:v>22.716667000000001</c:v>
                </c:pt>
                <c:pt idx="1364">
                  <c:v>22.733334000000013</c:v>
                </c:pt>
                <c:pt idx="1365">
                  <c:v>22.75</c:v>
                </c:pt>
                <c:pt idx="1366">
                  <c:v>22.766667000000012</c:v>
                </c:pt>
                <c:pt idx="1367">
                  <c:v>22.783334000000011</c:v>
                </c:pt>
                <c:pt idx="1368">
                  <c:v>22.800000000000011</c:v>
                </c:pt>
                <c:pt idx="1369">
                  <c:v>22.81666700000001</c:v>
                </c:pt>
                <c:pt idx="1370">
                  <c:v>22.833334000000008</c:v>
                </c:pt>
                <c:pt idx="1371">
                  <c:v>22.850000000000009</c:v>
                </c:pt>
                <c:pt idx="1372">
                  <c:v>22.866667000000007</c:v>
                </c:pt>
                <c:pt idx="1373">
                  <c:v>22.883334000000005</c:v>
                </c:pt>
                <c:pt idx="1374">
                  <c:v>22.900000000000006</c:v>
                </c:pt>
                <c:pt idx="1375">
                  <c:v>22.916667000000004</c:v>
                </c:pt>
                <c:pt idx="1376">
                  <c:v>22.933334000000002</c:v>
                </c:pt>
                <c:pt idx="1377">
                  <c:v>22.950000000000003</c:v>
                </c:pt>
                <c:pt idx="1378">
                  <c:v>22.966667000000001</c:v>
                </c:pt>
                <c:pt idx="1379">
                  <c:v>22.983334000000013</c:v>
                </c:pt>
                <c:pt idx="1380">
                  <c:v>23</c:v>
                </c:pt>
                <c:pt idx="1381">
                  <c:v>23.016667000000012</c:v>
                </c:pt>
                <c:pt idx="1382">
                  <c:v>23.033334000000011</c:v>
                </c:pt>
                <c:pt idx="1383">
                  <c:v>23.050000000000011</c:v>
                </c:pt>
                <c:pt idx="1384">
                  <c:v>23.06666700000001</c:v>
                </c:pt>
                <c:pt idx="1385">
                  <c:v>23.083334000000008</c:v>
                </c:pt>
                <c:pt idx="1386">
                  <c:v>23.100000000000009</c:v>
                </c:pt>
                <c:pt idx="1387">
                  <c:v>23.116667000000007</c:v>
                </c:pt>
                <c:pt idx="1388">
                  <c:v>23.133334000000005</c:v>
                </c:pt>
                <c:pt idx="1389">
                  <c:v>23.150000000000006</c:v>
                </c:pt>
                <c:pt idx="1390">
                  <c:v>23.166667000000004</c:v>
                </c:pt>
                <c:pt idx="1391">
                  <c:v>23.183334000000002</c:v>
                </c:pt>
                <c:pt idx="1392">
                  <c:v>23.200000000000003</c:v>
                </c:pt>
                <c:pt idx="1393">
                  <c:v>23.216667000000001</c:v>
                </c:pt>
                <c:pt idx="1394">
                  <c:v>23.233334000000013</c:v>
                </c:pt>
                <c:pt idx="1395">
                  <c:v>23.25</c:v>
                </c:pt>
                <c:pt idx="1396">
                  <c:v>23.266667000000012</c:v>
                </c:pt>
                <c:pt idx="1397">
                  <c:v>23.283334000000011</c:v>
                </c:pt>
                <c:pt idx="1398">
                  <c:v>23.300000000000011</c:v>
                </c:pt>
                <c:pt idx="1399">
                  <c:v>23.31666700000001</c:v>
                </c:pt>
                <c:pt idx="1400">
                  <c:v>23.333334000000008</c:v>
                </c:pt>
                <c:pt idx="1401">
                  <c:v>23.350000000000009</c:v>
                </c:pt>
                <c:pt idx="1402">
                  <c:v>23.366667000000007</c:v>
                </c:pt>
                <c:pt idx="1403">
                  <c:v>23.383334000000005</c:v>
                </c:pt>
                <c:pt idx="1404">
                  <c:v>23.400000000000006</c:v>
                </c:pt>
                <c:pt idx="1405">
                  <c:v>23.416667000000004</c:v>
                </c:pt>
                <c:pt idx="1406">
                  <c:v>23.433334000000002</c:v>
                </c:pt>
                <c:pt idx="1407">
                  <c:v>23.450000000000003</c:v>
                </c:pt>
                <c:pt idx="1408">
                  <c:v>23.466667000000001</c:v>
                </c:pt>
                <c:pt idx="1409">
                  <c:v>23.483334000000013</c:v>
                </c:pt>
                <c:pt idx="1410">
                  <c:v>23.5</c:v>
                </c:pt>
                <c:pt idx="1411">
                  <c:v>23.516667000000012</c:v>
                </c:pt>
                <c:pt idx="1412">
                  <c:v>23.533334000000011</c:v>
                </c:pt>
                <c:pt idx="1413">
                  <c:v>23.550000000000011</c:v>
                </c:pt>
                <c:pt idx="1414">
                  <c:v>23.56666700000001</c:v>
                </c:pt>
                <c:pt idx="1415">
                  <c:v>23.583334000000008</c:v>
                </c:pt>
                <c:pt idx="1416">
                  <c:v>23.600000000000009</c:v>
                </c:pt>
                <c:pt idx="1417">
                  <c:v>23.616667000000007</c:v>
                </c:pt>
                <c:pt idx="1418">
                  <c:v>23.633334000000005</c:v>
                </c:pt>
                <c:pt idx="1419">
                  <c:v>23.650000000000006</c:v>
                </c:pt>
                <c:pt idx="1420">
                  <c:v>23.666667000000004</c:v>
                </c:pt>
                <c:pt idx="1421">
                  <c:v>23.683334000000002</c:v>
                </c:pt>
                <c:pt idx="1422">
                  <c:v>23.700000000000003</c:v>
                </c:pt>
                <c:pt idx="1423">
                  <c:v>23.716667000000001</c:v>
                </c:pt>
                <c:pt idx="1424">
                  <c:v>23.733334000000013</c:v>
                </c:pt>
                <c:pt idx="1425">
                  <c:v>23.75</c:v>
                </c:pt>
                <c:pt idx="1426">
                  <c:v>23.766667000000012</c:v>
                </c:pt>
                <c:pt idx="1427">
                  <c:v>23.783334000000011</c:v>
                </c:pt>
                <c:pt idx="1428">
                  <c:v>23.800000000000011</c:v>
                </c:pt>
                <c:pt idx="1429">
                  <c:v>23.81666700000001</c:v>
                </c:pt>
                <c:pt idx="1430">
                  <c:v>23.833334000000008</c:v>
                </c:pt>
                <c:pt idx="1431">
                  <c:v>23.850000000000009</c:v>
                </c:pt>
                <c:pt idx="1432">
                  <c:v>23.866667000000007</c:v>
                </c:pt>
                <c:pt idx="1433">
                  <c:v>23.883334000000005</c:v>
                </c:pt>
                <c:pt idx="1434">
                  <c:v>23.900000000000006</c:v>
                </c:pt>
                <c:pt idx="1435">
                  <c:v>23.916667000000004</c:v>
                </c:pt>
                <c:pt idx="1436">
                  <c:v>23.933334000000002</c:v>
                </c:pt>
                <c:pt idx="1437">
                  <c:v>23.950000000000003</c:v>
                </c:pt>
                <c:pt idx="1438">
                  <c:v>23.966667000000001</c:v>
                </c:pt>
                <c:pt idx="1439">
                  <c:v>23.983334000000013</c:v>
                </c:pt>
                <c:pt idx="1440">
                  <c:v>24</c:v>
                </c:pt>
                <c:pt idx="1441">
                  <c:v>24.016667000000012</c:v>
                </c:pt>
                <c:pt idx="1442">
                  <c:v>24.033334000000011</c:v>
                </c:pt>
                <c:pt idx="1443">
                  <c:v>24.050000000000011</c:v>
                </c:pt>
                <c:pt idx="1444">
                  <c:v>24.06666700000001</c:v>
                </c:pt>
                <c:pt idx="1445">
                  <c:v>24.083334000000008</c:v>
                </c:pt>
                <c:pt idx="1446">
                  <c:v>24.100000000000009</c:v>
                </c:pt>
                <c:pt idx="1447">
                  <c:v>24.116667000000007</c:v>
                </c:pt>
                <c:pt idx="1448">
                  <c:v>24.133334000000005</c:v>
                </c:pt>
                <c:pt idx="1449">
                  <c:v>24.150000000000006</c:v>
                </c:pt>
                <c:pt idx="1450">
                  <c:v>24.166667000000004</c:v>
                </c:pt>
                <c:pt idx="1451">
                  <c:v>24.183334000000002</c:v>
                </c:pt>
                <c:pt idx="1452">
                  <c:v>24.200000000000003</c:v>
                </c:pt>
                <c:pt idx="1453">
                  <c:v>24.216667000000001</c:v>
                </c:pt>
                <c:pt idx="1454">
                  <c:v>24.233334000000013</c:v>
                </c:pt>
                <c:pt idx="1455">
                  <c:v>24.25</c:v>
                </c:pt>
                <c:pt idx="1456">
                  <c:v>24.266667000000012</c:v>
                </c:pt>
                <c:pt idx="1457">
                  <c:v>24.283334000000011</c:v>
                </c:pt>
                <c:pt idx="1458">
                  <c:v>24.300000000000011</c:v>
                </c:pt>
                <c:pt idx="1459">
                  <c:v>24.31666700000001</c:v>
                </c:pt>
                <c:pt idx="1460">
                  <c:v>24.333334000000008</c:v>
                </c:pt>
                <c:pt idx="1461">
                  <c:v>24.350000000000009</c:v>
                </c:pt>
                <c:pt idx="1462">
                  <c:v>24.366667000000007</c:v>
                </c:pt>
                <c:pt idx="1463">
                  <c:v>24.383334000000005</c:v>
                </c:pt>
                <c:pt idx="1464">
                  <c:v>24.400000000000006</c:v>
                </c:pt>
                <c:pt idx="1465">
                  <c:v>24.416667000000004</c:v>
                </c:pt>
                <c:pt idx="1466">
                  <c:v>24.433334000000002</c:v>
                </c:pt>
                <c:pt idx="1467">
                  <c:v>24.450000000000003</c:v>
                </c:pt>
                <c:pt idx="1468">
                  <c:v>24.466667000000001</c:v>
                </c:pt>
                <c:pt idx="1469">
                  <c:v>24.483334000000013</c:v>
                </c:pt>
                <c:pt idx="1470">
                  <c:v>24.5</c:v>
                </c:pt>
                <c:pt idx="1471">
                  <c:v>24.516667000000012</c:v>
                </c:pt>
                <c:pt idx="1472">
                  <c:v>24.533334000000011</c:v>
                </c:pt>
                <c:pt idx="1473">
                  <c:v>24.550000000000011</c:v>
                </c:pt>
                <c:pt idx="1474">
                  <c:v>24.56666700000001</c:v>
                </c:pt>
                <c:pt idx="1475">
                  <c:v>24.583334000000008</c:v>
                </c:pt>
                <c:pt idx="1476">
                  <c:v>24.600000000000009</c:v>
                </c:pt>
                <c:pt idx="1477">
                  <c:v>24.616667000000007</c:v>
                </c:pt>
                <c:pt idx="1478">
                  <c:v>24.633334000000005</c:v>
                </c:pt>
                <c:pt idx="1479">
                  <c:v>24.650000000000006</c:v>
                </c:pt>
                <c:pt idx="1480">
                  <c:v>24.666667000000004</c:v>
                </c:pt>
                <c:pt idx="1481">
                  <c:v>24.683334000000002</c:v>
                </c:pt>
                <c:pt idx="1482">
                  <c:v>24.700000000000003</c:v>
                </c:pt>
                <c:pt idx="1483">
                  <c:v>24.716667000000001</c:v>
                </c:pt>
                <c:pt idx="1484">
                  <c:v>24.733334000000013</c:v>
                </c:pt>
                <c:pt idx="1485">
                  <c:v>24.75</c:v>
                </c:pt>
                <c:pt idx="1486">
                  <c:v>24.766667000000012</c:v>
                </c:pt>
                <c:pt idx="1487">
                  <c:v>24.783334000000011</c:v>
                </c:pt>
                <c:pt idx="1488">
                  <c:v>24.800000000000011</c:v>
                </c:pt>
                <c:pt idx="1489">
                  <c:v>24.81666700000001</c:v>
                </c:pt>
                <c:pt idx="1490">
                  <c:v>24.833334000000008</c:v>
                </c:pt>
                <c:pt idx="1491">
                  <c:v>24.850000000000009</c:v>
                </c:pt>
                <c:pt idx="1492">
                  <c:v>24.866667000000007</c:v>
                </c:pt>
                <c:pt idx="1493">
                  <c:v>24.883334000000005</c:v>
                </c:pt>
                <c:pt idx="1494">
                  <c:v>24.900000000000006</c:v>
                </c:pt>
                <c:pt idx="1495">
                  <c:v>24.916667000000004</c:v>
                </c:pt>
                <c:pt idx="1496">
                  <c:v>24.933334000000002</c:v>
                </c:pt>
                <c:pt idx="1497">
                  <c:v>24.950000000000003</c:v>
                </c:pt>
                <c:pt idx="1498">
                  <c:v>24.966667000000001</c:v>
                </c:pt>
                <c:pt idx="1499">
                  <c:v>24.983334000000013</c:v>
                </c:pt>
                <c:pt idx="1500">
                  <c:v>25</c:v>
                </c:pt>
                <c:pt idx="1501">
                  <c:v>25.016667000000012</c:v>
                </c:pt>
                <c:pt idx="1502">
                  <c:v>25.033334000000011</c:v>
                </c:pt>
                <c:pt idx="1503">
                  <c:v>25.050000000000011</c:v>
                </c:pt>
                <c:pt idx="1504">
                  <c:v>25.06666700000001</c:v>
                </c:pt>
                <c:pt idx="1505">
                  <c:v>25.083334000000008</c:v>
                </c:pt>
                <c:pt idx="1506">
                  <c:v>25.100000000000009</c:v>
                </c:pt>
                <c:pt idx="1507">
                  <c:v>25.116667000000007</c:v>
                </c:pt>
                <c:pt idx="1508">
                  <c:v>25.133334000000005</c:v>
                </c:pt>
                <c:pt idx="1509">
                  <c:v>25.150000000000006</c:v>
                </c:pt>
                <c:pt idx="1510">
                  <c:v>25.166667000000004</c:v>
                </c:pt>
                <c:pt idx="1511">
                  <c:v>25.183334000000002</c:v>
                </c:pt>
                <c:pt idx="1512">
                  <c:v>25.200000000000003</c:v>
                </c:pt>
                <c:pt idx="1513">
                  <c:v>25.216667000000001</c:v>
                </c:pt>
                <c:pt idx="1514">
                  <c:v>25.233334000000013</c:v>
                </c:pt>
                <c:pt idx="1515">
                  <c:v>25.25</c:v>
                </c:pt>
                <c:pt idx="1516">
                  <c:v>25.266667000000012</c:v>
                </c:pt>
                <c:pt idx="1517">
                  <c:v>25.283334000000011</c:v>
                </c:pt>
                <c:pt idx="1518">
                  <c:v>25.300000000000011</c:v>
                </c:pt>
                <c:pt idx="1519">
                  <c:v>25.31666700000001</c:v>
                </c:pt>
                <c:pt idx="1520">
                  <c:v>25.333334000000008</c:v>
                </c:pt>
                <c:pt idx="1521">
                  <c:v>25.350000000000009</c:v>
                </c:pt>
                <c:pt idx="1522">
                  <c:v>25.366667000000007</c:v>
                </c:pt>
                <c:pt idx="1523">
                  <c:v>25.383334000000005</c:v>
                </c:pt>
                <c:pt idx="1524">
                  <c:v>25.400000000000006</c:v>
                </c:pt>
                <c:pt idx="1525">
                  <c:v>25.416667000000004</c:v>
                </c:pt>
                <c:pt idx="1526">
                  <c:v>25.433334000000002</c:v>
                </c:pt>
                <c:pt idx="1527">
                  <c:v>25.450000000000003</c:v>
                </c:pt>
                <c:pt idx="1528">
                  <c:v>25.466667000000001</c:v>
                </c:pt>
                <c:pt idx="1529">
                  <c:v>25.483334000000013</c:v>
                </c:pt>
                <c:pt idx="1530">
                  <c:v>25.5</c:v>
                </c:pt>
                <c:pt idx="1531">
                  <c:v>25.516667000000012</c:v>
                </c:pt>
                <c:pt idx="1532">
                  <c:v>25.533334000000011</c:v>
                </c:pt>
                <c:pt idx="1533">
                  <c:v>25.550000000000011</c:v>
                </c:pt>
                <c:pt idx="1534">
                  <c:v>25.56666700000001</c:v>
                </c:pt>
                <c:pt idx="1535">
                  <c:v>25.583334000000008</c:v>
                </c:pt>
                <c:pt idx="1536">
                  <c:v>25.600000000000009</c:v>
                </c:pt>
                <c:pt idx="1537">
                  <c:v>25.616667000000007</c:v>
                </c:pt>
                <c:pt idx="1538">
                  <c:v>25.633334000000005</c:v>
                </c:pt>
                <c:pt idx="1539">
                  <c:v>25.650000000000006</c:v>
                </c:pt>
                <c:pt idx="1540">
                  <c:v>25.666667000000004</c:v>
                </c:pt>
                <c:pt idx="1541">
                  <c:v>25.683334000000002</c:v>
                </c:pt>
                <c:pt idx="1542">
                  <c:v>25.700000000000003</c:v>
                </c:pt>
                <c:pt idx="1543">
                  <c:v>25.716667000000001</c:v>
                </c:pt>
                <c:pt idx="1544">
                  <c:v>25.733334000000013</c:v>
                </c:pt>
                <c:pt idx="1545">
                  <c:v>25.75</c:v>
                </c:pt>
                <c:pt idx="1546">
                  <c:v>25.766667000000012</c:v>
                </c:pt>
                <c:pt idx="1547">
                  <c:v>25.783334000000011</c:v>
                </c:pt>
                <c:pt idx="1548">
                  <c:v>25.800000000000011</c:v>
                </c:pt>
                <c:pt idx="1549">
                  <c:v>25.81666700000001</c:v>
                </c:pt>
                <c:pt idx="1550">
                  <c:v>25.833334000000008</c:v>
                </c:pt>
                <c:pt idx="1551">
                  <c:v>25.850000000000009</c:v>
                </c:pt>
                <c:pt idx="1552">
                  <c:v>25.866667000000007</c:v>
                </c:pt>
                <c:pt idx="1553">
                  <c:v>25.883334000000005</c:v>
                </c:pt>
                <c:pt idx="1554">
                  <c:v>25.900000000000006</c:v>
                </c:pt>
                <c:pt idx="1555">
                  <c:v>25.916667000000004</c:v>
                </c:pt>
                <c:pt idx="1556">
                  <c:v>25.933334000000002</c:v>
                </c:pt>
                <c:pt idx="1557">
                  <c:v>25.950000000000003</c:v>
                </c:pt>
                <c:pt idx="1558">
                  <c:v>25.966667000000001</c:v>
                </c:pt>
                <c:pt idx="1559">
                  <c:v>25.983334000000013</c:v>
                </c:pt>
                <c:pt idx="1560">
                  <c:v>26</c:v>
                </c:pt>
                <c:pt idx="1561">
                  <c:v>26.016667000000012</c:v>
                </c:pt>
                <c:pt idx="1562">
                  <c:v>26.033334000000011</c:v>
                </c:pt>
                <c:pt idx="1563">
                  <c:v>26.050000000000011</c:v>
                </c:pt>
                <c:pt idx="1564">
                  <c:v>26.06666700000001</c:v>
                </c:pt>
                <c:pt idx="1565">
                  <c:v>26.083334000000008</c:v>
                </c:pt>
                <c:pt idx="1566">
                  <c:v>26.100000000000009</c:v>
                </c:pt>
                <c:pt idx="1567">
                  <c:v>26.116667000000007</c:v>
                </c:pt>
                <c:pt idx="1568">
                  <c:v>26.133334000000005</c:v>
                </c:pt>
                <c:pt idx="1569">
                  <c:v>26.150000000000006</c:v>
                </c:pt>
                <c:pt idx="1570">
                  <c:v>26.166667000000004</c:v>
                </c:pt>
                <c:pt idx="1571">
                  <c:v>26.183334000000002</c:v>
                </c:pt>
                <c:pt idx="1572">
                  <c:v>26.200000000000003</c:v>
                </c:pt>
                <c:pt idx="1573">
                  <c:v>26.216667000000001</c:v>
                </c:pt>
                <c:pt idx="1574">
                  <c:v>26.233334000000013</c:v>
                </c:pt>
                <c:pt idx="1575">
                  <c:v>26.25</c:v>
                </c:pt>
                <c:pt idx="1576">
                  <c:v>26.266667000000012</c:v>
                </c:pt>
                <c:pt idx="1577">
                  <c:v>26.283334000000011</c:v>
                </c:pt>
                <c:pt idx="1578">
                  <c:v>26.300000000000011</c:v>
                </c:pt>
                <c:pt idx="1579">
                  <c:v>26.31666700000001</c:v>
                </c:pt>
                <c:pt idx="1580">
                  <c:v>26.333334000000008</c:v>
                </c:pt>
                <c:pt idx="1581">
                  <c:v>26.350000000000009</c:v>
                </c:pt>
                <c:pt idx="1582">
                  <c:v>26.366667000000007</c:v>
                </c:pt>
                <c:pt idx="1583">
                  <c:v>26.383334000000005</c:v>
                </c:pt>
                <c:pt idx="1584">
                  <c:v>26.400000000000006</c:v>
                </c:pt>
                <c:pt idx="1585">
                  <c:v>26.416667000000004</c:v>
                </c:pt>
                <c:pt idx="1586">
                  <c:v>26.433334000000002</c:v>
                </c:pt>
                <c:pt idx="1587">
                  <c:v>26.450000000000003</c:v>
                </c:pt>
                <c:pt idx="1588">
                  <c:v>26.466667000000001</c:v>
                </c:pt>
                <c:pt idx="1589">
                  <c:v>26.483334000000013</c:v>
                </c:pt>
                <c:pt idx="1590">
                  <c:v>26.5</c:v>
                </c:pt>
                <c:pt idx="1591">
                  <c:v>26.516667000000012</c:v>
                </c:pt>
                <c:pt idx="1592">
                  <c:v>26.533334000000011</c:v>
                </c:pt>
                <c:pt idx="1593">
                  <c:v>26.550000000000011</c:v>
                </c:pt>
                <c:pt idx="1594">
                  <c:v>26.56666700000001</c:v>
                </c:pt>
                <c:pt idx="1595">
                  <c:v>26.583334000000008</c:v>
                </c:pt>
                <c:pt idx="1596">
                  <c:v>26.600000000000009</c:v>
                </c:pt>
                <c:pt idx="1597">
                  <c:v>26.616667000000007</c:v>
                </c:pt>
                <c:pt idx="1598">
                  <c:v>26.633334000000005</c:v>
                </c:pt>
                <c:pt idx="1599">
                  <c:v>26.650000000000006</c:v>
                </c:pt>
                <c:pt idx="1600">
                  <c:v>26.666667000000004</c:v>
                </c:pt>
                <c:pt idx="1601">
                  <c:v>26.683334000000002</c:v>
                </c:pt>
                <c:pt idx="1602">
                  <c:v>26.700000000000003</c:v>
                </c:pt>
                <c:pt idx="1603">
                  <c:v>26.716667000000001</c:v>
                </c:pt>
                <c:pt idx="1604">
                  <c:v>26.733334000000013</c:v>
                </c:pt>
                <c:pt idx="1605">
                  <c:v>26.75</c:v>
                </c:pt>
                <c:pt idx="1606">
                  <c:v>26.766667000000012</c:v>
                </c:pt>
                <c:pt idx="1607">
                  <c:v>26.783334000000011</c:v>
                </c:pt>
                <c:pt idx="1608">
                  <c:v>26.800000000000011</c:v>
                </c:pt>
                <c:pt idx="1609">
                  <c:v>26.81666700000001</c:v>
                </c:pt>
                <c:pt idx="1610">
                  <c:v>26.833334000000008</c:v>
                </c:pt>
                <c:pt idx="1611">
                  <c:v>26.850000000000009</c:v>
                </c:pt>
                <c:pt idx="1612">
                  <c:v>26.866667000000007</c:v>
                </c:pt>
                <c:pt idx="1613">
                  <c:v>26.883334000000005</c:v>
                </c:pt>
                <c:pt idx="1614">
                  <c:v>26.900000000000006</c:v>
                </c:pt>
                <c:pt idx="1615">
                  <c:v>26.916667000000004</c:v>
                </c:pt>
                <c:pt idx="1616">
                  <c:v>26.933334000000002</c:v>
                </c:pt>
                <c:pt idx="1617">
                  <c:v>26.950000000000003</c:v>
                </c:pt>
                <c:pt idx="1618">
                  <c:v>26.966667000000001</c:v>
                </c:pt>
                <c:pt idx="1619">
                  <c:v>26.983334000000013</c:v>
                </c:pt>
                <c:pt idx="1620">
                  <c:v>27</c:v>
                </c:pt>
                <c:pt idx="1621">
                  <c:v>27.016667000000012</c:v>
                </c:pt>
                <c:pt idx="1622">
                  <c:v>27.033334000000011</c:v>
                </c:pt>
                <c:pt idx="1623">
                  <c:v>27.050000000000011</c:v>
                </c:pt>
                <c:pt idx="1624">
                  <c:v>27.06666700000001</c:v>
                </c:pt>
                <c:pt idx="1625">
                  <c:v>27.083334000000008</c:v>
                </c:pt>
                <c:pt idx="1626">
                  <c:v>27.100000000000009</c:v>
                </c:pt>
                <c:pt idx="1627">
                  <c:v>27.116667000000007</c:v>
                </c:pt>
                <c:pt idx="1628">
                  <c:v>27.133334000000005</c:v>
                </c:pt>
                <c:pt idx="1629">
                  <c:v>27.150000000000006</c:v>
                </c:pt>
                <c:pt idx="1630">
                  <c:v>27.166667000000004</c:v>
                </c:pt>
                <c:pt idx="1631">
                  <c:v>27.183334000000002</c:v>
                </c:pt>
                <c:pt idx="1632">
                  <c:v>27.200000000000003</c:v>
                </c:pt>
                <c:pt idx="1633">
                  <c:v>27.216667000000001</c:v>
                </c:pt>
                <c:pt idx="1634">
                  <c:v>27.233334000000013</c:v>
                </c:pt>
                <c:pt idx="1635">
                  <c:v>27.25</c:v>
                </c:pt>
                <c:pt idx="1636">
                  <c:v>27.266667000000012</c:v>
                </c:pt>
                <c:pt idx="1637">
                  <c:v>27.283334000000011</c:v>
                </c:pt>
                <c:pt idx="1638">
                  <c:v>27.300000000000011</c:v>
                </c:pt>
                <c:pt idx="1639">
                  <c:v>27.31666700000001</c:v>
                </c:pt>
                <c:pt idx="1640">
                  <c:v>27.333334000000008</c:v>
                </c:pt>
                <c:pt idx="1641">
                  <c:v>27.350000000000009</c:v>
                </c:pt>
                <c:pt idx="1642">
                  <c:v>27.366667000000007</c:v>
                </c:pt>
                <c:pt idx="1643">
                  <c:v>27.383334000000005</c:v>
                </c:pt>
                <c:pt idx="1644">
                  <c:v>27.400000000000006</c:v>
                </c:pt>
                <c:pt idx="1645">
                  <c:v>27.416667000000004</c:v>
                </c:pt>
                <c:pt idx="1646">
                  <c:v>27.433334000000002</c:v>
                </c:pt>
                <c:pt idx="1647">
                  <c:v>27.450000000000003</c:v>
                </c:pt>
                <c:pt idx="1648">
                  <c:v>27.466667000000001</c:v>
                </c:pt>
                <c:pt idx="1649">
                  <c:v>27.483334000000013</c:v>
                </c:pt>
                <c:pt idx="1650">
                  <c:v>27.5</c:v>
                </c:pt>
                <c:pt idx="1651">
                  <c:v>27.516667000000012</c:v>
                </c:pt>
                <c:pt idx="1652">
                  <c:v>27.533334000000011</c:v>
                </c:pt>
                <c:pt idx="1653">
                  <c:v>27.550000000000011</c:v>
                </c:pt>
                <c:pt idx="1654">
                  <c:v>27.56666700000001</c:v>
                </c:pt>
                <c:pt idx="1655">
                  <c:v>27.583334000000008</c:v>
                </c:pt>
                <c:pt idx="1656">
                  <c:v>27.600000000000009</c:v>
                </c:pt>
                <c:pt idx="1657">
                  <c:v>27.616667000000007</c:v>
                </c:pt>
                <c:pt idx="1658">
                  <c:v>27.633334000000005</c:v>
                </c:pt>
                <c:pt idx="1659">
                  <c:v>27.650000000000006</c:v>
                </c:pt>
                <c:pt idx="1660">
                  <c:v>27.666667000000004</c:v>
                </c:pt>
                <c:pt idx="1661">
                  <c:v>27.683334000000002</c:v>
                </c:pt>
                <c:pt idx="1662">
                  <c:v>27.700000000000003</c:v>
                </c:pt>
                <c:pt idx="1663">
                  <c:v>27.716667000000001</c:v>
                </c:pt>
                <c:pt idx="1664">
                  <c:v>27.733334000000013</c:v>
                </c:pt>
                <c:pt idx="1665">
                  <c:v>27.75</c:v>
                </c:pt>
                <c:pt idx="1666">
                  <c:v>27.766667000000012</c:v>
                </c:pt>
                <c:pt idx="1667">
                  <c:v>27.783334000000011</c:v>
                </c:pt>
                <c:pt idx="1668">
                  <c:v>27.800000000000011</c:v>
                </c:pt>
                <c:pt idx="1669">
                  <c:v>27.81666700000001</c:v>
                </c:pt>
                <c:pt idx="1670">
                  <c:v>27.833334000000008</c:v>
                </c:pt>
                <c:pt idx="1671">
                  <c:v>27.850000000000009</c:v>
                </c:pt>
                <c:pt idx="1672">
                  <c:v>27.866667000000007</c:v>
                </c:pt>
                <c:pt idx="1673">
                  <c:v>27.883334000000005</c:v>
                </c:pt>
                <c:pt idx="1674">
                  <c:v>27.900000000000006</c:v>
                </c:pt>
                <c:pt idx="1675">
                  <c:v>27.916667000000004</c:v>
                </c:pt>
                <c:pt idx="1676">
                  <c:v>27.933334000000002</c:v>
                </c:pt>
                <c:pt idx="1677">
                  <c:v>27.950000000000003</c:v>
                </c:pt>
                <c:pt idx="1678">
                  <c:v>27.966667000000001</c:v>
                </c:pt>
                <c:pt idx="1679">
                  <c:v>27.983334000000013</c:v>
                </c:pt>
                <c:pt idx="1680">
                  <c:v>28</c:v>
                </c:pt>
                <c:pt idx="1681">
                  <c:v>28.016667000000012</c:v>
                </c:pt>
                <c:pt idx="1682">
                  <c:v>28.033334000000011</c:v>
                </c:pt>
                <c:pt idx="1683">
                  <c:v>28.050000000000011</c:v>
                </c:pt>
                <c:pt idx="1684">
                  <c:v>28.06666700000001</c:v>
                </c:pt>
                <c:pt idx="1685">
                  <c:v>28.083334000000008</c:v>
                </c:pt>
                <c:pt idx="1686">
                  <c:v>28.100000000000009</c:v>
                </c:pt>
                <c:pt idx="1687">
                  <c:v>28.116667000000007</c:v>
                </c:pt>
                <c:pt idx="1688">
                  <c:v>28.133334000000005</c:v>
                </c:pt>
                <c:pt idx="1689">
                  <c:v>28.150000000000006</c:v>
                </c:pt>
                <c:pt idx="1690">
                  <c:v>28.166667000000004</c:v>
                </c:pt>
                <c:pt idx="1691">
                  <c:v>28.183334000000002</c:v>
                </c:pt>
                <c:pt idx="1692">
                  <c:v>28.200000000000003</c:v>
                </c:pt>
                <c:pt idx="1693">
                  <c:v>28.216667000000001</c:v>
                </c:pt>
                <c:pt idx="1694">
                  <c:v>28.233334000000013</c:v>
                </c:pt>
                <c:pt idx="1695">
                  <c:v>28.25</c:v>
                </c:pt>
                <c:pt idx="1696">
                  <c:v>28.266667000000012</c:v>
                </c:pt>
                <c:pt idx="1697">
                  <c:v>28.283334000000011</c:v>
                </c:pt>
                <c:pt idx="1698">
                  <c:v>28.300000000000011</c:v>
                </c:pt>
                <c:pt idx="1699">
                  <c:v>28.31666700000001</c:v>
                </c:pt>
                <c:pt idx="1700">
                  <c:v>28.333334000000008</c:v>
                </c:pt>
                <c:pt idx="1701">
                  <c:v>28.350000000000009</c:v>
                </c:pt>
                <c:pt idx="1702">
                  <c:v>28.366667000000007</c:v>
                </c:pt>
                <c:pt idx="1703">
                  <c:v>28.383334000000005</c:v>
                </c:pt>
                <c:pt idx="1704">
                  <c:v>28.400000000000006</c:v>
                </c:pt>
                <c:pt idx="1705">
                  <c:v>28.416667000000004</c:v>
                </c:pt>
                <c:pt idx="1706">
                  <c:v>28.433334000000002</c:v>
                </c:pt>
                <c:pt idx="1707">
                  <c:v>28.450000000000003</c:v>
                </c:pt>
                <c:pt idx="1708">
                  <c:v>28.466667000000001</c:v>
                </c:pt>
                <c:pt idx="1709">
                  <c:v>28.483334000000013</c:v>
                </c:pt>
                <c:pt idx="1710">
                  <c:v>28.5</c:v>
                </c:pt>
                <c:pt idx="1711">
                  <c:v>28.516667000000012</c:v>
                </c:pt>
                <c:pt idx="1712">
                  <c:v>28.533334000000011</c:v>
                </c:pt>
                <c:pt idx="1713">
                  <c:v>28.550000000000011</c:v>
                </c:pt>
                <c:pt idx="1714">
                  <c:v>28.56666700000001</c:v>
                </c:pt>
                <c:pt idx="1715">
                  <c:v>28.583334000000008</c:v>
                </c:pt>
                <c:pt idx="1716">
                  <c:v>28.600000000000009</c:v>
                </c:pt>
                <c:pt idx="1717">
                  <c:v>28.616667000000007</c:v>
                </c:pt>
                <c:pt idx="1718">
                  <c:v>28.633334000000005</c:v>
                </c:pt>
                <c:pt idx="1719">
                  <c:v>28.650000000000006</c:v>
                </c:pt>
                <c:pt idx="1720">
                  <c:v>28.666667000000004</c:v>
                </c:pt>
                <c:pt idx="1721">
                  <c:v>28.683334000000002</c:v>
                </c:pt>
                <c:pt idx="1722">
                  <c:v>28.700000000000003</c:v>
                </c:pt>
                <c:pt idx="1723">
                  <c:v>28.716667000000001</c:v>
                </c:pt>
                <c:pt idx="1724">
                  <c:v>28.733334000000013</c:v>
                </c:pt>
                <c:pt idx="1725">
                  <c:v>28.75</c:v>
                </c:pt>
                <c:pt idx="1726">
                  <c:v>28.766667000000012</c:v>
                </c:pt>
                <c:pt idx="1727">
                  <c:v>28.783334000000011</c:v>
                </c:pt>
                <c:pt idx="1728">
                  <c:v>28.800000000000011</c:v>
                </c:pt>
                <c:pt idx="1729">
                  <c:v>28.81666700000001</c:v>
                </c:pt>
                <c:pt idx="1730">
                  <c:v>28.833334000000008</c:v>
                </c:pt>
                <c:pt idx="1731">
                  <c:v>28.850000000000009</c:v>
                </c:pt>
                <c:pt idx="1732">
                  <c:v>28.866667000000007</c:v>
                </c:pt>
                <c:pt idx="1733">
                  <c:v>28.883334000000005</c:v>
                </c:pt>
                <c:pt idx="1734">
                  <c:v>28.900000000000006</c:v>
                </c:pt>
                <c:pt idx="1735">
                  <c:v>28.916667000000004</c:v>
                </c:pt>
                <c:pt idx="1736">
                  <c:v>28.933334000000002</c:v>
                </c:pt>
                <c:pt idx="1737">
                  <c:v>28.950000000000003</c:v>
                </c:pt>
                <c:pt idx="1738">
                  <c:v>28.966667000000001</c:v>
                </c:pt>
                <c:pt idx="1739">
                  <c:v>28.983334000000013</c:v>
                </c:pt>
                <c:pt idx="1740">
                  <c:v>29</c:v>
                </c:pt>
                <c:pt idx="1741">
                  <c:v>29.016667000000012</c:v>
                </c:pt>
                <c:pt idx="1742">
                  <c:v>29.033334000000011</c:v>
                </c:pt>
                <c:pt idx="1743">
                  <c:v>29.050000000000011</c:v>
                </c:pt>
                <c:pt idx="1744">
                  <c:v>29.06666700000001</c:v>
                </c:pt>
                <c:pt idx="1745">
                  <c:v>29.083334000000008</c:v>
                </c:pt>
                <c:pt idx="1746">
                  <c:v>29.100000000000009</c:v>
                </c:pt>
                <c:pt idx="1747">
                  <c:v>29.116667000000007</c:v>
                </c:pt>
                <c:pt idx="1748">
                  <c:v>29.133334000000005</c:v>
                </c:pt>
                <c:pt idx="1749">
                  <c:v>29.150000000000006</c:v>
                </c:pt>
                <c:pt idx="1750">
                  <c:v>29.166667000000004</c:v>
                </c:pt>
                <c:pt idx="1751">
                  <c:v>29.183334000000002</c:v>
                </c:pt>
                <c:pt idx="1752">
                  <c:v>29.200000000000003</c:v>
                </c:pt>
                <c:pt idx="1753">
                  <c:v>29.216667000000001</c:v>
                </c:pt>
                <c:pt idx="1754">
                  <c:v>29.233334000000013</c:v>
                </c:pt>
                <c:pt idx="1755">
                  <c:v>29.25</c:v>
                </c:pt>
                <c:pt idx="1756">
                  <c:v>29.266667000000012</c:v>
                </c:pt>
                <c:pt idx="1757">
                  <c:v>29.283334000000011</c:v>
                </c:pt>
                <c:pt idx="1758">
                  <c:v>29.300000000000011</c:v>
                </c:pt>
                <c:pt idx="1759">
                  <c:v>29.31666700000001</c:v>
                </c:pt>
                <c:pt idx="1760">
                  <c:v>29.333334000000008</c:v>
                </c:pt>
                <c:pt idx="1761">
                  <c:v>29.350000000000009</c:v>
                </c:pt>
                <c:pt idx="1762">
                  <c:v>29.366667000000007</c:v>
                </c:pt>
                <c:pt idx="1763">
                  <c:v>29.383334000000005</c:v>
                </c:pt>
                <c:pt idx="1764">
                  <c:v>29.400000000000006</c:v>
                </c:pt>
                <c:pt idx="1765">
                  <c:v>29.416667000000004</c:v>
                </c:pt>
                <c:pt idx="1766">
                  <c:v>29.433334000000002</c:v>
                </c:pt>
                <c:pt idx="1767">
                  <c:v>29.450000000000003</c:v>
                </c:pt>
                <c:pt idx="1768">
                  <c:v>29.466667000000001</c:v>
                </c:pt>
                <c:pt idx="1769">
                  <c:v>29.483334000000013</c:v>
                </c:pt>
                <c:pt idx="1770">
                  <c:v>29.5</c:v>
                </c:pt>
                <c:pt idx="1771">
                  <c:v>29.516667000000012</c:v>
                </c:pt>
                <c:pt idx="1772">
                  <c:v>29.533334000000011</c:v>
                </c:pt>
                <c:pt idx="1773">
                  <c:v>29.550000000000011</c:v>
                </c:pt>
                <c:pt idx="1774">
                  <c:v>29.56666700000001</c:v>
                </c:pt>
                <c:pt idx="1775">
                  <c:v>29.583334000000008</c:v>
                </c:pt>
                <c:pt idx="1776">
                  <c:v>29.600000000000009</c:v>
                </c:pt>
                <c:pt idx="1777">
                  <c:v>29.616667000000007</c:v>
                </c:pt>
                <c:pt idx="1778">
                  <c:v>29.633334000000005</c:v>
                </c:pt>
                <c:pt idx="1779">
                  <c:v>29.650000000000006</c:v>
                </c:pt>
                <c:pt idx="1780">
                  <c:v>29.666667000000004</c:v>
                </c:pt>
                <c:pt idx="1781">
                  <c:v>29.683334000000002</c:v>
                </c:pt>
                <c:pt idx="1782">
                  <c:v>29.700000000000003</c:v>
                </c:pt>
                <c:pt idx="1783">
                  <c:v>29.716667000000001</c:v>
                </c:pt>
                <c:pt idx="1784">
                  <c:v>29.733334000000013</c:v>
                </c:pt>
                <c:pt idx="1785">
                  <c:v>29.75</c:v>
                </c:pt>
                <c:pt idx="1786">
                  <c:v>29.766667000000012</c:v>
                </c:pt>
                <c:pt idx="1787">
                  <c:v>29.783334000000011</c:v>
                </c:pt>
                <c:pt idx="1788">
                  <c:v>29.800000000000011</c:v>
                </c:pt>
                <c:pt idx="1789">
                  <c:v>29.81666700000001</c:v>
                </c:pt>
                <c:pt idx="1790">
                  <c:v>29.833334000000008</c:v>
                </c:pt>
                <c:pt idx="1791">
                  <c:v>29.850000000000009</c:v>
                </c:pt>
                <c:pt idx="1792">
                  <c:v>29.866667000000007</c:v>
                </c:pt>
                <c:pt idx="1793">
                  <c:v>29.883334000000005</c:v>
                </c:pt>
                <c:pt idx="1794">
                  <c:v>29.900000000000006</c:v>
                </c:pt>
                <c:pt idx="1795">
                  <c:v>29.916667000000004</c:v>
                </c:pt>
                <c:pt idx="1796">
                  <c:v>29.933334000000002</c:v>
                </c:pt>
                <c:pt idx="1797">
                  <c:v>29.950000000000003</c:v>
                </c:pt>
                <c:pt idx="1798">
                  <c:v>29.966667000000001</c:v>
                </c:pt>
                <c:pt idx="1799">
                  <c:v>29.983334000000013</c:v>
                </c:pt>
                <c:pt idx="1800">
                  <c:v>30</c:v>
                </c:pt>
                <c:pt idx="1801">
                  <c:v>30.016667000000012</c:v>
                </c:pt>
                <c:pt idx="1802">
                  <c:v>30.033334000000011</c:v>
                </c:pt>
                <c:pt idx="1803">
                  <c:v>30.050000000000011</c:v>
                </c:pt>
                <c:pt idx="1804">
                  <c:v>30.06666700000001</c:v>
                </c:pt>
                <c:pt idx="1805">
                  <c:v>30.083334000000008</c:v>
                </c:pt>
                <c:pt idx="1806">
                  <c:v>30.100000000000009</c:v>
                </c:pt>
                <c:pt idx="1807">
                  <c:v>30.116667000000007</c:v>
                </c:pt>
                <c:pt idx="1808">
                  <c:v>30.133334000000005</c:v>
                </c:pt>
                <c:pt idx="1809">
                  <c:v>30.150000000000006</c:v>
                </c:pt>
                <c:pt idx="1810">
                  <c:v>30.166667000000004</c:v>
                </c:pt>
                <c:pt idx="1811">
                  <c:v>30.183334000000002</c:v>
                </c:pt>
                <c:pt idx="1812">
                  <c:v>30.200000000000003</c:v>
                </c:pt>
                <c:pt idx="1813">
                  <c:v>30.216667000000001</c:v>
                </c:pt>
                <c:pt idx="1814">
                  <c:v>30.233334000000013</c:v>
                </c:pt>
                <c:pt idx="1815">
                  <c:v>30.25</c:v>
                </c:pt>
                <c:pt idx="1816">
                  <c:v>30.266667000000012</c:v>
                </c:pt>
                <c:pt idx="1817">
                  <c:v>30.283334000000011</c:v>
                </c:pt>
                <c:pt idx="1818">
                  <c:v>30.300000000000011</c:v>
                </c:pt>
                <c:pt idx="1819">
                  <c:v>30.31666700000001</c:v>
                </c:pt>
                <c:pt idx="1820">
                  <c:v>30.333334000000008</c:v>
                </c:pt>
                <c:pt idx="1821">
                  <c:v>30.350000000000009</c:v>
                </c:pt>
                <c:pt idx="1822">
                  <c:v>30.366667000000007</c:v>
                </c:pt>
                <c:pt idx="1823">
                  <c:v>30.383334000000005</c:v>
                </c:pt>
                <c:pt idx="1824">
                  <c:v>30.400000000000006</c:v>
                </c:pt>
                <c:pt idx="1825">
                  <c:v>30.416667000000004</c:v>
                </c:pt>
                <c:pt idx="1826">
                  <c:v>30.433334000000002</c:v>
                </c:pt>
                <c:pt idx="1827">
                  <c:v>30.450000000000003</c:v>
                </c:pt>
                <c:pt idx="1828">
                  <c:v>30.466667000000001</c:v>
                </c:pt>
                <c:pt idx="1829">
                  <c:v>30.483334000000013</c:v>
                </c:pt>
                <c:pt idx="1830">
                  <c:v>30.5</c:v>
                </c:pt>
                <c:pt idx="1831">
                  <c:v>30.516667000000012</c:v>
                </c:pt>
                <c:pt idx="1832">
                  <c:v>30.533334000000011</c:v>
                </c:pt>
                <c:pt idx="1833">
                  <c:v>30.550000000000011</c:v>
                </c:pt>
                <c:pt idx="1834">
                  <c:v>30.56666700000001</c:v>
                </c:pt>
                <c:pt idx="1835">
                  <c:v>30.583334000000008</c:v>
                </c:pt>
                <c:pt idx="1836">
                  <c:v>30.600000000000009</c:v>
                </c:pt>
                <c:pt idx="1837">
                  <c:v>30.616667000000007</c:v>
                </c:pt>
                <c:pt idx="1838">
                  <c:v>30.633334000000005</c:v>
                </c:pt>
                <c:pt idx="1839">
                  <c:v>30.650000000000006</c:v>
                </c:pt>
                <c:pt idx="1840">
                  <c:v>30.666667000000004</c:v>
                </c:pt>
                <c:pt idx="1841">
                  <c:v>30.683334000000002</c:v>
                </c:pt>
                <c:pt idx="1842">
                  <c:v>30.700000000000003</c:v>
                </c:pt>
                <c:pt idx="1843">
                  <c:v>30.716667000000001</c:v>
                </c:pt>
                <c:pt idx="1844">
                  <c:v>30.733334000000013</c:v>
                </c:pt>
                <c:pt idx="1845">
                  <c:v>30.75</c:v>
                </c:pt>
                <c:pt idx="1846">
                  <c:v>30.766667000000012</c:v>
                </c:pt>
                <c:pt idx="1847">
                  <c:v>30.783334000000011</c:v>
                </c:pt>
                <c:pt idx="1848">
                  <c:v>30.800000000000011</c:v>
                </c:pt>
                <c:pt idx="1849">
                  <c:v>30.81666700000001</c:v>
                </c:pt>
                <c:pt idx="1850">
                  <c:v>30.833334000000008</c:v>
                </c:pt>
                <c:pt idx="1851">
                  <c:v>30.850000000000009</c:v>
                </c:pt>
                <c:pt idx="1852">
                  <c:v>30.866667000000007</c:v>
                </c:pt>
                <c:pt idx="1853">
                  <c:v>30.883334000000005</c:v>
                </c:pt>
                <c:pt idx="1854">
                  <c:v>30.900000000000006</c:v>
                </c:pt>
                <c:pt idx="1855">
                  <c:v>30.916667000000004</c:v>
                </c:pt>
                <c:pt idx="1856">
                  <c:v>30.933334000000002</c:v>
                </c:pt>
                <c:pt idx="1857">
                  <c:v>30.950000000000003</c:v>
                </c:pt>
                <c:pt idx="1858">
                  <c:v>30.966667000000001</c:v>
                </c:pt>
                <c:pt idx="1859">
                  <c:v>30.983334000000013</c:v>
                </c:pt>
                <c:pt idx="1860">
                  <c:v>31</c:v>
                </c:pt>
                <c:pt idx="1861">
                  <c:v>31.016667000000012</c:v>
                </c:pt>
                <c:pt idx="1862">
                  <c:v>31.033334000000011</c:v>
                </c:pt>
                <c:pt idx="1863">
                  <c:v>31.050000000000011</c:v>
                </c:pt>
                <c:pt idx="1864">
                  <c:v>31.06666700000001</c:v>
                </c:pt>
                <c:pt idx="1865">
                  <c:v>31.083334000000008</c:v>
                </c:pt>
                <c:pt idx="1866">
                  <c:v>31.100000000000009</c:v>
                </c:pt>
                <c:pt idx="1867">
                  <c:v>31.116667000000007</c:v>
                </c:pt>
                <c:pt idx="1868">
                  <c:v>31.133334000000005</c:v>
                </c:pt>
                <c:pt idx="1869">
                  <c:v>31.150000000000006</c:v>
                </c:pt>
                <c:pt idx="1870">
                  <c:v>31.166667000000004</c:v>
                </c:pt>
                <c:pt idx="1871">
                  <c:v>31.183334000000002</c:v>
                </c:pt>
                <c:pt idx="1872">
                  <c:v>31.200000000000003</c:v>
                </c:pt>
                <c:pt idx="1873">
                  <c:v>31.216667000000001</c:v>
                </c:pt>
                <c:pt idx="1874">
                  <c:v>31.233334000000013</c:v>
                </c:pt>
                <c:pt idx="1875">
                  <c:v>31.25</c:v>
                </c:pt>
                <c:pt idx="1876">
                  <c:v>31.266667000000012</c:v>
                </c:pt>
                <c:pt idx="1877">
                  <c:v>31.283334000000011</c:v>
                </c:pt>
                <c:pt idx="1878">
                  <c:v>31.300000000000011</c:v>
                </c:pt>
                <c:pt idx="1879">
                  <c:v>31.31666700000001</c:v>
                </c:pt>
                <c:pt idx="1880">
                  <c:v>31.333334000000008</c:v>
                </c:pt>
                <c:pt idx="1881">
                  <c:v>31.350000000000009</c:v>
                </c:pt>
                <c:pt idx="1882">
                  <c:v>31.366667000000007</c:v>
                </c:pt>
                <c:pt idx="1883">
                  <c:v>31.383334000000005</c:v>
                </c:pt>
                <c:pt idx="1884">
                  <c:v>31.400000000000006</c:v>
                </c:pt>
                <c:pt idx="1885">
                  <c:v>31.416667000000004</c:v>
                </c:pt>
                <c:pt idx="1886">
                  <c:v>31.433334000000002</c:v>
                </c:pt>
                <c:pt idx="1887">
                  <c:v>31.450000000000003</c:v>
                </c:pt>
                <c:pt idx="1888">
                  <c:v>31.466667000000001</c:v>
                </c:pt>
                <c:pt idx="1889">
                  <c:v>31.483334000000013</c:v>
                </c:pt>
                <c:pt idx="1890">
                  <c:v>31.5</c:v>
                </c:pt>
                <c:pt idx="1891">
                  <c:v>31.516667000000012</c:v>
                </c:pt>
                <c:pt idx="1892">
                  <c:v>31.533334000000011</c:v>
                </c:pt>
                <c:pt idx="1893">
                  <c:v>31.550000000000011</c:v>
                </c:pt>
                <c:pt idx="1894">
                  <c:v>31.56666700000001</c:v>
                </c:pt>
                <c:pt idx="1895">
                  <c:v>31.583334000000008</c:v>
                </c:pt>
                <c:pt idx="1896">
                  <c:v>31.600000000000009</c:v>
                </c:pt>
                <c:pt idx="1897">
                  <c:v>31.616667000000007</c:v>
                </c:pt>
                <c:pt idx="1898">
                  <c:v>31.633334000000005</c:v>
                </c:pt>
                <c:pt idx="1899">
                  <c:v>31.650000000000006</c:v>
                </c:pt>
                <c:pt idx="1900">
                  <c:v>31.666667000000004</c:v>
                </c:pt>
                <c:pt idx="1901">
                  <c:v>31.683334000000002</c:v>
                </c:pt>
                <c:pt idx="1902">
                  <c:v>31.700000000000003</c:v>
                </c:pt>
                <c:pt idx="1903">
                  <c:v>31.716667000000001</c:v>
                </c:pt>
                <c:pt idx="1904">
                  <c:v>31.733334000000013</c:v>
                </c:pt>
                <c:pt idx="1905">
                  <c:v>31.75</c:v>
                </c:pt>
                <c:pt idx="1906">
                  <c:v>31.766667000000012</c:v>
                </c:pt>
                <c:pt idx="1907">
                  <c:v>31.783334000000011</c:v>
                </c:pt>
                <c:pt idx="1908">
                  <c:v>31.800000000000011</c:v>
                </c:pt>
                <c:pt idx="1909">
                  <c:v>31.81666700000001</c:v>
                </c:pt>
                <c:pt idx="1910">
                  <c:v>31.833334000000008</c:v>
                </c:pt>
                <c:pt idx="1911">
                  <c:v>31.850000000000009</c:v>
                </c:pt>
                <c:pt idx="1912">
                  <c:v>31.866667000000007</c:v>
                </c:pt>
                <c:pt idx="1913">
                  <c:v>31.883334000000005</c:v>
                </c:pt>
                <c:pt idx="1914">
                  <c:v>31.900000000000006</c:v>
                </c:pt>
                <c:pt idx="1915">
                  <c:v>31.916667000000004</c:v>
                </c:pt>
                <c:pt idx="1916">
                  <c:v>31.933334000000002</c:v>
                </c:pt>
                <c:pt idx="1917">
                  <c:v>31.950000000000003</c:v>
                </c:pt>
                <c:pt idx="1918">
                  <c:v>31.966667000000001</c:v>
                </c:pt>
                <c:pt idx="1919">
                  <c:v>31.983334000000013</c:v>
                </c:pt>
                <c:pt idx="1920">
                  <c:v>32</c:v>
                </c:pt>
                <c:pt idx="1921">
                  <c:v>32.016667000000012</c:v>
                </c:pt>
                <c:pt idx="1922">
                  <c:v>32.033334000000011</c:v>
                </c:pt>
                <c:pt idx="1923">
                  <c:v>32.050000000000011</c:v>
                </c:pt>
                <c:pt idx="1924">
                  <c:v>32.06666700000001</c:v>
                </c:pt>
                <c:pt idx="1925">
                  <c:v>32.083334000000008</c:v>
                </c:pt>
                <c:pt idx="1926">
                  <c:v>32.100000000000009</c:v>
                </c:pt>
                <c:pt idx="1927">
                  <c:v>32.116667000000007</c:v>
                </c:pt>
                <c:pt idx="1928">
                  <c:v>32.133334000000005</c:v>
                </c:pt>
                <c:pt idx="1929">
                  <c:v>32.150000000000006</c:v>
                </c:pt>
                <c:pt idx="1930">
                  <c:v>32.166667000000004</c:v>
                </c:pt>
                <c:pt idx="1931">
                  <c:v>32.183334000000002</c:v>
                </c:pt>
                <c:pt idx="1932">
                  <c:v>32.200000000000003</c:v>
                </c:pt>
                <c:pt idx="1933">
                  <c:v>32.216667000000001</c:v>
                </c:pt>
                <c:pt idx="1934">
                  <c:v>32.233334000000013</c:v>
                </c:pt>
                <c:pt idx="1935">
                  <c:v>32.25</c:v>
                </c:pt>
                <c:pt idx="1936">
                  <c:v>32.266667000000012</c:v>
                </c:pt>
                <c:pt idx="1937">
                  <c:v>32.283334000000011</c:v>
                </c:pt>
                <c:pt idx="1938">
                  <c:v>32.300000000000011</c:v>
                </c:pt>
                <c:pt idx="1939">
                  <c:v>32.31666700000001</c:v>
                </c:pt>
                <c:pt idx="1940">
                  <c:v>32.333334000000008</c:v>
                </c:pt>
                <c:pt idx="1941">
                  <c:v>32.350000000000009</c:v>
                </c:pt>
                <c:pt idx="1942">
                  <c:v>32.366667000000007</c:v>
                </c:pt>
                <c:pt idx="1943">
                  <c:v>32.383334000000005</c:v>
                </c:pt>
                <c:pt idx="1944">
                  <c:v>32.400000000000006</c:v>
                </c:pt>
                <c:pt idx="1945">
                  <c:v>32.416667000000004</c:v>
                </c:pt>
                <c:pt idx="1946">
                  <c:v>32.433334000000002</c:v>
                </c:pt>
                <c:pt idx="1947">
                  <c:v>32.450000000000003</c:v>
                </c:pt>
                <c:pt idx="1948">
                  <c:v>32.466667000000001</c:v>
                </c:pt>
                <c:pt idx="1949">
                  <c:v>32.483334000000013</c:v>
                </c:pt>
                <c:pt idx="1950">
                  <c:v>32.5</c:v>
                </c:pt>
                <c:pt idx="1951">
                  <c:v>32.516667000000012</c:v>
                </c:pt>
                <c:pt idx="1952">
                  <c:v>32.533334000000011</c:v>
                </c:pt>
                <c:pt idx="1953">
                  <c:v>32.550000000000011</c:v>
                </c:pt>
                <c:pt idx="1954">
                  <c:v>32.56666700000001</c:v>
                </c:pt>
                <c:pt idx="1955">
                  <c:v>32.583334000000008</c:v>
                </c:pt>
                <c:pt idx="1956">
                  <c:v>32.600000000000009</c:v>
                </c:pt>
                <c:pt idx="1957">
                  <c:v>32.616667000000007</c:v>
                </c:pt>
                <c:pt idx="1958">
                  <c:v>32.633334000000005</c:v>
                </c:pt>
                <c:pt idx="1959">
                  <c:v>32.650000000000006</c:v>
                </c:pt>
                <c:pt idx="1960">
                  <c:v>32.666667000000004</c:v>
                </c:pt>
                <c:pt idx="1961">
                  <c:v>32.683334000000002</c:v>
                </c:pt>
                <c:pt idx="1962">
                  <c:v>32.700000000000003</c:v>
                </c:pt>
                <c:pt idx="1963">
                  <c:v>32.716667000000001</c:v>
                </c:pt>
                <c:pt idx="1964">
                  <c:v>32.733334000000013</c:v>
                </c:pt>
                <c:pt idx="1965">
                  <c:v>32.75</c:v>
                </c:pt>
                <c:pt idx="1966">
                  <c:v>32.766667000000012</c:v>
                </c:pt>
                <c:pt idx="1967">
                  <c:v>32.783334000000011</c:v>
                </c:pt>
                <c:pt idx="1968">
                  <c:v>32.800000000000011</c:v>
                </c:pt>
                <c:pt idx="1969">
                  <c:v>32.81666700000001</c:v>
                </c:pt>
                <c:pt idx="1970">
                  <c:v>32.833334000000008</c:v>
                </c:pt>
                <c:pt idx="1971">
                  <c:v>32.850000000000009</c:v>
                </c:pt>
                <c:pt idx="1972">
                  <c:v>32.866667000000007</c:v>
                </c:pt>
                <c:pt idx="1973">
                  <c:v>32.883334000000005</c:v>
                </c:pt>
                <c:pt idx="1974">
                  <c:v>32.900000000000006</c:v>
                </c:pt>
                <c:pt idx="1975">
                  <c:v>32.916667000000004</c:v>
                </c:pt>
                <c:pt idx="1976">
                  <c:v>32.933334000000002</c:v>
                </c:pt>
                <c:pt idx="1977">
                  <c:v>32.950000000000003</c:v>
                </c:pt>
                <c:pt idx="1978">
                  <c:v>32.966667000000001</c:v>
                </c:pt>
                <c:pt idx="1979">
                  <c:v>32.983334000000013</c:v>
                </c:pt>
                <c:pt idx="1980">
                  <c:v>33</c:v>
                </c:pt>
                <c:pt idx="1981">
                  <c:v>33.016667000000012</c:v>
                </c:pt>
                <c:pt idx="1982">
                  <c:v>33.033334000000011</c:v>
                </c:pt>
                <c:pt idx="1983">
                  <c:v>33.050000000000011</c:v>
                </c:pt>
                <c:pt idx="1984">
                  <c:v>33.06666700000001</c:v>
                </c:pt>
                <c:pt idx="1985">
                  <c:v>33.083334000000008</c:v>
                </c:pt>
                <c:pt idx="1986">
                  <c:v>33.100000000000009</c:v>
                </c:pt>
                <c:pt idx="1987">
                  <c:v>33.116667000000007</c:v>
                </c:pt>
                <c:pt idx="1988">
                  <c:v>33.133334000000005</c:v>
                </c:pt>
                <c:pt idx="1989">
                  <c:v>33.150000000000006</c:v>
                </c:pt>
                <c:pt idx="1990">
                  <c:v>33.166667000000004</c:v>
                </c:pt>
                <c:pt idx="1991">
                  <c:v>33.183334000000002</c:v>
                </c:pt>
                <c:pt idx="1992">
                  <c:v>33.200000000000003</c:v>
                </c:pt>
                <c:pt idx="1993">
                  <c:v>33.216667000000001</c:v>
                </c:pt>
                <c:pt idx="1994">
                  <c:v>33.233334000000013</c:v>
                </c:pt>
                <c:pt idx="1995">
                  <c:v>33.25</c:v>
                </c:pt>
                <c:pt idx="1996">
                  <c:v>33.266667000000012</c:v>
                </c:pt>
                <c:pt idx="1997">
                  <c:v>33.283334000000011</c:v>
                </c:pt>
                <c:pt idx="1998">
                  <c:v>33.300000000000011</c:v>
                </c:pt>
                <c:pt idx="1999">
                  <c:v>33.31666700000001</c:v>
                </c:pt>
                <c:pt idx="2000">
                  <c:v>33.333334000000008</c:v>
                </c:pt>
                <c:pt idx="2001">
                  <c:v>33.350000000000009</c:v>
                </c:pt>
                <c:pt idx="2002">
                  <c:v>33.366667000000007</c:v>
                </c:pt>
                <c:pt idx="2003">
                  <c:v>33.383334000000005</c:v>
                </c:pt>
                <c:pt idx="2004">
                  <c:v>33.400000000000006</c:v>
                </c:pt>
                <c:pt idx="2005">
                  <c:v>33.416667000000004</c:v>
                </c:pt>
                <c:pt idx="2006">
                  <c:v>33.433334000000002</c:v>
                </c:pt>
                <c:pt idx="2007">
                  <c:v>33.450000000000003</c:v>
                </c:pt>
                <c:pt idx="2008">
                  <c:v>33.466667000000001</c:v>
                </c:pt>
                <c:pt idx="2009">
                  <c:v>33.483334000000013</c:v>
                </c:pt>
                <c:pt idx="2010">
                  <c:v>33.5</c:v>
                </c:pt>
                <c:pt idx="2011">
                  <c:v>33.516667000000012</c:v>
                </c:pt>
                <c:pt idx="2012">
                  <c:v>33.533334000000011</c:v>
                </c:pt>
                <c:pt idx="2013">
                  <c:v>33.550000000000011</c:v>
                </c:pt>
                <c:pt idx="2014">
                  <c:v>33.56666700000001</c:v>
                </c:pt>
                <c:pt idx="2015">
                  <c:v>33.583334000000008</c:v>
                </c:pt>
                <c:pt idx="2016">
                  <c:v>33.600000000000009</c:v>
                </c:pt>
                <c:pt idx="2017">
                  <c:v>33.616667000000007</c:v>
                </c:pt>
                <c:pt idx="2018">
                  <c:v>33.633334000000005</c:v>
                </c:pt>
                <c:pt idx="2019">
                  <c:v>33.650000000000006</c:v>
                </c:pt>
                <c:pt idx="2020">
                  <c:v>33.666667000000004</c:v>
                </c:pt>
                <c:pt idx="2021">
                  <c:v>33.683334000000002</c:v>
                </c:pt>
                <c:pt idx="2022">
                  <c:v>33.700000000000003</c:v>
                </c:pt>
                <c:pt idx="2023">
                  <c:v>33.716667000000001</c:v>
                </c:pt>
                <c:pt idx="2024">
                  <c:v>33.733334000000013</c:v>
                </c:pt>
                <c:pt idx="2025">
                  <c:v>33.75</c:v>
                </c:pt>
                <c:pt idx="2026">
                  <c:v>33.766667000000012</c:v>
                </c:pt>
                <c:pt idx="2027">
                  <c:v>33.783334000000011</c:v>
                </c:pt>
                <c:pt idx="2028">
                  <c:v>33.800000000000011</c:v>
                </c:pt>
                <c:pt idx="2029">
                  <c:v>33.81666700000001</c:v>
                </c:pt>
                <c:pt idx="2030">
                  <c:v>33.833334000000008</c:v>
                </c:pt>
                <c:pt idx="2031">
                  <c:v>33.850000000000009</c:v>
                </c:pt>
                <c:pt idx="2032">
                  <c:v>33.866667000000007</c:v>
                </c:pt>
                <c:pt idx="2033">
                  <c:v>33.883334000000005</c:v>
                </c:pt>
                <c:pt idx="2034">
                  <c:v>33.900000000000006</c:v>
                </c:pt>
                <c:pt idx="2035">
                  <c:v>33.916667000000004</c:v>
                </c:pt>
                <c:pt idx="2036">
                  <c:v>33.933334000000002</c:v>
                </c:pt>
                <c:pt idx="2037">
                  <c:v>33.950000000000003</c:v>
                </c:pt>
                <c:pt idx="2038">
                  <c:v>33.966667000000001</c:v>
                </c:pt>
                <c:pt idx="2039">
                  <c:v>33.983334000000013</c:v>
                </c:pt>
                <c:pt idx="2040">
                  <c:v>34</c:v>
                </c:pt>
                <c:pt idx="2041">
                  <c:v>34.016667000000012</c:v>
                </c:pt>
                <c:pt idx="2042">
                  <c:v>34.033334000000011</c:v>
                </c:pt>
                <c:pt idx="2043">
                  <c:v>34.050000000000011</c:v>
                </c:pt>
                <c:pt idx="2044">
                  <c:v>34.06666700000001</c:v>
                </c:pt>
                <c:pt idx="2045">
                  <c:v>34.083334000000008</c:v>
                </c:pt>
                <c:pt idx="2046">
                  <c:v>34.100000000000009</c:v>
                </c:pt>
                <c:pt idx="2047">
                  <c:v>34.116667000000007</c:v>
                </c:pt>
                <c:pt idx="2048">
                  <c:v>34.133334000000005</c:v>
                </c:pt>
                <c:pt idx="2049">
                  <c:v>34.150000000000006</c:v>
                </c:pt>
                <c:pt idx="2050">
                  <c:v>34.166667000000004</c:v>
                </c:pt>
                <c:pt idx="2051">
                  <c:v>34.183334000000002</c:v>
                </c:pt>
                <c:pt idx="2052">
                  <c:v>34.200000000000003</c:v>
                </c:pt>
                <c:pt idx="2053">
                  <c:v>34.216667000000001</c:v>
                </c:pt>
                <c:pt idx="2054">
                  <c:v>34.233334000000013</c:v>
                </c:pt>
                <c:pt idx="2055">
                  <c:v>34.25</c:v>
                </c:pt>
                <c:pt idx="2056">
                  <c:v>34.266667000000012</c:v>
                </c:pt>
                <c:pt idx="2057">
                  <c:v>34.283334000000011</c:v>
                </c:pt>
                <c:pt idx="2058">
                  <c:v>34.300000000000011</c:v>
                </c:pt>
                <c:pt idx="2059">
                  <c:v>34.31666700000001</c:v>
                </c:pt>
                <c:pt idx="2060">
                  <c:v>34.333334000000008</c:v>
                </c:pt>
                <c:pt idx="2061">
                  <c:v>34.350000000000009</c:v>
                </c:pt>
                <c:pt idx="2062">
                  <c:v>34.366667000000007</c:v>
                </c:pt>
                <c:pt idx="2063">
                  <c:v>34.383334000000005</c:v>
                </c:pt>
                <c:pt idx="2064">
                  <c:v>34.400000000000006</c:v>
                </c:pt>
                <c:pt idx="2065">
                  <c:v>34.416667000000004</c:v>
                </c:pt>
                <c:pt idx="2066">
                  <c:v>34.433334000000002</c:v>
                </c:pt>
                <c:pt idx="2067">
                  <c:v>34.450000000000003</c:v>
                </c:pt>
                <c:pt idx="2068">
                  <c:v>34.466667000000001</c:v>
                </c:pt>
                <c:pt idx="2069">
                  <c:v>34.483334000000013</c:v>
                </c:pt>
                <c:pt idx="2070">
                  <c:v>34.5</c:v>
                </c:pt>
                <c:pt idx="2071">
                  <c:v>34.516667000000012</c:v>
                </c:pt>
                <c:pt idx="2072">
                  <c:v>34.533334000000011</c:v>
                </c:pt>
                <c:pt idx="2073">
                  <c:v>34.550000000000011</c:v>
                </c:pt>
                <c:pt idx="2074">
                  <c:v>34.56666700000001</c:v>
                </c:pt>
                <c:pt idx="2075">
                  <c:v>34.583334000000008</c:v>
                </c:pt>
                <c:pt idx="2076">
                  <c:v>34.600000000000009</c:v>
                </c:pt>
                <c:pt idx="2077">
                  <c:v>34.616667000000007</c:v>
                </c:pt>
                <c:pt idx="2078">
                  <c:v>34.633334000000005</c:v>
                </c:pt>
                <c:pt idx="2079">
                  <c:v>34.650000000000006</c:v>
                </c:pt>
                <c:pt idx="2080">
                  <c:v>34.666667000000004</c:v>
                </c:pt>
                <c:pt idx="2081">
                  <c:v>34.683334000000002</c:v>
                </c:pt>
                <c:pt idx="2082">
                  <c:v>34.700000000000003</c:v>
                </c:pt>
                <c:pt idx="2083">
                  <c:v>34.716667000000001</c:v>
                </c:pt>
                <c:pt idx="2084">
                  <c:v>34.733334000000013</c:v>
                </c:pt>
                <c:pt idx="2085">
                  <c:v>34.75</c:v>
                </c:pt>
                <c:pt idx="2086">
                  <c:v>34.766667000000012</c:v>
                </c:pt>
                <c:pt idx="2087">
                  <c:v>34.783334000000011</c:v>
                </c:pt>
                <c:pt idx="2088">
                  <c:v>34.800000000000011</c:v>
                </c:pt>
                <c:pt idx="2089">
                  <c:v>34.81666700000001</c:v>
                </c:pt>
                <c:pt idx="2090">
                  <c:v>34.833334000000008</c:v>
                </c:pt>
                <c:pt idx="2091">
                  <c:v>34.850000000000009</c:v>
                </c:pt>
                <c:pt idx="2092">
                  <c:v>34.866667000000007</c:v>
                </c:pt>
                <c:pt idx="2093">
                  <c:v>34.883334000000005</c:v>
                </c:pt>
                <c:pt idx="2094">
                  <c:v>34.900000000000006</c:v>
                </c:pt>
                <c:pt idx="2095">
                  <c:v>34.916667000000004</c:v>
                </c:pt>
                <c:pt idx="2096">
                  <c:v>34.933334000000002</c:v>
                </c:pt>
                <c:pt idx="2097">
                  <c:v>34.950000000000003</c:v>
                </c:pt>
                <c:pt idx="2098">
                  <c:v>34.966667000000001</c:v>
                </c:pt>
                <c:pt idx="2099">
                  <c:v>34.983334000000013</c:v>
                </c:pt>
                <c:pt idx="2100">
                  <c:v>35</c:v>
                </c:pt>
                <c:pt idx="2101">
                  <c:v>35.016667000000012</c:v>
                </c:pt>
                <c:pt idx="2102">
                  <c:v>35.033334000000011</c:v>
                </c:pt>
                <c:pt idx="2103">
                  <c:v>35.050000000000011</c:v>
                </c:pt>
                <c:pt idx="2104">
                  <c:v>35.06666700000001</c:v>
                </c:pt>
                <c:pt idx="2105">
                  <c:v>35.083334000000008</c:v>
                </c:pt>
                <c:pt idx="2106">
                  <c:v>35.100000000000009</c:v>
                </c:pt>
                <c:pt idx="2107">
                  <c:v>35.116667000000007</c:v>
                </c:pt>
                <c:pt idx="2108">
                  <c:v>35.133334000000005</c:v>
                </c:pt>
                <c:pt idx="2109">
                  <c:v>35.150000000000006</c:v>
                </c:pt>
                <c:pt idx="2110">
                  <c:v>35.166667000000004</c:v>
                </c:pt>
                <c:pt idx="2111">
                  <c:v>35.183334000000002</c:v>
                </c:pt>
                <c:pt idx="2112">
                  <c:v>35.200000000000003</c:v>
                </c:pt>
                <c:pt idx="2113">
                  <c:v>35.216667000000001</c:v>
                </c:pt>
                <c:pt idx="2114">
                  <c:v>35.233334000000013</c:v>
                </c:pt>
                <c:pt idx="2115">
                  <c:v>35.25</c:v>
                </c:pt>
                <c:pt idx="2116">
                  <c:v>35.266667000000012</c:v>
                </c:pt>
                <c:pt idx="2117">
                  <c:v>35.283334000000011</c:v>
                </c:pt>
                <c:pt idx="2118">
                  <c:v>35.300000000000011</c:v>
                </c:pt>
                <c:pt idx="2119">
                  <c:v>35.31666700000001</c:v>
                </c:pt>
                <c:pt idx="2120">
                  <c:v>35.333334000000008</c:v>
                </c:pt>
                <c:pt idx="2121">
                  <c:v>35.350000000000009</c:v>
                </c:pt>
                <c:pt idx="2122">
                  <c:v>35.366667000000007</c:v>
                </c:pt>
                <c:pt idx="2123">
                  <c:v>35.383334000000005</c:v>
                </c:pt>
                <c:pt idx="2124">
                  <c:v>35.400000000000006</c:v>
                </c:pt>
                <c:pt idx="2125">
                  <c:v>35.416667000000004</c:v>
                </c:pt>
                <c:pt idx="2126">
                  <c:v>35.433334000000002</c:v>
                </c:pt>
                <c:pt idx="2127">
                  <c:v>35.450000000000003</c:v>
                </c:pt>
                <c:pt idx="2128">
                  <c:v>35.466667000000001</c:v>
                </c:pt>
                <c:pt idx="2129">
                  <c:v>35.483334000000013</c:v>
                </c:pt>
                <c:pt idx="2130">
                  <c:v>35.5</c:v>
                </c:pt>
                <c:pt idx="2131">
                  <c:v>35.516667000000012</c:v>
                </c:pt>
                <c:pt idx="2132">
                  <c:v>35.533334000000011</c:v>
                </c:pt>
                <c:pt idx="2133">
                  <c:v>35.550000000000011</c:v>
                </c:pt>
                <c:pt idx="2134">
                  <c:v>35.56666700000001</c:v>
                </c:pt>
                <c:pt idx="2135">
                  <c:v>35.583334000000008</c:v>
                </c:pt>
                <c:pt idx="2136">
                  <c:v>35.600000000000009</c:v>
                </c:pt>
                <c:pt idx="2137">
                  <c:v>35.616667000000007</c:v>
                </c:pt>
                <c:pt idx="2138">
                  <c:v>35.633334000000005</c:v>
                </c:pt>
                <c:pt idx="2139">
                  <c:v>35.650000000000006</c:v>
                </c:pt>
                <c:pt idx="2140">
                  <c:v>35.666667000000004</c:v>
                </c:pt>
                <c:pt idx="2141">
                  <c:v>35.683334000000002</c:v>
                </c:pt>
                <c:pt idx="2142">
                  <c:v>35.700000000000003</c:v>
                </c:pt>
                <c:pt idx="2143">
                  <c:v>35.716667000000001</c:v>
                </c:pt>
                <c:pt idx="2144">
                  <c:v>35.733334000000013</c:v>
                </c:pt>
                <c:pt idx="2145">
                  <c:v>35.75</c:v>
                </c:pt>
                <c:pt idx="2146">
                  <c:v>35.766667000000012</c:v>
                </c:pt>
                <c:pt idx="2147">
                  <c:v>35.783334000000011</c:v>
                </c:pt>
                <c:pt idx="2148">
                  <c:v>35.800000000000011</c:v>
                </c:pt>
                <c:pt idx="2149">
                  <c:v>35.81666700000001</c:v>
                </c:pt>
                <c:pt idx="2150">
                  <c:v>35.833334000000008</c:v>
                </c:pt>
                <c:pt idx="2151">
                  <c:v>35.850000000000009</c:v>
                </c:pt>
                <c:pt idx="2152">
                  <c:v>35.866667000000007</c:v>
                </c:pt>
                <c:pt idx="2153">
                  <c:v>35.883334000000005</c:v>
                </c:pt>
                <c:pt idx="2154">
                  <c:v>35.900000000000006</c:v>
                </c:pt>
                <c:pt idx="2155">
                  <c:v>35.916667000000004</c:v>
                </c:pt>
                <c:pt idx="2156">
                  <c:v>35.933334000000002</c:v>
                </c:pt>
                <c:pt idx="2157">
                  <c:v>35.950000000000003</c:v>
                </c:pt>
                <c:pt idx="2158">
                  <c:v>35.966667000000001</c:v>
                </c:pt>
                <c:pt idx="2159">
                  <c:v>35.983334000000013</c:v>
                </c:pt>
                <c:pt idx="2160">
                  <c:v>36</c:v>
                </c:pt>
                <c:pt idx="2161">
                  <c:v>36.016667000000012</c:v>
                </c:pt>
                <c:pt idx="2162">
                  <c:v>36.033334000000011</c:v>
                </c:pt>
                <c:pt idx="2163">
                  <c:v>36.050000000000011</c:v>
                </c:pt>
                <c:pt idx="2164">
                  <c:v>36.06666700000001</c:v>
                </c:pt>
                <c:pt idx="2165">
                  <c:v>36.083334000000008</c:v>
                </c:pt>
                <c:pt idx="2166">
                  <c:v>36.100000000000009</c:v>
                </c:pt>
                <c:pt idx="2167">
                  <c:v>36.116667000000007</c:v>
                </c:pt>
                <c:pt idx="2168">
                  <c:v>36.133334000000005</c:v>
                </c:pt>
                <c:pt idx="2169">
                  <c:v>36.150000000000006</c:v>
                </c:pt>
                <c:pt idx="2170">
                  <c:v>36.166667000000004</c:v>
                </c:pt>
                <c:pt idx="2171">
                  <c:v>36.183334000000002</c:v>
                </c:pt>
                <c:pt idx="2172">
                  <c:v>36.200000000000003</c:v>
                </c:pt>
                <c:pt idx="2173">
                  <c:v>36.216667000000001</c:v>
                </c:pt>
                <c:pt idx="2174">
                  <c:v>36.233334000000013</c:v>
                </c:pt>
                <c:pt idx="2175">
                  <c:v>36.25</c:v>
                </c:pt>
                <c:pt idx="2176">
                  <c:v>36.266667000000012</c:v>
                </c:pt>
                <c:pt idx="2177">
                  <c:v>36.283334000000011</c:v>
                </c:pt>
                <c:pt idx="2178">
                  <c:v>36.300000000000011</c:v>
                </c:pt>
                <c:pt idx="2179">
                  <c:v>36.31666700000001</c:v>
                </c:pt>
                <c:pt idx="2180">
                  <c:v>36.333334000000008</c:v>
                </c:pt>
                <c:pt idx="2181">
                  <c:v>36.350000000000009</c:v>
                </c:pt>
                <c:pt idx="2182">
                  <c:v>36.366667000000007</c:v>
                </c:pt>
                <c:pt idx="2183">
                  <c:v>36.383334000000005</c:v>
                </c:pt>
                <c:pt idx="2184">
                  <c:v>36.400000000000006</c:v>
                </c:pt>
                <c:pt idx="2185">
                  <c:v>36.416667000000004</c:v>
                </c:pt>
                <c:pt idx="2186">
                  <c:v>36.433334000000002</c:v>
                </c:pt>
                <c:pt idx="2187">
                  <c:v>36.450000000000003</c:v>
                </c:pt>
                <c:pt idx="2188">
                  <c:v>36.466667000000001</c:v>
                </c:pt>
                <c:pt idx="2189">
                  <c:v>36.483334000000013</c:v>
                </c:pt>
                <c:pt idx="2190">
                  <c:v>36.5</c:v>
                </c:pt>
                <c:pt idx="2191">
                  <c:v>36.516667000000012</c:v>
                </c:pt>
                <c:pt idx="2192">
                  <c:v>36.533334000000011</c:v>
                </c:pt>
                <c:pt idx="2193">
                  <c:v>36.550000000000011</c:v>
                </c:pt>
                <c:pt idx="2194">
                  <c:v>36.56666700000001</c:v>
                </c:pt>
                <c:pt idx="2195">
                  <c:v>36.583334000000008</c:v>
                </c:pt>
                <c:pt idx="2196">
                  <c:v>36.600000000000009</c:v>
                </c:pt>
                <c:pt idx="2197">
                  <c:v>36.616667000000007</c:v>
                </c:pt>
                <c:pt idx="2198">
                  <c:v>36.633334000000005</c:v>
                </c:pt>
                <c:pt idx="2199">
                  <c:v>36.650000000000006</c:v>
                </c:pt>
                <c:pt idx="2200">
                  <c:v>36.666667000000004</c:v>
                </c:pt>
                <c:pt idx="2201">
                  <c:v>36.683334000000002</c:v>
                </c:pt>
                <c:pt idx="2202">
                  <c:v>36.700000000000003</c:v>
                </c:pt>
                <c:pt idx="2203">
                  <c:v>36.716667000000001</c:v>
                </c:pt>
                <c:pt idx="2204">
                  <c:v>36.733334000000013</c:v>
                </c:pt>
                <c:pt idx="2205">
                  <c:v>36.75</c:v>
                </c:pt>
                <c:pt idx="2206">
                  <c:v>36.766667000000012</c:v>
                </c:pt>
                <c:pt idx="2207">
                  <c:v>36.783334000000011</c:v>
                </c:pt>
                <c:pt idx="2208">
                  <c:v>36.800000000000011</c:v>
                </c:pt>
                <c:pt idx="2209">
                  <c:v>36.81666700000001</c:v>
                </c:pt>
                <c:pt idx="2210">
                  <c:v>36.833334000000008</c:v>
                </c:pt>
                <c:pt idx="2211">
                  <c:v>36.850000000000009</c:v>
                </c:pt>
                <c:pt idx="2212">
                  <c:v>36.866667000000007</c:v>
                </c:pt>
                <c:pt idx="2213">
                  <c:v>36.883334000000005</c:v>
                </c:pt>
                <c:pt idx="2214">
                  <c:v>36.900000000000006</c:v>
                </c:pt>
                <c:pt idx="2215">
                  <c:v>36.916667000000004</c:v>
                </c:pt>
                <c:pt idx="2216">
                  <c:v>36.933334000000002</c:v>
                </c:pt>
                <c:pt idx="2217">
                  <c:v>36.950000000000003</c:v>
                </c:pt>
                <c:pt idx="2218">
                  <c:v>36.966667000000001</c:v>
                </c:pt>
                <c:pt idx="2219">
                  <c:v>36.983334000000013</c:v>
                </c:pt>
                <c:pt idx="2220">
                  <c:v>37</c:v>
                </c:pt>
                <c:pt idx="2221">
                  <c:v>37.016667000000012</c:v>
                </c:pt>
                <c:pt idx="2222">
                  <c:v>37.033334000000011</c:v>
                </c:pt>
                <c:pt idx="2223">
                  <c:v>37.050000000000011</c:v>
                </c:pt>
                <c:pt idx="2224">
                  <c:v>37.06666700000001</c:v>
                </c:pt>
                <c:pt idx="2225">
                  <c:v>37.083334000000008</c:v>
                </c:pt>
                <c:pt idx="2226">
                  <c:v>37.100000000000009</c:v>
                </c:pt>
                <c:pt idx="2227">
                  <c:v>37.116667000000007</c:v>
                </c:pt>
                <c:pt idx="2228">
                  <c:v>37.133334000000005</c:v>
                </c:pt>
                <c:pt idx="2229">
                  <c:v>37.150000000000006</c:v>
                </c:pt>
                <c:pt idx="2230">
                  <c:v>37.166667000000004</c:v>
                </c:pt>
                <c:pt idx="2231">
                  <c:v>37.183334000000002</c:v>
                </c:pt>
                <c:pt idx="2232">
                  <c:v>37.200000000000003</c:v>
                </c:pt>
                <c:pt idx="2233">
                  <c:v>37.216667000000001</c:v>
                </c:pt>
                <c:pt idx="2234">
                  <c:v>37.233334000000013</c:v>
                </c:pt>
                <c:pt idx="2235">
                  <c:v>37.25</c:v>
                </c:pt>
                <c:pt idx="2236">
                  <c:v>37.266667000000012</c:v>
                </c:pt>
                <c:pt idx="2237">
                  <c:v>37.283334000000011</c:v>
                </c:pt>
                <c:pt idx="2238">
                  <c:v>37.300000000000011</c:v>
                </c:pt>
                <c:pt idx="2239">
                  <c:v>37.31666700000001</c:v>
                </c:pt>
                <c:pt idx="2240">
                  <c:v>37.333334000000008</c:v>
                </c:pt>
                <c:pt idx="2241">
                  <c:v>37.350000000000009</c:v>
                </c:pt>
                <c:pt idx="2242">
                  <c:v>37.366667000000007</c:v>
                </c:pt>
                <c:pt idx="2243">
                  <c:v>37.383334000000005</c:v>
                </c:pt>
                <c:pt idx="2244">
                  <c:v>37.400000000000006</c:v>
                </c:pt>
                <c:pt idx="2245">
                  <c:v>37.416667000000004</c:v>
                </c:pt>
                <c:pt idx="2246">
                  <c:v>37.433334000000002</c:v>
                </c:pt>
                <c:pt idx="2247">
                  <c:v>37.450000000000003</c:v>
                </c:pt>
                <c:pt idx="2248">
                  <c:v>37.466667000000001</c:v>
                </c:pt>
                <c:pt idx="2249">
                  <c:v>37.483334000000013</c:v>
                </c:pt>
                <c:pt idx="2250">
                  <c:v>37.5</c:v>
                </c:pt>
                <c:pt idx="2251">
                  <c:v>37.516667000000012</c:v>
                </c:pt>
                <c:pt idx="2252">
                  <c:v>37.533334000000011</c:v>
                </c:pt>
                <c:pt idx="2253">
                  <c:v>37.550000000000011</c:v>
                </c:pt>
                <c:pt idx="2254">
                  <c:v>37.56666700000001</c:v>
                </c:pt>
                <c:pt idx="2255">
                  <c:v>37.583334000000008</c:v>
                </c:pt>
                <c:pt idx="2256">
                  <c:v>37.600000000000009</c:v>
                </c:pt>
                <c:pt idx="2257">
                  <c:v>37.616667000000007</c:v>
                </c:pt>
                <c:pt idx="2258">
                  <c:v>37.633334000000005</c:v>
                </c:pt>
                <c:pt idx="2259">
                  <c:v>37.650000000000006</c:v>
                </c:pt>
                <c:pt idx="2260">
                  <c:v>37.666667000000004</c:v>
                </c:pt>
                <c:pt idx="2261">
                  <c:v>37.683334000000002</c:v>
                </c:pt>
                <c:pt idx="2262">
                  <c:v>37.700000000000003</c:v>
                </c:pt>
                <c:pt idx="2263">
                  <c:v>37.716667000000001</c:v>
                </c:pt>
                <c:pt idx="2264">
                  <c:v>37.733334000000013</c:v>
                </c:pt>
                <c:pt idx="2265">
                  <c:v>37.75</c:v>
                </c:pt>
                <c:pt idx="2266">
                  <c:v>37.766667000000012</c:v>
                </c:pt>
                <c:pt idx="2267">
                  <c:v>37.783334000000011</c:v>
                </c:pt>
                <c:pt idx="2268">
                  <c:v>37.800000000000011</c:v>
                </c:pt>
                <c:pt idx="2269">
                  <c:v>37.81666700000001</c:v>
                </c:pt>
                <c:pt idx="2270">
                  <c:v>37.833334000000008</c:v>
                </c:pt>
                <c:pt idx="2271">
                  <c:v>37.850000000000009</c:v>
                </c:pt>
                <c:pt idx="2272">
                  <c:v>37.866667000000007</c:v>
                </c:pt>
                <c:pt idx="2273">
                  <c:v>37.883334000000005</c:v>
                </c:pt>
                <c:pt idx="2274">
                  <c:v>37.900000000000006</c:v>
                </c:pt>
                <c:pt idx="2275">
                  <c:v>37.916667000000004</c:v>
                </c:pt>
                <c:pt idx="2276">
                  <c:v>37.933334000000002</c:v>
                </c:pt>
                <c:pt idx="2277">
                  <c:v>37.950000000000003</c:v>
                </c:pt>
                <c:pt idx="2278">
                  <c:v>37.966667000000001</c:v>
                </c:pt>
                <c:pt idx="2279">
                  <c:v>37.983334000000013</c:v>
                </c:pt>
                <c:pt idx="2280">
                  <c:v>38</c:v>
                </c:pt>
                <c:pt idx="2281">
                  <c:v>38.016667000000012</c:v>
                </c:pt>
                <c:pt idx="2282">
                  <c:v>38.033334000000011</c:v>
                </c:pt>
                <c:pt idx="2283">
                  <c:v>38.050000000000011</c:v>
                </c:pt>
                <c:pt idx="2284">
                  <c:v>38.06666700000001</c:v>
                </c:pt>
                <c:pt idx="2285">
                  <c:v>38.083334000000008</c:v>
                </c:pt>
                <c:pt idx="2286">
                  <c:v>38.100000000000009</c:v>
                </c:pt>
                <c:pt idx="2287">
                  <c:v>38.116667000000007</c:v>
                </c:pt>
                <c:pt idx="2288">
                  <c:v>38.133334000000005</c:v>
                </c:pt>
                <c:pt idx="2289">
                  <c:v>38.150000000000006</c:v>
                </c:pt>
                <c:pt idx="2290">
                  <c:v>38.166667000000004</c:v>
                </c:pt>
                <c:pt idx="2291">
                  <c:v>38.183334000000002</c:v>
                </c:pt>
                <c:pt idx="2292">
                  <c:v>38.200000000000003</c:v>
                </c:pt>
                <c:pt idx="2293">
                  <c:v>38.216667000000001</c:v>
                </c:pt>
                <c:pt idx="2294">
                  <c:v>38.233334000000013</c:v>
                </c:pt>
                <c:pt idx="2295">
                  <c:v>38.25</c:v>
                </c:pt>
                <c:pt idx="2296">
                  <c:v>38.266667000000012</c:v>
                </c:pt>
                <c:pt idx="2297">
                  <c:v>38.283334000000011</c:v>
                </c:pt>
                <c:pt idx="2298">
                  <c:v>38.300000000000011</c:v>
                </c:pt>
                <c:pt idx="2299">
                  <c:v>38.31666700000001</c:v>
                </c:pt>
                <c:pt idx="2300">
                  <c:v>38.333334000000008</c:v>
                </c:pt>
                <c:pt idx="2301">
                  <c:v>38.350000000000009</c:v>
                </c:pt>
                <c:pt idx="2302">
                  <c:v>38.366667000000007</c:v>
                </c:pt>
                <c:pt idx="2303">
                  <c:v>38.383334000000005</c:v>
                </c:pt>
                <c:pt idx="2304">
                  <c:v>38.400000000000006</c:v>
                </c:pt>
                <c:pt idx="2305">
                  <c:v>38.416667000000004</c:v>
                </c:pt>
                <c:pt idx="2306">
                  <c:v>38.433334000000002</c:v>
                </c:pt>
                <c:pt idx="2307">
                  <c:v>38.450000000000003</c:v>
                </c:pt>
                <c:pt idx="2308">
                  <c:v>38.466667000000001</c:v>
                </c:pt>
                <c:pt idx="2309">
                  <c:v>38.483334000000013</c:v>
                </c:pt>
                <c:pt idx="2310">
                  <c:v>38.5</c:v>
                </c:pt>
                <c:pt idx="2311">
                  <c:v>38.516667000000012</c:v>
                </c:pt>
                <c:pt idx="2312">
                  <c:v>38.533334000000011</c:v>
                </c:pt>
                <c:pt idx="2313">
                  <c:v>38.550000000000011</c:v>
                </c:pt>
                <c:pt idx="2314">
                  <c:v>38.56666700000001</c:v>
                </c:pt>
                <c:pt idx="2315">
                  <c:v>38.583334000000008</c:v>
                </c:pt>
                <c:pt idx="2316">
                  <c:v>38.600000000000009</c:v>
                </c:pt>
                <c:pt idx="2317">
                  <c:v>38.616667000000007</c:v>
                </c:pt>
                <c:pt idx="2318">
                  <c:v>38.633334000000005</c:v>
                </c:pt>
                <c:pt idx="2319">
                  <c:v>38.650000000000006</c:v>
                </c:pt>
                <c:pt idx="2320">
                  <c:v>38.666667000000004</c:v>
                </c:pt>
                <c:pt idx="2321">
                  <c:v>38.683334000000002</c:v>
                </c:pt>
                <c:pt idx="2322">
                  <c:v>38.700000000000003</c:v>
                </c:pt>
                <c:pt idx="2323">
                  <c:v>38.716667000000001</c:v>
                </c:pt>
                <c:pt idx="2324">
                  <c:v>38.733334000000013</c:v>
                </c:pt>
                <c:pt idx="2325">
                  <c:v>38.75</c:v>
                </c:pt>
                <c:pt idx="2326">
                  <c:v>38.766667000000012</c:v>
                </c:pt>
                <c:pt idx="2327">
                  <c:v>38.783334000000011</c:v>
                </c:pt>
                <c:pt idx="2328">
                  <c:v>38.800000000000011</c:v>
                </c:pt>
                <c:pt idx="2329">
                  <c:v>38.81666700000001</c:v>
                </c:pt>
                <c:pt idx="2330">
                  <c:v>38.833334000000008</c:v>
                </c:pt>
                <c:pt idx="2331">
                  <c:v>38.850000000000009</c:v>
                </c:pt>
                <c:pt idx="2332">
                  <c:v>38.866667000000007</c:v>
                </c:pt>
                <c:pt idx="2333">
                  <c:v>38.883334000000005</c:v>
                </c:pt>
                <c:pt idx="2334">
                  <c:v>38.900000000000006</c:v>
                </c:pt>
                <c:pt idx="2335">
                  <c:v>38.916667000000004</c:v>
                </c:pt>
                <c:pt idx="2336">
                  <c:v>38.933334000000002</c:v>
                </c:pt>
                <c:pt idx="2337">
                  <c:v>38.950000000000003</c:v>
                </c:pt>
                <c:pt idx="2338">
                  <c:v>38.966667000000001</c:v>
                </c:pt>
                <c:pt idx="2339">
                  <c:v>38.983334000000013</c:v>
                </c:pt>
                <c:pt idx="2340">
                  <c:v>39</c:v>
                </c:pt>
                <c:pt idx="2341">
                  <c:v>39.016667000000012</c:v>
                </c:pt>
                <c:pt idx="2342">
                  <c:v>39.033334000000011</c:v>
                </c:pt>
                <c:pt idx="2343">
                  <c:v>39.050000000000011</c:v>
                </c:pt>
                <c:pt idx="2344">
                  <c:v>39.06666700000001</c:v>
                </c:pt>
                <c:pt idx="2345">
                  <c:v>39.083334000000008</c:v>
                </c:pt>
                <c:pt idx="2346">
                  <c:v>39.100000000000009</c:v>
                </c:pt>
                <c:pt idx="2347">
                  <c:v>39.116667000000007</c:v>
                </c:pt>
                <c:pt idx="2348">
                  <c:v>39.133334000000005</c:v>
                </c:pt>
                <c:pt idx="2349">
                  <c:v>39.150000000000006</c:v>
                </c:pt>
                <c:pt idx="2350">
                  <c:v>39.166667000000004</c:v>
                </c:pt>
                <c:pt idx="2351">
                  <c:v>39.183334000000002</c:v>
                </c:pt>
                <c:pt idx="2352">
                  <c:v>39.200000000000003</c:v>
                </c:pt>
                <c:pt idx="2353">
                  <c:v>39.216667000000001</c:v>
                </c:pt>
                <c:pt idx="2354">
                  <c:v>39.233334000000013</c:v>
                </c:pt>
                <c:pt idx="2355">
                  <c:v>39.25</c:v>
                </c:pt>
                <c:pt idx="2356">
                  <c:v>39.266667000000012</c:v>
                </c:pt>
                <c:pt idx="2357">
                  <c:v>39.283334000000011</c:v>
                </c:pt>
                <c:pt idx="2358">
                  <c:v>39.300000000000011</c:v>
                </c:pt>
                <c:pt idx="2359">
                  <c:v>39.31666700000001</c:v>
                </c:pt>
                <c:pt idx="2360">
                  <c:v>39.333334000000008</c:v>
                </c:pt>
                <c:pt idx="2361">
                  <c:v>39.350000000000009</c:v>
                </c:pt>
                <c:pt idx="2362">
                  <c:v>39.366667000000007</c:v>
                </c:pt>
                <c:pt idx="2363">
                  <c:v>39.383334000000005</c:v>
                </c:pt>
                <c:pt idx="2364">
                  <c:v>39.400000000000006</c:v>
                </c:pt>
                <c:pt idx="2365">
                  <c:v>39.416667000000004</c:v>
                </c:pt>
                <c:pt idx="2366">
                  <c:v>39.433334000000002</c:v>
                </c:pt>
                <c:pt idx="2367">
                  <c:v>39.450000000000003</c:v>
                </c:pt>
                <c:pt idx="2368">
                  <c:v>39.466667000000001</c:v>
                </c:pt>
                <c:pt idx="2369">
                  <c:v>39.483334000000013</c:v>
                </c:pt>
                <c:pt idx="2370">
                  <c:v>39.5</c:v>
                </c:pt>
                <c:pt idx="2371">
                  <c:v>39.516667000000012</c:v>
                </c:pt>
                <c:pt idx="2372">
                  <c:v>39.533334000000011</c:v>
                </c:pt>
                <c:pt idx="2373">
                  <c:v>39.550000000000011</c:v>
                </c:pt>
                <c:pt idx="2374">
                  <c:v>39.56666700000001</c:v>
                </c:pt>
                <c:pt idx="2375">
                  <c:v>39.583334000000008</c:v>
                </c:pt>
                <c:pt idx="2376">
                  <c:v>39.600000000000009</c:v>
                </c:pt>
                <c:pt idx="2377">
                  <c:v>39.616667000000007</c:v>
                </c:pt>
                <c:pt idx="2378">
                  <c:v>39.633334000000005</c:v>
                </c:pt>
                <c:pt idx="2379">
                  <c:v>39.650000000000006</c:v>
                </c:pt>
                <c:pt idx="2380">
                  <c:v>39.666667000000004</c:v>
                </c:pt>
                <c:pt idx="2381">
                  <c:v>39.683334000000002</c:v>
                </c:pt>
                <c:pt idx="2382">
                  <c:v>39.700000000000003</c:v>
                </c:pt>
                <c:pt idx="2383">
                  <c:v>39.716667000000001</c:v>
                </c:pt>
                <c:pt idx="2384">
                  <c:v>39.733334000000013</c:v>
                </c:pt>
                <c:pt idx="2385">
                  <c:v>39.75</c:v>
                </c:pt>
                <c:pt idx="2386">
                  <c:v>39.766667000000012</c:v>
                </c:pt>
                <c:pt idx="2387">
                  <c:v>39.783334000000011</c:v>
                </c:pt>
                <c:pt idx="2388">
                  <c:v>39.800000000000011</c:v>
                </c:pt>
                <c:pt idx="2389">
                  <c:v>39.81666700000001</c:v>
                </c:pt>
                <c:pt idx="2390">
                  <c:v>39.833334000000008</c:v>
                </c:pt>
                <c:pt idx="2391">
                  <c:v>39.850000000000009</c:v>
                </c:pt>
                <c:pt idx="2392">
                  <c:v>39.866667000000007</c:v>
                </c:pt>
                <c:pt idx="2393">
                  <c:v>39.883334000000005</c:v>
                </c:pt>
                <c:pt idx="2394">
                  <c:v>39.900000000000006</c:v>
                </c:pt>
                <c:pt idx="2395">
                  <c:v>39.916667000000004</c:v>
                </c:pt>
                <c:pt idx="2396">
                  <c:v>39.933334000000002</c:v>
                </c:pt>
                <c:pt idx="2397">
                  <c:v>39.950000000000003</c:v>
                </c:pt>
                <c:pt idx="2398">
                  <c:v>39.966667000000001</c:v>
                </c:pt>
                <c:pt idx="2399">
                  <c:v>39.983334000000013</c:v>
                </c:pt>
                <c:pt idx="2400">
                  <c:v>40</c:v>
                </c:pt>
                <c:pt idx="2401">
                  <c:v>40.016667000000012</c:v>
                </c:pt>
                <c:pt idx="2402">
                  <c:v>40.033334000000011</c:v>
                </c:pt>
                <c:pt idx="2403">
                  <c:v>40.050000000000011</c:v>
                </c:pt>
                <c:pt idx="2404">
                  <c:v>40.06666700000001</c:v>
                </c:pt>
                <c:pt idx="2405">
                  <c:v>40.083334000000008</c:v>
                </c:pt>
                <c:pt idx="2406">
                  <c:v>40.100000000000009</c:v>
                </c:pt>
                <c:pt idx="2407">
                  <c:v>40.116667000000007</c:v>
                </c:pt>
                <c:pt idx="2408">
                  <c:v>40.133334000000005</c:v>
                </c:pt>
                <c:pt idx="2409">
                  <c:v>40.150000000000006</c:v>
                </c:pt>
                <c:pt idx="2410">
                  <c:v>40.166667000000004</c:v>
                </c:pt>
                <c:pt idx="2411">
                  <c:v>40.183334000000002</c:v>
                </c:pt>
                <c:pt idx="2412">
                  <c:v>40.200000000000003</c:v>
                </c:pt>
                <c:pt idx="2413">
                  <c:v>40.216667000000001</c:v>
                </c:pt>
                <c:pt idx="2414">
                  <c:v>40.233334000000013</c:v>
                </c:pt>
                <c:pt idx="2415">
                  <c:v>40.25</c:v>
                </c:pt>
                <c:pt idx="2416">
                  <c:v>40.266667000000012</c:v>
                </c:pt>
                <c:pt idx="2417">
                  <c:v>40.283334000000011</c:v>
                </c:pt>
                <c:pt idx="2418">
                  <c:v>40.300000000000011</c:v>
                </c:pt>
                <c:pt idx="2419">
                  <c:v>40.31666700000001</c:v>
                </c:pt>
                <c:pt idx="2420">
                  <c:v>40.333334000000008</c:v>
                </c:pt>
                <c:pt idx="2421">
                  <c:v>40.350000000000009</c:v>
                </c:pt>
                <c:pt idx="2422">
                  <c:v>40.366667000000007</c:v>
                </c:pt>
                <c:pt idx="2423">
                  <c:v>40.383334000000005</c:v>
                </c:pt>
                <c:pt idx="2424">
                  <c:v>40.400000000000006</c:v>
                </c:pt>
                <c:pt idx="2425">
                  <c:v>40.416667000000004</c:v>
                </c:pt>
                <c:pt idx="2426">
                  <c:v>40.433334000000002</c:v>
                </c:pt>
                <c:pt idx="2427">
                  <c:v>40.450000000000003</c:v>
                </c:pt>
                <c:pt idx="2428">
                  <c:v>40.466667000000001</c:v>
                </c:pt>
                <c:pt idx="2429">
                  <c:v>40.483334000000013</c:v>
                </c:pt>
                <c:pt idx="2430">
                  <c:v>40.5</c:v>
                </c:pt>
                <c:pt idx="2431">
                  <c:v>40.516667000000012</c:v>
                </c:pt>
                <c:pt idx="2432">
                  <c:v>40.533334000000011</c:v>
                </c:pt>
                <c:pt idx="2433">
                  <c:v>40.550000000000011</c:v>
                </c:pt>
                <c:pt idx="2434">
                  <c:v>40.56666700000001</c:v>
                </c:pt>
                <c:pt idx="2435">
                  <c:v>40.583334000000008</c:v>
                </c:pt>
                <c:pt idx="2436">
                  <c:v>40.600000000000009</c:v>
                </c:pt>
                <c:pt idx="2437">
                  <c:v>40.616667000000007</c:v>
                </c:pt>
                <c:pt idx="2438">
                  <c:v>40.633334000000005</c:v>
                </c:pt>
                <c:pt idx="2439">
                  <c:v>40.650000000000006</c:v>
                </c:pt>
                <c:pt idx="2440">
                  <c:v>40.666667000000004</c:v>
                </c:pt>
                <c:pt idx="2441">
                  <c:v>40.683334000000002</c:v>
                </c:pt>
                <c:pt idx="2442">
                  <c:v>40.700000000000003</c:v>
                </c:pt>
                <c:pt idx="2443">
                  <c:v>40.716667000000001</c:v>
                </c:pt>
                <c:pt idx="2444">
                  <c:v>40.733334000000013</c:v>
                </c:pt>
                <c:pt idx="2445">
                  <c:v>40.75</c:v>
                </c:pt>
                <c:pt idx="2446">
                  <c:v>40.766667000000012</c:v>
                </c:pt>
                <c:pt idx="2447">
                  <c:v>40.783334000000011</c:v>
                </c:pt>
                <c:pt idx="2448">
                  <c:v>40.800000000000011</c:v>
                </c:pt>
                <c:pt idx="2449">
                  <c:v>40.81666700000001</c:v>
                </c:pt>
                <c:pt idx="2450">
                  <c:v>40.833334000000008</c:v>
                </c:pt>
                <c:pt idx="2451">
                  <c:v>40.850000000000009</c:v>
                </c:pt>
                <c:pt idx="2452">
                  <c:v>40.866667000000007</c:v>
                </c:pt>
                <c:pt idx="2453">
                  <c:v>40.883334000000005</c:v>
                </c:pt>
                <c:pt idx="2454">
                  <c:v>40.900000000000006</c:v>
                </c:pt>
                <c:pt idx="2455">
                  <c:v>40.916667000000004</c:v>
                </c:pt>
                <c:pt idx="2456">
                  <c:v>40.933334000000002</c:v>
                </c:pt>
                <c:pt idx="2457">
                  <c:v>40.950000000000003</c:v>
                </c:pt>
                <c:pt idx="2458">
                  <c:v>40.966667000000001</c:v>
                </c:pt>
                <c:pt idx="2459">
                  <c:v>40.983334000000013</c:v>
                </c:pt>
                <c:pt idx="2460">
                  <c:v>41</c:v>
                </c:pt>
                <c:pt idx="2461">
                  <c:v>41.016667000000012</c:v>
                </c:pt>
                <c:pt idx="2462">
                  <c:v>41.033334000000011</c:v>
                </c:pt>
                <c:pt idx="2463">
                  <c:v>41.050000000000011</c:v>
                </c:pt>
                <c:pt idx="2464">
                  <c:v>41.06666700000001</c:v>
                </c:pt>
                <c:pt idx="2465">
                  <c:v>41.083334000000008</c:v>
                </c:pt>
                <c:pt idx="2466">
                  <c:v>41.100000000000009</c:v>
                </c:pt>
                <c:pt idx="2467">
                  <c:v>41.116667000000007</c:v>
                </c:pt>
                <c:pt idx="2468">
                  <c:v>41.133334000000005</c:v>
                </c:pt>
                <c:pt idx="2469">
                  <c:v>41.150000000000006</c:v>
                </c:pt>
                <c:pt idx="2470">
                  <c:v>41.166667000000004</c:v>
                </c:pt>
                <c:pt idx="2471">
                  <c:v>41.183334000000002</c:v>
                </c:pt>
                <c:pt idx="2472">
                  <c:v>41.2</c:v>
                </c:pt>
                <c:pt idx="2473">
                  <c:v>41.216667000000001</c:v>
                </c:pt>
                <c:pt idx="2474">
                  <c:v>41.233334000000013</c:v>
                </c:pt>
                <c:pt idx="2475">
                  <c:v>41.25</c:v>
                </c:pt>
                <c:pt idx="2476">
                  <c:v>41.266667000000012</c:v>
                </c:pt>
                <c:pt idx="2477">
                  <c:v>41.283334000000011</c:v>
                </c:pt>
                <c:pt idx="2478">
                  <c:v>41.300000000000011</c:v>
                </c:pt>
                <c:pt idx="2479">
                  <c:v>41.31666700000001</c:v>
                </c:pt>
                <c:pt idx="2480">
                  <c:v>41.333334000000008</c:v>
                </c:pt>
                <c:pt idx="2481">
                  <c:v>41.350000000000009</c:v>
                </c:pt>
                <c:pt idx="2482">
                  <c:v>41.366667000000007</c:v>
                </c:pt>
                <c:pt idx="2483">
                  <c:v>41.383334000000005</c:v>
                </c:pt>
                <c:pt idx="2484">
                  <c:v>41.400000000000006</c:v>
                </c:pt>
                <c:pt idx="2485">
                  <c:v>41.416667000000004</c:v>
                </c:pt>
                <c:pt idx="2486">
                  <c:v>41.433334000000002</c:v>
                </c:pt>
                <c:pt idx="2487">
                  <c:v>41.45</c:v>
                </c:pt>
                <c:pt idx="2488">
                  <c:v>41.466667000000001</c:v>
                </c:pt>
                <c:pt idx="2489">
                  <c:v>41.483334000000013</c:v>
                </c:pt>
                <c:pt idx="2490">
                  <c:v>41.5</c:v>
                </c:pt>
                <c:pt idx="2491">
                  <c:v>41.516667000000012</c:v>
                </c:pt>
                <c:pt idx="2492">
                  <c:v>41.533334000000011</c:v>
                </c:pt>
                <c:pt idx="2493">
                  <c:v>41.550000000000011</c:v>
                </c:pt>
                <c:pt idx="2494">
                  <c:v>41.56666700000001</c:v>
                </c:pt>
                <c:pt idx="2495">
                  <c:v>41.583334000000008</c:v>
                </c:pt>
                <c:pt idx="2496">
                  <c:v>41.600000000000009</c:v>
                </c:pt>
                <c:pt idx="2497">
                  <c:v>41.616667000000007</c:v>
                </c:pt>
                <c:pt idx="2498">
                  <c:v>41.633334000000005</c:v>
                </c:pt>
                <c:pt idx="2499">
                  <c:v>41.650000000000006</c:v>
                </c:pt>
                <c:pt idx="2500">
                  <c:v>41.666667000000004</c:v>
                </c:pt>
                <c:pt idx="2501">
                  <c:v>41.683334000000002</c:v>
                </c:pt>
                <c:pt idx="2502">
                  <c:v>41.7</c:v>
                </c:pt>
                <c:pt idx="2503">
                  <c:v>41.716667000000001</c:v>
                </c:pt>
                <c:pt idx="2504">
                  <c:v>41.733334000000013</c:v>
                </c:pt>
                <c:pt idx="2505">
                  <c:v>41.75</c:v>
                </c:pt>
                <c:pt idx="2506">
                  <c:v>41.766667000000012</c:v>
                </c:pt>
                <c:pt idx="2507">
                  <c:v>41.783334000000011</c:v>
                </c:pt>
                <c:pt idx="2508">
                  <c:v>41.800000000000011</c:v>
                </c:pt>
                <c:pt idx="2509">
                  <c:v>41.81666700000001</c:v>
                </c:pt>
                <c:pt idx="2510">
                  <c:v>41.833334000000008</c:v>
                </c:pt>
                <c:pt idx="2511">
                  <c:v>41.850000000000009</c:v>
                </c:pt>
                <c:pt idx="2512">
                  <c:v>41.866667000000007</c:v>
                </c:pt>
                <c:pt idx="2513">
                  <c:v>41.883334000000005</c:v>
                </c:pt>
                <c:pt idx="2514">
                  <c:v>41.900000000000006</c:v>
                </c:pt>
                <c:pt idx="2515">
                  <c:v>41.916667000000004</c:v>
                </c:pt>
                <c:pt idx="2516">
                  <c:v>41.933334000000002</c:v>
                </c:pt>
                <c:pt idx="2517">
                  <c:v>41.95</c:v>
                </c:pt>
                <c:pt idx="2518">
                  <c:v>41.966667000000001</c:v>
                </c:pt>
                <c:pt idx="2519">
                  <c:v>41.983334000000013</c:v>
                </c:pt>
                <c:pt idx="2520">
                  <c:v>42</c:v>
                </c:pt>
                <c:pt idx="2521">
                  <c:v>42.016667000000012</c:v>
                </c:pt>
                <c:pt idx="2522">
                  <c:v>42.033334000000011</c:v>
                </c:pt>
                <c:pt idx="2523">
                  <c:v>42.050000000000011</c:v>
                </c:pt>
                <c:pt idx="2524">
                  <c:v>42.06666700000001</c:v>
                </c:pt>
                <c:pt idx="2525">
                  <c:v>42.083334000000008</c:v>
                </c:pt>
                <c:pt idx="2526">
                  <c:v>42.100000000000009</c:v>
                </c:pt>
                <c:pt idx="2527">
                  <c:v>42.116667000000007</c:v>
                </c:pt>
                <c:pt idx="2528">
                  <c:v>42.133334000000019</c:v>
                </c:pt>
                <c:pt idx="2529">
                  <c:v>42.150000000000006</c:v>
                </c:pt>
                <c:pt idx="2530">
                  <c:v>42.166667000000018</c:v>
                </c:pt>
                <c:pt idx="2531">
                  <c:v>42.183334000000002</c:v>
                </c:pt>
                <c:pt idx="2532">
                  <c:v>42.200000000000017</c:v>
                </c:pt>
                <c:pt idx="2533">
                  <c:v>42.216667000000001</c:v>
                </c:pt>
                <c:pt idx="2534">
                  <c:v>42.233334000000013</c:v>
                </c:pt>
                <c:pt idx="2535">
                  <c:v>42.25</c:v>
                </c:pt>
                <c:pt idx="2536">
                  <c:v>42.266667000000012</c:v>
                </c:pt>
                <c:pt idx="2537">
                  <c:v>42.283333999999996</c:v>
                </c:pt>
                <c:pt idx="2538">
                  <c:v>42.300000000000011</c:v>
                </c:pt>
                <c:pt idx="2539">
                  <c:v>42.316666999999995</c:v>
                </c:pt>
                <c:pt idx="2540">
                  <c:v>42.333334000000008</c:v>
                </c:pt>
                <c:pt idx="2541">
                  <c:v>42.349999999999994</c:v>
                </c:pt>
                <c:pt idx="2542">
                  <c:v>42.366667000000007</c:v>
                </c:pt>
                <c:pt idx="2543">
                  <c:v>42.383334000000019</c:v>
                </c:pt>
                <c:pt idx="2544">
                  <c:v>42.400000000000006</c:v>
                </c:pt>
                <c:pt idx="2545">
                  <c:v>42.416667000000018</c:v>
                </c:pt>
                <c:pt idx="2546">
                  <c:v>42.433334000000002</c:v>
                </c:pt>
                <c:pt idx="2547">
                  <c:v>42.450000000000017</c:v>
                </c:pt>
                <c:pt idx="2548">
                  <c:v>42.466667000000001</c:v>
                </c:pt>
                <c:pt idx="2549">
                  <c:v>42.483334000000013</c:v>
                </c:pt>
                <c:pt idx="2550">
                  <c:v>42.5</c:v>
                </c:pt>
                <c:pt idx="2551">
                  <c:v>42.516667000000012</c:v>
                </c:pt>
                <c:pt idx="2552">
                  <c:v>42.533333999999996</c:v>
                </c:pt>
                <c:pt idx="2553">
                  <c:v>42.550000000000011</c:v>
                </c:pt>
                <c:pt idx="2554">
                  <c:v>42.566666999999995</c:v>
                </c:pt>
                <c:pt idx="2555">
                  <c:v>42.583334000000008</c:v>
                </c:pt>
                <c:pt idx="2556">
                  <c:v>42.599999999999994</c:v>
                </c:pt>
                <c:pt idx="2557">
                  <c:v>42.616667000000007</c:v>
                </c:pt>
                <c:pt idx="2558">
                  <c:v>42.633334000000019</c:v>
                </c:pt>
                <c:pt idx="2559">
                  <c:v>42.650000000000006</c:v>
                </c:pt>
                <c:pt idx="2560">
                  <c:v>42.666667000000018</c:v>
                </c:pt>
                <c:pt idx="2561">
                  <c:v>42.683334000000002</c:v>
                </c:pt>
                <c:pt idx="2562">
                  <c:v>42.700000000000017</c:v>
                </c:pt>
                <c:pt idx="2563">
                  <c:v>42.716667000000001</c:v>
                </c:pt>
                <c:pt idx="2564">
                  <c:v>42.733334000000013</c:v>
                </c:pt>
                <c:pt idx="2565">
                  <c:v>42.75</c:v>
                </c:pt>
                <c:pt idx="2566">
                  <c:v>42.766667000000012</c:v>
                </c:pt>
                <c:pt idx="2567">
                  <c:v>42.783333999999996</c:v>
                </c:pt>
                <c:pt idx="2568">
                  <c:v>42.800000000000011</c:v>
                </c:pt>
                <c:pt idx="2569">
                  <c:v>42.816666999999995</c:v>
                </c:pt>
                <c:pt idx="2570">
                  <c:v>42.833334000000008</c:v>
                </c:pt>
                <c:pt idx="2571">
                  <c:v>42.849999999999994</c:v>
                </c:pt>
                <c:pt idx="2572">
                  <c:v>42.866667000000007</c:v>
                </c:pt>
                <c:pt idx="2573">
                  <c:v>42.883334000000019</c:v>
                </c:pt>
                <c:pt idx="2574">
                  <c:v>42.900000000000006</c:v>
                </c:pt>
                <c:pt idx="2575">
                  <c:v>42.916667000000018</c:v>
                </c:pt>
                <c:pt idx="2576">
                  <c:v>42.933334000000002</c:v>
                </c:pt>
                <c:pt idx="2577">
                  <c:v>42.950000000000017</c:v>
                </c:pt>
                <c:pt idx="2578">
                  <c:v>42.966667000000001</c:v>
                </c:pt>
                <c:pt idx="2579">
                  <c:v>42.983334000000013</c:v>
                </c:pt>
                <c:pt idx="2580">
                  <c:v>43</c:v>
                </c:pt>
                <c:pt idx="2581">
                  <c:v>43.016667000000012</c:v>
                </c:pt>
                <c:pt idx="2582">
                  <c:v>43.033333999999996</c:v>
                </c:pt>
                <c:pt idx="2583">
                  <c:v>43.050000000000011</c:v>
                </c:pt>
                <c:pt idx="2584">
                  <c:v>43.066666999999995</c:v>
                </c:pt>
                <c:pt idx="2585">
                  <c:v>43.083334000000008</c:v>
                </c:pt>
                <c:pt idx="2586">
                  <c:v>43.099999999999994</c:v>
                </c:pt>
                <c:pt idx="2587">
                  <c:v>43.116667000000007</c:v>
                </c:pt>
                <c:pt idx="2588">
                  <c:v>43.133334000000019</c:v>
                </c:pt>
                <c:pt idx="2589">
                  <c:v>43.150000000000006</c:v>
                </c:pt>
                <c:pt idx="2590">
                  <c:v>43.166667000000018</c:v>
                </c:pt>
                <c:pt idx="2591">
                  <c:v>43.183334000000002</c:v>
                </c:pt>
                <c:pt idx="2592">
                  <c:v>43.200000000000017</c:v>
                </c:pt>
                <c:pt idx="2593">
                  <c:v>43.216667000000001</c:v>
                </c:pt>
                <c:pt idx="2594">
                  <c:v>43.233334000000013</c:v>
                </c:pt>
                <c:pt idx="2595">
                  <c:v>43.25</c:v>
                </c:pt>
                <c:pt idx="2596">
                  <c:v>43.266667000000012</c:v>
                </c:pt>
                <c:pt idx="2597">
                  <c:v>43.283333999999996</c:v>
                </c:pt>
                <c:pt idx="2598">
                  <c:v>43.300000000000011</c:v>
                </c:pt>
                <c:pt idx="2599">
                  <c:v>43.316666999999995</c:v>
                </c:pt>
                <c:pt idx="2600">
                  <c:v>43.333334000000008</c:v>
                </c:pt>
                <c:pt idx="2601">
                  <c:v>43.349999999999994</c:v>
                </c:pt>
                <c:pt idx="2602">
                  <c:v>43.366667000000007</c:v>
                </c:pt>
                <c:pt idx="2603">
                  <c:v>43.383334000000019</c:v>
                </c:pt>
                <c:pt idx="2604">
                  <c:v>43.400000000000006</c:v>
                </c:pt>
                <c:pt idx="2605">
                  <c:v>43.416667000000018</c:v>
                </c:pt>
                <c:pt idx="2606">
                  <c:v>43.433334000000002</c:v>
                </c:pt>
                <c:pt idx="2607">
                  <c:v>43.450000000000017</c:v>
                </c:pt>
                <c:pt idx="2608">
                  <c:v>43.466667000000001</c:v>
                </c:pt>
                <c:pt idx="2609">
                  <c:v>43.483334000000013</c:v>
                </c:pt>
                <c:pt idx="2610">
                  <c:v>43.5</c:v>
                </c:pt>
                <c:pt idx="2611">
                  <c:v>43.516667000000012</c:v>
                </c:pt>
                <c:pt idx="2612">
                  <c:v>43.533333999999996</c:v>
                </c:pt>
                <c:pt idx="2613">
                  <c:v>43.550000000000011</c:v>
                </c:pt>
                <c:pt idx="2614">
                  <c:v>43.566666999999995</c:v>
                </c:pt>
                <c:pt idx="2615">
                  <c:v>43.583334000000008</c:v>
                </c:pt>
                <c:pt idx="2616">
                  <c:v>43.599999999999994</c:v>
                </c:pt>
                <c:pt idx="2617">
                  <c:v>43.616667000000007</c:v>
                </c:pt>
                <c:pt idx="2618">
                  <c:v>43.633334000000019</c:v>
                </c:pt>
                <c:pt idx="2619">
                  <c:v>43.650000000000006</c:v>
                </c:pt>
                <c:pt idx="2620">
                  <c:v>43.666667000000018</c:v>
                </c:pt>
                <c:pt idx="2621">
                  <c:v>43.683334000000002</c:v>
                </c:pt>
                <c:pt idx="2622">
                  <c:v>43.700000000000017</c:v>
                </c:pt>
                <c:pt idx="2623">
                  <c:v>43.716667000000001</c:v>
                </c:pt>
                <c:pt idx="2624">
                  <c:v>43.733334000000013</c:v>
                </c:pt>
                <c:pt idx="2625">
                  <c:v>43.75</c:v>
                </c:pt>
                <c:pt idx="2626">
                  <c:v>43.766667000000012</c:v>
                </c:pt>
                <c:pt idx="2627">
                  <c:v>43.783333999999996</c:v>
                </c:pt>
                <c:pt idx="2628">
                  <c:v>43.800000000000011</c:v>
                </c:pt>
                <c:pt idx="2629">
                  <c:v>43.816666999999995</c:v>
                </c:pt>
                <c:pt idx="2630">
                  <c:v>43.833334000000008</c:v>
                </c:pt>
                <c:pt idx="2631">
                  <c:v>43.849999999999994</c:v>
                </c:pt>
                <c:pt idx="2632">
                  <c:v>43.866667000000007</c:v>
                </c:pt>
                <c:pt idx="2633">
                  <c:v>43.883334000000019</c:v>
                </c:pt>
                <c:pt idx="2634">
                  <c:v>43.900000000000006</c:v>
                </c:pt>
                <c:pt idx="2635">
                  <c:v>43.916667000000018</c:v>
                </c:pt>
                <c:pt idx="2636">
                  <c:v>43.933334000000002</c:v>
                </c:pt>
                <c:pt idx="2637">
                  <c:v>43.950000000000017</c:v>
                </c:pt>
                <c:pt idx="2638">
                  <c:v>43.966667000000001</c:v>
                </c:pt>
                <c:pt idx="2639">
                  <c:v>43.983334000000013</c:v>
                </c:pt>
                <c:pt idx="2640">
                  <c:v>44</c:v>
                </c:pt>
                <c:pt idx="2641">
                  <c:v>44.016667000000012</c:v>
                </c:pt>
                <c:pt idx="2642">
                  <c:v>44.033333999999996</c:v>
                </c:pt>
                <c:pt idx="2643">
                  <c:v>44.050000000000011</c:v>
                </c:pt>
                <c:pt idx="2644">
                  <c:v>44.066666999999995</c:v>
                </c:pt>
                <c:pt idx="2645">
                  <c:v>44.083334000000008</c:v>
                </c:pt>
                <c:pt idx="2646">
                  <c:v>44.099999999999994</c:v>
                </c:pt>
                <c:pt idx="2647">
                  <c:v>44.116667000000007</c:v>
                </c:pt>
                <c:pt idx="2648">
                  <c:v>44.133334000000019</c:v>
                </c:pt>
                <c:pt idx="2649">
                  <c:v>44.150000000000006</c:v>
                </c:pt>
                <c:pt idx="2650">
                  <c:v>44.166667000000018</c:v>
                </c:pt>
                <c:pt idx="2651">
                  <c:v>44.183334000000002</c:v>
                </c:pt>
                <c:pt idx="2652">
                  <c:v>44.200000000000017</c:v>
                </c:pt>
                <c:pt idx="2653">
                  <c:v>44.216667000000001</c:v>
                </c:pt>
                <c:pt idx="2654">
                  <c:v>44.233334000000013</c:v>
                </c:pt>
                <c:pt idx="2655">
                  <c:v>44.25</c:v>
                </c:pt>
                <c:pt idx="2656">
                  <c:v>44.266667000000012</c:v>
                </c:pt>
                <c:pt idx="2657">
                  <c:v>44.283333999999996</c:v>
                </c:pt>
                <c:pt idx="2658">
                  <c:v>44.300000000000011</c:v>
                </c:pt>
                <c:pt idx="2659">
                  <c:v>44.316666999999995</c:v>
                </c:pt>
                <c:pt idx="2660">
                  <c:v>44.333334000000008</c:v>
                </c:pt>
                <c:pt idx="2661">
                  <c:v>44.349999999999994</c:v>
                </c:pt>
                <c:pt idx="2662">
                  <c:v>44.366667000000007</c:v>
                </c:pt>
                <c:pt idx="2663">
                  <c:v>44.383334000000019</c:v>
                </c:pt>
                <c:pt idx="2664">
                  <c:v>44.400000000000006</c:v>
                </c:pt>
                <c:pt idx="2665">
                  <c:v>44.416667000000018</c:v>
                </c:pt>
                <c:pt idx="2666">
                  <c:v>44.433334000000002</c:v>
                </c:pt>
                <c:pt idx="2667">
                  <c:v>44.450000000000017</c:v>
                </c:pt>
                <c:pt idx="2668">
                  <c:v>44.466667000000001</c:v>
                </c:pt>
                <c:pt idx="2669">
                  <c:v>44.483334000000013</c:v>
                </c:pt>
                <c:pt idx="2670">
                  <c:v>44.5</c:v>
                </c:pt>
                <c:pt idx="2671">
                  <c:v>44.516667000000012</c:v>
                </c:pt>
                <c:pt idx="2672">
                  <c:v>44.533333999999996</c:v>
                </c:pt>
                <c:pt idx="2673">
                  <c:v>44.550000000000011</c:v>
                </c:pt>
                <c:pt idx="2674">
                  <c:v>44.566666999999995</c:v>
                </c:pt>
                <c:pt idx="2675">
                  <c:v>44.583334000000008</c:v>
                </c:pt>
                <c:pt idx="2676">
                  <c:v>44.599999999999994</c:v>
                </c:pt>
                <c:pt idx="2677">
                  <c:v>44.616667000000007</c:v>
                </c:pt>
                <c:pt idx="2678">
                  <c:v>44.633334000000019</c:v>
                </c:pt>
                <c:pt idx="2679">
                  <c:v>44.650000000000006</c:v>
                </c:pt>
                <c:pt idx="2680">
                  <c:v>44.666667000000018</c:v>
                </c:pt>
                <c:pt idx="2681">
                  <c:v>44.683334000000002</c:v>
                </c:pt>
                <c:pt idx="2682">
                  <c:v>44.700000000000017</c:v>
                </c:pt>
                <c:pt idx="2683">
                  <c:v>44.716667000000001</c:v>
                </c:pt>
                <c:pt idx="2684">
                  <c:v>44.733334000000013</c:v>
                </c:pt>
                <c:pt idx="2685">
                  <c:v>44.75</c:v>
                </c:pt>
                <c:pt idx="2686">
                  <c:v>44.766667000000012</c:v>
                </c:pt>
                <c:pt idx="2687">
                  <c:v>44.783333999999996</c:v>
                </c:pt>
                <c:pt idx="2688">
                  <c:v>44.800000000000011</c:v>
                </c:pt>
                <c:pt idx="2689">
                  <c:v>44.816666999999995</c:v>
                </c:pt>
                <c:pt idx="2690">
                  <c:v>44.833334000000008</c:v>
                </c:pt>
                <c:pt idx="2691">
                  <c:v>44.849999999999994</c:v>
                </c:pt>
                <c:pt idx="2692">
                  <c:v>44.866667000000007</c:v>
                </c:pt>
                <c:pt idx="2693">
                  <c:v>44.883334000000019</c:v>
                </c:pt>
                <c:pt idx="2694">
                  <c:v>44.900000000000006</c:v>
                </c:pt>
                <c:pt idx="2695">
                  <c:v>44.916667000000018</c:v>
                </c:pt>
                <c:pt idx="2696">
                  <c:v>44.933334000000002</c:v>
                </c:pt>
                <c:pt idx="2697">
                  <c:v>44.950000000000017</c:v>
                </c:pt>
                <c:pt idx="2698">
                  <c:v>44.966667000000001</c:v>
                </c:pt>
                <c:pt idx="2699">
                  <c:v>44.983334000000013</c:v>
                </c:pt>
                <c:pt idx="2700">
                  <c:v>45</c:v>
                </c:pt>
                <c:pt idx="2701">
                  <c:v>45.016667000000012</c:v>
                </c:pt>
                <c:pt idx="2702">
                  <c:v>45.033333999999996</c:v>
                </c:pt>
                <c:pt idx="2703">
                  <c:v>45.050000000000011</c:v>
                </c:pt>
                <c:pt idx="2704">
                  <c:v>45.066666999999995</c:v>
                </c:pt>
                <c:pt idx="2705">
                  <c:v>45.083334000000008</c:v>
                </c:pt>
                <c:pt idx="2706">
                  <c:v>45.099999999999994</c:v>
                </c:pt>
                <c:pt idx="2707">
                  <c:v>45.116667000000007</c:v>
                </c:pt>
                <c:pt idx="2708">
                  <c:v>45.133334000000019</c:v>
                </c:pt>
                <c:pt idx="2709">
                  <c:v>45.150000000000006</c:v>
                </c:pt>
                <c:pt idx="2710">
                  <c:v>45.166667000000018</c:v>
                </c:pt>
                <c:pt idx="2711">
                  <c:v>45.183334000000002</c:v>
                </c:pt>
                <c:pt idx="2712">
                  <c:v>45.200000000000017</c:v>
                </c:pt>
                <c:pt idx="2713">
                  <c:v>45.216667000000001</c:v>
                </c:pt>
                <c:pt idx="2714">
                  <c:v>45.233334000000013</c:v>
                </c:pt>
                <c:pt idx="2715">
                  <c:v>45.25</c:v>
                </c:pt>
                <c:pt idx="2716">
                  <c:v>45.266667000000012</c:v>
                </c:pt>
                <c:pt idx="2717">
                  <c:v>45.283333999999996</c:v>
                </c:pt>
                <c:pt idx="2718">
                  <c:v>45.300000000000011</c:v>
                </c:pt>
                <c:pt idx="2719">
                  <c:v>45.316666999999995</c:v>
                </c:pt>
                <c:pt idx="2720">
                  <c:v>45.333334000000008</c:v>
                </c:pt>
                <c:pt idx="2721">
                  <c:v>45.349999999999994</c:v>
                </c:pt>
                <c:pt idx="2722">
                  <c:v>45.366667000000007</c:v>
                </c:pt>
                <c:pt idx="2723">
                  <c:v>45.383334000000019</c:v>
                </c:pt>
                <c:pt idx="2724">
                  <c:v>45.400000000000006</c:v>
                </c:pt>
                <c:pt idx="2725">
                  <c:v>45.416667000000018</c:v>
                </c:pt>
                <c:pt idx="2726">
                  <c:v>45.433334000000002</c:v>
                </c:pt>
                <c:pt idx="2727">
                  <c:v>45.450000000000017</c:v>
                </c:pt>
                <c:pt idx="2728">
                  <c:v>45.466667000000001</c:v>
                </c:pt>
                <c:pt idx="2729">
                  <c:v>45.483334000000013</c:v>
                </c:pt>
                <c:pt idx="2730">
                  <c:v>45.5</c:v>
                </c:pt>
                <c:pt idx="2731">
                  <c:v>45.516667000000012</c:v>
                </c:pt>
                <c:pt idx="2732">
                  <c:v>45.533333999999996</c:v>
                </c:pt>
                <c:pt idx="2733">
                  <c:v>45.550000000000011</c:v>
                </c:pt>
                <c:pt idx="2734">
                  <c:v>45.566666999999995</c:v>
                </c:pt>
                <c:pt idx="2735">
                  <c:v>45.583334000000008</c:v>
                </c:pt>
                <c:pt idx="2736">
                  <c:v>45.599999999999994</c:v>
                </c:pt>
                <c:pt idx="2737">
                  <c:v>45.616667000000007</c:v>
                </c:pt>
                <c:pt idx="2738">
                  <c:v>45.633334000000019</c:v>
                </c:pt>
                <c:pt idx="2739">
                  <c:v>45.650000000000006</c:v>
                </c:pt>
                <c:pt idx="2740">
                  <c:v>45.666667000000018</c:v>
                </c:pt>
                <c:pt idx="2741">
                  <c:v>45.683334000000002</c:v>
                </c:pt>
                <c:pt idx="2742">
                  <c:v>45.700000000000017</c:v>
                </c:pt>
                <c:pt idx="2743">
                  <c:v>45.716667000000001</c:v>
                </c:pt>
                <c:pt idx="2744">
                  <c:v>45.733334000000013</c:v>
                </c:pt>
                <c:pt idx="2745">
                  <c:v>45.75</c:v>
                </c:pt>
                <c:pt idx="2746">
                  <c:v>45.766667000000012</c:v>
                </c:pt>
                <c:pt idx="2747">
                  <c:v>45.783333999999996</c:v>
                </c:pt>
                <c:pt idx="2748">
                  <c:v>45.800000000000011</c:v>
                </c:pt>
                <c:pt idx="2749">
                  <c:v>45.816666999999995</c:v>
                </c:pt>
                <c:pt idx="2750">
                  <c:v>45.833334000000008</c:v>
                </c:pt>
                <c:pt idx="2751">
                  <c:v>45.849999999999994</c:v>
                </c:pt>
                <c:pt idx="2752">
                  <c:v>45.866667000000007</c:v>
                </c:pt>
                <c:pt idx="2753">
                  <c:v>45.883334000000019</c:v>
                </c:pt>
                <c:pt idx="2754">
                  <c:v>45.900000000000006</c:v>
                </c:pt>
                <c:pt idx="2755">
                  <c:v>45.916667000000018</c:v>
                </c:pt>
                <c:pt idx="2756">
                  <c:v>45.933334000000002</c:v>
                </c:pt>
                <c:pt idx="2757">
                  <c:v>45.950000000000017</c:v>
                </c:pt>
                <c:pt idx="2758">
                  <c:v>45.966667000000001</c:v>
                </c:pt>
                <c:pt idx="2759">
                  <c:v>45.983334000000013</c:v>
                </c:pt>
                <c:pt idx="2760">
                  <c:v>46</c:v>
                </c:pt>
                <c:pt idx="2761">
                  <c:v>46.016667000000012</c:v>
                </c:pt>
                <c:pt idx="2762">
                  <c:v>46.033333999999996</c:v>
                </c:pt>
                <c:pt idx="2763">
                  <c:v>46.050000000000011</c:v>
                </c:pt>
                <c:pt idx="2764">
                  <c:v>46.066666999999995</c:v>
                </c:pt>
                <c:pt idx="2765">
                  <c:v>46.083334000000008</c:v>
                </c:pt>
                <c:pt idx="2766">
                  <c:v>46.099999999999994</c:v>
                </c:pt>
                <c:pt idx="2767">
                  <c:v>46.116667000000007</c:v>
                </c:pt>
                <c:pt idx="2768">
                  <c:v>46.133334000000019</c:v>
                </c:pt>
                <c:pt idx="2769">
                  <c:v>46.150000000000006</c:v>
                </c:pt>
                <c:pt idx="2770">
                  <c:v>46.166667000000018</c:v>
                </c:pt>
                <c:pt idx="2771">
                  <c:v>46.183334000000002</c:v>
                </c:pt>
                <c:pt idx="2772">
                  <c:v>46.200000000000017</c:v>
                </c:pt>
                <c:pt idx="2773">
                  <c:v>46.216667000000001</c:v>
                </c:pt>
                <c:pt idx="2774">
                  <c:v>46.233334000000013</c:v>
                </c:pt>
                <c:pt idx="2775">
                  <c:v>46.25</c:v>
                </c:pt>
                <c:pt idx="2776">
                  <c:v>46.266667000000012</c:v>
                </c:pt>
                <c:pt idx="2777">
                  <c:v>46.283333999999996</c:v>
                </c:pt>
                <c:pt idx="2778">
                  <c:v>46.300000000000011</c:v>
                </c:pt>
                <c:pt idx="2779">
                  <c:v>46.316666999999995</c:v>
                </c:pt>
                <c:pt idx="2780">
                  <c:v>46.333334000000008</c:v>
                </c:pt>
                <c:pt idx="2781">
                  <c:v>46.349999999999994</c:v>
                </c:pt>
                <c:pt idx="2782">
                  <c:v>46.366667000000007</c:v>
                </c:pt>
                <c:pt idx="2783">
                  <c:v>46.383334000000019</c:v>
                </c:pt>
                <c:pt idx="2784">
                  <c:v>46.400000000000006</c:v>
                </c:pt>
                <c:pt idx="2785">
                  <c:v>46.416667000000018</c:v>
                </c:pt>
                <c:pt idx="2786">
                  <c:v>46.433334000000002</c:v>
                </c:pt>
                <c:pt idx="2787">
                  <c:v>46.450000000000017</c:v>
                </c:pt>
                <c:pt idx="2788">
                  <c:v>46.466667000000001</c:v>
                </c:pt>
                <c:pt idx="2789">
                  <c:v>46.483334000000013</c:v>
                </c:pt>
                <c:pt idx="2790">
                  <c:v>46.5</c:v>
                </c:pt>
                <c:pt idx="2791">
                  <c:v>46.516667000000012</c:v>
                </c:pt>
                <c:pt idx="2792">
                  <c:v>46.533333999999996</c:v>
                </c:pt>
                <c:pt idx="2793">
                  <c:v>46.550000000000011</c:v>
                </c:pt>
                <c:pt idx="2794">
                  <c:v>46.566666999999995</c:v>
                </c:pt>
                <c:pt idx="2795">
                  <c:v>46.583334000000008</c:v>
                </c:pt>
                <c:pt idx="2796">
                  <c:v>46.599999999999994</c:v>
                </c:pt>
                <c:pt idx="2797">
                  <c:v>46.616667000000007</c:v>
                </c:pt>
                <c:pt idx="2798">
                  <c:v>46.633334000000019</c:v>
                </c:pt>
                <c:pt idx="2799">
                  <c:v>46.650000000000006</c:v>
                </c:pt>
                <c:pt idx="2800">
                  <c:v>46.666667000000018</c:v>
                </c:pt>
                <c:pt idx="2801">
                  <c:v>46.683334000000002</c:v>
                </c:pt>
                <c:pt idx="2802">
                  <c:v>46.700000000000017</c:v>
                </c:pt>
                <c:pt idx="2803">
                  <c:v>46.716667000000001</c:v>
                </c:pt>
                <c:pt idx="2804">
                  <c:v>46.733334000000013</c:v>
                </c:pt>
                <c:pt idx="2805">
                  <c:v>46.75</c:v>
                </c:pt>
                <c:pt idx="2806">
                  <c:v>46.766667000000012</c:v>
                </c:pt>
                <c:pt idx="2807">
                  <c:v>46.783333999999996</c:v>
                </c:pt>
                <c:pt idx="2808">
                  <c:v>46.800000000000011</c:v>
                </c:pt>
                <c:pt idx="2809">
                  <c:v>46.816666999999995</c:v>
                </c:pt>
                <c:pt idx="2810">
                  <c:v>46.833334000000008</c:v>
                </c:pt>
                <c:pt idx="2811">
                  <c:v>46.849999999999994</c:v>
                </c:pt>
                <c:pt idx="2812">
                  <c:v>46.866667000000007</c:v>
                </c:pt>
                <c:pt idx="2813">
                  <c:v>46.883334000000019</c:v>
                </c:pt>
                <c:pt idx="2814">
                  <c:v>46.900000000000006</c:v>
                </c:pt>
                <c:pt idx="2815">
                  <c:v>46.916667000000018</c:v>
                </c:pt>
                <c:pt idx="2816">
                  <c:v>46.933334000000002</c:v>
                </c:pt>
                <c:pt idx="2817">
                  <c:v>46.950000000000017</c:v>
                </c:pt>
                <c:pt idx="2818">
                  <c:v>46.966667000000001</c:v>
                </c:pt>
                <c:pt idx="2819">
                  <c:v>46.983334000000013</c:v>
                </c:pt>
                <c:pt idx="2820">
                  <c:v>47</c:v>
                </c:pt>
                <c:pt idx="2821">
                  <c:v>47.016667000000012</c:v>
                </c:pt>
                <c:pt idx="2822">
                  <c:v>47.033333999999996</c:v>
                </c:pt>
                <c:pt idx="2823">
                  <c:v>47.050000000000011</c:v>
                </c:pt>
                <c:pt idx="2824">
                  <c:v>47.066666999999995</c:v>
                </c:pt>
                <c:pt idx="2825">
                  <c:v>47.083334000000008</c:v>
                </c:pt>
                <c:pt idx="2826">
                  <c:v>47.099999999999994</c:v>
                </c:pt>
                <c:pt idx="2827">
                  <c:v>47.116667000000007</c:v>
                </c:pt>
                <c:pt idx="2828">
                  <c:v>47.133334000000019</c:v>
                </c:pt>
                <c:pt idx="2829">
                  <c:v>47.150000000000006</c:v>
                </c:pt>
                <c:pt idx="2830">
                  <c:v>47.166667000000018</c:v>
                </c:pt>
                <c:pt idx="2831">
                  <c:v>47.183334000000002</c:v>
                </c:pt>
                <c:pt idx="2832">
                  <c:v>47.200000000000017</c:v>
                </c:pt>
                <c:pt idx="2833">
                  <c:v>47.216667000000001</c:v>
                </c:pt>
                <c:pt idx="2834">
                  <c:v>47.233334000000013</c:v>
                </c:pt>
                <c:pt idx="2835">
                  <c:v>47.25</c:v>
                </c:pt>
                <c:pt idx="2836">
                  <c:v>47.266667000000012</c:v>
                </c:pt>
                <c:pt idx="2837">
                  <c:v>47.283333999999996</c:v>
                </c:pt>
                <c:pt idx="2838">
                  <c:v>47.300000000000011</c:v>
                </c:pt>
                <c:pt idx="2839">
                  <c:v>47.316666999999995</c:v>
                </c:pt>
                <c:pt idx="2840">
                  <c:v>47.333334000000008</c:v>
                </c:pt>
                <c:pt idx="2841">
                  <c:v>47.349999999999994</c:v>
                </c:pt>
                <c:pt idx="2842">
                  <c:v>47.366667000000007</c:v>
                </c:pt>
                <c:pt idx="2843">
                  <c:v>47.383334000000019</c:v>
                </c:pt>
                <c:pt idx="2844">
                  <c:v>47.400000000000006</c:v>
                </c:pt>
                <c:pt idx="2845">
                  <c:v>47.416667000000018</c:v>
                </c:pt>
                <c:pt idx="2846">
                  <c:v>47.433334000000002</c:v>
                </c:pt>
                <c:pt idx="2847">
                  <c:v>47.450000000000017</c:v>
                </c:pt>
                <c:pt idx="2848">
                  <c:v>47.466667000000001</c:v>
                </c:pt>
                <c:pt idx="2849">
                  <c:v>47.483334000000013</c:v>
                </c:pt>
                <c:pt idx="2850">
                  <c:v>47.5</c:v>
                </c:pt>
                <c:pt idx="2851">
                  <c:v>47.516667000000012</c:v>
                </c:pt>
                <c:pt idx="2852">
                  <c:v>47.533333999999996</c:v>
                </c:pt>
                <c:pt idx="2853">
                  <c:v>47.550000000000011</c:v>
                </c:pt>
                <c:pt idx="2854">
                  <c:v>47.566666999999995</c:v>
                </c:pt>
                <c:pt idx="2855">
                  <c:v>47.583334000000008</c:v>
                </c:pt>
                <c:pt idx="2856">
                  <c:v>47.599999999999994</c:v>
                </c:pt>
                <c:pt idx="2857">
                  <c:v>47.616667000000007</c:v>
                </c:pt>
                <c:pt idx="2858">
                  <c:v>47.633334000000019</c:v>
                </c:pt>
                <c:pt idx="2859">
                  <c:v>47.650000000000006</c:v>
                </c:pt>
                <c:pt idx="2860">
                  <c:v>47.666667000000018</c:v>
                </c:pt>
                <c:pt idx="2861">
                  <c:v>47.683334000000002</c:v>
                </c:pt>
                <c:pt idx="2862">
                  <c:v>47.700000000000017</c:v>
                </c:pt>
                <c:pt idx="2863">
                  <c:v>47.716667000000001</c:v>
                </c:pt>
                <c:pt idx="2864">
                  <c:v>47.733334000000013</c:v>
                </c:pt>
                <c:pt idx="2865">
                  <c:v>47.75</c:v>
                </c:pt>
                <c:pt idx="2866">
                  <c:v>47.766667000000012</c:v>
                </c:pt>
                <c:pt idx="2867">
                  <c:v>47.783333999999996</c:v>
                </c:pt>
                <c:pt idx="2868">
                  <c:v>47.800000000000011</c:v>
                </c:pt>
                <c:pt idx="2869">
                  <c:v>47.816666999999995</c:v>
                </c:pt>
                <c:pt idx="2870">
                  <c:v>47.833334000000008</c:v>
                </c:pt>
                <c:pt idx="2871">
                  <c:v>47.849999999999994</c:v>
                </c:pt>
                <c:pt idx="2872">
                  <c:v>47.866667000000007</c:v>
                </c:pt>
                <c:pt idx="2873">
                  <c:v>47.883334000000019</c:v>
                </c:pt>
                <c:pt idx="2874">
                  <c:v>47.900000000000006</c:v>
                </c:pt>
                <c:pt idx="2875">
                  <c:v>47.916667000000018</c:v>
                </c:pt>
                <c:pt idx="2876">
                  <c:v>47.933334000000002</c:v>
                </c:pt>
                <c:pt idx="2877">
                  <c:v>47.950000000000017</c:v>
                </c:pt>
                <c:pt idx="2878">
                  <c:v>47.966667000000001</c:v>
                </c:pt>
                <c:pt idx="2879">
                  <c:v>47.983334000000013</c:v>
                </c:pt>
                <c:pt idx="2880">
                  <c:v>48</c:v>
                </c:pt>
                <c:pt idx="2881">
                  <c:v>48.016667000000012</c:v>
                </c:pt>
                <c:pt idx="2882">
                  <c:v>48.033333999999996</c:v>
                </c:pt>
                <c:pt idx="2883">
                  <c:v>48.050000000000011</c:v>
                </c:pt>
                <c:pt idx="2884">
                  <c:v>48.066666999999995</c:v>
                </c:pt>
                <c:pt idx="2885">
                  <c:v>48.083334000000008</c:v>
                </c:pt>
                <c:pt idx="2886">
                  <c:v>48.099999999999994</c:v>
                </c:pt>
                <c:pt idx="2887">
                  <c:v>48.116667000000007</c:v>
                </c:pt>
                <c:pt idx="2888">
                  <c:v>48.133334000000019</c:v>
                </c:pt>
                <c:pt idx="2889">
                  <c:v>48.150000000000006</c:v>
                </c:pt>
                <c:pt idx="2890">
                  <c:v>48.166667000000018</c:v>
                </c:pt>
                <c:pt idx="2891">
                  <c:v>48.183334000000002</c:v>
                </c:pt>
                <c:pt idx="2892">
                  <c:v>48.200000000000017</c:v>
                </c:pt>
                <c:pt idx="2893">
                  <c:v>48.216667000000001</c:v>
                </c:pt>
                <c:pt idx="2894">
                  <c:v>48.233334000000013</c:v>
                </c:pt>
                <c:pt idx="2895">
                  <c:v>48.25</c:v>
                </c:pt>
                <c:pt idx="2896">
                  <c:v>48.266667000000012</c:v>
                </c:pt>
                <c:pt idx="2897">
                  <c:v>48.283333999999996</c:v>
                </c:pt>
                <c:pt idx="2898">
                  <c:v>48.300000000000011</c:v>
                </c:pt>
                <c:pt idx="2899">
                  <c:v>48.316666999999995</c:v>
                </c:pt>
                <c:pt idx="2900">
                  <c:v>48.333334000000008</c:v>
                </c:pt>
                <c:pt idx="2901">
                  <c:v>48.349999999999994</c:v>
                </c:pt>
                <c:pt idx="2902">
                  <c:v>48.366667000000007</c:v>
                </c:pt>
                <c:pt idx="2903">
                  <c:v>48.383334000000019</c:v>
                </c:pt>
                <c:pt idx="2904">
                  <c:v>48.400000000000006</c:v>
                </c:pt>
                <c:pt idx="2905">
                  <c:v>48.416667000000018</c:v>
                </c:pt>
                <c:pt idx="2906">
                  <c:v>48.433334000000002</c:v>
                </c:pt>
                <c:pt idx="2907">
                  <c:v>48.450000000000017</c:v>
                </c:pt>
                <c:pt idx="2908">
                  <c:v>48.466667000000001</c:v>
                </c:pt>
                <c:pt idx="2909">
                  <c:v>48.483334000000013</c:v>
                </c:pt>
                <c:pt idx="2910">
                  <c:v>48.5</c:v>
                </c:pt>
                <c:pt idx="2911">
                  <c:v>48.516667000000012</c:v>
                </c:pt>
                <c:pt idx="2912">
                  <c:v>48.533333999999996</c:v>
                </c:pt>
                <c:pt idx="2913">
                  <c:v>48.550000000000011</c:v>
                </c:pt>
                <c:pt idx="2914">
                  <c:v>48.566666999999995</c:v>
                </c:pt>
                <c:pt idx="2915">
                  <c:v>48.583334000000008</c:v>
                </c:pt>
                <c:pt idx="2916">
                  <c:v>48.599999999999994</c:v>
                </c:pt>
                <c:pt idx="2917">
                  <c:v>48.616667000000007</c:v>
                </c:pt>
                <c:pt idx="2918">
                  <c:v>48.633334000000019</c:v>
                </c:pt>
                <c:pt idx="2919">
                  <c:v>48.650000000000006</c:v>
                </c:pt>
                <c:pt idx="2920">
                  <c:v>48.666667000000018</c:v>
                </c:pt>
                <c:pt idx="2921">
                  <c:v>48.683334000000002</c:v>
                </c:pt>
                <c:pt idx="2922">
                  <c:v>48.700000000000017</c:v>
                </c:pt>
                <c:pt idx="2923">
                  <c:v>48.716667000000001</c:v>
                </c:pt>
                <c:pt idx="2924">
                  <c:v>48.733334000000013</c:v>
                </c:pt>
                <c:pt idx="2925">
                  <c:v>48.75</c:v>
                </c:pt>
                <c:pt idx="2926">
                  <c:v>48.766667000000012</c:v>
                </c:pt>
                <c:pt idx="2927">
                  <c:v>48.783333999999996</c:v>
                </c:pt>
                <c:pt idx="2928">
                  <c:v>48.800000000000011</c:v>
                </c:pt>
                <c:pt idx="2929">
                  <c:v>48.816666999999995</c:v>
                </c:pt>
                <c:pt idx="2930">
                  <c:v>48.833334000000008</c:v>
                </c:pt>
                <c:pt idx="2931">
                  <c:v>48.849999999999994</c:v>
                </c:pt>
                <c:pt idx="2932">
                  <c:v>48.866667000000007</c:v>
                </c:pt>
                <c:pt idx="2933">
                  <c:v>48.883334000000019</c:v>
                </c:pt>
                <c:pt idx="2934">
                  <c:v>48.900000000000006</c:v>
                </c:pt>
                <c:pt idx="2935">
                  <c:v>48.916667000000018</c:v>
                </c:pt>
                <c:pt idx="2936">
                  <c:v>48.933334000000002</c:v>
                </c:pt>
                <c:pt idx="2937">
                  <c:v>48.950000000000017</c:v>
                </c:pt>
                <c:pt idx="2938">
                  <c:v>48.966667000000001</c:v>
                </c:pt>
                <c:pt idx="2939">
                  <c:v>48.983334000000013</c:v>
                </c:pt>
                <c:pt idx="2940">
                  <c:v>49</c:v>
                </c:pt>
                <c:pt idx="2941">
                  <c:v>49.016667000000012</c:v>
                </c:pt>
                <c:pt idx="2942">
                  <c:v>49.033333999999996</c:v>
                </c:pt>
                <c:pt idx="2943">
                  <c:v>49.050000000000011</c:v>
                </c:pt>
                <c:pt idx="2944">
                  <c:v>49.066666999999995</c:v>
                </c:pt>
                <c:pt idx="2945">
                  <c:v>49.083334000000008</c:v>
                </c:pt>
                <c:pt idx="2946">
                  <c:v>49.099999999999994</c:v>
                </c:pt>
                <c:pt idx="2947">
                  <c:v>49.116667000000007</c:v>
                </c:pt>
                <c:pt idx="2948">
                  <c:v>49.133334000000019</c:v>
                </c:pt>
                <c:pt idx="2949">
                  <c:v>49.150000000000006</c:v>
                </c:pt>
                <c:pt idx="2950">
                  <c:v>49.166667000000018</c:v>
                </c:pt>
                <c:pt idx="2951">
                  <c:v>49.183334000000002</c:v>
                </c:pt>
                <c:pt idx="2952">
                  <c:v>49.200000000000017</c:v>
                </c:pt>
                <c:pt idx="2953">
                  <c:v>49.216667000000001</c:v>
                </c:pt>
                <c:pt idx="2954">
                  <c:v>49.233334000000013</c:v>
                </c:pt>
                <c:pt idx="2955">
                  <c:v>49.25</c:v>
                </c:pt>
                <c:pt idx="2956">
                  <c:v>49.266667000000012</c:v>
                </c:pt>
                <c:pt idx="2957">
                  <c:v>49.283333999999996</c:v>
                </c:pt>
                <c:pt idx="2958">
                  <c:v>49.300000000000011</c:v>
                </c:pt>
                <c:pt idx="2959">
                  <c:v>49.316666999999995</c:v>
                </c:pt>
                <c:pt idx="2960">
                  <c:v>49.333334000000008</c:v>
                </c:pt>
                <c:pt idx="2961">
                  <c:v>49.349999999999994</c:v>
                </c:pt>
                <c:pt idx="2962">
                  <c:v>49.366667000000007</c:v>
                </c:pt>
                <c:pt idx="2963">
                  <c:v>49.383334000000019</c:v>
                </c:pt>
                <c:pt idx="2964">
                  <c:v>49.400000000000006</c:v>
                </c:pt>
                <c:pt idx="2965">
                  <c:v>49.416667000000018</c:v>
                </c:pt>
                <c:pt idx="2966">
                  <c:v>49.433334000000002</c:v>
                </c:pt>
                <c:pt idx="2967">
                  <c:v>49.450000000000017</c:v>
                </c:pt>
                <c:pt idx="2968">
                  <c:v>49.466667000000001</c:v>
                </c:pt>
                <c:pt idx="2969">
                  <c:v>49.483334000000013</c:v>
                </c:pt>
                <c:pt idx="2970">
                  <c:v>49.5</c:v>
                </c:pt>
                <c:pt idx="2971">
                  <c:v>49.516667000000012</c:v>
                </c:pt>
                <c:pt idx="2972">
                  <c:v>49.533333999999996</c:v>
                </c:pt>
                <c:pt idx="2973">
                  <c:v>49.550000000000011</c:v>
                </c:pt>
                <c:pt idx="2974">
                  <c:v>49.566666999999995</c:v>
                </c:pt>
                <c:pt idx="2975">
                  <c:v>49.583334000000008</c:v>
                </c:pt>
                <c:pt idx="2976">
                  <c:v>49.599999999999994</c:v>
                </c:pt>
                <c:pt idx="2977">
                  <c:v>49.616667000000007</c:v>
                </c:pt>
                <c:pt idx="2978">
                  <c:v>49.633334000000019</c:v>
                </c:pt>
                <c:pt idx="2979">
                  <c:v>49.650000000000006</c:v>
                </c:pt>
                <c:pt idx="2980">
                  <c:v>49.666667000000018</c:v>
                </c:pt>
                <c:pt idx="2981">
                  <c:v>49.683334000000002</c:v>
                </c:pt>
                <c:pt idx="2982">
                  <c:v>49.700000000000017</c:v>
                </c:pt>
                <c:pt idx="2983">
                  <c:v>49.716667000000001</c:v>
                </c:pt>
                <c:pt idx="2984">
                  <c:v>49.733334000000013</c:v>
                </c:pt>
                <c:pt idx="2985">
                  <c:v>49.75</c:v>
                </c:pt>
                <c:pt idx="2986">
                  <c:v>49.766667000000012</c:v>
                </c:pt>
                <c:pt idx="2987">
                  <c:v>49.783333999999996</c:v>
                </c:pt>
                <c:pt idx="2988">
                  <c:v>49.800000000000011</c:v>
                </c:pt>
                <c:pt idx="2989">
                  <c:v>49.816666999999995</c:v>
                </c:pt>
                <c:pt idx="2990">
                  <c:v>49.833334000000008</c:v>
                </c:pt>
                <c:pt idx="2991">
                  <c:v>49.849999999999994</c:v>
                </c:pt>
                <c:pt idx="2992">
                  <c:v>49.866667000000007</c:v>
                </c:pt>
                <c:pt idx="2993">
                  <c:v>49.883334000000019</c:v>
                </c:pt>
                <c:pt idx="2994">
                  <c:v>49.900000000000006</c:v>
                </c:pt>
                <c:pt idx="2995">
                  <c:v>49.916667000000018</c:v>
                </c:pt>
                <c:pt idx="2996">
                  <c:v>49.933334000000002</c:v>
                </c:pt>
                <c:pt idx="2997">
                  <c:v>49.950000000000017</c:v>
                </c:pt>
                <c:pt idx="2998">
                  <c:v>49.966667000000001</c:v>
                </c:pt>
                <c:pt idx="2999">
                  <c:v>49.983334000000013</c:v>
                </c:pt>
                <c:pt idx="3000">
                  <c:v>50</c:v>
                </c:pt>
                <c:pt idx="3001">
                  <c:v>50.016667000000012</c:v>
                </c:pt>
                <c:pt idx="3002">
                  <c:v>50.033333999999996</c:v>
                </c:pt>
                <c:pt idx="3003">
                  <c:v>50.050000000000011</c:v>
                </c:pt>
                <c:pt idx="3004">
                  <c:v>50.066666999999995</c:v>
                </c:pt>
                <c:pt idx="3005">
                  <c:v>50.083334000000008</c:v>
                </c:pt>
                <c:pt idx="3006">
                  <c:v>50.099999999999994</c:v>
                </c:pt>
                <c:pt idx="3007">
                  <c:v>50.116667000000007</c:v>
                </c:pt>
                <c:pt idx="3008">
                  <c:v>50.133334000000019</c:v>
                </c:pt>
                <c:pt idx="3009">
                  <c:v>50.150000000000006</c:v>
                </c:pt>
                <c:pt idx="3010">
                  <c:v>50.166667000000018</c:v>
                </c:pt>
                <c:pt idx="3011">
                  <c:v>50.183334000000002</c:v>
                </c:pt>
                <c:pt idx="3012">
                  <c:v>50.200000000000017</c:v>
                </c:pt>
                <c:pt idx="3013">
                  <c:v>50.216667000000001</c:v>
                </c:pt>
                <c:pt idx="3014">
                  <c:v>50.233334000000013</c:v>
                </c:pt>
                <c:pt idx="3015">
                  <c:v>50.25</c:v>
                </c:pt>
                <c:pt idx="3016">
                  <c:v>50.266667000000012</c:v>
                </c:pt>
                <c:pt idx="3017">
                  <c:v>50.283333999999996</c:v>
                </c:pt>
                <c:pt idx="3018">
                  <c:v>50.300000000000011</c:v>
                </c:pt>
                <c:pt idx="3019">
                  <c:v>50.316666999999995</c:v>
                </c:pt>
                <c:pt idx="3020">
                  <c:v>50.333334000000008</c:v>
                </c:pt>
                <c:pt idx="3021">
                  <c:v>50.349999999999994</c:v>
                </c:pt>
                <c:pt idx="3022">
                  <c:v>50.366667000000007</c:v>
                </c:pt>
                <c:pt idx="3023">
                  <c:v>50.383334000000019</c:v>
                </c:pt>
                <c:pt idx="3024">
                  <c:v>50.400000000000006</c:v>
                </c:pt>
                <c:pt idx="3025">
                  <c:v>50.416667000000018</c:v>
                </c:pt>
                <c:pt idx="3026">
                  <c:v>50.433334000000002</c:v>
                </c:pt>
                <c:pt idx="3027">
                  <c:v>50.450000000000017</c:v>
                </c:pt>
                <c:pt idx="3028">
                  <c:v>50.466667000000001</c:v>
                </c:pt>
                <c:pt idx="3029">
                  <c:v>50.483334000000013</c:v>
                </c:pt>
                <c:pt idx="3030">
                  <c:v>50.5</c:v>
                </c:pt>
                <c:pt idx="3031">
                  <c:v>50.516667000000012</c:v>
                </c:pt>
                <c:pt idx="3032">
                  <c:v>50.533333999999996</c:v>
                </c:pt>
                <c:pt idx="3033">
                  <c:v>50.550000000000011</c:v>
                </c:pt>
                <c:pt idx="3034">
                  <c:v>50.566666999999995</c:v>
                </c:pt>
                <c:pt idx="3035">
                  <c:v>50.583334000000008</c:v>
                </c:pt>
                <c:pt idx="3036">
                  <c:v>50.599999999999994</c:v>
                </c:pt>
                <c:pt idx="3037">
                  <c:v>50.616667000000007</c:v>
                </c:pt>
                <c:pt idx="3038">
                  <c:v>50.633334000000019</c:v>
                </c:pt>
                <c:pt idx="3039">
                  <c:v>50.650000000000006</c:v>
                </c:pt>
                <c:pt idx="3040">
                  <c:v>50.666667000000018</c:v>
                </c:pt>
                <c:pt idx="3041">
                  <c:v>50.683334000000002</c:v>
                </c:pt>
                <c:pt idx="3042">
                  <c:v>50.700000000000017</c:v>
                </c:pt>
                <c:pt idx="3043">
                  <c:v>50.716667000000001</c:v>
                </c:pt>
                <c:pt idx="3044">
                  <c:v>50.733334000000013</c:v>
                </c:pt>
                <c:pt idx="3045">
                  <c:v>50.75</c:v>
                </c:pt>
                <c:pt idx="3046">
                  <c:v>50.766667000000012</c:v>
                </c:pt>
                <c:pt idx="3047">
                  <c:v>50.783333999999996</c:v>
                </c:pt>
                <c:pt idx="3048">
                  <c:v>50.800000000000011</c:v>
                </c:pt>
                <c:pt idx="3049">
                  <c:v>50.816666999999995</c:v>
                </c:pt>
                <c:pt idx="3050">
                  <c:v>50.833334000000008</c:v>
                </c:pt>
                <c:pt idx="3051">
                  <c:v>50.849999999999994</c:v>
                </c:pt>
                <c:pt idx="3052">
                  <c:v>50.866667000000007</c:v>
                </c:pt>
                <c:pt idx="3053">
                  <c:v>50.883334000000019</c:v>
                </c:pt>
                <c:pt idx="3054">
                  <c:v>50.900000000000006</c:v>
                </c:pt>
                <c:pt idx="3055">
                  <c:v>50.916667000000018</c:v>
                </c:pt>
                <c:pt idx="3056">
                  <c:v>50.933334000000002</c:v>
                </c:pt>
                <c:pt idx="3057">
                  <c:v>50.950000000000017</c:v>
                </c:pt>
                <c:pt idx="3058">
                  <c:v>50.966667000000001</c:v>
                </c:pt>
                <c:pt idx="3059">
                  <c:v>50.983334000000013</c:v>
                </c:pt>
                <c:pt idx="3060">
                  <c:v>51</c:v>
                </c:pt>
                <c:pt idx="3061">
                  <c:v>51.016667000000012</c:v>
                </c:pt>
                <c:pt idx="3062">
                  <c:v>51.033333999999996</c:v>
                </c:pt>
                <c:pt idx="3063">
                  <c:v>51.050000000000011</c:v>
                </c:pt>
                <c:pt idx="3064">
                  <c:v>51.066666999999995</c:v>
                </c:pt>
                <c:pt idx="3065">
                  <c:v>51.083334000000008</c:v>
                </c:pt>
                <c:pt idx="3066">
                  <c:v>51.099999999999994</c:v>
                </c:pt>
                <c:pt idx="3067">
                  <c:v>51.116667000000007</c:v>
                </c:pt>
                <c:pt idx="3068">
                  <c:v>51.133334000000019</c:v>
                </c:pt>
                <c:pt idx="3069">
                  <c:v>51.150000000000006</c:v>
                </c:pt>
                <c:pt idx="3070">
                  <c:v>51.166667000000018</c:v>
                </c:pt>
                <c:pt idx="3071">
                  <c:v>51.183334000000002</c:v>
                </c:pt>
                <c:pt idx="3072">
                  <c:v>51.200000000000017</c:v>
                </c:pt>
                <c:pt idx="3073">
                  <c:v>51.216667000000001</c:v>
                </c:pt>
                <c:pt idx="3074">
                  <c:v>51.233334000000013</c:v>
                </c:pt>
                <c:pt idx="3075">
                  <c:v>51.25</c:v>
                </c:pt>
                <c:pt idx="3076">
                  <c:v>51.266667000000012</c:v>
                </c:pt>
                <c:pt idx="3077">
                  <c:v>51.283333999999996</c:v>
                </c:pt>
                <c:pt idx="3078">
                  <c:v>51.300000000000011</c:v>
                </c:pt>
                <c:pt idx="3079">
                  <c:v>51.316666999999995</c:v>
                </c:pt>
                <c:pt idx="3080">
                  <c:v>51.333334000000008</c:v>
                </c:pt>
                <c:pt idx="3081">
                  <c:v>51.349999999999994</c:v>
                </c:pt>
                <c:pt idx="3082">
                  <c:v>51.366667000000007</c:v>
                </c:pt>
                <c:pt idx="3083">
                  <c:v>51.383334000000019</c:v>
                </c:pt>
                <c:pt idx="3084">
                  <c:v>51.400000000000006</c:v>
                </c:pt>
                <c:pt idx="3085">
                  <c:v>51.416667000000018</c:v>
                </c:pt>
                <c:pt idx="3086">
                  <c:v>51.433334000000002</c:v>
                </c:pt>
                <c:pt idx="3087">
                  <c:v>51.450000000000017</c:v>
                </c:pt>
                <c:pt idx="3088">
                  <c:v>51.466667000000001</c:v>
                </c:pt>
                <c:pt idx="3089">
                  <c:v>51.483334000000013</c:v>
                </c:pt>
                <c:pt idx="3090">
                  <c:v>51.5</c:v>
                </c:pt>
                <c:pt idx="3091">
                  <c:v>51.516667000000012</c:v>
                </c:pt>
                <c:pt idx="3092">
                  <c:v>51.533333999999996</c:v>
                </c:pt>
                <c:pt idx="3093">
                  <c:v>51.550000000000011</c:v>
                </c:pt>
                <c:pt idx="3094">
                  <c:v>51.566666999999995</c:v>
                </c:pt>
                <c:pt idx="3095">
                  <c:v>51.583334000000008</c:v>
                </c:pt>
                <c:pt idx="3096">
                  <c:v>51.599999999999994</c:v>
                </c:pt>
                <c:pt idx="3097">
                  <c:v>51.616667000000007</c:v>
                </c:pt>
                <c:pt idx="3098">
                  <c:v>51.633334000000019</c:v>
                </c:pt>
                <c:pt idx="3099">
                  <c:v>51.650000000000006</c:v>
                </c:pt>
                <c:pt idx="3100">
                  <c:v>51.666667000000018</c:v>
                </c:pt>
                <c:pt idx="3101">
                  <c:v>51.683334000000002</c:v>
                </c:pt>
                <c:pt idx="3102">
                  <c:v>51.700000000000017</c:v>
                </c:pt>
                <c:pt idx="3103">
                  <c:v>51.716667000000001</c:v>
                </c:pt>
                <c:pt idx="3104">
                  <c:v>51.733334000000013</c:v>
                </c:pt>
                <c:pt idx="3105">
                  <c:v>51.75</c:v>
                </c:pt>
                <c:pt idx="3106">
                  <c:v>51.766667000000012</c:v>
                </c:pt>
                <c:pt idx="3107">
                  <c:v>51.783333999999996</c:v>
                </c:pt>
                <c:pt idx="3108">
                  <c:v>51.800000000000011</c:v>
                </c:pt>
                <c:pt idx="3109">
                  <c:v>51.816666999999995</c:v>
                </c:pt>
                <c:pt idx="3110">
                  <c:v>51.833334000000008</c:v>
                </c:pt>
                <c:pt idx="3111">
                  <c:v>51.849999999999994</c:v>
                </c:pt>
                <c:pt idx="3112">
                  <c:v>51.866667000000007</c:v>
                </c:pt>
                <c:pt idx="3113">
                  <c:v>51.883334000000019</c:v>
                </c:pt>
                <c:pt idx="3114">
                  <c:v>51.900000000000006</c:v>
                </c:pt>
                <c:pt idx="3115">
                  <c:v>51.916667000000018</c:v>
                </c:pt>
                <c:pt idx="3116">
                  <c:v>51.933334000000002</c:v>
                </c:pt>
                <c:pt idx="3117">
                  <c:v>51.950000000000017</c:v>
                </c:pt>
                <c:pt idx="3118">
                  <c:v>51.966667000000001</c:v>
                </c:pt>
                <c:pt idx="3119">
                  <c:v>51.983334000000013</c:v>
                </c:pt>
                <c:pt idx="3120">
                  <c:v>52</c:v>
                </c:pt>
                <c:pt idx="3121">
                  <c:v>52.016667000000012</c:v>
                </c:pt>
                <c:pt idx="3122">
                  <c:v>52.033333999999996</c:v>
                </c:pt>
                <c:pt idx="3123">
                  <c:v>52.050000000000011</c:v>
                </c:pt>
                <c:pt idx="3124">
                  <c:v>52.066666999999995</c:v>
                </c:pt>
                <c:pt idx="3125">
                  <c:v>52.083334000000008</c:v>
                </c:pt>
                <c:pt idx="3126">
                  <c:v>52.099999999999994</c:v>
                </c:pt>
                <c:pt idx="3127">
                  <c:v>52.116667000000007</c:v>
                </c:pt>
                <c:pt idx="3128">
                  <c:v>52.133334000000019</c:v>
                </c:pt>
                <c:pt idx="3129">
                  <c:v>52.150000000000006</c:v>
                </c:pt>
                <c:pt idx="3130">
                  <c:v>52.166667000000018</c:v>
                </c:pt>
                <c:pt idx="3131">
                  <c:v>52.183334000000002</c:v>
                </c:pt>
                <c:pt idx="3132">
                  <c:v>52.200000000000017</c:v>
                </c:pt>
                <c:pt idx="3133">
                  <c:v>52.216667000000001</c:v>
                </c:pt>
                <c:pt idx="3134">
                  <c:v>52.233334000000013</c:v>
                </c:pt>
                <c:pt idx="3135">
                  <c:v>52.25</c:v>
                </c:pt>
                <c:pt idx="3136">
                  <c:v>52.266667000000012</c:v>
                </c:pt>
                <c:pt idx="3137">
                  <c:v>52.283333999999996</c:v>
                </c:pt>
                <c:pt idx="3138">
                  <c:v>52.300000000000011</c:v>
                </c:pt>
                <c:pt idx="3139">
                  <c:v>52.316666999999995</c:v>
                </c:pt>
                <c:pt idx="3140">
                  <c:v>52.333334000000008</c:v>
                </c:pt>
                <c:pt idx="3141">
                  <c:v>52.349999999999994</c:v>
                </c:pt>
                <c:pt idx="3142">
                  <c:v>52.366667000000007</c:v>
                </c:pt>
                <c:pt idx="3143">
                  <c:v>52.383334000000019</c:v>
                </c:pt>
                <c:pt idx="3144">
                  <c:v>52.400000000000006</c:v>
                </c:pt>
                <c:pt idx="3145">
                  <c:v>52.416667000000018</c:v>
                </c:pt>
                <c:pt idx="3146">
                  <c:v>52.433334000000002</c:v>
                </c:pt>
                <c:pt idx="3147">
                  <c:v>52.450000000000017</c:v>
                </c:pt>
                <c:pt idx="3148">
                  <c:v>52.466667000000001</c:v>
                </c:pt>
                <c:pt idx="3149">
                  <c:v>52.483334000000013</c:v>
                </c:pt>
                <c:pt idx="3150">
                  <c:v>52.5</c:v>
                </c:pt>
                <c:pt idx="3151">
                  <c:v>52.516667000000012</c:v>
                </c:pt>
                <c:pt idx="3152">
                  <c:v>52.533333999999996</c:v>
                </c:pt>
                <c:pt idx="3153">
                  <c:v>52.550000000000011</c:v>
                </c:pt>
                <c:pt idx="3154">
                  <c:v>52.566666999999995</c:v>
                </c:pt>
                <c:pt idx="3155">
                  <c:v>52.583334000000008</c:v>
                </c:pt>
                <c:pt idx="3156">
                  <c:v>52.599999999999994</c:v>
                </c:pt>
                <c:pt idx="3157">
                  <c:v>52.616667000000007</c:v>
                </c:pt>
                <c:pt idx="3158">
                  <c:v>52.633334000000019</c:v>
                </c:pt>
                <c:pt idx="3159">
                  <c:v>52.650000000000006</c:v>
                </c:pt>
                <c:pt idx="3160">
                  <c:v>52.666667000000018</c:v>
                </c:pt>
                <c:pt idx="3161">
                  <c:v>52.683334000000002</c:v>
                </c:pt>
                <c:pt idx="3162">
                  <c:v>52.700000000000017</c:v>
                </c:pt>
                <c:pt idx="3163">
                  <c:v>52.716667000000001</c:v>
                </c:pt>
                <c:pt idx="3164">
                  <c:v>52.733334000000013</c:v>
                </c:pt>
                <c:pt idx="3165">
                  <c:v>52.75</c:v>
                </c:pt>
                <c:pt idx="3166">
                  <c:v>52.766667000000012</c:v>
                </c:pt>
                <c:pt idx="3167">
                  <c:v>52.783333999999996</c:v>
                </c:pt>
                <c:pt idx="3168">
                  <c:v>52.800000000000011</c:v>
                </c:pt>
                <c:pt idx="3169">
                  <c:v>52.816666999999995</c:v>
                </c:pt>
                <c:pt idx="3170">
                  <c:v>52.833334000000008</c:v>
                </c:pt>
                <c:pt idx="3171">
                  <c:v>52.849999999999994</c:v>
                </c:pt>
                <c:pt idx="3172">
                  <c:v>52.866667000000007</c:v>
                </c:pt>
                <c:pt idx="3173">
                  <c:v>52.883334000000019</c:v>
                </c:pt>
                <c:pt idx="3174">
                  <c:v>52.900000000000006</c:v>
                </c:pt>
                <c:pt idx="3175">
                  <c:v>52.916667000000018</c:v>
                </c:pt>
                <c:pt idx="3176">
                  <c:v>52.933334000000002</c:v>
                </c:pt>
                <c:pt idx="3177">
                  <c:v>52.950000000000017</c:v>
                </c:pt>
                <c:pt idx="3178">
                  <c:v>52.966667000000001</c:v>
                </c:pt>
                <c:pt idx="3179">
                  <c:v>52.983334000000013</c:v>
                </c:pt>
                <c:pt idx="3180">
                  <c:v>53</c:v>
                </c:pt>
                <c:pt idx="3181">
                  <c:v>53.016667000000012</c:v>
                </c:pt>
                <c:pt idx="3182">
                  <c:v>53.033333999999996</c:v>
                </c:pt>
                <c:pt idx="3183">
                  <c:v>53.050000000000011</c:v>
                </c:pt>
                <c:pt idx="3184">
                  <c:v>53.066666999999995</c:v>
                </c:pt>
                <c:pt idx="3185">
                  <c:v>53.083334000000008</c:v>
                </c:pt>
                <c:pt idx="3186">
                  <c:v>53.099999999999994</c:v>
                </c:pt>
                <c:pt idx="3187">
                  <c:v>53.116667000000007</c:v>
                </c:pt>
                <c:pt idx="3188">
                  <c:v>53.133334000000019</c:v>
                </c:pt>
                <c:pt idx="3189">
                  <c:v>53.150000000000006</c:v>
                </c:pt>
                <c:pt idx="3190">
                  <c:v>53.166667000000018</c:v>
                </c:pt>
                <c:pt idx="3191">
                  <c:v>53.183334000000002</c:v>
                </c:pt>
                <c:pt idx="3192">
                  <c:v>53.200000000000017</c:v>
                </c:pt>
                <c:pt idx="3193">
                  <c:v>53.216667000000001</c:v>
                </c:pt>
                <c:pt idx="3194">
                  <c:v>53.233334000000013</c:v>
                </c:pt>
                <c:pt idx="3195">
                  <c:v>53.25</c:v>
                </c:pt>
                <c:pt idx="3196">
                  <c:v>53.266667000000012</c:v>
                </c:pt>
                <c:pt idx="3197">
                  <c:v>53.283333999999996</c:v>
                </c:pt>
                <c:pt idx="3198">
                  <c:v>53.300000000000011</c:v>
                </c:pt>
                <c:pt idx="3199">
                  <c:v>53.316666999999995</c:v>
                </c:pt>
                <c:pt idx="3200">
                  <c:v>53.333334000000008</c:v>
                </c:pt>
                <c:pt idx="3201">
                  <c:v>53.349999999999994</c:v>
                </c:pt>
                <c:pt idx="3202">
                  <c:v>53.366667000000007</c:v>
                </c:pt>
                <c:pt idx="3203">
                  <c:v>53.383334000000019</c:v>
                </c:pt>
                <c:pt idx="3204">
                  <c:v>53.400000000000006</c:v>
                </c:pt>
                <c:pt idx="3205">
                  <c:v>53.416667000000018</c:v>
                </c:pt>
                <c:pt idx="3206">
                  <c:v>53.433334000000002</c:v>
                </c:pt>
                <c:pt idx="3207">
                  <c:v>53.450000000000017</c:v>
                </c:pt>
                <c:pt idx="3208">
                  <c:v>53.466667000000001</c:v>
                </c:pt>
                <c:pt idx="3209">
                  <c:v>53.483334000000013</c:v>
                </c:pt>
                <c:pt idx="3210">
                  <c:v>53.5</c:v>
                </c:pt>
                <c:pt idx="3211">
                  <c:v>53.516667000000012</c:v>
                </c:pt>
                <c:pt idx="3212">
                  <c:v>53.533333999999996</c:v>
                </c:pt>
                <c:pt idx="3213">
                  <c:v>53.550000000000011</c:v>
                </c:pt>
                <c:pt idx="3214">
                  <c:v>53.566666999999995</c:v>
                </c:pt>
                <c:pt idx="3215">
                  <c:v>53.583334000000008</c:v>
                </c:pt>
                <c:pt idx="3216">
                  <c:v>53.599999999999994</c:v>
                </c:pt>
                <c:pt idx="3217">
                  <c:v>53.616667000000007</c:v>
                </c:pt>
                <c:pt idx="3218">
                  <c:v>53.633334000000019</c:v>
                </c:pt>
                <c:pt idx="3219">
                  <c:v>53.650000000000006</c:v>
                </c:pt>
                <c:pt idx="3220">
                  <c:v>53.666667000000018</c:v>
                </c:pt>
                <c:pt idx="3221">
                  <c:v>53.683334000000002</c:v>
                </c:pt>
                <c:pt idx="3222">
                  <c:v>53.700000000000017</c:v>
                </c:pt>
                <c:pt idx="3223">
                  <c:v>53.716667000000001</c:v>
                </c:pt>
                <c:pt idx="3224">
                  <c:v>53.733334000000013</c:v>
                </c:pt>
                <c:pt idx="3225">
                  <c:v>53.75</c:v>
                </c:pt>
                <c:pt idx="3226">
                  <c:v>53.766667000000012</c:v>
                </c:pt>
                <c:pt idx="3227">
                  <c:v>53.783333999999996</c:v>
                </c:pt>
                <c:pt idx="3228">
                  <c:v>53.800000000000011</c:v>
                </c:pt>
                <c:pt idx="3229">
                  <c:v>53.816666999999995</c:v>
                </c:pt>
                <c:pt idx="3230">
                  <c:v>53.833334000000008</c:v>
                </c:pt>
                <c:pt idx="3231">
                  <c:v>53.849999999999994</c:v>
                </c:pt>
                <c:pt idx="3232">
                  <c:v>53.866667000000007</c:v>
                </c:pt>
                <c:pt idx="3233">
                  <c:v>53.883334000000019</c:v>
                </c:pt>
                <c:pt idx="3234">
                  <c:v>53.900000000000006</c:v>
                </c:pt>
                <c:pt idx="3235">
                  <c:v>53.916667000000018</c:v>
                </c:pt>
                <c:pt idx="3236">
                  <c:v>53.933334000000002</c:v>
                </c:pt>
                <c:pt idx="3237">
                  <c:v>53.950000000000017</c:v>
                </c:pt>
                <c:pt idx="3238">
                  <c:v>53.966667000000001</c:v>
                </c:pt>
                <c:pt idx="3239">
                  <c:v>53.983334000000013</c:v>
                </c:pt>
                <c:pt idx="3240">
                  <c:v>54</c:v>
                </c:pt>
                <c:pt idx="3241">
                  <c:v>54.016667000000012</c:v>
                </c:pt>
                <c:pt idx="3242">
                  <c:v>54.033333999999996</c:v>
                </c:pt>
                <c:pt idx="3243">
                  <c:v>54.050000000000011</c:v>
                </c:pt>
                <c:pt idx="3244">
                  <c:v>54.066666999999995</c:v>
                </c:pt>
                <c:pt idx="3245">
                  <c:v>54.083334000000008</c:v>
                </c:pt>
                <c:pt idx="3246">
                  <c:v>54.099999999999994</c:v>
                </c:pt>
                <c:pt idx="3247">
                  <c:v>54.116667000000007</c:v>
                </c:pt>
                <c:pt idx="3248">
                  <c:v>54.133334000000019</c:v>
                </c:pt>
                <c:pt idx="3249">
                  <c:v>54.150000000000006</c:v>
                </c:pt>
                <c:pt idx="3250">
                  <c:v>54.166667000000018</c:v>
                </c:pt>
                <c:pt idx="3251">
                  <c:v>54.183334000000002</c:v>
                </c:pt>
                <c:pt idx="3252">
                  <c:v>54.200000000000017</c:v>
                </c:pt>
                <c:pt idx="3253">
                  <c:v>54.216667000000001</c:v>
                </c:pt>
                <c:pt idx="3254">
                  <c:v>54.233334000000013</c:v>
                </c:pt>
                <c:pt idx="3255">
                  <c:v>54.25</c:v>
                </c:pt>
                <c:pt idx="3256">
                  <c:v>54.266667000000012</c:v>
                </c:pt>
                <c:pt idx="3257">
                  <c:v>54.283333999999996</c:v>
                </c:pt>
                <c:pt idx="3258">
                  <c:v>54.300000000000011</c:v>
                </c:pt>
                <c:pt idx="3259">
                  <c:v>54.316666999999995</c:v>
                </c:pt>
                <c:pt idx="3260">
                  <c:v>54.333334000000008</c:v>
                </c:pt>
                <c:pt idx="3261">
                  <c:v>54.349999999999994</c:v>
                </c:pt>
                <c:pt idx="3262">
                  <c:v>54.366667000000007</c:v>
                </c:pt>
                <c:pt idx="3263">
                  <c:v>54.383334000000019</c:v>
                </c:pt>
                <c:pt idx="3264">
                  <c:v>54.400000000000006</c:v>
                </c:pt>
                <c:pt idx="3265">
                  <c:v>54.416667000000018</c:v>
                </c:pt>
                <c:pt idx="3266">
                  <c:v>54.433334000000002</c:v>
                </c:pt>
                <c:pt idx="3267">
                  <c:v>54.450000000000017</c:v>
                </c:pt>
                <c:pt idx="3268">
                  <c:v>54.466667000000001</c:v>
                </c:pt>
                <c:pt idx="3269">
                  <c:v>54.483334000000013</c:v>
                </c:pt>
                <c:pt idx="3270">
                  <c:v>54.5</c:v>
                </c:pt>
                <c:pt idx="3271">
                  <c:v>54.516667000000012</c:v>
                </c:pt>
                <c:pt idx="3272">
                  <c:v>54.533333999999996</c:v>
                </c:pt>
                <c:pt idx="3273">
                  <c:v>54.550000000000011</c:v>
                </c:pt>
                <c:pt idx="3274">
                  <c:v>54.566666999999995</c:v>
                </c:pt>
                <c:pt idx="3275">
                  <c:v>54.583334000000008</c:v>
                </c:pt>
                <c:pt idx="3276">
                  <c:v>54.599999999999994</c:v>
                </c:pt>
                <c:pt idx="3277">
                  <c:v>54.616667000000007</c:v>
                </c:pt>
                <c:pt idx="3278">
                  <c:v>54.633334000000019</c:v>
                </c:pt>
                <c:pt idx="3279">
                  <c:v>54.650000000000006</c:v>
                </c:pt>
                <c:pt idx="3280">
                  <c:v>54.666667000000018</c:v>
                </c:pt>
                <c:pt idx="3281">
                  <c:v>54.683334000000002</c:v>
                </c:pt>
                <c:pt idx="3282">
                  <c:v>54.700000000000017</c:v>
                </c:pt>
                <c:pt idx="3283">
                  <c:v>54.716667000000001</c:v>
                </c:pt>
                <c:pt idx="3284">
                  <c:v>54.733334000000013</c:v>
                </c:pt>
                <c:pt idx="3285">
                  <c:v>54.75</c:v>
                </c:pt>
                <c:pt idx="3286">
                  <c:v>54.766667000000012</c:v>
                </c:pt>
                <c:pt idx="3287">
                  <c:v>54.783333999999996</c:v>
                </c:pt>
                <c:pt idx="3288">
                  <c:v>54.800000000000011</c:v>
                </c:pt>
                <c:pt idx="3289">
                  <c:v>54.816666999999995</c:v>
                </c:pt>
                <c:pt idx="3290">
                  <c:v>54.833334000000008</c:v>
                </c:pt>
                <c:pt idx="3291">
                  <c:v>54.849999999999994</c:v>
                </c:pt>
                <c:pt idx="3292">
                  <c:v>54.866667000000007</c:v>
                </c:pt>
                <c:pt idx="3293">
                  <c:v>54.883334000000019</c:v>
                </c:pt>
                <c:pt idx="3294">
                  <c:v>54.900000000000006</c:v>
                </c:pt>
                <c:pt idx="3295">
                  <c:v>54.916667000000018</c:v>
                </c:pt>
                <c:pt idx="3296">
                  <c:v>54.933334000000002</c:v>
                </c:pt>
                <c:pt idx="3297">
                  <c:v>54.950000000000017</c:v>
                </c:pt>
                <c:pt idx="3298">
                  <c:v>54.966667000000001</c:v>
                </c:pt>
                <c:pt idx="3299">
                  <c:v>54.983334000000013</c:v>
                </c:pt>
                <c:pt idx="3300">
                  <c:v>55</c:v>
                </c:pt>
                <c:pt idx="3301">
                  <c:v>55.016667000000012</c:v>
                </c:pt>
                <c:pt idx="3302">
                  <c:v>55.033333999999996</c:v>
                </c:pt>
                <c:pt idx="3303">
                  <c:v>55.050000000000011</c:v>
                </c:pt>
                <c:pt idx="3304">
                  <c:v>55.066666999999995</c:v>
                </c:pt>
                <c:pt idx="3305">
                  <c:v>55.083334000000008</c:v>
                </c:pt>
                <c:pt idx="3306">
                  <c:v>55.099999999999994</c:v>
                </c:pt>
                <c:pt idx="3307">
                  <c:v>55.116667000000007</c:v>
                </c:pt>
                <c:pt idx="3308">
                  <c:v>55.133334000000019</c:v>
                </c:pt>
                <c:pt idx="3309">
                  <c:v>55.150000000000006</c:v>
                </c:pt>
                <c:pt idx="3310">
                  <c:v>55.166667000000018</c:v>
                </c:pt>
                <c:pt idx="3311">
                  <c:v>55.183334000000002</c:v>
                </c:pt>
                <c:pt idx="3312">
                  <c:v>55.200000000000017</c:v>
                </c:pt>
                <c:pt idx="3313">
                  <c:v>55.216667000000001</c:v>
                </c:pt>
                <c:pt idx="3314">
                  <c:v>55.233334000000013</c:v>
                </c:pt>
                <c:pt idx="3315">
                  <c:v>55.25</c:v>
                </c:pt>
                <c:pt idx="3316">
                  <c:v>55.266667000000012</c:v>
                </c:pt>
                <c:pt idx="3317">
                  <c:v>55.283333999999996</c:v>
                </c:pt>
                <c:pt idx="3318">
                  <c:v>55.300000000000011</c:v>
                </c:pt>
                <c:pt idx="3319">
                  <c:v>55.316666999999995</c:v>
                </c:pt>
                <c:pt idx="3320">
                  <c:v>55.333334000000008</c:v>
                </c:pt>
                <c:pt idx="3321">
                  <c:v>55.349999999999994</c:v>
                </c:pt>
                <c:pt idx="3322">
                  <c:v>55.366667000000007</c:v>
                </c:pt>
                <c:pt idx="3323">
                  <c:v>55.383334000000019</c:v>
                </c:pt>
                <c:pt idx="3324">
                  <c:v>55.400000000000006</c:v>
                </c:pt>
                <c:pt idx="3325">
                  <c:v>55.416667000000018</c:v>
                </c:pt>
                <c:pt idx="3326">
                  <c:v>55.433334000000002</c:v>
                </c:pt>
                <c:pt idx="3327">
                  <c:v>55.450000000000017</c:v>
                </c:pt>
                <c:pt idx="3328">
                  <c:v>55.466667000000001</c:v>
                </c:pt>
                <c:pt idx="3329">
                  <c:v>55.483334000000013</c:v>
                </c:pt>
                <c:pt idx="3330">
                  <c:v>55.5</c:v>
                </c:pt>
                <c:pt idx="3331">
                  <c:v>55.516667000000012</c:v>
                </c:pt>
                <c:pt idx="3332">
                  <c:v>55.533333999999996</c:v>
                </c:pt>
                <c:pt idx="3333">
                  <c:v>55.550000000000011</c:v>
                </c:pt>
                <c:pt idx="3334">
                  <c:v>55.566666999999995</c:v>
                </c:pt>
                <c:pt idx="3335">
                  <c:v>55.583334000000008</c:v>
                </c:pt>
                <c:pt idx="3336">
                  <c:v>55.599999999999994</c:v>
                </c:pt>
                <c:pt idx="3337">
                  <c:v>55.616667000000007</c:v>
                </c:pt>
                <c:pt idx="3338">
                  <c:v>55.633334000000019</c:v>
                </c:pt>
                <c:pt idx="3339">
                  <c:v>55.650000000000006</c:v>
                </c:pt>
                <c:pt idx="3340">
                  <c:v>55.666667000000018</c:v>
                </c:pt>
                <c:pt idx="3341">
                  <c:v>55.683334000000002</c:v>
                </c:pt>
                <c:pt idx="3342">
                  <c:v>55.700000000000017</c:v>
                </c:pt>
                <c:pt idx="3343">
                  <c:v>55.716667000000001</c:v>
                </c:pt>
                <c:pt idx="3344">
                  <c:v>55.733334000000013</c:v>
                </c:pt>
                <c:pt idx="3345">
                  <c:v>55.75</c:v>
                </c:pt>
                <c:pt idx="3346">
                  <c:v>55.766667000000012</c:v>
                </c:pt>
                <c:pt idx="3347">
                  <c:v>55.783333999999996</c:v>
                </c:pt>
                <c:pt idx="3348">
                  <c:v>55.800000000000011</c:v>
                </c:pt>
                <c:pt idx="3349">
                  <c:v>55.816666999999995</c:v>
                </c:pt>
                <c:pt idx="3350">
                  <c:v>55.833334000000008</c:v>
                </c:pt>
                <c:pt idx="3351">
                  <c:v>55.849999999999994</c:v>
                </c:pt>
                <c:pt idx="3352">
                  <c:v>55.866667000000007</c:v>
                </c:pt>
                <c:pt idx="3353">
                  <c:v>55.883334000000019</c:v>
                </c:pt>
                <c:pt idx="3354">
                  <c:v>55.900000000000006</c:v>
                </c:pt>
                <c:pt idx="3355">
                  <c:v>55.916667000000018</c:v>
                </c:pt>
                <c:pt idx="3356">
                  <c:v>55.933334000000002</c:v>
                </c:pt>
                <c:pt idx="3357">
                  <c:v>55.950000000000017</c:v>
                </c:pt>
                <c:pt idx="3358">
                  <c:v>55.966667000000001</c:v>
                </c:pt>
                <c:pt idx="3359">
                  <c:v>55.983334000000013</c:v>
                </c:pt>
                <c:pt idx="3360">
                  <c:v>56</c:v>
                </c:pt>
                <c:pt idx="3361">
                  <c:v>56.016667000000012</c:v>
                </c:pt>
                <c:pt idx="3362">
                  <c:v>56.033333999999996</c:v>
                </c:pt>
                <c:pt idx="3363">
                  <c:v>56.050000000000011</c:v>
                </c:pt>
                <c:pt idx="3364">
                  <c:v>56.066666999999995</c:v>
                </c:pt>
                <c:pt idx="3365">
                  <c:v>56.083334000000008</c:v>
                </c:pt>
                <c:pt idx="3366">
                  <c:v>56.099999999999994</c:v>
                </c:pt>
                <c:pt idx="3367">
                  <c:v>56.116667000000007</c:v>
                </c:pt>
                <c:pt idx="3368">
                  <c:v>56.133334000000019</c:v>
                </c:pt>
                <c:pt idx="3369">
                  <c:v>56.150000000000006</c:v>
                </c:pt>
                <c:pt idx="3370">
                  <c:v>56.166667000000018</c:v>
                </c:pt>
                <c:pt idx="3371">
                  <c:v>56.183334000000002</c:v>
                </c:pt>
                <c:pt idx="3372">
                  <c:v>56.200000000000017</c:v>
                </c:pt>
                <c:pt idx="3373">
                  <c:v>56.216667000000001</c:v>
                </c:pt>
                <c:pt idx="3374">
                  <c:v>56.233334000000013</c:v>
                </c:pt>
                <c:pt idx="3375">
                  <c:v>56.25</c:v>
                </c:pt>
                <c:pt idx="3376">
                  <c:v>56.266667000000012</c:v>
                </c:pt>
                <c:pt idx="3377">
                  <c:v>56.283333999999996</c:v>
                </c:pt>
                <c:pt idx="3378">
                  <c:v>56.300000000000011</c:v>
                </c:pt>
                <c:pt idx="3379">
                  <c:v>56.316666999999995</c:v>
                </c:pt>
                <c:pt idx="3380">
                  <c:v>56.333334000000008</c:v>
                </c:pt>
                <c:pt idx="3381">
                  <c:v>56.349999999999994</c:v>
                </c:pt>
                <c:pt idx="3382">
                  <c:v>56.366667000000007</c:v>
                </c:pt>
                <c:pt idx="3383">
                  <c:v>56.383334000000019</c:v>
                </c:pt>
                <c:pt idx="3384">
                  <c:v>56.400000000000006</c:v>
                </c:pt>
                <c:pt idx="3385">
                  <c:v>56.416667000000018</c:v>
                </c:pt>
                <c:pt idx="3386">
                  <c:v>56.433334000000002</c:v>
                </c:pt>
                <c:pt idx="3387">
                  <c:v>56.450000000000017</c:v>
                </c:pt>
                <c:pt idx="3388">
                  <c:v>56.466667000000001</c:v>
                </c:pt>
                <c:pt idx="3389">
                  <c:v>56.483334000000013</c:v>
                </c:pt>
                <c:pt idx="3390">
                  <c:v>56.5</c:v>
                </c:pt>
                <c:pt idx="3391">
                  <c:v>56.516667000000012</c:v>
                </c:pt>
                <c:pt idx="3392">
                  <c:v>56.533333999999996</c:v>
                </c:pt>
                <c:pt idx="3393">
                  <c:v>56.550000000000011</c:v>
                </c:pt>
                <c:pt idx="3394">
                  <c:v>56.566666999999995</c:v>
                </c:pt>
                <c:pt idx="3395">
                  <c:v>56.583334000000008</c:v>
                </c:pt>
                <c:pt idx="3396">
                  <c:v>56.599999999999994</c:v>
                </c:pt>
                <c:pt idx="3397">
                  <c:v>56.616667000000007</c:v>
                </c:pt>
                <c:pt idx="3398">
                  <c:v>56.633334000000019</c:v>
                </c:pt>
                <c:pt idx="3399">
                  <c:v>56.650000000000006</c:v>
                </c:pt>
                <c:pt idx="3400">
                  <c:v>56.666667000000018</c:v>
                </c:pt>
                <c:pt idx="3401">
                  <c:v>56.683334000000002</c:v>
                </c:pt>
                <c:pt idx="3402">
                  <c:v>56.700000000000017</c:v>
                </c:pt>
                <c:pt idx="3403">
                  <c:v>56.716667000000001</c:v>
                </c:pt>
                <c:pt idx="3404">
                  <c:v>56.733334000000013</c:v>
                </c:pt>
                <c:pt idx="3405">
                  <c:v>56.75</c:v>
                </c:pt>
                <c:pt idx="3406">
                  <c:v>56.766667000000012</c:v>
                </c:pt>
                <c:pt idx="3407">
                  <c:v>56.783333999999996</c:v>
                </c:pt>
                <c:pt idx="3408">
                  <c:v>56.800000000000011</c:v>
                </c:pt>
                <c:pt idx="3409">
                  <c:v>56.816666999999995</c:v>
                </c:pt>
                <c:pt idx="3410">
                  <c:v>56.833334000000008</c:v>
                </c:pt>
                <c:pt idx="3411">
                  <c:v>56.849999999999994</c:v>
                </c:pt>
                <c:pt idx="3412">
                  <c:v>56.866667000000007</c:v>
                </c:pt>
                <c:pt idx="3413">
                  <c:v>56.883334000000019</c:v>
                </c:pt>
                <c:pt idx="3414">
                  <c:v>56.900000000000006</c:v>
                </c:pt>
                <c:pt idx="3415">
                  <c:v>56.916667000000018</c:v>
                </c:pt>
                <c:pt idx="3416">
                  <c:v>56.933334000000002</c:v>
                </c:pt>
                <c:pt idx="3417">
                  <c:v>56.950000000000017</c:v>
                </c:pt>
                <c:pt idx="3418">
                  <c:v>56.966667000000001</c:v>
                </c:pt>
                <c:pt idx="3419">
                  <c:v>56.983334000000013</c:v>
                </c:pt>
                <c:pt idx="3420">
                  <c:v>57</c:v>
                </c:pt>
                <c:pt idx="3421">
                  <c:v>57.016667000000012</c:v>
                </c:pt>
                <c:pt idx="3422">
                  <c:v>57.033333999999996</c:v>
                </c:pt>
                <c:pt idx="3423">
                  <c:v>57.050000000000011</c:v>
                </c:pt>
                <c:pt idx="3424">
                  <c:v>57.066666999999995</c:v>
                </c:pt>
                <c:pt idx="3425">
                  <c:v>57.083334000000008</c:v>
                </c:pt>
                <c:pt idx="3426">
                  <c:v>57.099999999999994</c:v>
                </c:pt>
                <c:pt idx="3427">
                  <c:v>57.116667000000007</c:v>
                </c:pt>
                <c:pt idx="3428">
                  <c:v>57.133334000000019</c:v>
                </c:pt>
                <c:pt idx="3429">
                  <c:v>57.150000000000006</c:v>
                </c:pt>
                <c:pt idx="3430">
                  <c:v>57.166667000000018</c:v>
                </c:pt>
                <c:pt idx="3431">
                  <c:v>57.183334000000002</c:v>
                </c:pt>
                <c:pt idx="3432">
                  <c:v>57.200000000000017</c:v>
                </c:pt>
                <c:pt idx="3433">
                  <c:v>57.216667000000001</c:v>
                </c:pt>
                <c:pt idx="3434">
                  <c:v>57.233334000000013</c:v>
                </c:pt>
                <c:pt idx="3435">
                  <c:v>57.25</c:v>
                </c:pt>
                <c:pt idx="3436">
                  <c:v>57.266667000000012</c:v>
                </c:pt>
                <c:pt idx="3437">
                  <c:v>57.283333999999996</c:v>
                </c:pt>
                <c:pt idx="3438">
                  <c:v>57.300000000000011</c:v>
                </c:pt>
                <c:pt idx="3439">
                  <c:v>57.316666999999995</c:v>
                </c:pt>
                <c:pt idx="3440">
                  <c:v>57.333334000000008</c:v>
                </c:pt>
                <c:pt idx="3441">
                  <c:v>57.349999999999994</c:v>
                </c:pt>
                <c:pt idx="3442">
                  <c:v>57.366667000000007</c:v>
                </c:pt>
                <c:pt idx="3443">
                  <c:v>57.383334000000019</c:v>
                </c:pt>
                <c:pt idx="3444">
                  <c:v>57.400000000000006</c:v>
                </c:pt>
                <c:pt idx="3445">
                  <c:v>57.416667000000018</c:v>
                </c:pt>
                <c:pt idx="3446">
                  <c:v>57.433334000000002</c:v>
                </c:pt>
                <c:pt idx="3447">
                  <c:v>57.450000000000017</c:v>
                </c:pt>
                <c:pt idx="3448">
                  <c:v>57.466667000000001</c:v>
                </c:pt>
                <c:pt idx="3449">
                  <c:v>57.483334000000013</c:v>
                </c:pt>
                <c:pt idx="3450">
                  <c:v>57.5</c:v>
                </c:pt>
                <c:pt idx="3451">
                  <c:v>57.516667000000012</c:v>
                </c:pt>
                <c:pt idx="3452">
                  <c:v>57.533333999999996</c:v>
                </c:pt>
                <c:pt idx="3453">
                  <c:v>57.550000000000011</c:v>
                </c:pt>
                <c:pt idx="3454">
                  <c:v>57.566666999999995</c:v>
                </c:pt>
                <c:pt idx="3455">
                  <c:v>57.583334000000008</c:v>
                </c:pt>
                <c:pt idx="3456">
                  <c:v>57.599999999999994</c:v>
                </c:pt>
                <c:pt idx="3457">
                  <c:v>57.616667000000007</c:v>
                </c:pt>
                <c:pt idx="3458">
                  <c:v>57.633334000000019</c:v>
                </c:pt>
                <c:pt idx="3459">
                  <c:v>57.650000000000006</c:v>
                </c:pt>
                <c:pt idx="3460">
                  <c:v>57.666667000000018</c:v>
                </c:pt>
                <c:pt idx="3461">
                  <c:v>57.683334000000002</c:v>
                </c:pt>
                <c:pt idx="3462">
                  <c:v>57.700000000000017</c:v>
                </c:pt>
                <c:pt idx="3463">
                  <c:v>57.716667000000001</c:v>
                </c:pt>
                <c:pt idx="3464">
                  <c:v>57.733334000000013</c:v>
                </c:pt>
                <c:pt idx="3465">
                  <c:v>57.75</c:v>
                </c:pt>
                <c:pt idx="3466">
                  <c:v>57.766667000000012</c:v>
                </c:pt>
                <c:pt idx="3467">
                  <c:v>57.783333999999996</c:v>
                </c:pt>
                <c:pt idx="3468">
                  <c:v>57.800000000000011</c:v>
                </c:pt>
                <c:pt idx="3469">
                  <c:v>57.816666999999995</c:v>
                </c:pt>
                <c:pt idx="3470">
                  <c:v>57.833334000000008</c:v>
                </c:pt>
                <c:pt idx="3471">
                  <c:v>57.849999999999994</c:v>
                </c:pt>
                <c:pt idx="3472">
                  <c:v>57.866667000000007</c:v>
                </c:pt>
                <c:pt idx="3473">
                  <c:v>57.883334000000019</c:v>
                </c:pt>
                <c:pt idx="3474">
                  <c:v>57.900000000000006</c:v>
                </c:pt>
                <c:pt idx="3475">
                  <c:v>57.916667000000018</c:v>
                </c:pt>
                <c:pt idx="3476">
                  <c:v>57.933334000000002</c:v>
                </c:pt>
                <c:pt idx="3477">
                  <c:v>57.950000000000017</c:v>
                </c:pt>
                <c:pt idx="3478">
                  <c:v>57.966667000000001</c:v>
                </c:pt>
                <c:pt idx="3479">
                  <c:v>57.983334000000013</c:v>
                </c:pt>
                <c:pt idx="3480">
                  <c:v>58</c:v>
                </c:pt>
                <c:pt idx="3481">
                  <c:v>58.016667000000012</c:v>
                </c:pt>
                <c:pt idx="3482">
                  <c:v>58.033333999999996</c:v>
                </c:pt>
                <c:pt idx="3483">
                  <c:v>58.050000000000011</c:v>
                </c:pt>
                <c:pt idx="3484">
                  <c:v>58.066666999999995</c:v>
                </c:pt>
                <c:pt idx="3485">
                  <c:v>58.083334000000008</c:v>
                </c:pt>
                <c:pt idx="3486">
                  <c:v>58.099999999999994</c:v>
                </c:pt>
                <c:pt idx="3487">
                  <c:v>58.116667000000007</c:v>
                </c:pt>
                <c:pt idx="3488">
                  <c:v>58.133334000000019</c:v>
                </c:pt>
                <c:pt idx="3489">
                  <c:v>58.150000000000006</c:v>
                </c:pt>
                <c:pt idx="3490">
                  <c:v>58.166667000000018</c:v>
                </c:pt>
                <c:pt idx="3491">
                  <c:v>58.183334000000002</c:v>
                </c:pt>
                <c:pt idx="3492">
                  <c:v>58.200000000000017</c:v>
                </c:pt>
                <c:pt idx="3493">
                  <c:v>58.216667000000001</c:v>
                </c:pt>
                <c:pt idx="3494">
                  <c:v>58.233334000000013</c:v>
                </c:pt>
                <c:pt idx="3495">
                  <c:v>58.25</c:v>
                </c:pt>
                <c:pt idx="3496">
                  <c:v>58.266667000000012</c:v>
                </c:pt>
                <c:pt idx="3497">
                  <c:v>58.283333999999996</c:v>
                </c:pt>
                <c:pt idx="3498">
                  <c:v>58.300000000000011</c:v>
                </c:pt>
                <c:pt idx="3499">
                  <c:v>58.316666999999995</c:v>
                </c:pt>
                <c:pt idx="3500">
                  <c:v>58.333334000000008</c:v>
                </c:pt>
                <c:pt idx="3501">
                  <c:v>58.349999999999994</c:v>
                </c:pt>
                <c:pt idx="3502">
                  <c:v>58.366667000000007</c:v>
                </c:pt>
                <c:pt idx="3503">
                  <c:v>58.383334000000019</c:v>
                </c:pt>
                <c:pt idx="3504">
                  <c:v>58.400000000000006</c:v>
                </c:pt>
                <c:pt idx="3505">
                  <c:v>58.416667000000018</c:v>
                </c:pt>
                <c:pt idx="3506">
                  <c:v>58.433334000000002</c:v>
                </c:pt>
                <c:pt idx="3507">
                  <c:v>58.450000000000017</c:v>
                </c:pt>
                <c:pt idx="3508">
                  <c:v>58.466667000000001</c:v>
                </c:pt>
                <c:pt idx="3509">
                  <c:v>58.483334000000013</c:v>
                </c:pt>
                <c:pt idx="3510">
                  <c:v>58.5</c:v>
                </c:pt>
                <c:pt idx="3511">
                  <c:v>58.516667000000012</c:v>
                </c:pt>
                <c:pt idx="3512">
                  <c:v>58.533333999999996</c:v>
                </c:pt>
                <c:pt idx="3513">
                  <c:v>58.550000000000011</c:v>
                </c:pt>
                <c:pt idx="3514">
                  <c:v>58.566666999999995</c:v>
                </c:pt>
                <c:pt idx="3515">
                  <c:v>58.583334000000008</c:v>
                </c:pt>
                <c:pt idx="3516">
                  <c:v>58.599999999999994</c:v>
                </c:pt>
                <c:pt idx="3517">
                  <c:v>58.616667000000007</c:v>
                </c:pt>
                <c:pt idx="3518">
                  <c:v>58.633334000000019</c:v>
                </c:pt>
                <c:pt idx="3519">
                  <c:v>58.650000000000006</c:v>
                </c:pt>
                <c:pt idx="3520">
                  <c:v>58.666667000000018</c:v>
                </c:pt>
                <c:pt idx="3521">
                  <c:v>58.683334000000002</c:v>
                </c:pt>
                <c:pt idx="3522">
                  <c:v>58.700000000000017</c:v>
                </c:pt>
                <c:pt idx="3523">
                  <c:v>58.716667000000001</c:v>
                </c:pt>
                <c:pt idx="3524">
                  <c:v>58.733334000000013</c:v>
                </c:pt>
                <c:pt idx="3525">
                  <c:v>58.75</c:v>
                </c:pt>
                <c:pt idx="3526">
                  <c:v>58.766667000000012</c:v>
                </c:pt>
                <c:pt idx="3527">
                  <c:v>58.783333999999996</c:v>
                </c:pt>
                <c:pt idx="3528">
                  <c:v>58.800000000000011</c:v>
                </c:pt>
                <c:pt idx="3529">
                  <c:v>58.816666999999995</c:v>
                </c:pt>
                <c:pt idx="3530">
                  <c:v>58.833334000000008</c:v>
                </c:pt>
                <c:pt idx="3531">
                  <c:v>58.849999999999994</c:v>
                </c:pt>
                <c:pt idx="3532">
                  <c:v>58.866667000000007</c:v>
                </c:pt>
                <c:pt idx="3533">
                  <c:v>58.883334000000019</c:v>
                </c:pt>
                <c:pt idx="3534">
                  <c:v>58.900000000000006</c:v>
                </c:pt>
                <c:pt idx="3535">
                  <c:v>58.916667000000018</c:v>
                </c:pt>
                <c:pt idx="3536">
                  <c:v>58.933334000000002</c:v>
                </c:pt>
                <c:pt idx="3537">
                  <c:v>58.950000000000017</c:v>
                </c:pt>
                <c:pt idx="3538">
                  <c:v>58.966667000000001</c:v>
                </c:pt>
                <c:pt idx="3539">
                  <c:v>58.983334000000013</c:v>
                </c:pt>
                <c:pt idx="3540">
                  <c:v>59</c:v>
                </c:pt>
                <c:pt idx="3541">
                  <c:v>59.016667000000012</c:v>
                </c:pt>
                <c:pt idx="3542">
                  <c:v>59.033333999999996</c:v>
                </c:pt>
                <c:pt idx="3543">
                  <c:v>59.050000000000011</c:v>
                </c:pt>
                <c:pt idx="3544">
                  <c:v>59.066666999999995</c:v>
                </c:pt>
                <c:pt idx="3545">
                  <c:v>59.083334000000008</c:v>
                </c:pt>
                <c:pt idx="3546">
                  <c:v>59.099999999999994</c:v>
                </c:pt>
                <c:pt idx="3547">
                  <c:v>59.116667000000007</c:v>
                </c:pt>
                <c:pt idx="3548">
                  <c:v>59.133334000000019</c:v>
                </c:pt>
                <c:pt idx="3549">
                  <c:v>59.150000000000006</c:v>
                </c:pt>
                <c:pt idx="3550">
                  <c:v>59.166667000000018</c:v>
                </c:pt>
                <c:pt idx="3551">
                  <c:v>59.183334000000002</c:v>
                </c:pt>
                <c:pt idx="3552">
                  <c:v>59.200000000000017</c:v>
                </c:pt>
                <c:pt idx="3553">
                  <c:v>59.216667000000001</c:v>
                </c:pt>
                <c:pt idx="3554">
                  <c:v>59.233334000000013</c:v>
                </c:pt>
                <c:pt idx="3555">
                  <c:v>59.25</c:v>
                </c:pt>
                <c:pt idx="3556">
                  <c:v>59.266667000000012</c:v>
                </c:pt>
                <c:pt idx="3557">
                  <c:v>59.283333999999996</c:v>
                </c:pt>
                <c:pt idx="3558">
                  <c:v>59.300000000000011</c:v>
                </c:pt>
                <c:pt idx="3559">
                  <c:v>59.316666999999995</c:v>
                </c:pt>
                <c:pt idx="3560">
                  <c:v>59.333334000000008</c:v>
                </c:pt>
                <c:pt idx="3561">
                  <c:v>59.349999999999994</c:v>
                </c:pt>
                <c:pt idx="3562">
                  <c:v>59.366667000000007</c:v>
                </c:pt>
                <c:pt idx="3563">
                  <c:v>59.383334000000019</c:v>
                </c:pt>
                <c:pt idx="3564">
                  <c:v>59.400000000000006</c:v>
                </c:pt>
                <c:pt idx="3565">
                  <c:v>59.416667000000018</c:v>
                </c:pt>
                <c:pt idx="3566">
                  <c:v>59.433334000000002</c:v>
                </c:pt>
                <c:pt idx="3567">
                  <c:v>59.450000000000017</c:v>
                </c:pt>
                <c:pt idx="3568">
                  <c:v>59.466667000000001</c:v>
                </c:pt>
                <c:pt idx="3569">
                  <c:v>59.483334000000013</c:v>
                </c:pt>
                <c:pt idx="3570">
                  <c:v>59.5</c:v>
                </c:pt>
                <c:pt idx="3571">
                  <c:v>59.516667000000012</c:v>
                </c:pt>
                <c:pt idx="3572">
                  <c:v>59.533333999999996</c:v>
                </c:pt>
                <c:pt idx="3573">
                  <c:v>59.550000000000011</c:v>
                </c:pt>
                <c:pt idx="3574">
                  <c:v>59.566666999999995</c:v>
                </c:pt>
                <c:pt idx="3575">
                  <c:v>59.583334000000008</c:v>
                </c:pt>
                <c:pt idx="3576">
                  <c:v>59.599999999999994</c:v>
                </c:pt>
                <c:pt idx="3577">
                  <c:v>59.616667000000007</c:v>
                </c:pt>
                <c:pt idx="3578">
                  <c:v>59.633334000000019</c:v>
                </c:pt>
                <c:pt idx="3579">
                  <c:v>59.650000000000006</c:v>
                </c:pt>
                <c:pt idx="3580">
                  <c:v>59.666667000000018</c:v>
                </c:pt>
                <c:pt idx="3581">
                  <c:v>59.683334000000002</c:v>
                </c:pt>
                <c:pt idx="3582">
                  <c:v>59.700000000000017</c:v>
                </c:pt>
                <c:pt idx="3583">
                  <c:v>59.716667000000001</c:v>
                </c:pt>
                <c:pt idx="3584">
                  <c:v>59.733334000000013</c:v>
                </c:pt>
                <c:pt idx="3585">
                  <c:v>59.75</c:v>
                </c:pt>
                <c:pt idx="3586">
                  <c:v>59.766667000000012</c:v>
                </c:pt>
                <c:pt idx="3587">
                  <c:v>59.783333999999996</c:v>
                </c:pt>
                <c:pt idx="3588">
                  <c:v>59.800000000000011</c:v>
                </c:pt>
                <c:pt idx="3589">
                  <c:v>59.816666999999995</c:v>
                </c:pt>
                <c:pt idx="3590">
                  <c:v>59.833334000000008</c:v>
                </c:pt>
                <c:pt idx="3591">
                  <c:v>59.849999999999994</c:v>
                </c:pt>
                <c:pt idx="3592">
                  <c:v>59.866667000000007</c:v>
                </c:pt>
                <c:pt idx="3593">
                  <c:v>59.883334000000019</c:v>
                </c:pt>
                <c:pt idx="3594">
                  <c:v>59.900000000000006</c:v>
                </c:pt>
                <c:pt idx="3595">
                  <c:v>59.916667000000018</c:v>
                </c:pt>
                <c:pt idx="3596">
                  <c:v>59.933334000000002</c:v>
                </c:pt>
                <c:pt idx="3597">
                  <c:v>59.950000000000017</c:v>
                </c:pt>
                <c:pt idx="3598">
                  <c:v>59.966667000000001</c:v>
                </c:pt>
                <c:pt idx="3599">
                  <c:v>59.983334000000013</c:v>
                </c:pt>
                <c:pt idx="3600">
                  <c:v>60</c:v>
                </c:pt>
                <c:pt idx="3601">
                  <c:v>60.016667000000012</c:v>
                </c:pt>
                <c:pt idx="3602">
                  <c:v>60.033333999999996</c:v>
                </c:pt>
                <c:pt idx="3603">
                  <c:v>60.050000000000011</c:v>
                </c:pt>
                <c:pt idx="3604">
                  <c:v>60.066666999999995</c:v>
                </c:pt>
                <c:pt idx="3605">
                  <c:v>60.083334000000008</c:v>
                </c:pt>
                <c:pt idx="3606">
                  <c:v>60.099999999999994</c:v>
                </c:pt>
                <c:pt idx="3607">
                  <c:v>60.116667000000007</c:v>
                </c:pt>
                <c:pt idx="3608">
                  <c:v>60.133334000000019</c:v>
                </c:pt>
                <c:pt idx="3609">
                  <c:v>60.150000000000006</c:v>
                </c:pt>
                <c:pt idx="3610">
                  <c:v>60.166667000000018</c:v>
                </c:pt>
                <c:pt idx="3611">
                  <c:v>60.183334000000002</c:v>
                </c:pt>
                <c:pt idx="3612">
                  <c:v>60.200000000000017</c:v>
                </c:pt>
                <c:pt idx="3613">
                  <c:v>60.216667000000001</c:v>
                </c:pt>
                <c:pt idx="3614">
                  <c:v>60.233334000000013</c:v>
                </c:pt>
                <c:pt idx="3615">
                  <c:v>60.25</c:v>
                </c:pt>
                <c:pt idx="3616">
                  <c:v>60.266667000000012</c:v>
                </c:pt>
                <c:pt idx="3617">
                  <c:v>60.283333999999996</c:v>
                </c:pt>
                <c:pt idx="3618">
                  <c:v>60.300000000000011</c:v>
                </c:pt>
                <c:pt idx="3619">
                  <c:v>60.316666999999995</c:v>
                </c:pt>
                <c:pt idx="3620">
                  <c:v>60.333334000000008</c:v>
                </c:pt>
                <c:pt idx="3621">
                  <c:v>60.349999999999994</c:v>
                </c:pt>
                <c:pt idx="3622">
                  <c:v>60.366667000000007</c:v>
                </c:pt>
                <c:pt idx="3623">
                  <c:v>60.383334000000019</c:v>
                </c:pt>
                <c:pt idx="3624">
                  <c:v>60.400000000000006</c:v>
                </c:pt>
                <c:pt idx="3625">
                  <c:v>60.416667000000018</c:v>
                </c:pt>
                <c:pt idx="3626">
                  <c:v>60.433334000000002</c:v>
                </c:pt>
                <c:pt idx="3627">
                  <c:v>60.450000000000017</c:v>
                </c:pt>
                <c:pt idx="3628">
                  <c:v>60.466667000000001</c:v>
                </c:pt>
                <c:pt idx="3629">
                  <c:v>60.483334000000013</c:v>
                </c:pt>
                <c:pt idx="3630">
                  <c:v>60.5</c:v>
                </c:pt>
                <c:pt idx="3631">
                  <c:v>60.516667000000012</c:v>
                </c:pt>
                <c:pt idx="3632">
                  <c:v>60.533333999999996</c:v>
                </c:pt>
                <c:pt idx="3633">
                  <c:v>60.550000000000011</c:v>
                </c:pt>
                <c:pt idx="3634">
                  <c:v>60.566666999999995</c:v>
                </c:pt>
                <c:pt idx="3635">
                  <c:v>60.583334000000008</c:v>
                </c:pt>
                <c:pt idx="3636">
                  <c:v>60.599999999999994</c:v>
                </c:pt>
                <c:pt idx="3637">
                  <c:v>60.616667000000007</c:v>
                </c:pt>
                <c:pt idx="3638">
                  <c:v>60.633334000000019</c:v>
                </c:pt>
                <c:pt idx="3639">
                  <c:v>60.650000000000006</c:v>
                </c:pt>
                <c:pt idx="3640">
                  <c:v>60.666667000000018</c:v>
                </c:pt>
                <c:pt idx="3641">
                  <c:v>60.683334000000002</c:v>
                </c:pt>
                <c:pt idx="3642">
                  <c:v>60.700000000000017</c:v>
                </c:pt>
                <c:pt idx="3643">
                  <c:v>60.716667000000001</c:v>
                </c:pt>
                <c:pt idx="3644">
                  <c:v>60.733334000000013</c:v>
                </c:pt>
                <c:pt idx="3645">
                  <c:v>60.75</c:v>
                </c:pt>
                <c:pt idx="3646">
                  <c:v>60.766667000000012</c:v>
                </c:pt>
                <c:pt idx="3647">
                  <c:v>60.783333999999996</c:v>
                </c:pt>
                <c:pt idx="3648">
                  <c:v>60.800000000000011</c:v>
                </c:pt>
                <c:pt idx="3649">
                  <c:v>60.816666999999995</c:v>
                </c:pt>
                <c:pt idx="3650">
                  <c:v>60.833334000000008</c:v>
                </c:pt>
                <c:pt idx="3651">
                  <c:v>60.849999999999994</c:v>
                </c:pt>
                <c:pt idx="3652">
                  <c:v>60.866667000000007</c:v>
                </c:pt>
                <c:pt idx="3653">
                  <c:v>60.883334000000019</c:v>
                </c:pt>
                <c:pt idx="3654">
                  <c:v>60.900000000000006</c:v>
                </c:pt>
                <c:pt idx="3655">
                  <c:v>60.916667000000018</c:v>
                </c:pt>
                <c:pt idx="3656">
                  <c:v>60.933334000000002</c:v>
                </c:pt>
                <c:pt idx="3657">
                  <c:v>60.950000000000017</c:v>
                </c:pt>
                <c:pt idx="3658">
                  <c:v>60.966667000000001</c:v>
                </c:pt>
                <c:pt idx="3659">
                  <c:v>60.983334000000013</c:v>
                </c:pt>
                <c:pt idx="3660">
                  <c:v>61</c:v>
                </c:pt>
                <c:pt idx="3661">
                  <c:v>61.016667000000012</c:v>
                </c:pt>
                <c:pt idx="3662">
                  <c:v>61.033333999999996</c:v>
                </c:pt>
                <c:pt idx="3663">
                  <c:v>61.050000000000011</c:v>
                </c:pt>
                <c:pt idx="3664">
                  <c:v>61.066666999999995</c:v>
                </c:pt>
                <c:pt idx="3665">
                  <c:v>61.083334000000008</c:v>
                </c:pt>
                <c:pt idx="3666">
                  <c:v>61.099999999999994</c:v>
                </c:pt>
                <c:pt idx="3667">
                  <c:v>61.116667000000007</c:v>
                </c:pt>
                <c:pt idx="3668">
                  <c:v>61.133334000000019</c:v>
                </c:pt>
                <c:pt idx="3669">
                  <c:v>61.150000000000006</c:v>
                </c:pt>
                <c:pt idx="3670">
                  <c:v>61.166667000000018</c:v>
                </c:pt>
                <c:pt idx="3671">
                  <c:v>61.183334000000002</c:v>
                </c:pt>
                <c:pt idx="3672">
                  <c:v>61.200000000000017</c:v>
                </c:pt>
                <c:pt idx="3673">
                  <c:v>61.216667000000001</c:v>
                </c:pt>
                <c:pt idx="3674">
                  <c:v>61.233334000000013</c:v>
                </c:pt>
                <c:pt idx="3675">
                  <c:v>61.25</c:v>
                </c:pt>
                <c:pt idx="3676">
                  <c:v>61.266667000000012</c:v>
                </c:pt>
                <c:pt idx="3677">
                  <c:v>61.283333999999996</c:v>
                </c:pt>
                <c:pt idx="3678">
                  <c:v>61.300000000000011</c:v>
                </c:pt>
                <c:pt idx="3679">
                  <c:v>61.316666999999995</c:v>
                </c:pt>
                <c:pt idx="3680">
                  <c:v>61.333334000000008</c:v>
                </c:pt>
                <c:pt idx="3681">
                  <c:v>61.349999999999994</c:v>
                </c:pt>
                <c:pt idx="3682">
                  <c:v>61.366667000000007</c:v>
                </c:pt>
                <c:pt idx="3683">
                  <c:v>61.383334000000019</c:v>
                </c:pt>
                <c:pt idx="3684">
                  <c:v>61.400000000000006</c:v>
                </c:pt>
                <c:pt idx="3685">
                  <c:v>61.416667000000018</c:v>
                </c:pt>
                <c:pt idx="3686">
                  <c:v>61.433334000000002</c:v>
                </c:pt>
                <c:pt idx="3687">
                  <c:v>61.450000000000017</c:v>
                </c:pt>
                <c:pt idx="3688">
                  <c:v>61.466667000000001</c:v>
                </c:pt>
                <c:pt idx="3689">
                  <c:v>61.483334000000013</c:v>
                </c:pt>
                <c:pt idx="3690">
                  <c:v>61.5</c:v>
                </c:pt>
                <c:pt idx="3691">
                  <c:v>61.516667000000012</c:v>
                </c:pt>
                <c:pt idx="3692">
                  <c:v>61.533333999999996</c:v>
                </c:pt>
                <c:pt idx="3693">
                  <c:v>61.550000000000011</c:v>
                </c:pt>
                <c:pt idx="3694">
                  <c:v>61.566666999999995</c:v>
                </c:pt>
                <c:pt idx="3695">
                  <c:v>61.583334000000008</c:v>
                </c:pt>
                <c:pt idx="3696">
                  <c:v>61.599999999999994</c:v>
                </c:pt>
                <c:pt idx="3697">
                  <c:v>61.616667000000007</c:v>
                </c:pt>
                <c:pt idx="3698">
                  <c:v>61.633334000000019</c:v>
                </c:pt>
                <c:pt idx="3699">
                  <c:v>61.650000000000006</c:v>
                </c:pt>
                <c:pt idx="3700">
                  <c:v>61.666667000000018</c:v>
                </c:pt>
                <c:pt idx="3701">
                  <c:v>61.683334000000002</c:v>
                </c:pt>
                <c:pt idx="3702">
                  <c:v>61.700000000000017</c:v>
                </c:pt>
                <c:pt idx="3703">
                  <c:v>61.716667000000001</c:v>
                </c:pt>
                <c:pt idx="3704">
                  <c:v>61.733334000000013</c:v>
                </c:pt>
                <c:pt idx="3705">
                  <c:v>61.75</c:v>
                </c:pt>
                <c:pt idx="3706">
                  <c:v>61.766667000000012</c:v>
                </c:pt>
                <c:pt idx="3707">
                  <c:v>61.783333999999996</c:v>
                </c:pt>
                <c:pt idx="3708">
                  <c:v>61.800000000000011</c:v>
                </c:pt>
                <c:pt idx="3709">
                  <c:v>61.816666999999995</c:v>
                </c:pt>
                <c:pt idx="3710">
                  <c:v>61.833334000000008</c:v>
                </c:pt>
                <c:pt idx="3711">
                  <c:v>61.849999999999994</c:v>
                </c:pt>
                <c:pt idx="3712">
                  <c:v>61.866667000000007</c:v>
                </c:pt>
                <c:pt idx="3713">
                  <c:v>61.883334000000019</c:v>
                </c:pt>
                <c:pt idx="3714">
                  <c:v>61.900000000000006</c:v>
                </c:pt>
                <c:pt idx="3715">
                  <c:v>61.916667000000018</c:v>
                </c:pt>
                <c:pt idx="3716">
                  <c:v>61.933334000000002</c:v>
                </c:pt>
                <c:pt idx="3717">
                  <c:v>61.950000000000017</c:v>
                </c:pt>
                <c:pt idx="3718">
                  <c:v>61.966667000000001</c:v>
                </c:pt>
                <c:pt idx="3719">
                  <c:v>61.983334000000013</c:v>
                </c:pt>
                <c:pt idx="3720">
                  <c:v>62</c:v>
                </c:pt>
                <c:pt idx="3721">
                  <c:v>62.016667000000012</c:v>
                </c:pt>
                <c:pt idx="3722">
                  <c:v>62.033333999999996</c:v>
                </c:pt>
                <c:pt idx="3723">
                  <c:v>62.050000000000011</c:v>
                </c:pt>
                <c:pt idx="3724">
                  <c:v>62.066666999999995</c:v>
                </c:pt>
                <c:pt idx="3725">
                  <c:v>62.083334000000008</c:v>
                </c:pt>
                <c:pt idx="3726">
                  <c:v>62.099999999999994</c:v>
                </c:pt>
                <c:pt idx="3727">
                  <c:v>62.116667000000007</c:v>
                </c:pt>
                <c:pt idx="3728">
                  <c:v>62.133334000000019</c:v>
                </c:pt>
                <c:pt idx="3729">
                  <c:v>62.150000000000006</c:v>
                </c:pt>
                <c:pt idx="3730">
                  <c:v>62.166667000000018</c:v>
                </c:pt>
                <c:pt idx="3731">
                  <c:v>62.183334000000002</c:v>
                </c:pt>
                <c:pt idx="3732">
                  <c:v>62.200000000000017</c:v>
                </c:pt>
                <c:pt idx="3733">
                  <c:v>62.216667000000001</c:v>
                </c:pt>
                <c:pt idx="3734">
                  <c:v>62.233334000000013</c:v>
                </c:pt>
                <c:pt idx="3735">
                  <c:v>62.25</c:v>
                </c:pt>
                <c:pt idx="3736">
                  <c:v>62.266667000000012</c:v>
                </c:pt>
                <c:pt idx="3737">
                  <c:v>62.283333999999996</c:v>
                </c:pt>
                <c:pt idx="3738">
                  <c:v>62.300000000000011</c:v>
                </c:pt>
                <c:pt idx="3739">
                  <c:v>62.316666999999995</c:v>
                </c:pt>
                <c:pt idx="3740">
                  <c:v>62.333334000000008</c:v>
                </c:pt>
                <c:pt idx="3741">
                  <c:v>62.349999999999994</c:v>
                </c:pt>
                <c:pt idx="3742">
                  <c:v>62.366667000000007</c:v>
                </c:pt>
                <c:pt idx="3743">
                  <c:v>62.383334000000019</c:v>
                </c:pt>
                <c:pt idx="3744">
                  <c:v>62.400000000000006</c:v>
                </c:pt>
                <c:pt idx="3745">
                  <c:v>62.416667000000018</c:v>
                </c:pt>
                <c:pt idx="3746">
                  <c:v>62.433334000000002</c:v>
                </c:pt>
                <c:pt idx="3747">
                  <c:v>62.450000000000017</c:v>
                </c:pt>
                <c:pt idx="3748">
                  <c:v>62.466667000000001</c:v>
                </c:pt>
                <c:pt idx="3749">
                  <c:v>62.483334000000013</c:v>
                </c:pt>
                <c:pt idx="3750">
                  <c:v>62.5</c:v>
                </c:pt>
                <c:pt idx="3751">
                  <c:v>62.516667000000012</c:v>
                </c:pt>
                <c:pt idx="3752">
                  <c:v>62.533333999999996</c:v>
                </c:pt>
                <c:pt idx="3753">
                  <c:v>62.550000000000011</c:v>
                </c:pt>
                <c:pt idx="3754">
                  <c:v>62.566666999999995</c:v>
                </c:pt>
                <c:pt idx="3755">
                  <c:v>62.583334000000008</c:v>
                </c:pt>
                <c:pt idx="3756">
                  <c:v>62.599999999999994</c:v>
                </c:pt>
                <c:pt idx="3757">
                  <c:v>62.616667000000007</c:v>
                </c:pt>
                <c:pt idx="3758">
                  <c:v>62.633334000000019</c:v>
                </c:pt>
                <c:pt idx="3759">
                  <c:v>62.650000000000006</c:v>
                </c:pt>
                <c:pt idx="3760">
                  <c:v>62.666667000000018</c:v>
                </c:pt>
                <c:pt idx="3761">
                  <c:v>62.683334000000002</c:v>
                </c:pt>
                <c:pt idx="3762">
                  <c:v>62.700000000000017</c:v>
                </c:pt>
                <c:pt idx="3763">
                  <c:v>62.716667000000001</c:v>
                </c:pt>
                <c:pt idx="3764">
                  <c:v>62.733334000000013</c:v>
                </c:pt>
                <c:pt idx="3765">
                  <c:v>62.75</c:v>
                </c:pt>
                <c:pt idx="3766">
                  <c:v>62.766667000000012</c:v>
                </c:pt>
                <c:pt idx="3767">
                  <c:v>62.783333999999996</c:v>
                </c:pt>
                <c:pt idx="3768">
                  <c:v>62.800000000000011</c:v>
                </c:pt>
                <c:pt idx="3769">
                  <c:v>62.816666999999995</c:v>
                </c:pt>
                <c:pt idx="3770">
                  <c:v>62.833334000000008</c:v>
                </c:pt>
                <c:pt idx="3771">
                  <c:v>62.849999999999994</c:v>
                </c:pt>
                <c:pt idx="3772">
                  <c:v>62.866667000000007</c:v>
                </c:pt>
                <c:pt idx="3773">
                  <c:v>62.883334000000019</c:v>
                </c:pt>
                <c:pt idx="3774">
                  <c:v>62.900000000000006</c:v>
                </c:pt>
                <c:pt idx="3775">
                  <c:v>62.916667000000018</c:v>
                </c:pt>
                <c:pt idx="3776">
                  <c:v>62.933334000000002</c:v>
                </c:pt>
                <c:pt idx="3777">
                  <c:v>62.950000000000017</c:v>
                </c:pt>
                <c:pt idx="3778">
                  <c:v>62.966667000000001</c:v>
                </c:pt>
                <c:pt idx="3779">
                  <c:v>62.983334000000013</c:v>
                </c:pt>
                <c:pt idx="3780">
                  <c:v>63</c:v>
                </c:pt>
                <c:pt idx="3781">
                  <c:v>63.016667000000012</c:v>
                </c:pt>
                <c:pt idx="3782">
                  <c:v>63.033333999999996</c:v>
                </c:pt>
                <c:pt idx="3783">
                  <c:v>63.050000000000011</c:v>
                </c:pt>
                <c:pt idx="3784">
                  <c:v>63.066666999999995</c:v>
                </c:pt>
                <c:pt idx="3785">
                  <c:v>63.083334000000008</c:v>
                </c:pt>
                <c:pt idx="3786">
                  <c:v>63.099999999999994</c:v>
                </c:pt>
                <c:pt idx="3787">
                  <c:v>63.116667000000007</c:v>
                </c:pt>
                <c:pt idx="3788">
                  <c:v>63.133334000000019</c:v>
                </c:pt>
                <c:pt idx="3789">
                  <c:v>63.150000000000006</c:v>
                </c:pt>
                <c:pt idx="3790">
                  <c:v>63.166667000000018</c:v>
                </c:pt>
                <c:pt idx="3791">
                  <c:v>63.183334000000002</c:v>
                </c:pt>
                <c:pt idx="3792">
                  <c:v>63.200000000000017</c:v>
                </c:pt>
                <c:pt idx="3793">
                  <c:v>63.216667000000001</c:v>
                </c:pt>
                <c:pt idx="3794">
                  <c:v>63.233334000000013</c:v>
                </c:pt>
                <c:pt idx="3795">
                  <c:v>63.25</c:v>
                </c:pt>
                <c:pt idx="3796">
                  <c:v>63.266667000000012</c:v>
                </c:pt>
                <c:pt idx="3797">
                  <c:v>63.283333999999996</c:v>
                </c:pt>
                <c:pt idx="3798">
                  <c:v>63.300000000000011</c:v>
                </c:pt>
                <c:pt idx="3799">
                  <c:v>63.316666999999995</c:v>
                </c:pt>
                <c:pt idx="3800">
                  <c:v>63.333334000000008</c:v>
                </c:pt>
                <c:pt idx="3801">
                  <c:v>63.349999999999994</c:v>
                </c:pt>
                <c:pt idx="3802">
                  <c:v>63.366667000000007</c:v>
                </c:pt>
                <c:pt idx="3803">
                  <c:v>63.383334000000019</c:v>
                </c:pt>
                <c:pt idx="3804">
                  <c:v>63.400000000000006</c:v>
                </c:pt>
                <c:pt idx="3805">
                  <c:v>63.416667000000018</c:v>
                </c:pt>
                <c:pt idx="3806">
                  <c:v>63.433334000000002</c:v>
                </c:pt>
                <c:pt idx="3807">
                  <c:v>63.450000000000017</c:v>
                </c:pt>
                <c:pt idx="3808">
                  <c:v>63.466667000000001</c:v>
                </c:pt>
                <c:pt idx="3809">
                  <c:v>63.483334000000013</c:v>
                </c:pt>
                <c:pt idx="3810">
                  <c:v>63.5</c:v>
                </c:pt>
                <c:pt idx="3811">
                  <c:v>63.516667000000012</c:v>
                </c:pt>
                <c:pt idx="3812">
                  <c:v>63.533333999999996</c:v>
                </c:pt>
                <c:pt idx="3813">
                  <c:v>63.550000000000011</c:v>
                </c:pt>
                <c:pt idx="3814">
                  <c:v>63.566666999999995</c:v>
                </c:pt>
                <c:pt idx="3815">
                  <c:v>63.583334000000008</c:v>
                </c:pt>
                <c:pt idx="3816">
                  <c:v>63.599999999999994</c:v>
                </c:pt>
                <c:pt idx="3817">
                  <c:v>63.616667000000007</c:v>
                </c:pt>
                <c:pt idx="3818">
                  <c:v>63.633334000000019</c:v>
                </c:pt>
                <c:pt idx="3819">
                  <c:v>63.650000000000006</c:v>
                </c:pt>
                <c:pt idx="3820">
                  <c:v>63.666667000000018</c:v>
                </c:pt>
                <c:pt idx="3821">
                  <c:v>63.683334000000002</c:v>
                </c:pt>
                <c:pt idx="3822">
                  <c:v>63.700000000000017</c:v>
                </c:pt>
                <c:pt idx="3823">
                  <c:v>63.716667000000001</c:v>
                </c:pt>
                <c:pt idx="3824">
                  <c:v>63.733334000000013</c:v>
                </c:pt>
                <c:pt idx="3825">
                  <c:v>63.75</c:v>
                </c:pt>
                <c:pt idx="3826">
                  <c:v>63.766667000000012</c:v>
                </c:pt>
                <c:pt idx="3827">
                  <c:v>63.783333999999996</c:v>
                </c:pt>
                <c:pt idx="3828">
                  <c:v>63.800000000000011</c:v>
                </c:pt>
                <c:pt idx="3829">
                  <c:v>63.816666999999995</c:v>
                </c:pt>
                <c:pt idx="3830">
                  <c:v>63.833334000000008</c:v>
                </c:pt>
                <c:pt idx="3831">
                  <c:v>63.849999999999994</c:v>
                </c:pt>
                <c:pt idx="3832">
                  <c:v>63.866667000000007</c:v>
                </c:pt>
                <c:pt idx="3833">
                  <c:v>63.883334000000019</c:v>
                </c:pt>
                <c:pt idx="3834">
                  <c:v>63.900000000000006</c:v>
                </c:pt>
                <c:pt idx="3835">
                  <c:v>63.916667000000018</c:v>
                </c:pt>
                <c:pt idx="3836">
                  <c:v>63.933334000000002</c:v>
                </c:pt>
                <c:pt idx="3837">
                  <c:v>63.950000000000017</c:v>
                </c:pt>
                <c:pt idx="3838">
                  <c:v>63.966667000000001</c:v>
                </c:pt>
                <c:pt idx="3839">
                  <c:v>63.983334000000013</c:v>
                </c:pt>
                <c:pt idx="3840">
                  <c:v>64</c:v>
                </c:pt>
                <c:pt idx="3841">
                  <c:v>64.016667000000012</c:v>
                </c:pt>
                <c:pt idx="3842">
                  <c:v>64.033333999999996</c:v>
                </c:pt>
                <c:pt idx="3843">
                  <c:v>64.050000000000011</c:v>
                </c:pt>
                <c:pt idx="3844">
                  <c:v>64.066666999999995</c:v>
                </c:pt>
                <c:pt idx="3845">
                  <c:v>64.083334000000008</c:v>
                </c:pt>
                <c:pt idx="3846">
                  <c:v>64.099999999999994</c:v>
                </c:pt>
                <c:pt idx="3847">
                  <c:v>64.116667000000007</c:v>
                </c:pt>
                <c:pt idx="3848">
                  <c:v>64.133334000000019</c:v>
                </c:pt>
                <c:pt idx="3849">
                  <c:v>64.150000000000006</c:v>
                </c:pt>
                <c:pt idx="3850">
                  <c:v>64.166667000000018</c:v>
                </c:pt>
                <c:pt idx="3851">
                  <c:v>64.183334000000002</c:v>
                </c:pt>
                <c:pt idx="3852">
                  <c:v>64.200000000000017</c:v>
                </c:pt>
                <c:pt idx="3853">
                  <c:v>64.216667000000001</c:v>
                </c:pt>
                <c:pt idx="3854">
                  <c:v>64.233334000000013</c:v>
                </c:pt>
                <c:pt idx="3855">
                  <c:v>64.25</c:v>
                </c:pt>
                <c:pt idx="3856">
                  <c:v>64.266667000000012</c:v>
                </c:pt>
                <c:pt idx="3857">
                  <c:v>64.283333999999996</c:v>
                </c:pt>
                <c:pt idx="3858">
                  <c:v>64.300000000000011</c:v>
                </c:pt>
                <c:pt idx="3859">
                  <c:v>64.316666999999995</c:v>
                </c:pt>
                <c:pt idx="3860">
                  <c:v>64.333334000000008</c:v>
                </c:pt>
                <c:pt idx="3861">
                  <c:v>64.349999999999994</c:v>
                </c:pt>
                <c:pt idx="3862">
                  <c:v>64.366667000000007</c:v>
                </c:pt>
                <c:pt idx="3863">
                  <c:v>64.383334000000019</c:v>
                </c:pt>
                <c:pt idx="3864">
                  <c:v>64.400000000000006</c:v>
                </c:pt>
                <c:pt idx="3865">
                  <c:v>64.416667000000018</c:v>
                </c:pt>
                <c:pt idx="3866">
                  <c:v>64.433334000000002</c:v>
                </c:pt>
                <c:pt idx="3867">
                  <c:v>64.450000000000017</c:v>
                </c:pt>
                <c:pt idx="3868">
                  <c:v>64.466667000000001</c:v>
                </c:pt>
                <c:pt idx="3869">
                  <c:v>64.483334000000013</c:v>
                </c:pt>
                <c:pt idx="3870">
                  <c:v>64.5</c:v>
                </c:pt>
                <c:pt idx="3871">
                  <c:v>64.516667000000012</c:v>
                </c:pt>
                <c:pt idx="3872">
                  <c:v>64.533333999999996</c:v>
                </c:pt>
                <c:pt idx="3873">
                  <c:v>64.550000000000011</c:v>
                </c:pt>
                <c:pt idx="3874">
                  <c:v>64.566666999999995</c:v>
                </c:pt>
                <c:pt idx="3875">
                  <c:v>64.583334000000008</c:v>
                </c:pt>
                <c:pt idx="3876">
                  <c:v>64.599999999999994</c:v>
                </c:pt>
                <c:pt idx="3877">
                  <c:v>64.616667000000007</c:v>
                </c:pt>
                <c:pt idx="3878">
                  <c:v>64.633334000000019</c:v>
                </c:pt>
                <c:pt idx="3879">
                  <c:v>64.650000000000006</c:v>
                </c:pt>
                <c:pt idx="3880">
                  <c:v>64.666667000000018</c:v>
                </c:pt>
                <c:pt idx="3881">
                  <c:v>64.683334000000002</c:v>
                </c:pt>
                <c:pt idx="3882">
                  <c:v>64.700000000000017</c:v>
                </c:pt>
                <c:pt idx="3883">
                  <c:v>64.716667000000001</c:v>
                </c:pt>
                <c:pt idx="3884">
                  <c:v>64.733334000000013</c:v>
                </c:pt>
                <c:pt idx="3885">
                  <c:v>64.75</c:v>
                </c:pt>
                <c:pt idx="3886">
                  <c:v>64.766667000000012</c:v>
                </c:pt>
                <c:pt idx="3887">
                  <c:v>64.783333999999996</c:v>
                </c:pt>
                <c:pt idx="3888">
                  <c:v>64.800000000000011</c:v>
                </c:pt>
                <c:pt idx="3889">
                  <c:v>64.816666999999995</c:v>
                </c:pt>
                <c:pt idx="3890">
                  <c:v>64.833334000000008</c:v>
                </c:pt>
                <c:pt idx="3891">
                  <c:v>64.849999999999994</c:v>
                </c:pt>
                <c:pt idx="3892">
                  <c:v>64.866667000000007</c:v>
                </c:pt>
                <c:pt idx="3893">
                  <c:v>64.883334000000019</c:v>
                </c:pt>
                <c:pt idx="3894">
                  <c:v>64.900000000000006</c:v>
                </c:pt>
                <c:pt idx="3895">
                  <c:v>64.916667000000018</c:v>
                </c:pt>
                <c:pt idx="3896">
                  <c:v>64.933334000000002</c:v>
                </c:pt>
                <c:pt idx="3897">
                  <c:v>64.950000000000017</c:v>
                </c:pt>
                <c:pt idx="3898">
                  <c:v>64.966667000000001</c:v>
                </c:pt>
                <c:pt idx="3899">
                  <c:v>64.983334000000013</c:v>
                </c:pt>
                <c:pt idx="3900">
                  <c:v>65</c:v>
                </c:pt>
                <c:pt idx="3901">
                  <c:v>65.016667000000012</c:v>
                </c:pt>
                <c:pt idx="3902">
                  <c:v>65.033333999999996</c:v>
                </c:pt>
                <c:pt idx="3903">
                  <c:v>65.050000000000011</c:v>
                </c:pt>
                <c:pt idx="3904">
                  <c:v>65.066666999999995</c:v>
                </c:pt>
                <c:pt idx="3905">
                  <c:v>65.083334000000008</c:v>
                </c:pt>
                <c:pt idx="3906">
                  <c:v>65.099999999999994</c:v>
                </c:pt>
                <c:pt idx="3907">
                  <c:v>65.116667000000007</c:v>
                </c:pt>
                <c:pt idx="3908">
                  <c:v>65.133334000000019</c:v>
                </c:pt>
                <c:pt idx="3909">
                  <c:v>65.150000000000006</c:v>
                </c:pt>
                <c:pt idx="3910">
                  <c:v>65.166667000000018</c:v>
                </c:pt>
                <c:pt idx="3911">
                  <c:v>65.183334000000002</c:v>
                </c:pt>
                <c:pt idx="3912">
                  <c:v>65.200000000000017</c:v>
                </c:pt>
                <c:pt idx="3913">
                  <c:v>65.216667000000001</c:v>
                </c:pt>
                <c:pt idx="3914">
                  <c:v>65.233334000000013</c:v>
                </c:pt>
                <c:pt idx="3915">
                  <c:v>65.25</c:v>
                </c:pt>
                <c:pt idx="3916">
                  <c:v>65.266667000000012</c:v>
                </c:pt>
                <c:pt idx="3917">
                  <c:v>65.283333999999996</c:v>
                </c:pt>
                <c:pt idx="3918">
                  <c:v>65.300000000000011</c:v>
                </c:pt>
                <c:pt idx="3919">
                  <c:v>65.316666999999995</c:v>
                </c:pt>
                <c:pt idx="3920">
                  <c:v>65.333334000000008</c:v>
                </c:pt>
                <c:pt idx="3921">
                  <c:v>65.349999999999994</c:v>
                </c:pt>
                <c:pt idx="3922">
                  <c:v>65.366667000000007</c:v>
                </c:pt>
                <c:pt idx="3923">
                  <c:v>65.383334000000019</c:v>
                </c:pt>
                <c:pt idx="3924">
                  <c:v>65.400000000000006</c:v>
                </c:pt>
                <c:pt idx="3925">
                  <c:v>65.416667000000018</c:v>
                </c:pt>
                <c:pt idx="3926">
                  <c:v>65.433334000000002</c:v>
                </c:pt>
                <c:pt idx="3927">
                  <c:v>65.450000000000017</c:v>
                </c:pt>
                <c:pt idx="3928">
                  <c:v>65.466667000000001</c:v>
                </c:pt>
                <c:pt idx="3929">
                  <c:v>65.483334000000013</c:v>
                </c:pt>
                <c:pt idx="3930">
                  <c:v>65.5</c:v>
                </c:pt>
                <c:pt idx="3931">
                  <c:v>65.516667000000012</c:v>
                </c:pt>
                <c:pt idx="3932">
                  <c:v>65.533333999999996</c:v>
                </c:pt>
                <c:pt idx="3933">
                  <c:v>65.550000000000011</c:v>
                </c:pt>
                <c:pt idx="3934">
                  <c:v>65.566666999999995</c:v>
                </c:pt>
                <c:pt idx="3935">
                  <c:v>65.583334000000008</c:v>
                </c:pt>
                <c:pt idx="3936">
                  <c:v>65.599999999999994</c:v>
                </c:pt>
                <c:pt idx="3937">
                  <c:v>65.616667000000007</c:v>
                </c:pt>
                <c:pt idx="3938">
                  <c:v>65.633334000000019</c:v>
                </c:pt>
                <c:pt idx="3939">
                  <c:v>65.650000000000006</c:v>
                </c:pt>
                <c:pt idx="3940">
                  <c:v>65.666667000000018</c:v>
                </c:pt>
                <c:pt idx="3941">
                  <c:v>65.683334000000002</c:v>
                </c:pt>
                <c:pt idx="3942">
                  <c:v>65.700000000000017</c:v>
                </c:pt>
                <c:pt idx="3943">
                  <c:v>65.716667000000001</c:v>
                </c:pt>
                <c:pt idx="3944">
                  <c:v>65.733334000000013</c:v>
                </c:pt>
                <c:pt idx="3945">
                  <c:v>65.75</c:v>
                </c:pt>
                <c:pt idx="3946">
                  <c:v>65.766667000000012</c:v>
                </c:pt>
                <c:pt idx="3947">
                  <c:v>65.783333999999996</c:v>
                </c:pt>
                <c:pt idx="3948">
                  <c:v>65.800000000000011</c:v>
                </c:pt>
                <c:pt idx="3949">
                  <c:v>65.816666999999995</c:v>
                </c:pt>
                <c:pt idx="3950">
                  <c:v>65.833334000000008</c:v>
                </c:pt>
                <c:pt idx="3951">
                  <c:v>65.849999999999994</c:v>
                </c:pt>
                <c:pt idx="3952">
                  <c:v>65.866667000000007</c:v>
                </c:pt>
                <c:pt idx="3953">
                  <c:v>65.883334000000019</c:v>
                </c:pt>
                <c:pt idx="3954">
                  <c:v>65.900000000000006</c:v>
                </c:pt>
                <c:pt idx="3955">
                  <c:v>65.916667000000018</c:v>
                </c:pt>
                <c:pt idx="3956">
                  <c:v>65.933334000000002</c:v>
                </c:pt>
                <c:pt idx="3957">
                  <c:v>65.950000000000017</c:v>
                </c:pt>
                <c:pt idx="3958">
                  <c:v>65.966667000000001</c:v>
                </c:pt>
                <c:pt idx="3959">
                  <c:v>65.983334000000013</c:v>
                </c:pt>
                <c:pt idx="3960">
                  <c:v>66</c:v>
                </c:pt>
                <c:pt idx="3961">
                  <c:v>66.016667000000012</c:v>
                </c:pt>
                <c:pt idx="3962">
                  <c:v>66.033333999999996</c:v>
                </c:pt>
                <c:pt idx="3963">
                  <c:v>66.050000000000011</c:v>
                </c:pt>
                <c:pt idx="3964">
                  <c:v>66.066666999999995</c:v>
                </c:pt>
                <c:pt idx="3965">
                  <c:v>66.083334000000008</c:v>
                </c:pt>
                <c:pt idx="3966">
                  <c:v>66.099999999999994</c:v>
                </c:pt>
                <c:pt idx="3967">
                  <c:v>66.116667000000007</c:v>
                </c:pt>
                <c:pt idx="3968">
                  <c:v>66.133334000000019</c:v>
                </c:pt>
                <c:pt idx="3969">
                  <c:v>66.150000000000006</c:v>
                </c:pt>
                <c:pt idx="3970">
                  <c:v>66.166667000000018</c:v>
                </c:pt>
                <c:pt idx="3971">
                  <c:v>66.183334000000002</c:v>
                </c:pt>
                <c:pt idx="3972">
                  <c:v>66.200000000000017</c:v>
                </c:pt>
                <c:pt idx="3973">
                  <c:v>66.216667000000001</c:v>
                </c:pt>
                <c:pt idx="3974">
                  <c:v>66.233334000000013</c:v>
                </c:pt>
                <c:pt idx="3975">
                  <c:v>66.25</c:v>
                </c:pt>
                <c:pt idx="3976">
                  <c:v>66.266667000000012</c:v>
                </c:pt>
                <c:pt idx="3977">
                  <c:v>66.283333999999996</c:v>
                </c:pt>
                <c:pt idx="3978">
                  <c:v>66.300000000000011</c:v>
                </c:pt>
                <c:pt idx="3979">
                  <c:v>66.316666999999995</c:v>
                </c:pt>
                <c:pt idx="3980">
                  <c:v>66.333334000000008</c:v>
                </c:pt>
                <c:pt idx="3981">
                  <c:v>66.349999999999994</c:v>
                </c:pt>
                <c:pt idx="3982">
                  <c:v>66.366667000000007</c:v>
                </c:pt>
                <c:pt idx="3983">
                  <c:v>66.383334000000019</c:v>
                </c:pt>
                <c:pt idx="3984">
                  <c:v>66.400000000000006</c:v>
                </c:pt>
                <c:pt idx="3985">
                  <c:v>66.416667000000018</c:v>
                </c:pt>
                <c:pt idx="3986">
                  <c:v>66.433334000000002</c:v>
                </c:pt>
                <c:pt idx="3987">
                  <c:v>66.450000000000017</c:v>
                </c:pt>
                <c:pt idx="3988">
                  <c:v>66.466667000000001</c:v>
                </c:pt>
                <c:pt idx="3989">
                  <c:v>66.483334000000013</c:v>
                </c:pt>
                <c:pt idx="3990">
                  <c:v>66.5</c:v>
                </c:pt>
                <c:pt idx="3991">
                  <c:v>66.516667000000012</c:v>
                </c:pt>
                <c:pt idx="3992">
                  <c:v>66.533333999999996</c:v>
                </c:pt>
                <c:pt idx="3993">
                  <c:v>66.550000000000011</c:v>
                </c:pt>
                <c:pt idx="3994">
                  <c:v>66.566666999999995</c:v>
                </c:pt>
                <c:pt idx="3995">
                  <c:v>66.583334000000008</c:v>
                </c:pt>
                <c:pt idx="3996">
                  <c:v>66.599999999999994</c:v>
                </c:pt>
                <c:pt idx="3997">
                  <c:v>66.616667000000007</c:v>
                </c:pt>
                <c:pt idx="3998">
                  <c:v>66.633334000000019</c:v>
                </c:pt>
                <c:pt idx="3999">
                  <c:v>66.650000000000006</c:v>
                </c:pt>
                <c:pt idx="4000">
                  <c:v>66.666667000000018</c:v>
                </c:pt>
                <c:pt idx="4001">
                  <c:v>66.683334000000002</c:v>
                </c:pt>
                <c:pt idx="4002">
                  <c:v>66.700000000000017</c:v>
                </c:pt>
                <c:pt idx="4003">
                  <c:v>66.716667000000001</c:v>
                </c:pt>
                <c:pt idx="4004">
                  <c:v>66.733334000000013</c:v>
                </c:pt>
                <c:pt idx="4005">
                  <c:v>66.75</c:v>
                </c:pt>
                <c:pt idx="4006">
                  <c:v>66.766667000000012</c:v>
                </c:pt>
                <c:pt idx="4007">
                  <c:v>66.783333999999996</c:v>
                </c:pt>
                <c:pt idx="4008">
                  <c:v>66.800000000000011</c:v>
                </c:pt>
                <c:pt idx="4009">
                  <c:v>66.816666999999995</c:v>
                </c:pt>
                <c:pt idx="4010">
                  <c:v>66.833334000000008</c:v>
                </c:pt>
                <c:pt idx="4011">
                  <c:v>66.849999999999994</c:v>
                </c:pt>
                <c:pt idx="4012">
                  <c:v>66.866667000000007</c:v>
                </c:pt>
                <c:pt idx="4013">
                  <c:v>66.883334000000019</c:v>
                </c:pt>
                <c:pt idx="4014">
                  <c:v>66.900000000000006</c:v>
                </c:pt>
                <c:pt idx="4015">
                  <c:v>66.916667000000018</c:v>
                </c:pt>
                <c:pt idx="4016">
                  <c:v>66.933334000000002</c:v>
                </c:pt>
                <c:pt idx="4017">
                  <c:v>66.950000000000017</c:v>
                </c:pt>
                <c:pt idx="4018">
                  <c:v>66.966667000000001</c:v>
                </c:pt>
                <c:pt idx="4019">
                  <c:v>66.983334000000013</c:v>
                </c:pt>
                <c:pt idx="4020">
                  <c:v>67</c:v>
                </c:pt>
                <c:pt idx="4021">
                  <c:v>67.016667000000012</c:v>
                </c:pt>
                <c:pt idx="4022">
                  <c:v>67.033333999999996</c:v>
                </c:pt>
                <c:pt idx="4023">
                  <c:v>67.050000000000011</c:v>
                </c:pt>
                <c:pt idx="4024">
                  <c:v>67.066666999999995</c:v>
                </c:pt>
                <c:pt idx="4025">
                  <c:v>67.083334000000008</c:v>
                </c:pt>
                <c:pt idx="4026">
                  <c:v>67.099999999999994</c:v>
                </c:pt>
                <c:pt idx="4027">
                  <c:v>67.116667000000007</c:v>
                </c:pt>
                <c:pt idx="4028">
                  <c:v>67.133334000000019</c:v>
                </c:pt>
                <c:pt idx="4029">
                  <c:v>67.150000000000006</c:v>
                </c:pt>
                <c:pt idx="4030">
                  <c:v>67.166667000000018</c:v>
                </c:pt>
                <c:pt idx="4031">
                  <c:v>67.183334000000002</c:v>
                </c:pt>
                <c:pt idx="4032">
                  <c:v>67.200000000000017</c:v>
                </c:pt>
                <c:pt idx="4033">
                  <c:v>67.216667000000001</c:v>
                </c:pt>
                <c:pt idx="4034">
                  <c:v>67.233334000000013</c:v>
                </c:pt>
                <c:pt idx="4035">
                  <c:v>67.25</c:v>
                </c:pt>
                <c:pt idx="4036">
                  <c:v>67.266667000000012</c:v>
                </c:pt>
                <c:pt idx="4037">
                  <c:v>67.283333999999996</c:v>
                </c:pt>
                <c:pt idx="4038">
                  <c:v>67.300000000000011</c:v>
                </c:pt>
                <c:pt idx="4039">
                  <c:v>67.316666999999995</c:v>
                </c:pt>
                <c:pt idx="4040">
                  <c:v>67.333334000000008</c:v>
                </c:pt>
                <c:pt idx="4041">
                  <c:v>67.349999999999994</c:v>
                </c:pt>
                <c:pt idx="4042">
                  <c:v>67.366667000000007</c:v>
                </c:pt>
                <c:pt idx="4043">
                  <c:v>67.383334000000019</c:v>
                </c:pt>
                <c:pt idx="4044">
                  <c:v>67.400000000000006</c:v>
                </c:pt>
                <c:pt idx="4045">
                  <c:v>67.416667000000018</c:v>
                </c:pt>
                <c:pt idx="4046">
                  <c:v>67.433334000000002</c:v>
                </c:pt>
                <c:pt idx="4047">
                  <c:v>67.450000000000017</c:v>
                </c:pt>
                <c:pt idx="4048">
                  <c:v>67.466667000000001</c:v>
                </c:pt>
                <c:pt idx="4049">
                  <c:v>67.483334000000013</c:v>
                </c:pt>
                <c:pt idx="4050">
                  <c:v>67.5</c:v>
                </c:pt>
                <c:pt idx="4051">
                  <c:v>67.516667000000012</c:v>
                </c:pt>
                <c:pt idx="4052">
                  <c:v>67.533333999999996</c:v>
                </c:pt>
                <c:pt idx="4053">
                  <c:v>67.550000000000011</c:v>
                </c:pt>
                <c:pt idx="4054">
                  <c:v>67.566666999999995</c:v>
                </c:pt>
                <c:pt idx="4055">
                  <c:v>67.583334000000008</c:v>
                </c:pt>
                <c:pt idx="4056">
                  <c:v>67.599999999999994</c:v>
                </c:pt>
                <c:pt idx="4057">
                  <c:v>67.616667000000007</c:v>
                </c:pt>
                <c:pt idx="4058">
                  <c:v>67.633334000000019</c:v>
                </c:pt>
                <c:pt idx="4059">
                  <c:v>67.650000000000006</c:v>
                </c:pt>
                <c:pt idx="4060">
                  <c:v>67.666667000000018</c:v>
                </c:pt>
                <c:pt idx="4061">
                  <c:v>67.683334000000002</c:v>
                </c:pt>
                <c:pt idx="4062">
                  <c:v>67.700000000000017</c:v>
                </c:pt>
                <c:pt idx="4063">
                  <c:v>67.716667000000001</c:v>
                </c:pt>
                <c:pt idx="4064">
                  <c:v>67.733334000000013</c:v>
                </c:pt>
                <c:pt idx="4065">
                  <c:v>67.75</c:v>
                </c:pt>
                <c:pt idx="4066">
                  <c:v>67.766667000000012</c:v>
                </c:pt>
                <c:pt idx="4067">
                  <c:v>67.783333999999996</c:v>
                </c:pt>
                <c:pt idx="4068">
                  <c:v>67.800000000000011</c:v>
                </c:pt>
                <c:pt idx="4069">
                  <c:v>67.816666999999995</c:v>
                </c:pt>
                <c:pt idx="4070">
                  <c:v>67.833334000000008</c:v>
                </c:pt>
                <c:pt idx="4071">
                  <c:v>67.849999999999994</c:v>
                </c:pt>
                <c:pt idx="4072">
                  <c:v>67.866667000000007</c:v>
                </c:pt>
                <c:pt idx="4073">
                  <c:v>67.883334000000019</c:v>
                </c:pt>
                <c:pt idx="4074">
                  <c:v>67.900000000000006</c:v>
                </c:pt>
                <c:pt idx="4075">
                  <c:v>67.916667000000018</c:v>
                </c:pt>
                <c:pt idx="4076">
                  <c:v>67.933334000000002</c:v>
                </c:pt>
                <c:pt idx="4077">
                  <c:v>67.950000000000017</c:v>
                </c:pt>
                <c:pt idx="4078">
                  <c:v>67.966667000000001</c:v>
                </c:pt>
                <c:pt idx="4079">
                  <c:v>67.983334000000013</c:v>
                </c:pt>
                <c:pt idx="4080">
                  <c:v>68</c:v>
                </c:pt>
                <c:pt idx="4081">
                  <c:v>68.016667000000012</c:v>
                </c:pt>
                <c:pt idx="4082">
                  <c:v>68.033333999999996</c:v>
                </c:pt>
                <c:pt idx="4083">
                  <c:v>68.050000000000011</c:v>
                </c:pt>
                <c:pt idx="4084">
                  <c:v>68.066666999999995</c:v>
                </c:pt>
                <c:pt idx="4085">
                  <c:v>68.083334000000008</c:v>
                </c:pt>
                <c:pt idx="4086">
                  <c:v>68.099999999999994</c:v>
                </c:pt>
                <c:pt idx="4087">
                  <c:v>68.116667000000007</c:v>
                </c:pt>
                <c:pt idx="4088">
                  <c:v>68.133334000000019</c:v>
                </c:pt>
                <c:pt idx="4089">
                  <c:v>68.150000000000006</c:v>
                </c:pt>
                <c:pt idx="4090">
                  <c:v>68.166667000000018</c:v>
                </c:pt>
                <c:pt idx="4091">
                  <c:v>68.183334000000002</c:v>
                </c:pt>
                <c:pt idx="4092">
                  <c:v>68.200000000000017</c:v>
                </c:pt>
                <c:pt idx="4093">
                  <c:v>68.216667000000001</c:v>
                </c:pt>
                <c:pt idx="4094">
                  <c:v>68.233334000000013</c:v>
                </c:pt>
                <c:pt idx="4095">
                  <c:v>68.25</c:v>
                </c:pt>
                <c:pt idx="4096">
                  <c:v>68.266667000000012</c:v>
                </c:pt>
                <c:pt idx="4097">
                  <c:v>68.283333999999996</c:v>
                </c:pt>
                <c:pt idx="4098">
                  <c:v>68.300000000000011</c:v>
                </c:pt>
                <c:pt idx="4099">
                  <c:v>68.316666999999995</c:v>
                </c:pt>
                <c:pt idx="4100">
                  <c:v>68.333334000000008</c:v>
                </c:pt>
                <c:pt idx="4101">
                  <c:v>68.349999999999994</c:v>
                </c:pt>
                <c:pt idx="4102">
                  <c:v>68.366667000000007</c:v>
                </c:pt>
                <c:pt idx="4103">
                  <c:v>68.383334000000019</c:v>
                </c:pt>
                <c:pt idx="4104">
                  <c:v>68.400000000000006</c:v>
                </c:pt>
                <c:pt idx="4105">
                  <c:v>68.416667000000018</c:v>
                </c:pt>
                <c:pt idx="4106">
                  <c:v>68.433334000000002</c:v>
                </c:pt>
                <c:pt idx="4107">
                  <c:v>68.450000000000017</c:v>
                </c:pt>
                <c:pt idx="4108">
                  <c:v>68.466667000000001</c:v>
                </c:pt>
                <c:pt idx="4109">
                  <c:v>68.483334000000013</c:v>
                </c:pt>
                <c:pt idx="4110">
                  <c:v>68.5</c:v>
                </c:pt>
                <c:pt idx="4111">
                  <c:v>68.516667000000012</c:v>
                </c:pt>
                <c:pt idx="4112">
                  <c:v>68.533333999999996</c:v>
                </c:pt>
                <c:pt idx="4113">
                  <c:v>68.550000000000011</c:v>
                </c:pt>
                <c:pt idx="4114">
                  <c:v>68.566666999999995</c:v>
                </c:pt>
                <c:pt idx="4115">
                  <c:v>68.583334000000008</c:v>
                </c:pt>
                <c:pt idx="4116">
                  <c:v>68.599999999999994</c:v>
                </c:pt>
                <c:pt idx="4117">
                  <c:v>68.616667000000007</c:v>
                </c:pt>
                <c:pt idx="4118">
                  <c:v>68.633334000000019</c:v>
                </c:pt>
                <c:pt idx="4119">
                  <c:v>68.650000000000006</c:v>
                </c:pt>
                <c:pt idx="4120">
                  <c:v>68.666667000000018</c:v>
                </c:pt>
                <c:pt idx="4121">
                  <c:v>68.683334000000002</c:v>
                </c:pt>
                <c:pt idx="4122">
                  <c:v>68.700000000000017</c:v>
                </c:pt>
                <c:pt idx="4123">
                  <c:v>68.716667000000001</c:v>
                </c:pt>
                <c:pt idx="4124">
                  <c:v>68.733334000000013</c:v>
                </c:pt>
                <c:pt idx="4125">
                  <c:v>68.75</c:v>
                </c:pt>
                <c:pt idx="4126">
                  <c:v>68.766667000000012</c:v>
                </c:pt>
                <c:pt idx="4127">
                  <c:v>68.783333999999996</c:v>
                </c:pt>
                <c:pt idx="4128">
                  <c:v>68.800000000000011</c:v>
                </c:pt>
                <c:pt idx="4129">
                  <c:v>68.816666999999995</c:v>
                </c:pt>
                <c:pt idx="4130">
                  <c:v>68.833334000000008</c:v>
                </c:pt>
                <c:pt idx="4131">
                  <c:v>68.849999999999994</c:v>
                </c:pt>
                <c:pt idx="4132">
                  <c:v>68.866667000000007</c:v>
                </c:pt>
                <c:pt idx="4133">
                  <c:v>68.883334000000019</c:v>
                </c:pt>
                <c:pt idx="4134">
                  <c:v>68.900000000000006</c:v>
                </c:pt>
                <c:pt idx="4135">
                  <c:v>68.916667000000018</c:v>
                </c:pt>
                <c:pt idx="4136">
                  <c:v>68.933334000000002</c:v>
                </c:pt>
                <c:pt idx="4137">
                  <c:v>68.950000000000017</c:v>
                </c:pt>
                <c:pt idx="4138">
                  <c:v>68.966667000000001</c:v>
                </c:pt>
                <c:pt idx="4139">
                  <c:v>68.983334000000013</c:v>
                </c:pt>
                <c:pt idx="4140">
                  <c:v>69</c:v>
                </c:pt>
                <c:pt idx="4141">
                  <c:v>69.016667000000012</c:v>
                </c:pt>
                <c:pt idx="4142">
                  <c:v>69.033333999999996</c:v>
                </c:pt>
                <c:pt idx="4143">
                  <c:v>69.050000000000011</c:v>
                </c:pt>
                <c:pt idx="4144">
                  <c:v>69.066666999999995</c:v>
                </c:pt>
                <c:pt idx="4145">
                  <c:v>69.083334000000008</c:v>
                </c:pt>
                <c:pt idx="4146">
                  <c:v>69.099999999999994</c:v>
                </c:pt>
                <c:pt idx="4147">
                  <c:v>69.116667000000007</c:v>
                </c:pt>
                <c:pt idx="4148">
                  <c:v>69.133334000000019</c:v>
                </c:pt>
                <c:pt idx="4149">
                  <c:v>69.150000000000006</c:v>
                </c:pt>
                <c:pt idx="4150">
                  <c:v>69.166667000000018</c:v>
                </c:pt>
                <c:pt idx="4151">
                  <c:v>69.183334000000002</c:v>
                </c:pt>
                <c:pt idx="4152">
                  <c:v>69.200000000000017</c:v>
                </c:pt>
                <c:pt idx="4153">
                  <c:v>69.216667000000001</c:v>
                </c:pt>
                <c:pt idx="4154">
                  <c:v>69.233334000000013</c:v>
                </c:pt>
                <c:pt idx="4155">
                  <c:v>69.25</c:v>
                </c:pt>
                <c:pt idx="4156">
                  <c:v>69.266667000000012</c:v>
                </c:pt>
                <c:pt idx="4157">
                  <c:v>69.283333999999996</c:v>
                </c:pt>
                <c:pt idx="4158">
                  <c:v>69.300000000000011</c:v>
                </c:pt>
                <c:pt idx="4159">
                  <c:v>69.316666999999995</c:v>
                </c:pt>
                <c:pt idx="4160">
                  <c:v>69.333334000000008</c:v>
                </c:pt>
                <c:pt idx="4161">
                  <c:v>69.349999999999994</c:v>
                </c:pt>
                <c:pt idx="4162">
                  <c:v>69.366667000000007</c:v>
                </c:pt>
                <c:pt idx="4163">
                  <c:v>69.383334000000019</c:v>
                </c:pt>
                <c:pt idx="4164">
                  <c:v>69.400000000000006</c:v>
                </c:pt>
                <c:pt idx="4165">
                  <c:v>69.416667000000018</c:v>
                </c:pt>
                <c:pt idx="4166">
                  <c:v>69.433334000000002</c:v>
                </c:pt>
                <c:pt idx="4167">
                  <c:v>69.450000000000017</c:v>
                </c:pt>
                <c:pt idx="4168">
                  <c:v>69.466667000000001</c:v>
                </c:pt>
                <c:pt idx="4169">
                  <c:v>69.483334000000013</c:v>
                </c:pt>
                <c:pt idx="4170">
                  <c:v>69.5</c:v>
                </c:pt>
                <c:pt idx="4171">
                  <c:v>69.516667000000012</c:v>
                </c:pt>
                <c:pt idx="4172">
                  <c:v>69.533333999999996</c:v>
                </c:pt>
                <c:pt idx="4173">
                  <c:v>69.550000000000011</c:v>
                </c:pt>
                <c:pt idx="4174">
                  <c:v>69.566666999999995</c:v>
                </c:pt>
                <c:pt idx="4175">
                  <c:v>69.583334000000008</c:v>
                </c:pt>
                <c:pt idx="4176">
                  <c:v>69.599999999999994</c:v>
                </c:pt>
                <c:pt idx="4177">
                  <c:v>69.616667000000007</c:v>
                </c:pt>
                <c:pt idx="4178">
                  <c:v>69.633334000000019</c:v>
                </c:pt>
                <c:pt idx="4179">
                  <c:v>69.650000000000006</c:v>
                </c:pt>
                <c:pt idx="4180">
                  <c:v>69.666667000000018</c:v>
                </c:pt>
                <c:pt idx="4181">
                  <c:v>69.683334000000002</c:v>
                </c:pt>
                <c:pt idx="4182">
                  <c:v>69.700000000000017</c:v>
                </c:pt>
                <c:pt idx="4183">
                  <c:v>69.716667000000001</c:v>
                </c:pt>
                <c:pt idx="4184">
                  <c:v>69.733334000000013</c:v>
                </c:pt>
                <c:pt idx="4185">
                  <c:v>69.75</c:v>
                </c:pt>
                <c:pt idx="4186">
                  <c:v>69.766667000000012</c:v>
                </c:pt>
                <c:pt idx="4187">
                  <c:v>69.783333999999996</c:v>
                </c:pt>
                <c:pt idx="4188">
                  <c:v>69.800000000000011</c:v>
                </c:pt>
                <c:pt idx="4189">
                  <c:v>69.816666999999995</c:v>
                </c:pt>
                <c:pt idx="4190">
                  <c:v>69.833334000000008</c:v>
                </c:pt>
                <c:pt idx="4191">
                  <c:v>69.849999999999994</c:v>
                </c:pt>
                <c:pt idx="4192">
                  <c:v>69.866667000000007</c:v>
                </c:pt>
                <c:pt idx="4193">
                  <c:v>69.883334000000019</c:v>
                </c:pt>
                <c:pt idx="4194">
                  <c:v>69.900000000000006</c:v>
                </c:pt>
                <c:pt idx="4195">
                  <c:v>69.916667000000018</c:v>
                </c:pt>
                <c:pt idx="4196">
                  <c:v>69.933334000000002</c:v>
                </c:pt>
                <c:pt idx="4197">
                  <c:v>69.950000000000017</c:v>
                </c:pt>
                <c:pt idx="4198">
                  <c:v>69.966667000000001</c:v>
                </c:pt>
                <c:pt idx="4199">
                  <c:v>69.983334000000013</c:v>
                </c:pt>
                <c:pt idx="4200">
                  <c:v>70</c:v>
                </c:pt>
                <c:pt idx="4201">
                  <c:v>70.016667000000012</c:v>
                </c:pt>
                <c:pt idx="4202">
                  <c:v>70.033333999999996</c:v>
                </c:pt>
                <c:pt idx="4203">
                  <c:v>70.050000000000011</c:v>
                </c:pt>
                <c:pt idx="4204">
                  <c:v>70.066666999999995</c:v>
                </c:pt>
                <c:pt idx="4205">
                  <c:v>70.083334000000008</c:v>
                </c:pt>
                <c:pt idx="4206">
                  <c:v>70.099999999999994</c:v>
                </c:pt>
                <c:pt idx="4207">
                  <c:v>70.116667000000007</c:v>
                </c:pt>
                <c:pt idx="4208">
                  <c:v>70.133334000000019</c:v>
                </c:pt>
                <c:pt idx="4209">
                  <c:v>70.150000000000006</c:v>
                </c:pt>
                <c:pt idx="4210">
                  <c:v>70.166667000000018</c:v>
                </c:pt>
                <c:pt idx="4211">
                  <c:v>70.183334000000002</c:v>
                </c:pt>
                <c:pt idx="4212">
                  <c:v>70.200000000000017</c:v>
                </c:pt>
                <c:pt idx="4213">
                  <c:v>70.216667000000001</c:v>
                </c:pt>
                <c:pt idx="4214">
                  <c:v>70.233334000000013</c:v>
                </c:pt>
                <c:pt idx="4215">
                  <c:v>70.25</c:v>
                </c:pt>
                <c:pt idx="4216">
                  <c:v>70.266667000000012</c:v>
                </c:pt>
                <c:pt idx="4217">
                  <c:v>70.283333999999996</c:v>
                </c:pt>
                <c:pt idx="4218">
                  <c:v>70.300000000000011</c:v>
                </c:pt>
                <c:pt idx="4219">
                  <c:v>70.316666999999995</c:v>
                </c:pt>
                <c:pt idx="4220">
                  <c:v>70.333334000000008</c:v>
                </c:pt>
                <c:pt idx="4221">
                  <c:v>70.349999999999994</c:v>
                </c:pt>
                <c:pt idx="4222">
                  <c:v>70.366667000000007</c:v>
                </c:pt>
                <c:pt idx="4223">
                  <c:v>70.383334000000019</c:v>
                </c:pt>
                <c:pt idx="4224">
                  <c:v>70.400000000000006</c:v>
                </c:pt>
                <c:pt idx="4225">
                  <c:v>70.416667000000018</c:v>
                </c:pt>
                <c:pt idx="4226">
                  <c:v>70.433334000000002</c:v>
                </c:pt>
                <c:pt idx="4227">
                  <c:v>70.450000000000017</c:v>
                </c:pt>
                <c:pt idx="4228">
                  <c:v>70.466667000000001</c:v>
                </c:pt>
                <c:pt idx="4229">
                  <c:v>70.483334000000013</c:v>
                </c:pt>
                <c:pt idx="4230">
                  <c:v>70.5</c:v>
                </c:pt>
                <c:pt idx="4231">
                  <c:v>70.516667000000012</c:v>
                </c:pt>
                <c:pt idx="4232">
                  <c:v>70.533333999999996</c:v>
                </c:pt>
                <c:pt idx="4233">
                  <c:v>70.550000000000011</c:v>
                </c:pt>
                <c:pt idx="4234">
                  <c:v>70.566666999999995</c:v>
                </c:pt>
                <c:pt idx="4235">
                  <c:v>70.583334000000008</c:v>
                </c:pt>
                <c:pt idx="4236">
                  <c:v>70.599999999999994</c:v>
                </c:pt>
                <c:pt idx="4237">
                  <c:v>70.616667000000007</c:v>
                </c:pt>
                <c:pt idx="4238">
                  <c:v>70.633334000000019</c:v>
                </c:pt>
                <c:pt idx="4239">
                  <c:v>70.650000000000006</c:v>
                </c:pt>
                <c:pt idx="4240">
                  <c:v>70.666667000000018</c:v>
                </c:pt>
                <c:pt idx="4241">
                  <c:v>70.683334000000002</c:v>
                </c:pt>
                <c:pt idx="4242">
                  <c:v>70.700000000000017</c:v>
                </c:pt>
                <c:pt idx="4243">
                  <c:v>70.716667000000001</c:v>
                </c:pt>
                <c:pt idx="4244">
                  <c:v>70.733334000000013</c:v>
                </c:pt>
                <c:pt idx="4245">
                  <c:v>70.75</c:v>
                </c:pt>
                <c:pt idx="4246">
                  <c:v>70.766667000000012</c:v>
                </c:pt>
                <c:pt idx="4247">
                  <c:v>70.783333999999996</c:v>
                </c:pt>
                <c:pt idx="4248">
                  <c:v>70.800000000000011</c:v>
                </c:pt>
                <c:pt idx="4249">
                  <c:v>70.816666999999995</c:v>
                </c:pt>
                <c:pt idx="4250">
                  <c:v>70.833334000000008</c:v>
                </c:pt>
                <c:pt idx="4251">
                  <c:v>70.849999999999994</c:v>
                </c:pt>
                <c:pt idx="4252">
                  <c:v>70.866667000000007</c:v>
                </c:pt>
                <c:pt idx="4253">
                  <c:v>70.883334000000019</c:v>
                </c:pt>
                <c:pt idx="4254">
                  <c:v>70.900000000000006</c:v>
                </c:pt>
                <c:pt idx="4255">
                  <c:v>70.916667000000018</c:v>
                </c:pt>
                <c:pt idx="4256">
                  <c:v>70.933334000000002</c:v>
                </c:pt>
                <c:pt idx="4257">
                  <c:v>70.950000000000017</c:v>
                </c:pt>
                <c:pt idx="4258">
                  <c:v>70.966667000000001</c:v>
                </c:pt>
                <c:pt idx="4259">
                  <c:v>70.983334000000013</c:v>
                </c:pt>
                <c:pt idx="4260">
                  <c:v>71</c:v>
                </c:pt>
                <c:pt idx="4261">
                  <c:v>71.016667000000012</c:v>
                </c:pt>
                <c:pt idx="4262">
                  <c:v>71.033333999999996</c:v>
                </c:pt>
                <c:pt idx="4263">
                  <c:v>71.050000000000011</c:v>
                </c:pt>
                <c:pt idx="4264">
                  <c:v>71.066666999999995</c:v>
                </c:pt>
                <c:pt idx="4265">
                  <c:v>71.083334000000008</c:v>
                </c:pt>
                <c:pt idx="4266">
                  <c:v>71.099999999999994</c:v>
                </c:pt>
                <c:pt idx="4267">
                  <c:v>71.116667000000007</c:v>
                </c:pt>
                <c:pt idx="4268">
                  <c:v>71.133334000000019</c:v>
                </c:pt>
                <c:pt idx="4269">
                  <c:v>71.150000000000006</c:v>
                </c:pt>
                <c:pt idx="4270">
                  <c:v>71.166667000000018</c:v>
                </c:pt>
                <c:pt idx="4271">
                  <c:v>71.183334000000002</c:v>
                </c:pt>
                <c:pt idx="4272">
                  <c:v>71.200000000000017</c:v>
                </c:pt>
                <c:pt idx="4273">
                  <c:v>71.216667000000001</c:v>
                </c:pt>
                <c:pt idx="4274">
                  <c:v>71.233334000000013</c:v>
                </c:pt>
                <c:pt idx="4275">
                  <c:v>71.25</c:v>
                </c:pt>
                <c:pt idx="4276">
                  <c:v>71.266667000000012</c:v>
                </c:pt>
                <c:pt idx="4277">
                  <c:v>71.283333999999996</c:v>
                </c:pt>
                <c:pt idx="4278">
                  <c:v>71.300000000000011</c:v>
                </c:pt>
                <c:pt idx="4279">
                  <c:v>71.316666999999995</c:v>
                </c:pt>
                <c:pt idx="4280">
                  <c:v>71.333334000000008</c:v>
                </c:pt>
                <c:pt idx="4281">
                  <c:v>71.349999999999994</c:v>
                </c:pt>
                <c:pt idx="4282">
                  <c:v>71.366667000000007</c:v>
                </c:pt>
                <c:pt idx="4283">
                  <c:v>71.383334000000019</c:v>
                </c:pt>
                <c:pt idx="4284">
                  <c:v>71.400000000000006</c:v>
                </c:pt>
                <c:pt idx="4285">
                  <c:v>71.416667000000018</c:v>
                </c:pt>
                <c:pt idx="4286">
                  <c:v>71.433334000000002</c:v>
                </c:pt>
                <c:pt idx="4287">
                  <c:v>71.450000000000017</c:v>
                </c:pt>
                <c:pt idx="4288">
                  <c:v>71.466667000000001</c:v>
                </c:pt>
                <c:pt idx="4289">
                  <c:v>71.483334000000013</c:v>
                </c:pt>
                <c:pt idx="4290">
                  <c:v>71.5</c:v>
                </c:pt>
                <c:pt idx="4291">
                  <c:v>71.516667000000012</c:v>
                </c:pt>
                <c:pt idx="4292">
                  <c:v>71.533333999999996</c:v>
                </c:pt>
                <c:pt idx="4293">
                  <c:v>71.550000000000011</c:v>
                </c:pt>
                <c:pt idx="4294">
                  <c:v>71.566666999999995</c:v>
                </c:pt>
                <c:pt idx="4295">
                  <c:v>71.583334000000008</c:v>
                </c:pt>
                <c:pt idx="4296">
                  <c:v>71.599999999999994</c:v>
                </c:pt>
                <c:pt idx="4297">
                  <c:v>71.616667000000007</c:v>
                </c:pt>
                <c:pt idx="4298">
                  <c:v>71.633334000000019</c:v>
                </c:pt>
                <c:pt idx="4299">
                  <c:v>71.650000000000006</c:v>
                </c:pt>
                <c:pt idx="4300">
                  <c:v>71.666667000000018</c:v>
                </c:pt>
                <c:pt idx="4301">
                  <c:v>71.683334000000002</c:v>
                </c:pt>
                <c:pt idx="4302">
                  <c:v>71.700000000000017</c:v>
                </c:pt>
                <c:pt idx="4303">
                  <c:v>71.716667000000001</c:v>
                </c:pt>
                <c:pt idx="4304">
                  <c:v>71.733334000000013</c:v>
                </c:pt>
                <c:pt idx="4305">
                  <c:v>71.75</c:v>
                </c:pt>
                <c:pt idx="4306">
                  <c:v>71.766667000000012</c:v>
                </c:pt>
                <c:pt idx="4307">
                  <c:v>71.783333999999996</c:v>
                </c:pt>
                <c:pt idx="4308">
                  <c:v>71.800000000000011</c:v>
                </c:pt>
                <c:pt idx="4309">
                  <c:v>71.816666999999995</c:v>
                </c:pt>
                <c:pt idx="4310">
                  <c:v>71.833334000000008</c:v>
                </c:pt>
                <c:pt idx="4311">
                  <c:v>71.849999999999994</c:v>
                </c:pt>
                <c:pt idx="4312">
                  <c:v>71.866667000000007</c:v>
                </c:pt>
                <c:pt idx="4313">
                  <c:v>71.883334000000019</c:v>
                </c:pt>
                <c:pt idx="4314">
                  <c:v>71.900000000000006</c:v>
                </c:pt>
                <c:pt idx="4315">
                  <c:v>71.916667000000018</c:v>
                </c:pt>
                <c:pt idx="4316">
                  <c:v>71.933334000000002</c:v>
                </c:pt>
                <c:pt idx="4317">
                  <c:v>71.950000000000017</c:v>
                </c:pt>
                <c:pt idx="4318">
                  <c:v>71.966667000000001</c:v>
                </c:pt>
                <c:pt idx="4319">
                  <c:v>71.983334000000013</c:v>
                </c:pt>
                <c:pt idx="4320">
                  <c:v>72</c:v>
                </c:pt>
                <c:pt idx="4321">
                  <c:v>72.016667000000012</c:v>
                </c:pt>
                <c:pt idx="4322">
                  <c:v>72.033333999999996</c:v>
                </c:pt>
                <c:pt idx="4323">
                  <c:v>72.050000000000011</c:v>
                </c:pt>
                <c:pt idx="4324">
                  <c:v>72.066666999999995</c:v>
                </c:pt>
                <c:pt idx="4325">
                  <c:v>72.083334000000008</c:v>
                </c:pt>
                <c:pt idx="4326">
                  <c:v>72.099999999999994</c:v>
                </c:pt>
                <c:pt idx="4327">
                  <c:v>72.116667000000007</c:v>
                </c:pt>
                <c:pt idx="4328">
                  <c:v>72.133334000000019</c:v>
                </c:pt>
                <c:pt idx="4329">
                  <c:v>72.150000000000006</c:v>
                </c:pt>
                <c:pt idx="4330">
                  <c:v>72.166667000000018</c:v>
                </c:pt>
                <c:pt idx="4331">
                  <c:v>72.183334000000002</c:v>
                </c:pt>
                <c:pt idx="4332">
                  <c:v>72.200000000000017</c:v>
                </c:pt>
                <c:pt idx="4333">
                  <c:v>72.216667000000001</c:v>
                </c:pt>
                <c:pt idx="4334">
                  <c:v>72.233334000000013</c:v>
                </c:pt>
                <c:pt idx="4335">
                  <c:v>72.25</c:v>
                </c:pt>
                <c:pt idx="4336">
                  <c:v>72.266667000000012</c:v>
                </c:pt>
                <c:pt idx="4337">
                  <c:v>72.283333999999996</c:v>
                </c:pt>
                <c:pt idx="4338">
                  <c:v>72.300000000000011</c:v>
                </c:pt>
                <c:pt idx="4339">
                  <c:v>72.316666999999995</c:v>
                </c:pt>
                <c:pt idx="4340">
                  <c:v>72.333334000000008</c:v>
                </c:pt>
                <c:pt idx="4341">
                  <c:v>72.349999999999994</c:v>
                </c:pt>
                <c:pt idx="4342">
                  <c:v>72.366667000000007</c:v>
                </c:pt>
                <c:pt idx="4343">
                  <c:v>72.383334000000019</c:v>
                </c:pt>
                <c:pt idx="4344">
                  <c:v>72.400000000000006</c:v>
                </c:pt>
                <c:pt idx="4345">
                  <c:v>72.416667000000018</c:v>
                </c:pt>
                <c:pt idx="4346">
                  <c:v>72.433334000000002</c:v>
                </c:pt>
                <c:pt idx="4347">
                  <c:v>72.450000000000017</c:v>
                </c:pt>
                <c:pt idx="4348">
                  <c:v>72.466667000000001</c:v>
                </c:pt>
                <c:pt idx="4349">
                  <c:v>72.483334000000013</c:v>
                </c:pt>
                <c:pt idx="4350">
                  <c:v>72.5</c:v>
                </c:pt>
                <c:pt idx="4351">
                  <c:v>72.516667000000012</c:v>
                </c:pt>
                <c:pt idx="4352">
                  <c:v>72.533333999999996</c:v>
                </c:pt>
                <c:pt idx="4353">
                  <c:v>72.550000000000011</c:v>
                </c:pt>
                <c:pt idx="4354">
                  <c:v>72.566666999999995</c:v>
                </c:pt>
                <c:pt idx="4355">
                  <c:v>72.583334000000008</c:v>
                </c:pt>
                <c:pt idx="4356">
                  <c:v>72.599999999999994</c:v>
                </c:pt>
                <c:pt idx="4357">
                  <c:v>72.616667000000007</c:v>
                </c:pt>
                <c:pt idx="4358">
                  <c:v>72.633334000000019</c:v>
                </c:pt>
                <c:pt idx="4359">
                  <c:v>72.650000000000006</c:v>
                </c:pt>
                <c:pt idx="4360">
                  <c:v>72.666667000000018</c:v>
                </c:pt>
                <c:pt idx="4361">
                  <c:v>72.683334000000002</c:v>
                </c:pt>
                <c:pt idx="4362">
                  <c:v>72.700000000000017</c:v>
                </c:pt>
                <c:pt idx="4363">
                  <c:v>72.716667000000001</c:v>
                </c:pt>
                <c:pt idx="4364">
                  <c:v>72.733334000000013</c:v>
                </c:pt>
                <c:pt idx="4365">
                  <c:v>72.75</c:v>
                </c:pt>
                <c:pt idx="4366">
                  <c:v>72.766667000000012</c:v>
                </c:pt>
                <c:pt idx="4367">
                  <c:v>72.783333999999996</c:v>
                </c:pt>
                <c:pt idx="4368">
                  <c:v>72.800000000000011</c:v>
                </c:pt>
                <c:pt idx="4369">
                  <c:v>72.816666999999995</c:v>
                </c:pt>
                <c:pt idx="4370">
                  <c:v>72.833334000000008</c:v>
                </c:pt>
                <c:pt idx="4371">
                  <c:v>72.849999999999994</c:v>
                </c:pt>
                <c:pt idx="4372">
                  <c:v>72.866667000000007</c:v>
                </c:pt>
                <c:pt idx="4373">
                  <c:v>72.883334000000019</c:v>
                </c:pt>
                <c:pt idx="4374">
                  <c:v>72.900000000000006</c:v>
                </c:pt>
                <c:pt idx="4375">
                  <c:v>72.916667000000018</c:v>
                </c:pt>
                <c:pt idx="4376">
                  <c:v>72.933334000000002</c:v>
                </c:pt>
                <c:pt idx="4377">
                  <c:v>72.950000000000017</c:v>
                </c:pt>
                <c:pt idx="4378">
                  <c:v>72.966667000000001</c:v>
                </c:pt>
                <c:pt idx="4379">
                  <c:v>72.983334000000013</c:v>
                </c:pt>
                <c:pt idx="4380">
                  <c:v>73</c:v>
                </c:pt>
                <c:pt idx="4381">
                  <c:v>73.016667000000012</c:v>
                </c:pt>
                <c:pt idx="4382">
                  <c:v>73.033333999999996</c:v>
                </c:pt>
                <c:pt idx="4383">
                  <c:v>73.050000000000011</c:v>
                </c:pt>
                <c:pt idx="4384">
                  <c:v>73.066666999999995</c:v>
                </c:pt>
                <c:pt idx="4385">
                  <c:v>73.083334000000008</c:v>
                </c:pt>
                <c:pt idx="4386">
                  <c:v>73.099999999999994</c:v>
                </c:pt>
                <c:pt idx="4387">
                  <c:v>73.116667000000007</c:v>
                </c:pt>
                <c:pt idx="4388">
                  <c:v>73.133334000000019</c:v>
                </c:pt>
                <c:pt idx="4389">
                  <c:v>73.150000000000006</c:v>
                </c:pt>
                <c:pt idx="4390">
                  <c:v>73.166667000000018</c:v>
                </c:pt>
                <c:pt idx="4391">
                  <c:v>73.183334000000002</c:v>
                </c:pt>
                <c:pt idx="4392">
                  <c:v>73.200000000000017</c:v>
                </c:pt>
                <c:pt idx="4393">
                  <c:v>73.216667000000001</c:v>
                </c:pt>
                <c:pt idx="4394">
                  <c:v>73.233334000000013</c:v>
                </c:pt>
                <c:pt idx="4395">
                  <c:v>73.25</c:v>
                </c:pt>
                <c:pt idx="4396">
                  <c:v>73.266667000000012</c:v>
                </c:pt>
                <c:pt idx="4397">
                  <c:v>73.283333999999996</c:v>
                </c:pt>
                <c:pt idx="4398">
                  <c:v>73.300000000000011</c:v>
                </c:pt>
                <c:pt idx="4399">
                  <c:v>73.316666999999995</c:v>
                </c:pt>
                <c:pt idx="4400">
                  <c:v>73.333334000000008</c:v>
                </c:pt>
                <c:pt idx="4401">
                  <c:v>73.349999999999994</c:v>
                </c:pt>
                <c:pt idx="4402">
                  <c:v>73.366667000000007</c:v>
                </c:pt>
                <c:pt idx="4403">
                  <c:v>73.383334000000019</c:v>
                </c:pt>
                <c:pt idx="4404">
                  <c:v>73.400000000000006</c:v>
                </c:pt>
                <c:pt idx="4405">
                  <c:v>73.416667000000018</c:v>
                </c:pt>
                <c:pt idx="4406">
                  <c:v>73.433334000000002</c:v>
                </c:pt>
                <c:pt idx="4407">
                  <c:v>73.450000000000017</c:v>
                </c:pt>
                <c:pt idx="4408">
                  <c:v>73.466667000000001</c:v>
                </c:pt>
                <c:pt idx="4409">
                  <c:v>73.483334000000013</c:v>
                </c:pt>
                <c:pt idx="4410">
                  <c:v>73.5</c:v>
                </c:pt>
                <c:pt idx="4411">
                  <c:v>73.516667000000012</c:v>
                </c:pt>
                <c:pt idx="4412">
                  <c:v>73.533333999999996</c:v>
                </c:pt>
                <c:pt idx="4413">
                  <c:v>73.550000000000011</c:v>
                </c:pt>
                <c:pt idx="4414">
                  <c:v>73.566666999999995</c:v>
                </c:pt>
                <c:pt idx="4415">
                  <c:v>73.583334000000008</c:v>
                </c:pt>
                <c:pt idx="4416">
                  <c:v>73.599999999999994</c:v>
                </c:pt>
                <c:pt idx="4417">
                  <c:v>73.616667000000007</c:v>
                </c:pt>
                <c:pt idx="4418">
                  <c:v>73.633334000000019</c:v>
                </c:pt>
                <c:pt idx="4419">
                  <c:v>73.650000000000006</c:v>
                </c:pt>
                <c:pt idx="4420">
                  <c:v>73.666667000000018</c:v>
                </c:pt>
                <c:pt idx="4421">
                  <c:v>73.683334000000002</c:v>
                </c:pt>
                <c:pt idx="4422">
                  <c:v>73.700000000000017</c:v>
                </c:pt>
                <c:pt idx="4423">
                  <c:v>73.716667000000001</c:v>
                </c:pt>
                <c:pt idx="4424">
                  <c:v>73.733334000000013</c:v>
                </c:pt>
                <c:pt idx="4425">
                  <c:v>73.75</c:v>
                </c:pt>
                <c:pt idx="4426">
                  <c:v>73.766667000000012</c:v>
                </c:pt>
                <c:pt idx="4427">
                  <c:v>73.783333999999996</c:v>
                </c:pt>
                <c:pt idx="4428">
                  <c:v>73.800000000000011</c:v>
                </c:pt>
                <c:pt idx="4429">
                  <c:v>73.816666999999995</c:v>
                </c:pt>
                <c:pt idx="4430">
                  <c:v>73.833334000000008</c:v>
                </c:pt>
                <c:pt idx="4431">
                  <c:v>73.849999999999994</c:v>
                </c:pt>
                <c:pt idx="4432">
                  <c:v>73.866667000000007</c:v>
                </c:pt>
                <c:pt idx="4433">
                  <c:v>73.883334000000019</c:v>
                </c:pt>
                <c:pt idx="4434">
                  <c:v>73.900000000000006</c:v>
                </c:pt>
                <c:pt idx="4435">
                  <c:v>73.916667000000018</c:v>
                </c:pt>
                <c:pt idx="4436">
                  <c:v>73.933334000000002</c:v>
                </c:pt>
                <c:pt idx="4437">
                  <c:v>73.950000000000017</c:v>
                </c:pt>
                <c:pt idx="4438">
                  <c:v>73.966667000000001</c:v>
                </c:pt>
                <c:pt idx="4439">
                  <c:v>73.983334000000013</c:v>
                </c:pt>
                <c:pt idx="4440">
                  <c:v>74</c:v>
                </c:pt>
                <c:pt idx="4441">
                  <c:v>74.016667000000012</c:v>
                </c:pt>
                <c:pt idx="4442">
                  <c:v>74.033333999999996</c:v>
                </c:pt>
                <c:pt idx="4443">
                  <c:v>74.050000000000011</c:v>
                </c:pt>
                <c:pt idx="4444">
                  <c:v>74.066666999999995</c:v>
                </c:pt>
                <c:pt idx="4445">
                  <c:v>74.083334000000008</c:v>
                </c:pt>
                <c:pt idx="4446">
                  <c:v>74.099999999999994</c:v>
                </c:pt>
                <c:pt idx="4447">
                  <c:v>74.116667000000007</c:v>
                </c:pt>
                <c:pt idx="4448">
                  <c:v>74.133334000000019</c:v>
                </c:pt>
                <c:pt idx="4449">
                  <c:v>74.150000000000006</c:v>
                </c:pt>
                <c:pt idx="4450">
                  <c:v>74.166667000000018</c:v>
                </c:pt>
                <c:pt idx="4451">
                  <c:v>74.183334000000002</c:v>
                </c:pt>
                <c:pt idx="4452">
                  <c:v>74.200000000000017</c:v>
                </c:pt>
                <c:pt idx="4453">
                  <c:v>74.216667000000001</c:v>
                </c:pt>
                <c:pt idx="4454">
                  <c:v>74.233334000000013</c:v>
                </c:pt>
                <c:pt idx="4455">
                  <c:v>74.25</c:v>
                </c:pt>
                <c:pt idx="4456">
                  <c:v>74.266667000000012</c:v>
                </c:pt>
                <c:pt idx="4457">
                  <c:v>74.283333999999996</c:v>
                </c:pt>
                <c:pt idx="4458">
                  <c:v>74.300000000000011</c:v>
                </c:pt>
                <c:pt idx="4459">
                  <c:v>74.316666999999995</c:v>
                </c:pt>
                <c:pt idx="4460">
                  <c:v>74.333334000000008</c:v>
                </c:pt>
                <c:pt idx="4461">
                  <c:v>74.349999999999994</c:v>
                </c:pt>
                <c:pt idx="4462">
                  <c:v>74.366667000000007</c:v>
                </c:pt>
                <c:pt idx="4463">
                  <c:v>74.383334000000019</c:v>
                </c:pt>
                <c:pt idx="4464">
                  <c:v>74.400000000000006</c:v>
                </c:pt>
                <c:pt idx="4465">
                  <c:v>74.416667000000018</c:v>
                </c:pt>
                <c:pt idx="4466">
                  <c:v>74.433334000000002</c:v>
                </c:pt>
                <c:pt idx="4467">
                  <c:v>74.450000000000017</c:v>
                </c:pt>
                <c:pt idx="4468">
                  <c:v>74.466667000000001</c:v>
                </c:pt>
                <c:pt idx="4469">
                  <c:v>74.483334000000013</c:v>
                </c:pt>
                <c:pt idx="4470">
                  <c:v>74.5</c:v>
                </c:pt>
                <c:pt idx="4471">
                  <c:v>74.516667000000012</c:v>
                </c:pt>
                <c:pt idx="4472">
                  <c:v>74.533333999999996</c:v>
                </c:pt>
                <c:pt idx="4473">
                  <c:v>74.550000000000011</c:v>
                </c:pt>
                <c:pt idx="4474">
                  <c:v>74.566666999999995</c:v>
                </c:pt>
                <c:pt idx="4475">
                  <c:v>74.583334000000008</c:v>
                </c:pt>
                <c:pt idx="4476">
                  <c:v>74.599999999999994</c:v>
                </c:pt>
                <c:pt idx="4477">
                  <c:v>74.616667000000007</c:v>
                </c:pt>
                <c:pt idx="4478">
                  <c:v>74.633334000000019</c:v>
                </c:pt>
                <c:pt idx="4479">
                  <c:v>74.650000000000006</c:v>
                </c:pt>
                <c:pt idx="4480">
                  <c:v>74.666667000000018</c:v>
                </c:pt>
                <c:pt idx="4481">
                  <c:v>74.683334000000002</c:v>
                </c:pt>
                <c:pt idx="4482">
                  <c:v>74.700000000000017</c:v>
                </c:pt>
                <c:pt idx="4483">
                  <c:v>74.716667000000001</c:v>
                </c:pt>
                <c:pt idx="4484">
                  <c:v>74.733334000000013</c:v>
                </c:pt>
                <c:pt idx="4485">
                  <c:v>74.75</c:v>
                </c:pt>
                <c:pt idx="4486">
                  <c:v>74.766667000000012</c:v>
                </c:pt>
                <c:pt idx="4487">
                  <c:v>74.783333999999996</c:v>
                </c:pt>
                <c:pt idx="4488">
                  <c:v>74.800000000000011</c:v>
                </c:pt>
                <c:pt idx="4489">
                  <c:v>74.816666999999995</c:v>
                </c:pt>
                <c:pt idx="4490">
                  <c:v>74.833334000000008</c:v>
                </c:pt>
                <c:pt idx="4491">
                  <c:v>74.849999999999994</c:v>
                </c:pt>
                <c:pt idx="4492">
                  <c:v>74.866667000000007</c:v>
                </c:pt>
                <c:pt idx="4493">
                  <c:v>74.883334000000019</c:v>
                </c:pt>
                <c:pt idx="4494">
                  <c:v>74.900000000000006</c:v>
                </c:pt>
                <c:pt idx="4495">
                  <c:v>74.916667000000018</c:v>
                </c:pt>
                <c:pt idx="4496">
                  <c:v>74.933334000000002</c:v>
                </c:pt>
                <c:pt idx="4497">
                  <c:v>74.950000000000017</c:v>
                </c:pt>
                <c:pt idx="4498">
                  <c:v>74.966667000000001</c:v>
                </c:pt>
                <c:pt idx="4499">
                  <c:v>74.983334000000013</c:v>
                </c:pt>
                <c:pt idx="4500">
                  <c:v>75</c:v>
                </c:pt>
                <c:pt idx="4501">
                  <c:v>75.016667000000012</c:v>
                </c:pt>
                <c:pt idx="4502">
                  <c:v>75.033333999999996</c:v>
                </c:pt>
                <c:pt idx="4503">
                  <c:v>75.050000000000011</c:v>
                </c:pt>
                <c:pt idx="4504">
                  <c:v>75.066666999999995</c:v>
                </c:pt>
                <c:pt idx="4505">
                  <c:v>75.083334000000008</c:v>
                </c:pt>
                <c:pt idx="4506">
                  <c:v>75.099999999999994</c:v>
                </c:pt>
                <c:pt idx="4507">
                  <c:v>75.116667000000007</c:v>
                </c:pt>
                <c:pt idx="4508">
                  <c:v>75.133334000000019</c:v>
                </c:pt>
                <c:pt idx="4509">
                  <c:v>75.150000000000006</c:v>
                </c:pt>
                <c:pt idx="4510">
                  <c:v>75.166667000000018</c:v>
                </c:pt>
                <c:pt idx="4511">
                  <c:v>75.183334000000002</c:v>
                </c:pt>
                <c:pt idx="4512">
                  <c:v>75.200000000000017</c:v>
                </c:pt>
                <c:pt idx="4513">
                  <c:v>75.216667000000001</c:v>
                </c:pt>
                <c:pt idx="4514">
                  <c:v>75.233334000000013</c:v>
                </c:pt>
                <c:pt idx="4515">
                  <c:v>75.25</c:v>
                </c:pt>
                <c:pt idx="4516">
                  <c:v>75.266667000000012</c:v>
                </c:pt>
                <c:pt idx="4517">
                  <c:v>75.283333999999996</c:v>
                </c:pt>
                <c:pt idx="4518">
                  <c:v>75.300000000000011</c:v>
                </c:pt>
                <c:pt idx="4519">
                  <c:v>75.316666999999995</c:v>
                </c:pt>
                <c:pt idx="4520">
                  <c:v>75.333334000000008</c:v>
                </c:pt>
                <c:pt idx="4521">
                  <c:v>75.349999999999994</c:v>
                </c:pt>
                <c:pt idx="4522">
                  <c:v>75.366667000000007</c:v>
                </c:pt>
                <c:pt idx="4523">
                  <c:v>75.383334000000019</c:v>
                </c:pt>
                <c:pt idx="4524">
                  <c:v>75.400000000000006</c:v>
                </c:pt>
                <c:pt idx="4525">
                  <c:v>75.416667000000018</c:v>
                </c:pt>
                <c:pt idx="4526">
                  <c:v>75.433334000000002</c:v>
                </c:pt>
                <c:pt idx="4527">
                  <c:v>75.450000000000017</c:v>
                </c:pt>
                <c:pt idx="4528">
                  <c:v>75.466667000000001</c:v>
                </c:pt>
                <c:pt idx="4529">
                  <c:v>75.483334000000013</c:v>
                </c:pt>
                <c:pt idx="4530">
                  <c:v>75.5</c:v>
                </c:pt>
                <c:pt idx="4531">
                  <c:v>75.516667000000012</c:v>
                </c:pt>
                <c:pt idx="4532">
                  <c:v>75.533333999999996</c:v>
                </c:pt>
                <c:pt idx="4533">
                  <c:v>75.550000000000011</c:v>
                </c:pt>
                <c:pt idx="4534">
                  <c:v>75.566666999999995</c:v>
                </c:pt>
                <c:pt idx="4535">
                  <c:v>75.583334000000008</c:v>
                </c:pt>
                <c:pt idx="4536">
                  <c:v>75.599999999999994</c:v>
                </c:pt>
                <c:pt idx="4537">
                  <c:v>75.616667000000007</c:v>
                </c:pt>
                <c:pt idx="4538">
                  <c:v>75.633334000000019</c:v>
                </c:pt>
                <c:pt idx="4539">
                  <c:v>75.650000000000006</c:v>
                </c:pt>
                <c:pt idx="4540">
                  <c:v>75.666667000000018</c:v>
                </c:pt>
                <c:pt idx="4541">
                  <c:v>75.683334000000002</c:v>
                </c:pt>
                <c:pt idx="4542">
                  <c:v>75.700000000000017</c:v>
                </c:pt>
                <c:pt idx="4543">
                  <c:v>75.716667000000001</c:v>
                </c:pt>
                <c:pt idx="4544">
                  <c:v>75.733334000000013</c:v>
                </c:pt>
                <c:pt idx="4545">
                  <c:v>75.75</c:v>
                </c:pt>
                <c:pt idx="4546">
                  <c:v>75.766667000000012</c:v>
                </c:pt>
                <c:pt idx="4547">
                  <c:v>75.783333999999996</c:v>
                </c:pt>
                <c:pt idx="4548">
                  <c:v>75.800000000000011</c:v>
                </c:pt>
                <c:pt idx="4549">
                  <c:v>75.816666999999995</c:v>
                </c:pt>
                <c:pt idx="4550">
                  <c:v>75.833334000000008</c:v>
                </c:pt>
                <c:pt idx="4551">
                  <c:v>75.849999999999994</c:v>
                </c:pt>
                <c:pt idx="4552">
                  <c:v>75.866667000000007</c:v>
                </c:pt>
                <c:pt idx="4553">
                  <c:v>75.883334000000019</c:v>
                </c:pt>
                <c:pt idx="4554">
                  <c:v>75.900000000000006</c:v>
                </c:pt>
                <c:pt idx="4555">
                  <c:v>75.916667000000018</c:v>
                </c:pt>
                <c:pt idx="4556">
                  <c:v>75.933334000000002</c:v>
                </c:pt>
                <c:pt idx="4557">
                  <c:v>75.950000000000017</c:v>
                </c:pt>
                <c:pt idx="4558">
                  <c:v>75.966667000000001</c:v>
                </c:pt>
                <c:pt idx="4559">
                  <c:v>75.983334000000013</c:v>
                </c:pt>
                <c:pt idx="4560">
                  <c:v>76</c:v>
                </c:pt>
                <c:pt idx="4561">
                  <c:v>76.016667000000012</c:v>
                </c:pt>
                <c:pt idx="4562">
                  <c:v>76.033333999999996</c:v>
                </c:pt>
                <c:pt idx="4563">
                  <c:v>76.050000000000011</c:v>
                </c:pt>
                <c:pt idx="4564">
                  <c:v>76.066666999999995</c:v>
                </c:pt>
                <c:pt idx="4565">
                  <c:v>76.083334000000008</c:v>
                </c:pt>
                <c:pt idx="4566">
                  <c:v>76.099999999999994</c:v>
                </c:pt>
                <c:pt idx="4567">
                  <c:v>76.116667000000007</c:v>
                </c:pt>
                <c:pt idx="4568">
                  <c:v>76.133334000000019</c:v>
                </c:pt>
                <c:pt idx="4569">
                  <c:v>76.150000000000006</c:v>
                </c:pt>
                <c:pt idx="4570">
                  <c:v>76.166667000000018</c:v>
                </c:pt>
                <c:pt idx="4571">
                  <c:v>76.183334000000002</c:v>
                </c:pt>
                <c:pt idx="4572">
                  <c:v>76.200000000000017</c:v>
                </c:pt>
                <c:pt idx="4573">
                  <c:v>76.216667000000001</c:v>
                </c:pt>
                <c:pt idx="4574">
                  <c:v>76.233334000000013</c:v>
                </c:pt>
                <c:pt idx="4575">
                  <c:v>76.25</c:v>
                </c:pt>
                <c:pt idx="4576">
                  <c:v>76.266667000000012</c:v>
                </c:pt>
                <c:pt idx="4577">
                  <c:v>76.283333999999996</c:v>
                </c:pt>
                <c:pt idx="4578">
                  <c:v>76.300000000000011</c:v>
                </c:pt>
                <c:pt idx="4579">
                  <c:v>76.316666999999995</c:v>
                </c:pt>
                <c:pt idx="4580">
                  <c:v>76.333334000000008</c:v>
                </c:pt>
                <c:pt idx="4581">
                  <c:v>76.349999999999994</c:v>
                </c:pt>
                <c:pt idx="4582">
                  <c:v>76.366667000000007</c:v>
                </c:pt>
                <c:pt idx="4583">
                  <c:v>76.383334000000019</c:v>
                </c:pt>
                <c:pt idx="4584">
                  <c:v>76.400000000000006</c:v>
                </c:pt>
                <c:pt idx="4585">
                  <c:v>76.416667000000018</c:v>
                </c:pt>
                <c:pt idx="4586">
                  <c:v>76.433334000000002</c:v>
                </c:pt>
                <c:pt idx="4587">
                  <c:v>76.450000000000017</c:v>
                </c:pt>
                <c:pt idx="4588">
                  <c:v>76.466667000000001</c:v>
                </c:pt>
                <c:pt idx="4589">
                  <c:v>76.483334000000013</c:v>
                </c:pt>
                <c:pt idx="4590">
                  <c:v>76.5</c:v>
                </c:pt>
                <c:pt idx="4591">
                  <c:v>76.516667000000012</c:v>
                </c:pt>
                <c:pt idx="4592">
                  <c:v>76.533333999999996</c:v>
                </c:pt>
                <c:pt idx="4593">
                  <c:v>76.550000000000011</c:v>
                </c:pt>
                <c:pt idx="4594">
                  <c:v>76.566666999999995</c:v>
                </c:pt>
                <c:pt idx="4595">
                  <c:v>76.583334000000008</c:v>
                </c:pt>
                <c:pt idx="4596">
                  <c:v>76.599999999999994</c:v>
                </c:pt>
                <c:pt idx="4597">
                  <c:v>76.616667000000007</c:v>
                </c:pt>
                <c:pt idx="4598">
                  <c:v>76.633334000000019</c:v>
                </c:pt>
                <c:pt idx="4599">
                  <c:v>76.650000000000006</c:v>
                </c:pt>
                <c:pt idx="4600">
                  <c:v>76.666667000000018</c:v>
                </c:pt>
                <c:pt idx="4601">
                  <c:v>76.683334000000002</c:v>
                </c:pt>
                <c:pt idx="4602">
                  <c:v>76.700000000000017</c:v>
                </c:pt>
                <c:pt idx="4603">
                  <c:v>76.716667000000001</c:v>
                </c:pt>
                <c:pt idx="4604">
                  <c:v>76.733334000000013</c:v>
                </c:pt>
                <c:pt idx="4605">
                  <c:v>76.75</c:v>
                </c:pt>
                <c:pt idx="4606">
                  <c:v>76.766667000000012</c:v>
                </c:pt>
                <c:pt idx="4607">
                  <c:v>76.783333999999996</c:v>
                </c:pt>
                <c:pt idx="4608">
                  <c:v>76.800000000000011</c:v>
                </c:pt>
                <c:pt idx="4609">
                  <c:v>76.816666999999995</c:v>
                </c:pt>
                <c:pt idx="4610">
                  <c:v>76.833334000000008</c:v>
                </c:pt>
                <c:pt idx="4611">
                  <c:v>76.849999999999994</c:v>
                </c:pt>
                <c:pt idx="4612">
                  <c:v>76.866667000000007</c:v>
                </c:pt>
                <c:pt idx="4613">
                  <c:v>76.883334000000019</c:v>
                </c:pt>
                <c:pt idx="4614">
                  <c:v>76.900000000000006</c:v>
                </c:pt>
                <c:pt idx="4615">
                  <c:v>76.916667000000018</c:v>
                </c:pt>
                <c:pt idx="4616">
                  <c:v>76.933334000000002</c:v>
                </c:pt>
                <c:pt idx="4617">
                  <c:v>76.950000000000017</c:v>
                </c:pt>
                <c:pt idx="4618">
                  <c:v>76.966667000000001</c:v>
                </c:pt>
                <c:pt idx="4619">
                  <c:v>76.983334000000013</c:v>
                </c:pt>
                <c:pt idx="4620">
                  <c:v>77</c:v>
                </c:pt>
                <c:pt idx="4621">
                  <c:v>77.016667000000012</c:v>
                </c:pt>
                <c:pt idx="4622">
                  <c:v>77.033333999999996</c:v>
                </c:pt>
                <c:pt idx="4623">
                  <c:v>77.050000000000011</c:v>
                </c:pt>
                <c:pt idx="4624">
                  <c:v>77.066666999999995</c:v>
                </c:pt>
                <c:pt idx="4625">
                  <c:v>77.083334000000008</c:v>
                </c:pt>
                <c:pt idx="4626">
                  <c:v>77.099999999999994</c:v>
                </c:pt>
                <c:pt idx="4627">
                  <c:v>77.116667000000007</c:v>
                </c:pt>
                <c:pt idx="4628">
                  <c:v>77.133334000000019</c:v>
                </c:pt>
                <c:pt idx="4629">
                  <c:v>77.150000000000006</c:v>
                </c:pt>
                <c:pt idx="4630">
                  <c:v>77.166667000000018</c:v>
                </c:pt>
                <c:pt idx="4631">
                  <c:v>77.183334000000002</c:v>
                </c:pt>
                <c:pt idx="4632">
                  <c:v>77.200000000000017</c:v>
                </c:pt>
                <c:pt idx="4633">
                  <c:v>77.216667000000001</c:v>
                </c:pt>
                <c:pt idx="4634">
                  <c:v>77.233334000000013</c:v>
                </c:pt>
                <c:pt idx="4635">
                  <c:v>77.25</c:v>
                </c:pt>
                <c:pt idx="4636">
                  <c:v>77.266667000000012</c:v>
                </c:pt>
                <c:pt idx="4637">
                  <c:v>77.283333999999996</c:v>
                </c:pt>
                <c:pt idx="4638">
                  <c:v>77.300000000000011</c:v>
                </c:pt>
                <c:pt idx="4639">
                  <c:v>77.316666999999995</c:v>
                </c:pt>
                <c:pt idx="4640">
                  <c:v>77.333334000000008</c:v>
                </c:pt>
                <c:pt idx="4641">
                  <c:v>77.349999999999994</c:v>
                </c:pt>
                <c:pt idx="4642">
                  <c:v>77.366667000000007</c:v>
                </c:pt>
                <c:pt idx="4643">
                  <c:v>77.383334000000019</c:v>
                </c:pt>
                <c:pt idx="4644">
                  <c:v>77.400000000000006</c:v>
                </c:pt>
                <c:pt idx="4645">
                  <c:v>77.416667000000018</c:v>
                </c:pt>
                <c:pt idx="4646">
                  <c:v>77.433334000000002</c:v>
                </c:pt>
                <c:pt idx="4647">
                  <c:v>77.450000000000017</c:v>
                </c:pt>
                <c:pt idx="4648">
                  <c:v>77.466667000000001</c:v>
                </c:pt>
                <c:pt idx="4649">
                  <c:v>77.483334000000013</c:v>
                </c:pt>
                <c:pt idx="4650">
                  <c:v>77.5</c:v>
                </c:pt>
                <c:pt idx="4651">
                  <c:v>77.516667000000012</c:v>
                </c:pt>
                <c:pt idx="4652">
                  <c:v>77.533333999999996</c:v>
                </c:pt>
                <c:pt idx="4653">
                  <c:v>77.550000000000011</c:v>
                </c:pt>
                <c:pt idx="4654">
                  <c:v>77.566666999999995</c:v>
                </c:pt>
                <c:pt idx="4655">
                  <c:v>77.583334000000008</c:v>
                </c:pt>
                <c:pt idx="4656">
                  <c:v>77.599999999999994</c:v>
                </c:pt>
                <c:pt idx="4657">
                  <c:v>77.616667000000007</c:v>
                </c:pt>
                <c:pt idx="4658">
                  <c:v>77.633334000000019</c:v>
                </c:pt>
                <c:pt idx="4659">
                  <c:v>77.650000000000006</c:v>
                </c:pt>
                <c:pt idx="4660">
                  <c:v>77.666667000000018</c:v>
                </c:pt>
                <c:pt idx="4661">
                  <c:v>77.683334000000002</c:v>
                </c:pt>
                <c:pt idx="4662">
                  <c:v>77.700000000000017</c:v>
                </c:pt>
                <c:pt idx="4663">
                  <c:v>77.716667000000001</c:v>
                </c:pt>
                <c:pt idx="4664">
                  <c:v>77.733334000000013</c:v>
                </c:pt>
                <c:pt idx="4665">
                  <c:v>77.75</c:v>
                </c:pt>
                <c:pt idx="4666">
                  <c:v>77.766667000000012</c:v>
                </c:pt>
                <c:pt idx="4667">
                  <c:v>77.783333999999996</c:v>
                </c:pt>
                <c:pt idx="4668">
                  <c:v>77.800000000000011</c:v>
                </c:pt>
                <c:pt idx="4669">
                  <c:v>77.816666999999995</c:v>
                </c:pt>
                <c:pt idx="4670">
                  <c:v>77.833334000000008</c:v>
                </c:pt>
                <c:pt idx="4671">
                  <c:v>77.849999999999994</c:v>
                </c:pt>
                <c:pt idx="4672">
                  <c:v>77.866667000000007</c:v>
                </c:pt>
                <c:pt idx="4673">
                  <c:v>77.883334000000019</c:v>
                </c:pt>
                <c:pt idx="4674">
                  <c:v>77.900000000000006</c:v>
                </c:pt>
                <c:pt idx="4675">
                  <c:v>77.916667000000018</c:v>
                </c:pt>
                <c:pt idx="4676">
                  <c:v>77.933334000000002</c:v>
                </c:pt>
                <c:pt idx="4677">
                  <c:v>77.950000000000017</c:v>
                </c:pt>
                <c:pt idx="4678">
                  <c:v>77.966667000000001</c:v>
                </c:pt>
                <c:pt idx="4679">
                  <c:v>77.983334000000013</c:v>
                </c:pt>
                <c:pt idx="4680">
                  <c:v>78</c:v>
                </c:pt>
                <c:pt idx="4681">
                  <c:v>78.016667000000012</c:v>
                </c:pt>
                <c:pt idx="4682">
                  <c:v>78.033333999999996</c:v>
                </c:pt>
                <c:pt idx="4683">
                  <c:v>78.050000000000011</c:v>
                </c:pt>
                <c:pt idx="4684">
                  <c:v>78.066666999999995</c:v>
                </c:pt>
                <c:pt idx="4685">
                  <c:v>78.083334000000008</c:v>
                </c:pt>
                <c:pt idx="4686">
                  <c:v>78.099999999999994</c:v>
                </c:pt>
                <c:pt idx="4687">
                  <c:v>78.116667000000007</c:v>
                </c:pt>
                <c:pt idx="4688">
                  <c:v>78.133334000000019</c:v>
                </c:pt>
                <c:pt idx="4689">
                  <c:v>78.150000000000006</c:v>
                </c:pt>
                <c:pt idx="4690">
                  <c:v>78.166667000000018</c:v>
                </c:pt>
                <c:pt idx="4691">
                  <c:v>78.183334000000002</c:v>
                </c:pt>
                <c:pt idx="4692">
                  <c:v>78.200000000000017</c:v>
                </c:pt>
                <c:pt idx="4693">
                  <c:v>78.216667000000001</c:v>
                </c:pt>
                <c:pt idx="4694">
                  <c:v>78.233334000000013</c:v>
                </c:pt>
                <c:pt idx="4695">
                  <c:v>78.25</c:v>
                </c:pt>
                <c:pt idx="4696">
                  <c:v>78.266667000000012</c:v>
                </c:pt>
                <c:pt idx="4697">
                  <c:v>78.283333999999996</c:v>
                </c:pt>
                <c:pt idx="4698">
                  <c:v>78.300000000000011</c:v>
                </c:pt>
                <c:pt idx="4699">
                  <c:v>78.316666999999995</c:v>
                </c:pt>
                <c:pt idx="4700">
                  <c:v>78.333334000000008</c:v>
                </c:pt>
                <c:pt idx="4701">
                  <c:v>78.349999999999994</c:v>
                </c:pt>
                <c:pt idx="4702">
                  <c:v>78.366667000000007</c:v>
                </c:pt>
                <c:pt idx="4703">
                  <c:v>78.383334000000019</c:v>
                </c:pt>
                <c:pt idx="4704">
                  <c:v>78.400000000000006</c:v>
                </c:pt>
                <c:pt idx="4705">
                  <c:v>78.416667000000018</c:v>
                </c:pt>
                <c:pt idx="4706">
                  <c:v>78.433334000000002</c:v>
                </c:pt>
                <c:pt idx="4707">
                  <c:v>78.450000000000017</c:v>
                </c:pt>
                <c:pt idx="4708">
                  <c:v>78.466667000000001</c:v>
                </c:pt>
                <c:pt idx="4709">
                  <c:v>78.483334000000013</c:v>
                </c:pt>
                <c:pt idx="4710">
                  <c:v>78.5</c:v>
                </c:pt>
                <c:pt idx="4711">
                  <c:v>78.516667000000012</c:v>
                </c:pt>
                <c:pt idx="4712">
                  <c:v>78.533333999999996</c:v>
                </c:pt>
                <c:pt idx="4713">
                  <c:v>78.550000000000011</c:v>
                </c:pt>
                <c:pt idx="4714">
                  <c:v>78.566666999999995</c:v>
                </c:pt>
                <c:pt idx="4715">
                  <c:v>78.583334000000008</c:v>
                </c:pt>
                <c:pt idx="4716">
                  <c:v>78.599999999999994</c:v>
                </c:pt>
                <c:pt idx="4717">
                  <c:v>78.616667000000007</c:v>
                </c:pt>
                <c:pt idx="4718">
                  <c:v>78.633334000000019</c:v>
                </c:pt>
                <c:pt idx="4719">
                  <c:v>78.650000000000006</c:v>
                </c:pt>
                <c:pt idx="4720">
                  <c:v>78.666667000000018</c:v>
                </c:pt>
                <c:pt idx="4721">
                  <c:v>78.683334000000002</c:v>
                </c:pt>
                <c:pt idx="4722">
                  <c:v>78.700000000000017</c:v>
                </c:pt>
                <c:pt idx="4723">
                  <c:v>78.716667000000001</c:v>
                </c:pt>
                <c:pt idx="4724">
                  <c:v>78.733334000000013</c:v>
                </c:pt>
                <c:pt idx="4725">
                  <c:v>78.75</c:v>
                </c:pt>
                <c:pt idx="4726">
                  <c:v>78.766667000000012</c:v>
                </c:pt>
                <c:pt idx="4727">
                  <c:v>78.783333999999996</c:v>
                </c:pt>
                <c:pt idx="4728">
                  <c:v>78.800000000000011</c:v>
                </c:pt>
                <c:pt idx="4729">
                  <c:v>78.816666999999995</c:v>
                </c:pt>
                <c:pt idx="4730">
                  <c:v>78.833334000000008</c:v>
                </c:pt>
                <c:pt idx="4731">
                  <c:v>78.849999999999994</c:v>
                </c:pt>
                <c:pt idx="4732">
                  <c:v>78.866667000000007</c:v>
                </c:pt>
                <c:pt idx="4733">
                  <c:v>78.883334000000019</c:v>
                </c:pt>
                <c:pt idx="4734">
                  <c:v>78.900000000000006</c:v>
                </c:pt>
                <c:pt idx="4735">
                  <c:v>78.916667000000018</c:v>
                </c:pt>
                <c:pt idx="4736">
                  <c:v>78.933334000000002</c:v>
                </c:pt>
                <c:pt idx="4737">
                  <c:v>78.950000000000017</c:v>
                </c:pt>
                <c:pt idx="4738">
                  <c:v>78.966667000000001</c:v>
                </c:pt>
                <c:pt idx="4739">
                  <c:v>78.983334000000013</c:v>
                </c:pt>
                <c:pt idx="4740">
                  <c:v>79</c:v>
                </c:pt>
                <c:pt idx="4741">
                  <c:v>79.016667000000012</c:v>
                </c:pt>
                <c:pt idx="4742">
                  <c:v>79.033333999999996</c:v>
                </c:pt>
                <c:pt idx="4743">
                  <c:v>79.050000000000011</c:v>
                </c:pt>
                <c:pt idx="4744">
                  <c:v>79.066666999999995</c:v>
                </c:pt>
                <c:pt idx="4745">
                  <c:v>79.083334000000008</c:v>
                </c:pt>
                <c:pt idx="4746">
                  <c:v>79.099999999999994</c:v>
                </c:pt>
                <c:pt idx="4747">
                  <c:v>79.116667000000007</c:v>
                </c:pt>
                <c:pt idx="4748">
                  <c:v>79.133334000000019</c:v>
                </c:pt>
                <c:pt idx="4749">
                  <c:v>79.150000000000006</c:v>
                </c:pt>
                <c:pt idx="4750">
                  <c:v>79.166667000000018</c:v>
                </c:pt>
                <c:pt idx="4751">
                  <c:v>79.183334000000002</c:v>
                </c:pt>
                <c:pt idx="4752">
                  <c:v>79.200000000000017</c:v>
                </c:pt>
                <c:pt idx="4753">
                  <c:v>79.216667000000001</c:v>
                </c:pt>
                <c:pt idx="4754">
                  <c:v>79.233334000000013</c:v>
                </c:pt>
                <c:pt idx="4755">
                  <c:v>79.25</c:v>
                </c:pt>
                <c:pt idx="4756">
                  <c:v>79.266667000000012</c:v>
                </c:pt>
                <c:pt idx="4757">
                  <c:v>79.283333999999996</c:v>
                </c:pt>
                <c:pt idx="4758">
                  <c:v>79.300000000000011</c:v>
                </c:pt>
                <c:pt idx="4759">
                  <c:v>79.316666999999995</c:v>
                </c:pt>
                <c:pt idx="4760">
                  <c:v>79.333334000000008</c:v>
                </c:pt>
                <c:pt idx="4761">
                  <c:v>79.349999999999994</c:v>
                </c:pt>
                <c:pt idx="4762">
                  <c:v>79.366667000000007</c:v>
                </c:pt>
                <c:pt idx="4763">
                  <c:v>79.383334000000019</c:v>
                </c:pt>
                <c:pt idx="4764">
                  <c:v>79.400000000000006</c:v>
                </c:pt>
                <c:pt idx="4765">
                  <c:v>79.416667000000018</c:v>
                </c:pt>
                <c:pt idx="4766">
                  <c:v>79.433334000000002</c:v>
                </c:pt>
                <c:pt idx="4767">
                  <c:v>79.450000000000017</c:v>
                </c:pt>
                <c:pt idx="4768">
                  <c:v>79.466667000000001</c:v>
                </c:pt>
                <c:pt idx="4769">
                  <c:v>79.483334000000013</c:v>
                </c:pt>
                <c:pt idx="4770">
                  <c:v>79.5</c:v>
                </c:pt>
                <c:pt idx="4771">
                  <c:v>79.516667000000012</c:v>
                </c:pt>
                <c:pt idx="4772">
                  <c:v>79.533333999999996</c:v>
                </c:pt>
                <c:pt idx="4773">
                  <c:v>79.550000000000011</c:v>
                </c:pt>
                <c:pt idx="4774">
                  <c:v>79.566666999999995</c:v>
                </c:pt>
                <c:pt idx="4775">
                  <c:v>79.583334000000008</c:v>
                </c:pt>
                <c:pt idx="4776">
                  <c:v>79.599999999999994</c:v>
                </c:pt>
                <c:pt idx="4777">
                  <c:v>79.616667000000007</c:v>
                </c:pt>
                <c:pt idx="4778">
                  <c:v>79.633334000000019</c:v>
                </c:pt>
                <c:pt idx="4779">
                  <c:v>79.650000000000006</c:v>
                </c:pt>
                <c:pt idx="4780">
                  <c:v>79.666667000000018</c:v>
                </c:pt>
                <c:pt idx="4781">
                  <c:v>79.683334000000002</c:v>
                </c:pt>
                <c:pt idx="4782">
                  <c:v>79.700000000000017</c:v>
                </c:pt>
                <c:pt idx="4783">
                  <c:v>79.716667000000001</c:v>
                </c:pt>
                <c:pt idx="4784">
                  <c:v>79.733334000000013</c:v>
                </c:pt>
                <c:pt idx="4785">
                  <c:v>79.75</c:v>
                </c:pt>
                <c:pt idx="4786">
                  <c:v>79.766667000000012</c:v>
                </c:pt>
                <c:pt idx="4787">
                  <c:v>79.783333999999996</c:v>
                </c:pt>
                <c:pt idx="4788">
                  <c:v>79.800000000000011</c:v>
                </c:pt>
                <c:pt idx="4789">
                  <c:v>79.816666999999995</c:v>
                </c:pt>
                <c:pt idx="4790">
                  <c:v>79.833334000000008</c:v>
                </c:pt>
                <c:pt idx="4791">
                  <c:v>79.849999999999994</c:v>
                </c:pt>
                <c:pt idx="4792">
                  <c:v>79.866667000000007</c:v>
                </c:pt>
                <c:pt idx="4793">
                  <c:v>79.883334000000019</c:v>
                </c:pt>
                <c:pt idx="4794">
                  <c:v>79.900000000000006</c:v>
                </c:pt>
                <c:pt idx="4795">
                  <c:v>79.916667000000018</c:v>
                </c:pt>
                <c:pt idx="4796">
                  <c:v>79.933334000000002</c:v>
                </c:pt>
                <c:pt idx="4797">
                  <c:v>79.950000000000017</c:v>
                </c:pt>
                <c:pt idx="4798">
                  <c:v>79.966667000000001</c:v>
                </c:pt>
                <c:pt idx="4799">
                  <c:v>79.983334000000013</c:v>
                </c:pt>
                <c:pt idx="4800">
                  <c:v>80</c:v>
                </c:pt>
                <c:pt idx="4801">
                  <c:v>80.016667000000012</c:v>
                </c:pt>
                <c:pt idx="4802">
                  <c:v>80.033333999999996</c:v>
                </c:pt>
                <c:pt idx="4803">
                  <c:v>80.050000000000011</c:v>
                </c:pt>
                <c:pt idx="4804">
                  <c:v>80.066666999999995</c:v>
                </c:pt>
                <c:pt idx="4805">
                  <c:v>80.083334000000008</c:v>
                </c:pt>
                <c:pt idx="4806">
                  <c:v>80.099999999999994</c:v>
                </c:pt>
                <c:pt idx="4807">
                  <c:v>80.116667000000007</c:v>
                </c:pt>
                <c:pt idx="4808">
                  <c:v>80.133334000000019</c:v>
                </c:pt>
                <c:pt idx="4809">
                  <c:v>80.150000000000006</c:v>
                </c:pt>
                <c:pt idx="4810">
                  <c:v>80.166667000000018</c:v>
                </c:pt>
                <c:pt idx="4811">
                  <c:v>80.183334000000002</c:v>
                </c:pt>
                <c:pt idx="4812">
                  <c:v>80.200000000000017</c:v>
                </c:pt>
                <c:pt idx="4813">
                  <c:v>80.216667000000001</c:v>
                </c:pt>
                <c:pt idx="4814">
                  <c:v>80.233334000000013</c:v>
                </c:pt>
                <c:pt idx="4815">
                  <c:v>80.25</c:v>
                </c:pt>
                <c:pt idx="4816">
                  <c:v>80.266667000000012</c:v>
                </c:pt>
                <c:pt idx="4817">
                  <c:v>80.283333999999996</c:v>
                </c:pt>
                <c:pt idx="4818">
                  <c:v>80.300000000000011</c:v>
                </c:pt>
                <c:pt idx="4819">
                  <c:v>80.316666999999995</c:v>
                </c:pt>
                <c:pt idx="4820">
                  <c:v>80.333334000000008</c:v>
                </c:pt>
                <c:pt idx="4821">
                  <c:v>80.349999999999994</c:v>
                </c:pt>
                <c:pt idx="4822">
                  <c:v>80.366667000000007</c:v>
                </c:pt>
                <c:pt idx="4823">
                  <c:v>80.383334000000019</c:v>
                </c:pt>
                <c:pt idx="4824">
                  <c:v>80.400000000000006</c:v>
                </c:pt>
                <c:pt idx="4825">
                  <c:v>80.416667000000018</c:v>
                </c:pt>
                <c:pt idx="4826">
                  <c:v>80.433334000000002</c:v>
                </c:pt>
                <c:pt idx="4827">
                  <c:v>80.450000000000017</c:v>
                </c:pt>
                <c:pt idx="4828">
                  <c:v>80.466667000000001</c:v>
                </c:pt>
                <c:pt idx="4829">
                  <c:v>80.483334000000013</c:v>
                </c:pt>
                <c:pt idx="4830">
                  <c:v>80.5</c:v>
                </c:pt>
                <c:pt idx="4831">
                  <c:v>80.516667000000012</c:v>
                </c:pt>
                <c:pt idx="4832">
                  <c:v>80.533333999999996</c:v>
                </c:pt>
                <c:pt idx="4833">
                  <c:v>80.550000000000011</c:v>
                </c:pt>
                <c:pt idx="4834">
                  <c:v>80.566666999999995</c:v>
                </c:pt>
                <c:pt idx="4835">
                  <c:v>80.583334000000008</c:v>
                </c:pt>
                <c:pt idx="4836">
                  <c:v>80.599999999999994</c:v>
                </c:pt>
                <c:pt idx="4837">
                  <c:v>80.616667000000007</c:v>
                </c:pt>
                <c:pt idx="4838">
                  <c:v>80.633334000000019</c:v>
                </c:pt>
                <c:pt idx="4839">
                  <c:v>80.650000000000006</c:v>
                </c:pt>
                <c:pt idx="4840">
                  <c:v>80.666667000000018</c:v>
                </c:pt>
                <c:pt idx="4841">
                  <c:v>80.683334000000002</c:v>
                </c:pt>
                <c:pt idx="4842">
                  <c:v>80.700000000000017</c:v>
                </c:pt>
                <c:pt idx="4843">
                  <c:v>80.716667000000001</c:v>
                </c:pt>
                <c:pt idx="4844">
                  <c:v>80.733334000000013</c:v>
                </c:pt>
                <c:pt idx="4845">
                  <c:v>80.75</c:v>
                </c:pt>
                <c:pt idx="4846">
                  <c:v>80.766667000000012</c:v>
                </c:pt>
                <c:pt idx="4847">
                  <c:v>80.783333999999996</c:v>
                </c:pt>
                <c:pt idx="4848">
                  <c:v>80.800000000000011</c:v>
                </c:pt>
                <c:pt idx="4849">
                  <c:v>80.816666999999995</c:v>
                </c:pt>
                <c:pt idx="4850">
                  <c:v>80.833334000000008</c:v>
                </c:pt>
                <c:pt idx="4851">
                  <c:v>80.849999999999994</c:v>
                </c:pt>
                <c:pt idx="4852">
                  <c:v>80.866667000000007</c:v>
                </c:pt>
                <c:pt idx="4853">
                  <c:v>80.883334000000019</c:v>
                </c:pt>
                <c:pt idx="4854">
                  <c:v>80.900000000000006</c:v>
                </c:pt>
                <c:pt idx="4855">
                  <c:v>80.916667000000018</c:v>
                </c:pt>
                <c:pt idx="4856">
                  <c:v>80.933334000000002</c:v>
                </c:pt>
                <c:pt idx="4857">
                  <c:v>80.950000000000017</c:v>
                </c:pt>
                <c:pt idx="4858">
                  <c:v>80.966667000000001</c:v>
                </c:pt>
                <c:pt idx="4859">
                  <c:v>80.983334000000013</c:v>
                </c:pt>
                <c:pt idx="4860">
                  <c:v>81</c:v>
                </c:pt>
                <c:pt idx="4861">
                  <c:v>81.016667000000012</c:v>
                </c:pt>
                <c:pt idx="4862">
                  <c:v>81.033333999999996</c:v>
                </c:pt>
                <c:pt idx="4863">
                  <c:v>81.050000000000011</c:v>
                </c:pt>
                <c:pt idx="4864">
                  <c:v>81.066666999999995</c:v>
                </c:pt>
                <c:pt idx="4865">
                  <c:v>81.083334000000008</c:v>
                </c:pt>
                <c:pt idx="4866">
                  <c:v>81.099999999999994</c:v>
                </c:pt>
                <c:pt idx="4867">
                  <c:v>81.116667000000007</c:v>
                </c:pt>
                <c:pt idx="4868">
                  <c:v>81.133334000000019</c:v>
                </c:pt>
                <c:pt idx="4869">
                  <c:v>81.150000000000006</c:v>
                </c:pt>
                <c:pt idx="4870">
                  <c:v>81.166667000000018</c:v>
                </c:pt>
                <c:pt idx="4871">
                  <c:v>81.183334000000002</c:v>
                </c:pt>
                <c:pt idx="4872">
                  <c:v>81.200000000000017</c:v>
                </c:pt>
                <c:pt idx="4873">
                  <c:v>81.216667000000001</c:v>
                </c:pt>
                <c:pt idx="4874">
                  <c:v>81.233334000000013</c:v>
                </c:pt>
                <c:pt idx="4875">
                  <c:v>81.25</c:v>
                </c:pt>
                <c:pt idx="4876">
                  <c:v>81.266667000000012</c:v>
                </c:pt>
                <c:pt idx="4877">
                  <c:v>81.283333999999996</c:v>
                </c:pt>
                <c:pt idx="4878">
                  <c:v>81.300000000000011</c:v>
                </c:pt>
                <c:pt idx="4879">
                  <c:v>81.316666999999995</c:v>
                </c:pt>
                <c:pt idx="4880">
                  <c:v>81.333334000000008</c:v>
                </c:pt>
                <c:pt idx="4881">
                  <c:v>81.349999999999994</c:v>
                </c:pt>
                <c:pt idx="4882">
                  <c:v>81.366667000000007</c:v>
                </c:pt>
                <c:pt idx="4883">
                  <c:v>81.383334000000019</c:v>
                </c:pt>
                <c:pt idx="4884">
                  <c:v>81.400000000000006</c:v>
                </c:pt>
                <c:pt idx="4885">
                  <c:v>81.416667000000018</c:v>
                </c:pt>
                <c:pt idx="4886">
                  <c:v>81.433334000000002</c:v>
                </c:pt>
                <c:pt idx="4887">
                  <c:v>81.450000000000017</c:v>
                </c:pt>
                <c:pt idx="4888">
                  <c:v>81.466667000000001</c:v>
                </c:pt>
                <c:pt idx="4889">
                  <c:v>81.483334000000013</c:v>
                </c:pt>
                <c:pt idx="4890">
                  <c:v>81.5</c:v>
                </c:pt>
                <c:pt idx="4891">
                  <c:v>81.516667000000012</c:v>
                </c:pt>
                <c:pt idx="4892">
                  <c:v>81.533333999999996</c:v>
                </c:pt>
                <c:pt idx="4893">
                  <c:v>81.550000000000011</c:v>
                </c:pt>
                <c:pt idx="4894">
                  <c:v>81.566666999999995</c:v>
                </c:pt>
                <c:pt idx="4895">
                  <c:v>81.583334000000008</c:v>
                </c:pt>
                <c:pt idx="4896">
                  <c:v>81.599999999999994</c:v>
                </c:pt>
                <c:pt idx="4897">
                  <c:v>81.616667000000007</c:v>
                </c:pt>
                <c:pt idx="4898">
                  <c:v>81.633334000000019</c:v>
                </c:pt>
                <c:pt idx="4899">
                  <c:v>81.650000000000006</c:v>
                </c:pt>
                <c:pt idx="4900">
                  <c:v>81.666667000000018</c:v>
                </c:pt>
                <c:pt idx="4901">
                  <c:v>81.683334000000002</c:v>
                </c:pt>
                <c:pt idx="4902">
                  <c:v>81.700000000000017</c:v>
                </c:pt>
                <c:pt idx="4903">
                  <c:v>81.716667000000001</c:v>
                </c:pt>
                <c:pt idx="4904">
                  <c:v>81.733334000000013</c:v>
                </c:pt>
                <c:pt idx="4905">
                  <c:v>81.75</c:v>
                </c:pt>
                <c:pt idx="4906">
                  <c:v>81.766667000000012</c:v>
                </c:pt>
                <c:pt idx="4907">
                  <c:v>81.783333999999996</c:v>
                </c:pt>
                <c:pt idx="4908">
                  <c:v>81.800000000000011</c:v>
                </c:pt>
                <c:pt idx="4909">
                  <c:v>81.816666999999995</c:v>
                </c:pt>
                <c:pt idx="4910">
                  <c:v>81.833334000000008</c:v>
                </c:pt>
                <c:pt idx="4911">
                  <c:v>81.849999999999994</c:v>
                </c:pt>
                <c:pt idx="4912">
                  <c:v>81.866667000000007</c:v>
                </c:pt>
                <c:pt idx="4913">
                  <c:v>81.883334000000019</c:v>
                </c:pt>
                <c:pt idx="4914">
                  <c:v>81.900000000000006</c:v>
                </c:pt>
                <c:pt idx="4915">
                  <c:v>81.916667000000018</c:v>
                </c:pt>
                <c:pt idx="4916">
                  <c:v>81.933334000000002</c:v>
                </c:pt>
                <c:pt idx="4917">
                  <c:v>81.950000000000017</c:v>
                </c:pt>
                <c:pt idx="4918">
                  <c:v>81.966667000000001</c:v>
                </c:pt>
                <c:pt idx="4919">
                  <c:v>81.983334000000013</c:v>
                </c:pt>
                <c:pt idx="4920">
                  <c:v>82</c:v>
                </c:pt>
                <c:pt idx="4921">
                  <c:v>82.016667000000012</c:v>
                </c:pt>
                <c:pt idx="4922">
                  <c:v>82.033333999999996</c:v>
                </c:pt>
                <c:pt idx="4923">
                  <c:v>82.050000000000011</c:v>
                </c:pt>
                <c:pt idx="4924">
                  <c:v>82.066666999999995</c:v>
                </c:pt>
                <c:pt idx="4925">
                  <c:v>82.083334000000008</c:v>
                </c:pt>
                <c:pt idx="4926">
                  <c:v>82.1</c:v>
                </c:pt>
                <c:pt idx="4927">
                  <c:v>82.116667000000007</c:v>
                </c:pt>
                <c:pt idx="4928">
                  <c:v>82.133334000000019</c:v>
                </c:pt>
                <c:pt idx="4929">
                  <c:v>82.15</c:v>
                </c:pt>
                <c:pt idx="4930">
                  <c:v>82.166667000000018</c:v>
                </c:pt>
                <c:pt idx="4931">
                  <c:v>82.183334000000002</c:v>
                </c:pt>
                <c:pt idx="4932">
                  <c:v>82.200000000000017</c:v>
                </c:pt>
                <c:pt idx="4933">
                  <c:v>82.216667000000001</c:v>
                </c:pt>
                <c:pt idx="4934">
                  <c:v>82.233334000000013</c:v>
                </c:pt>
                <c:pt idx="4935">
                  <c:v>82.25</c:v>
                </c:pt>
                <c:pt idx="4936">
                  <c:v>82.266667000000012</c:v>
                </c:pt>
                <c:pt idx="4937">
                  <c:v>82.283333999999996</c:v>
                </c:pt>
                <c:pt idx="4938">
                  <c:v>82.300000000000011</c:v>
                </c:pt>
                <c:pt idx="4939">
                  <c:v>82.316666999999995</c:v>
                </c:pt>
                <c:pt idx="4940">
                  <c:v>82.333334000000008</c:v>
                </c:pt>
                <c:pt idx="4941">
                  <c:v>82.35</c:v>
                </c:pt>
                <c:pt idx="4942">
                  <c:v>82.366667000000007</c:v>
                </c:pt>
                <c:pt idx="4943">
                  <c:v>82.383334000000019</c:v>
                </c:pt>
                <c:pt idx="4944">
                  <c:v>82.4</c:v>
                </c:pt>
                <c:pt idx="4945">
                  <c:v>82.416667000000018</c:v>
                </c:pt>
                <c:pt idx="4946">
                  <c:v>82.433334000000002</c:v>
                </c:pt>
                <c:pt idx="4947">
                  <c:v>82.450000000000017</c:v>
                </c:pt>
                <c:pt idx="4948">
                  <c:v>82.466667000000001</c:v>
                </c:pt>
                <c:pt idx="4949">
                  <c:v>82.483334000000013</c:v>
                </c:pt>
                <c:pt idx="4950">
                  <c:v>82.5</c:v>
                </c:pt>
                <c:pt idx="4951">
                  <c:v>82.516667000000012</c:v>
                </c:pt>
                <c:pt idx="4952">
                  <c:v>82.533333999999996</c:v>
                </c:pt>
                <c:pt idx="4953">
                  <c:v>82.550000000000011</c:v>
                </c:pt>
                <c:pt idx="4954">
                  <c:v>82.566666999999995</c:v>
                </c:pt>
                <c:pt idx="4955">
                  <c:v>82.583334000000008</c:v>
                </c:pt>
                <c:pt idx="4956">
                  <c:v>82.6</c:v>
                </c:pt>
                <c:pt idx="4957">
                  <c:v>82.616667000000007</c:v>
                </c:pt>
                <c:pt idx="4958">
                  <c:v>82.633334000000019</c:v>
                </c:pt>
                <c:pt idx="4959">
                  <c:v>82.65</c:v>
                </c:pt>
                <c:pt idx="4960">
                  <c:v>82.666667000000018</c:v>
                </c:pt>
                <c:pt idx="4961">
                  <c:v>82.683334000000002</c:v>
                </c:pt>
                <c:pt idx="4962">
                  <c:v>82.700000000000017</c:v>
                </c:pt>
                <c:pt idx="4963">
                  <c:v>82.716667000000001</c:v>
                </c:pt>
                <c:pt idx="4964">
                  <c:v>82.733334000000013</c:v>
                </c:pt>
                <c:pt idx="4965">
                  <c:v>82.75</c:v>
                </c:pt>
                <c:pt idx="4966">
                  <c:v>82.766667000000012</c:v>
                </c:pt>
                <c:pt idx="4967">
                  <c:v>82.783333999999996</c:v>
                </c:pt>
                <c:pt idx="4968">
                  <c:v>82.800000000000011</c:v>
                </c:pt>
                <c:pt idx="4969">
                  <c:v>82.816666999999995</c:v>
                </c:pt>
                <c:pt idx="4970">
                  <c:v>82.833334000000008</c:v>
                </c:pt>
                <c:pt idx="4971">
                  <c:v>82.85</c:v>
                </c:pt>
                <c:pt idx="4972">
                  <c:v>82.866667000000007</c:v>
                </c:pt>
                <c:pt idx="4973">
                  <c:v>82.883334000000019</c:v>
                </c:pt>
                <c:pt idx="4974">
                  <c:v>82.9</c:v>
                </c:pt>
                <c:pt idx="4975">
                  <c:v>82.916667000000018</c:v>
                </c:pt>
                <c:pt idx="4976">
                  <c:v>82.933334000000002</c:v>
                </c:pt>
                <c:pt idx="4977">
                  <c:v>82.950000000000017</c:v>
                </c:pt>
                <c:pt idx="4978">
                  <c:v>82.966667000000001</c:v>
                </c:pt>
                <c:pt idx="4979">
                  <c:v>82.983334000000013</c:v>
                </c:pt>
                <c:pt idx="4980">
                  <c:v>83</c:v>
                </c:pt>
                <c:pt idx="4981">
                  <c:v>83.016667000000012</c:v>
                </c:pt>
                <c:pt idx="4982">
                  <c:v>83.033333999999996</c:v>
                </c:pt>
                <c:pt idx="4983">
                  <c:v>83.050000000000011</c:v>
                </c:pt>
                <c:pt idx="4984">
                  <c:v>83.066666999999995</c:v>
                </c:pt>
                <c:pt idx="4985">
                  <c:v>83.083334000000008</c:v>
                </c:pt>
                <c:pt idx="4986">
                  <c:v>83.1</c:v>
                </c:pt>
                <c:pt idx="4987">
                  <c:v>83.116667000000007</c:v>
                </c:pt>
                <c:pt idx="4988">
                  <c:v>83.133334000000019</c:v>
                </c:pt>
                <c:pt idx="4989">
                  <c:v>83.15</c:v>
                </c:pt>
                <c:pt idx="4990">
                  <c:v>83.166667000000018</c:v>
                </c:pt>
                <c:pt idx="4991">
                  <c:v>83.183334000000002</c:v>
                </c:pt>
                <c:pt idx="4992">
                  <c:v>83.200000000000017</c:v>
                </c:pt>
                <c:pt idx="4993">
                  <c:v>83.216667000000001</c:v>
                </c:pt>
                <c:pt idx="4994">
                  <c:v>83.233334000000013</c:v>
                </c:pt>
                <c:pt idx="4995">
                  <c:v>83.25</c:v>
                </c:pt>
                <c:pt idx="4996">
                  <c:v>83.266667000000012</c:v>
                </c:pt>
                <c:pt idx="4997">
                  <c:v>83.283333999999996</c:v>
                </c:pt>
                <c:pt idx="4998">
                  <c:v>83.300000000000011</c:v>
                </c:pt>
                <c:pt idx="4999">
                  <c:v>83.316666999999995</c:v>
                </c:pt>
                <c:pt idx="5000">
                  <c:v>83.333334000000008</c:v>
                </c:pt>
                <c:pt idx="5001">
                  <c:v>83.35</c:v>
                </c:pt>
                <c:pt idx="5002">
                  <c:v>83.366667000000007</c:v>
                </c:pt>
                <c:pt idx="5003">
                  <c:v>83.383334000000019</c:v>
                </c:pt>
                <c:pt idx="5004">
                  <c:v>83.4</c:v>
                </c:pt>
                <c:pt idx="5005">
                  <c:v>83.416667000000018</c:v>
                </c:pt>
                <c:pt idx="5006">
                  <c:v>83.433334000000002</c:v>
                </c:pt>
                <c:pt idx="5007">
                  <c:v>83.450000000000017</c:v>
                </c:pt>
                <c:pt idx="5008">
                  <c:v>83.466667000000001</c:v>
                </c:pt>
                <c:pt idx="5009">
                  <c:v>83.483334000000013</c:v>
                </c:pt>
                <c:pt idx="5010">
                  <c:v>83.5</c:v>
                </c:pt>
                <c:pt idx="5011">
                  <c:v>83.516667000000012</c:v>
                </c:pt>
                <c:pt idx="5012">
                  <c:v>83.533333999999996</c:v>
                </c:pt>
                <c:pt idx="5013">
                  <c:v>83.550000000000011</c:v>
                </c:pt>
                <c:pt idx="5014">
                  <c:v>83.566666999999995</c:v>
                </c:pt>
                <c:pt idx="5015">
                  <c:v>83.583334000000008</c:v>
                </c:pt>
                <c:pt idx="5016">
                  <c:v>83.6</c:v>
                </c:pt>
                <c:pt idx="5017">
                  <c:v>83.616667000000007</c:v>
                </c:pt>
                <c:pt idx="5018">
                  <c:v>83.633334000000019</c:v>
                </c:pt>
                <c:pt idx="5019">
                  <c:v>83.65</c:v>
                </c:pt>
                <c:pt idx="5020">
                  <c:v>83.666667000000018</c:v>
                </c:pt>
                <c:pt idx="5021">
                  <c:v>83.683334000000002</c:v>
                </c:pt>
                <c:pt idx="5022">
                  <c:v>83.700000000000017</c:v>
                </c:pt>
                <c:pt idx="5023">
                  <c:v>83.716667000000001</c:v>
                </c:pt>
                <c:pt idx="5024">
                  <c:v>83.733334000000013</c:v>
                </c:pt>
                <c:pt idx="5025">
                  <c:v>83.75</c:v>
                </c:pt>
                <c:pt idx="5026">
                  <c:v>83.766667000000012</c:v>
                </c:pt>
                <c:pt idx="5027">
                  <c:v>83.783333999999996</c:v>
                </c:pt>
                <c:pt idx="5028">
                  <c:v>83.800000000000011</c:v>
                </c:pt>
                <c:pt idx="5029">
                  <c:v>83.816666999999995</c:v>
                </c:pt>
                <c:pt idx="5030">
                  <c:v>83.833334000000008</c:v>
                </c:pt>
                <c:pt idx="5031">
                  <c:v>83.85</c:v>
                </c:pt>
                <c:pt idx="5032">
                  <c:v>83.866667000000007</c:v>
                </c:pt>
                <c:pt idx="5033">
                  <c:v>83.883334000000019</c:v>
                </c:pt>
                <c:pt idx="5034">
                  <c:v>83.9</c:v>
                </c:pt>
                <c:pt idx="5035">
                  <c:v>83.916667000000018</c:v>
                </c:pt>
                <c:pt idx="5036">
                  <c:v>83.933334000000002</c:v>
                </c:pt>
                <c:pt idx="5037">
                  <c:v>83.950000000000017</c:v>
                </c:pt>
                <c:pt idx="5038">
                  <c:v>83.966667000000001</c:v>
                </c:pt>
                <c:pt idx="5039">
                  <c:v>83.983334000000013</c:v>
                </c:pt>
                <c:pt idx="5040">
                  <c:v>84</c:v>
                </c:pt>
                <c:pt idx="5041">
                  <c:v>84.016667000000012</c:v>
                </c:pt>
                <c:pt idx="5042">
                  <c:v>84.033333999999996</c:v>
                </c:pt>
                <c:pt idx="5043">
                  <c:v>84.050000000000011</c:v>
                </c:pt>
                <c:pt idx="5044">
                  <c:v>84.066666999999995</c:v>
                </c:pt>
                <c:pt idx="5045">
                  <c:v>84.083334000000008</c:v>
                </c:pt>
                <c:pt idx="5046">
                  <c:v>84.1</c:v>
                </c:pt>
                <c:pt idx="5047">
                  <c:v>84.116667000000007</c:v>
                </c:pt>
                <c:pt idx="5048">
                  <c:v>84.133334000000019</c:v>
                </c:pt>
                <c:pt idx="5049">
                  <c:v>84.15</c:v>
                </c:pt>
                <c:pt idx="5050">
                  <c:v>84.166667000000018</c:v>
                </c:pt>
                <c:pt idx="5051">
                  <c:v>84.183334000000002</c:v>
                </c:pt>
                <c:pt idx="5052">
                  <c:v>84.200000000000017</c:v>
                </c:pt>
                <c:pt idx="5053">
                  <c:v>84.216667000000001</c:v>
                </c:pt>
                <c:pt idx="5054">
                  <c:v>84.233334000000013</c:v>
                </c:pt>
                <c:pt idx="5055">
                  <c:v>84.25</c:v>
                </c:pt>
                <c:pt idx="5056">
                  <c:v>84.266667000000012</c:v>
                </c:pt>
                <c:pt idx="5057">
                  <c:v>84.283333999999996</c:v>
                </c:pt>
                <c:pt idx="5058">
                  <c:v>84.300000000000011</c:v>
                </c:pt>
                <c:pt idx="5059">
                  <c:v>84.316666999999995</c:v>
                </c:pt>
                <c:pt idx="5060">
                  <c:v>84.333334000000008</c:v>
                </c:pt>
                <c:pt idx="5061">
                  <c:v>84.35</c:v>
                </c:pt>
                <c:pt idx="5062">
                  <c:v>84.366667000000007</c:v>
                </c:pt>
                <c:pt idx="5063">
                  <c:v>84.383334000000019</c:v>
                </c:pt>
                <c:pt idx="5064">
                  <c:v>84.4</c:v>
                </c:pt>
                <c:pt idx="5065">
                  <c:v>84.416667000000018</c:v>
                </c:pt>
                <c:pt idx="5066">
                  <c:v>84.433334000000002</c:v>
                </c:pt>
                <c:pt idx="5067">
                  <c:v>84.450000000000017</c:v>
                </c:pt>
                <c:pt idx="5068">
                  <c:v>84.466667000000001</c:v>
                </c:pt>
                <c:pt idx="5069">
                  <c:v>84.483334000000013</c:v>
                </c:pt>
                <c:pt idx="5070">
                  <c:v>84.5</c:v>
                </c:pt>
                <c:pt idx="5071">
                  <c:v>84.516667000000012</c:v>
                </c:pt>
                <c:pt idx="5072">
                  <c:v>84.533333999999996</c:v>
                </c:pt>
                <c:pt idx="5073">
                  <c:v>84.550000000000011</c:v>
                </c:pt>
                <c:pt idx="5074">
                  <c:v>84.566666999999995</c:v>
                </c:pt>
                <c:pt idx="5075">
                  <c:v>84.583334000000008</c:v>
                </c:pt>
                <c:pt idx="5076">
                  <c:v>84.6</c:v>
                </c:pt>
                <c:pt idx="5077">
                  <c:v>84.616667000000007</c:v>
                </c:pt>
                <c:pt idx="5078">
                  <c:v>84.633334000000019</c:v>
                </c:pt>
                <c:pt idx="5079">
                  <c:v>84.65</c:v>
                </c:pt>
                <c:pt idx="5080">
                  <c:v>84.666667000000018</c:v>
                </c:pt>
                <c:pt idx="5081">
                  <c:v>84.683334000000002</c:v>
                </c:pt>
                <c:pt idx="5082">
                  <c:v>84.700000000000017</c:v>
                </c:pt>
                <c:pt idx="5083">
                  <c:v>84.716667000000001</c:v>
                </c:pt>
                <c:pt idx="5084">
                  <c:v>84.733334000000013</c:v>
                </c:pt>
                <c:pt idx="5085">
                  <c:v>84.75</c:v>
                </c:pt>
                <c:pt idx="5086">
                  <c:v>84.766667000000012</c:v>
                </c:pt>
                <c:pt idx="5087">
                  <c:v>84.783333999999996</c:v>
                </c:pt>
                <c:pt idx="5088">
                  <c:v>84.800000000000011</c:v>
                </c:pt>
                <c:pt idx="5089">
                  <c:v>84.816666999999995</c:v>
                </c:pt>
                <c:pt idx="5090">
                  <c:v>84.833334000000008</c:v>
                </c:pt>
                <c:pt idx="5091">
                  <c:v>84.85</c:v>
                </c:pt>
                <c:pt idx="5092">
                  <c:v>84.866667000000007</c:v>
                </c:pt>
                <c:pt idx="5093">
                  <c:v>84.883334000000019</c:v>
                </c:pt>
                <c:pt idx="5094">
                  <c:v>84.9</c:v>
                </c:pt>
                <c:pt idx="5095">
                  <c:v>84.916667000000018</c:v>
                </c:pt>
                <c:pt idx="5096">
                  <c:v>84.933334000000002</c:v>
                </c:pt>
                <c:pt idx="5097">
                  <c:v>84.950000000000017</c:v>
                </c:pt>
                <c:pt idx="5098">
                  <c:v>84.966667000000001</c:v>
                </c:pt>
                <c:pt idx="5099">
                  <c:v>84.983334000000013</c:v>
                </c:pt>
                <c:pt idx="5100">
                  <c:v>85</c:v>
                </c:pt>
                <c:pt idx="5101">
                  <c:v>85.016667000000012</c:v>
                </c:pt>
                <c:pt idx="5102">
                  <c:v>85.033333999999996</c:v>
                </c:pt>
                <c:pt idx="5103">
                  <c:v>85.050000000000011</c:v>
                </c:pt>
                <c:pt idx="5104">
                  <c:v>85.066666999999995</c:v>
                </c:pt>
                <c:pt idx="5105">
                  <c:v>85.083334000000008</c:v>
                </c:pt>
                <c:pt idx="5106">
                  <c:v>85.1</c:v>
                </c:pt>
                <c:pt idx="5107">
                  <c:v>85.116667000000007</c:v>
                </c:pt>
                <c:pt idx="5108">
                  <c:v>85.133334000000019</c:v>
                </c:pt>
                <c:pt idx="5109">
                  <c:v>85.15</c:v>
                </c:pt>
                <c:pt idx="5110">
                  <c:v>85.166667000000018</c:v>
                </c:pt>
                <c:pt idx="5111">
                  <c:v>85.183334000000002</c:v>
                </c:pt>
                <c:pt idx="5112">
                  <c:v>85.200000000000017</c:v>
                </c:pt>
                <c:pt idx="5113">
                  <c:v>85.216667000000001</c:v>
                </c:pt>
                <c:pt idx="5114">
                  <c:v>85.233334000000013</c:v>
                </c:pt>
                <c:pt idx="5115">
                  <c:v>85.25</c:v>
                </c:pt>
                <c:pt idx="5116">
                  <c:v>85.266667000000012</c:v>
                </c:pt>
                <c:pt idx="5117">
                  <c:v>85.283333999999996</c:v>
                </c:pt>
                <c:pt idx="5118">
                  <c:v>85.300000000000011</c:v>
                </c:pt>
                <c:pt idx="5119">
                  <c:v>85.316666999999995</c:v>
                </c:pt>
                <c:pt idx="5120">
                  <c:v>85.333334000000008</c:v>
                </c:pt>
                <c:pt idx="5121">
                  <c:v>85.35</c:v>
                </c:pt>
                <c:pt idx="5122">
                  <c:v>85.366667000000007</c:v>
                </c:pt>
                <c:pt idx="5123">
                  <c:v>85.383334000000019</c:v>
                </c:pt>
                <c:pt idx="5124">
                  <c:v>85.4</c:v>
                </c:pt>
                <c:pt idx="5125">
                  <c:v>85.416667000000018</c:v>
                </c:pt>
                <c:pt idx="5126">
                  <c:v>85.433334000000002</c:v>
                </c:pt>
                <c:pt idx="5127">
                  <c:v>85.450000000000017</c:v>
                </c:pt>
                <c:pt idx="5128">
                  <c:v>85.466667000000001</c:v>
                </c:pt>
                <c:pt idx="5129">
                  <c:v>85.483334000000013</c:v>
                </c:pt>
                <c:pt idx="5130">
                  <c:v>85.5</c:v>
                </c:pt>
                <c:pt idx="5131">
                  <c:v>85.516667000000012</c:v>
                </c:pt>
                <c:pt idx="5132">
                  <c:v>85.533333999999996</c:v>
                </c:pt>
                <c:pt idx="5133">
                  <c:v>85.550000000000011</c:v>
                </c:pt>
                <c:pt idx="5134">
                  <c:v>85.566666999999995</c:v>
                </c:pt>
                <c:pt idx="5135">
                  <c:v>85.583334000000008</c:v>
                </c:pt>
                <c:pt idx="5136">
                  <c:v>85.6</c:v>
                </c:pt>
                <c:pt idx="5137">
                  <c:v>85.616667000000007</c:v>
                </c:pt>
                <c:pt idx="5138">
                  <c:v>85.633334000000019</c:v>
                </c:pt>
                <c:pt idx="5139">
                  <c:v>85.65</c:v>
                </c:pt>
                <c:pt idx="5140">
                  <c:v>85.666667000000018</c:v>
                </c:pt>
                <c:pt idx="5141">
                  <c:v>85.683334000000002</c:v>
                </c:pt>
                <c:pt idx="5142">
                  <c:v>85.700000000000017</c:v>
                </c:pt>
                <c:pt idx="5143">
                  <c:v>85.716667000000001</c:v>
                </c:pt>
                <c:pt idx="5144">
                  <c:v>85.733334000000013</c:v>
                </c:pt>
                <c:pt idx="5145">
                  <c:v>85.75</c:v>
                </c:pt>
                <c:pt idx="5146">
                  <c:v>85.766667000000012</c:v>
                </c:pt>
                <c:pt idx="5147">
                  <c:v>85.783333999999996</c:v>
                </c:pt>
                <c:pt idx="5148">
                  <c:v>85.800000000000011</c:v>
                </c:pt>
                <c:pt idx="5149">
                  <c:v>85.816666999999995</c:v>
                </c:pt>
                <c:pt idx="5150">
                  <c:v>85.833334000000008</c:v>
                </c:pt>
                <c:pt idx="5151">
                  <c:v>85.85</c:v>
                </c:pt>
                <c:pt idx="5152">
                  <c:v>85.866667000000007</c:v>
                </c:pt>
                <c:pt idx="5153">
                  <c:v>85.883334000000019</c:v>
                </c:pt>
                <c:pt idx="5154">
                  <c:v>85.9</c:v>
                </c:pt>
                <c:pt idx="5155">
                  <c:v>85.916667000000018</c:v>
                </c:pt>
                <c:pt idx="5156">
                  <c:v>85.933334000000002</c:v>
                </c:pt>
                <c:pt idx="5157">
                  <c:v>85.950000000000017</c:v>
                </c:pt>
                <c:pt idx="5158">
                  <c:v>85.966667000000001</c:v>
                </c:pt>
                <c:pt idx="5159">
                  <c:v>85.983334000000013</c:v>
                </c:pt>
                <c:pt idx="5160">
                  <c:v>86</c:v>
                </c:pt>
                <c:pt idx="5161">
                  <c:v>86.016667000000012</c:v>
                </c:pt>
                <c:pt idx="5162">
                  <c:v>86.033333999999996</c:v>
                </c:pt>
                <c:pt idx="5163">
                  <c:v>86.050000000000011</c:v>
                </c:pt>
                <c:pt idx="5164">
                  <c:v>86.066666999999995</c:v>
                </c:pt>
                <c:pt idx="5165">
                  <c:v>86.083334000000008</c:v>
                </c:pt>
                <c:pt idx="5166">
                  <c:v>86.1</c:v>
                </c:pt>
                <c:pt idx="5167">
                  <c:v>86.116667000000007</c:v>
                </c:pt>
                <c:pt idx="5168">
                  <c:v>86.133334000000019</c:v>
                </c:pt>
                <c:pt idx="5169">
                  <c:v>86.15</c:v>
                </c:pt>
                <c:pt idx="5170">
                  <c:v>86.166667000000018</c:v>
                </c:pt>
                <c:pt idx="5171">
                  <c:v>86.183334000000002</c:v>
                </c:pt>
                <c:pt idx="5172">
                  <c:v>86.200000000000017</c:v>
                </c:pt>
                <c:pt idx="5173">
                  <c:v>86.216667000000001</c:v>
                </c:pt>
                <c:pt idx="5174">
                  <c:v>86.233334000000013</c:v>
                </c:pt>
                <c:pt idx="5175">
                  <c:v>86.25</c:v>
                </c:pt>
                <c:pt idx="5176">
                  <c:v>86.266667000000012</c:v>
                </c:pt>
                <c:pt idx="5177">
                  <c:v>86.283333999999996</c:v>
                </c:pt>
                <c:pt idx="5178">
                  <c:v>86.300000000000011</c:v>
                </c:pt>
                <c:pt idx="5179">
                  <c:v>86.316666999999995</c:v>
                </c:pt>
                <c:pt idx="5180">
                  <c:v>86.333334000000008</c:v>
                </c:pt>
                <c:pt idx="5181">
                  <c:v>86.35</c:v>
                </c:pt>
                <c:pt idx="5182">
                  <c:v>86.366667000000007</c:v>
                </c:pt>
                <c:pt idx="5183">
                  <c:v>86.383334000000019</c:v>
                </c:pt>
                <c:pt idx="5184">
                  <c:v>86.4</c:v>
                </c:pt>
                <c:pt idx="5185">
                  <c:v>86.416667000000018</c:v>
                </c:pt>
                <c:pt idx="5186">
                  <c:v>86.433334000000002</c:v>
                </c:pt>
                <c:pt idx="5187">
                  <c:v>86.450000000000017</c:v>
                </c:pt>
                <c:pt idx="5188">
                  <c:v>86.466667000000001</c:v>
                </c:pt>
                <c:pt idx="5189">
                  <c:v>86.483334000000013</c:v>
                </c:pt>
                <c:pt idx="5190">
                  <c:v>86.5</c:v>
                </c:pt>
                <c:pt idx="5191">
                  <c:v>86.516667000000012</c:v>
                </c:pt>
                <c:pt idx="5192">
                  <c:v>86.533333999999996</c:v>
                </c:pt>
                <c:pt idx="5193">
                  <c:v>86.550000000000011</c:v>
                </c:pt>
                <c:pt idx="5194">
                  <c:v>86.566666999999995</c:v>
                </c:pt>
                <c:pt idx="5195">
                  <c:v>86.583334000000008</c:v>
                </c:pt>
                <c:pt idx="5196">
                  <c:v>86.6</c:v>
                </c:pt>
                <c:pt idx="5197">
                  <c:v>86.616667000000007</c:v>
                </c:pt>
                <c:pt idx="5198">
                  <c:v>86.633334000000019</c:v>
                </c:pt>
                <c:pt idx="5199">
                  <c:v>86.65</c:v>
                </c:pt>
                <c:pt idx="5200">
                  <c:v>86.666667000000018</c:v>
                </c:pt>
                <c:pt idx="5201">
                  <c:v>86.683334000000002</c:v>
                </c:pt>
                <c:pt idx="5202">
                  <c:v>86.700000000000017</c:v>
                </c:pt>
                <c:pt idx="5203">
                  <c:v>86.716667000000001</c:v>
                </c:pt>
                <c:pt idx="5204">
                  <c:v>86.733334000000013</c:v>
                </c:pt>
                <c:pt idx="5205">
                  <c:v>86.75</c:v>
                </c:pt>
                <c:pt idx="5206">
                  <c:v>86.766667000000012</c:v>
                </c:pt>
                <c:pt idx="5207">
                  <c:v>86.783333999999996</c:v>
                </c:pt>
                <c:pt idx="5208">
                  <c:v>86.800000000000011</c:v>
                </c:pt>
                <c:pt idx="5209">
                  <c:v>86.816666999999995</c:v>
                </c:pt>
                <c:pt idx="5210">
                  <c:v>86.833334000000008</c:v>
                </c:pt>
                <c:pt idx="5211">
                  <c:v>86.85</c:v>
                </c:pt>
                <c:pt idx="5212">
                  <c:v>86.866667000000007</c:v>
                </c:pt>
                <c:pt idx="5213">
                  <c:v>86.883334000000019</c:v>
                </c:pt>
                <c:pt idx="5214">
                  <c:v>86.9</c:v>
                </c:pt>
                <c:pt idx="5215">
                  <c:v>86.916667000000018</c:v>
                </c:pt>
                <c:pt idx="5216">
                  <c:v>86.933334000000002</c:v>
                </c:pt>
                <c:pt idx="5217">
                  <c:v>86.950000000000017</c:v>
                </c:pt>
                <c:pt idx="5218">
                  <c:v>86.966667000000001</c:v>
                </c:pt>
                <c:pt idx="5219">
                  <c:v>86.983334000000013</c:v>
                </c:pt>
                <c:pt idx="5220">
                  <c:v>87</c:v>
                </c:pt>
                <c:pt idx="5221">
                  <c:v>87.016667000000012</c:v>
                </c:pt>
                <c:pt idx="5222">
                  <c:v>87.033333999999996</c:v>
                </c:pt>
                <c:pt idx="5223">
                  <c:v>87.050000000000011</c:v>
                </c:pt>
                <c:pt idx="5224">
                  <c:v>87.066666999999995</c:v>
                </c:pt>
                <c:pt idx="5225">
                  <c:v>87.083334000000008</c:v>
                </c:pt>
                <c:pt idx="5226">
                  <c:v>87.1</c:v>
                </c:pt>
                <c:pt idx="5227">
                  <c:v>87.116667000000007</c:v>
                </c:pt>
                <c:pt idx="5228">
                  <c:v>87.133334000000019</c:v>
                </c:pt>
                <c:pt idx="5229">
                  <c:v>87.15</c:v>
                </c:pt>
                <c:pt idx="5230">
                  <c:v>87.166667000000018</c:v>
                </c:pt>
                <c:pt idx="5231">
                  <c:v>87.183334000000002</c:v>
                </c:pt>
                <c:pt idx="5232">
                  <c:v>87.200000000000017</c:v>
                </c:pt>
                <c:pt idx="5233">
                  <c:v>87.216667000000001</c:v>
                </c:pt>
                <c:pt idx="5234">
                  <c:v>87.233334000000013</c:v>
                </c:pt>
                <c:pt idx="5235">
                  <c:v>87.25</c:v>
                </c:pt>
                <c:pt idx="5236">
                  <c:v>87.266667000000012</c:v>
                </c:pt>
                <c:pt idx="5237">
                  <c:v>87.283333999999996</c:v>
                </c:pt>
                <c:pt idx="5238">
                  <c:v>87.300000000000011</c:v>
                </c:pt>
                <c:pt idx="5239">
                  <c:v>87.316666999999995</c:v>
                </c:pt>
                <c:pt idx="5240">
                  <c:v>87.333334000000008</c:v>
                </c:pt>
                <c:pt idx="5241">
                  <c:v>87.35</c:v>
                </c:pt>
                <c:pt idx="5242">
                  <c:v>87.366667000000007</c:v>
                </c:pt>
                <c:pt idx="5243">
                  <c:v>87.383334000000019</c:v>
                </c:pt>
                <c:pt idx="5244">
                  <c:v>87.4</c:v>
                </c:pt>
                <c:pt idx="5245">
                  <c:v>87.416667000000018</c:v>
                </c:pt>
                <c:pt idx="5246">
                  <c:v>87.433334000000002</c:v>
                </c:pt>
                <c:pt idx="5247">
                  <c:v>87.450000000000017</c:v>
                </c:pt>
                <c:pt idx="5248">
                  <c:v>87.466667000000001</c:v>
                </c:pt>
                <c:pt idx="5249">
                  <c:v>87.483334000000013</c:v>
                </c:pt>
                <c:pt idx="5250">
                  <c:v>87.5</c:v>
                </c:pt>
                <c:pt idx="5251">
                  <c:v>87.516667000000012</c:v>
                </c:pt>
                <c:pt idx="5252">
                  <c:v>87.533333999999996</c:v>
                </c:pt>
                <c:pt idx="5253">
                  <c:v>87.550000000000011</c:v>
                </c:pt>
                <c:pt idx="5254">
                  <c:v>87.566666999999995</c:v>
                </c:pt>
                <c:pt idx="5255">
                  <c:v>87.583334000000008</c:v>
                </c:pt>
                <c:pt idx="5256">
                  <c:v>87.6</c:v>
                </c:pt>
                <c:pt idx="5257">
                  <c:v>87.616667000000007</c:v>
                </c:pt>
                <c:pt idx="5258">
                  <c:v>87.633334000000019</c:v>
                </c:pt>
                <c:pt idx="5259">
                  <c:v>87.65</c:v>
                </c:pt>
                <c:pt idx="5260">
                  <c:v>87.666667000000018</c:v>
                </c:pt>
                <c:pt idx="5261">
                  <c:v>87.683334000000002</c:v>
                </c:pt>
                <c:pt idx="5262">
                  <c:v>87.700000000000017</c:v>
                </c:pt>
                <c:pt idx="5263">
                  <c:v>87.716667000000001</c:v>
                </c:pt>
                <c:pt idx="5264">
                  <c:v>87.733334000000013</c:v>
                </c:pt>
                <c:pt idx="5265">
                  <c:v>87.75</c:v>
                </c:pt>
                <c:pt idx="5266">
                  <c:v>87.766667000000012</c:v>
                </c:pt>
                <c:pt idx="5267">
                  <c:v>87.783333999999996</c:v>
                </c:pt>
                <c:pt idx="5268">
                  <c:v>87.800000000000011</c:v>
                </c:pt>
                <c:pt idx="5269">
                  <c:v>87.816666999999995</c:v>
                </c:pt>
                <c:pt idx="5270">
                  <c:v>87.833334000000008</c:v>
                </c:pt>
                <c:pt idx="5271">
                  <c:v>87.85</c:v>
                </c:pt>
                <c:pt idx="5272">
                  <c:v>87.866667000000007</c:v>
                </c:pt>
                <c:pt idx="5273">
                  <c:v>87.883334000000019</c:v>
                </c:pt>
                <c:pt idx="5274">
                  <c:v>87.9</c:v>
                </c:pt>
                <c:pt idx="5275">
                  <c:v>87.916667000000018</c:v>
                </c:pt>
                <c:pt idx="5276">
                  <c:v>87.933334000000002</c:v>
                </c:pt>
                <c:pt idx="5277">
                  <c:v>87.950000000000017</c:v>
                </c:pt>
                <c:pt idx="5278">
                  <c:v>87.966667000000001</c:v>
                </c:pt>
                <c:pt idx="5279">
                  <c:v>87.983334000000013</c:v>
                </c:pt>
                <c:pt idx="5280">
                  <c:v>88</c:v>
                </c:pt>
                <c:pt idx="5281">
                  <c:v>88.016667000000012</c:v>
                </c:pt>
                <c:pt idx="5282">
                  <c:v>88.033333999999996</c:v>
                </c:pt>
                <c:pt idx="5283">
                  <c:v>88.050000000000011</c:v>
                </c:pt>
                <c:pt idx="5284">
                  <c:v>88.066666999999995</c:v>
                </c:pt>
                <c:pt idx="5285">
                  <c:v>88.083334000000008</c:v>
                </c:pt>
                <c:pt idx="5286">
                  <c:v>88.1</c:v>
                </c:pt>
                <c:pt idx="5287">
                  <c:v>88.116667000000007</c:v>
                </c:pt>
                <c:pt idx="5288">
                  <c:v>88.133334000000019</c:v>
                </c:pt>
                <c:pt idx="5289">
                  <c:v>88.15</c:v>
                </c:pt>
                <c:pt idx="5290">
                  <c:v>88.166667000000018</c:v>
                </c:pt>
                <c:pt idx="5291">
                  <c:v>88.183334000000002</c:v>
                </c:pt>
                <c:pt idx="5292">
                  <c:v>88.200000000000017</c:v>
                </c:pt>
                <c:pt idx="5293">
                  <c:v>88.216667000000001</c:v>
                </c:pt>
                <c:pt idx="5294">
                  <c:v>88.233334000000013</c:v>
                </c:pt>
                <c:pt idx="5295">
                  <c:v>88.25</c:v>
                </c:pt>
                <c:pt idx="5296">
                  <c:v>88.266667000000012</c:v>
                </c:pt>
                <c:pt idx="5297">
                  <c:v>88.283333999999996</c:v>
                </c:pt>
                <c:pt idx="5298">
                  <c:v>88.300000000000011</c:v>
                </c:pt>
                <c:pt idx="5299">
                  <c:v>88.316666999999995</c:v>
                </c:pt>
                <c:pt idx="5300">
                  <c:v>88.333334000000008</c:v>
                </c:pt>
                <c:pt idx="5301">
                  <c:v>88.35</c:v>
                </c:pt>
                <c:pt idx="5302">
                  <c:v>88.366667000000007</c:v>
                </c:pt>
                <c:pt idx="5303">
                  <c:v>88.383334000000019</c:v>
                </c:pt>
                <c:pt idx="5304">
                  <c:v>88.4</c:v>
                </c:pt>
                <c:pt idx="5305">
                  <c:v>88.416667000000018</c:v>
                </c:pt>
                <c:pt idx="5306">
                  <c:v>88.433334000000002</c:v>
                </c:pt>
                <c:pt idx="5307">
                  <c:v>88.450000000000017</c:v>
                </c:pt>
                <c:pt idx="5308">
                  <c:v>88.466667000000001</c:v>
                </c:pt>
                <c:pt idx="5309">
                  <c:v>88.483334000000013</c:v>
                </c:pt>
                <c:pt idx="5310">
                  <c:v>88.5</c:v>
                </c:pt>
                <c:pt idx="5311">
                  <c:v>88.516667000000012</c:v>
                </c:pt>
                <c:pt idx="5312">
                  <c:v>88.533333999999996</c:v>
                </c:pt>
                <c:pt idx="5313">
                  <c:v>88.550000000000011</c:v>
                </c:pt>
                <c:pt idx="5314">
                  <c:v>88.566666999999995</c:v>
                </c:pt>
                <c:pt idx="5315">
                  <c:v>88.583334000000008</c:v>
                </c:pt>
                <c:pt idx="5316">
                  <c:v>88.6</c:v>
                </c:pt>
                <c:pt idx="5317">
                  <c:v>88.616667000000007</c:v>
                </c:pt>
                <c:pt idx="5318">
                  <c:v>88.633334000000019</c:v>
                </c:pt>
                <c:pt idx="5319">
                  <c:v>88.65</c:v>
                </c:pt>
                <c:pt idx="5320">
                  <c:v>88.666667000000018</c:v>
                </c:pt>
                <c:pt idx="5321">
                  <c:v>88.683334000000002</c:v>
                </c:pt>
                <c:pt idx="5322">
                  <c:v>88.700000000000017</c:v>
                </c:pt>
                <c:pt idx="5323">
                  <c:v>88.716667000000001</c:v>
                </c:pt>
                <c:pt idx="5324">
                  <c:v>88.733334000000013</c:v>
                </c:pt>
                <c:pt idx="5325">
                  <c:v>88.75</c:v>
                </c:pt>
                <c:pt idx="5326">
                  <c:v>88.766667000000012</c:v>
                </c:pt>
                <c:pt idx="5327">
                  <c:v>88.783333999999996</c:v>
                </c:pt>
                <c:pt idx="5328">
                  <c:v>88.800000000000011</c:v>
                </c:pt>
                <c:pt idx="5329">
                  <c:v>88.816666999999995</c:v>
                </c:pt>
                <c:pt idx="5330">
                  <c:v>88.833334000000008</c:v>
                </c:pt>
                <c:pt idx="5331">
                  <c:v>88.85</c:v>
                </c:pt>
                <c:pt idx="5332">
                  <c:v>88.866667000000007</c:v>
                </c:pt>
                <c:pt idx="5333">
                  <c:v>88.883334000000019</c:v>
                </c:pt>
                <c:pt idx="5334">
                  <c:v>88.9</c:v>
                </c:pt>
                <c:pt idx="5335">
                  <c:v>88.916667000000018</c:v>
                </c:pt>
                <c:pt idx="5336">
                  <c:v>88.933334000000002</c:v>
                </c:pt>
                <c:pt idx="5337">
                  <c:v>88.950000000000017</c:v>
                </c:pt>
                <c:pt idx="5338">
                  <c:v>88.966667000000001</c:v>
                </c:pt>
                <c:pt idx="5339">
                  <c:v>88.983334000000013</c:v>
                </c:pt>
                <c:pt idx="5340">
                  <c:v>89</c:v>
                </c:pt>
                <c:pt idx="5341">
                  <c:v>89.016667000000012</c:v>
                </c:pt>
                <c:pt idx="5342">
                  <c:v>89.033333999999996</c:v>
                </c:pt>
                <c:pt idx="5343">
                  <c:v>89.050000000000011</c:v>
                </c:pt>
                <c:pt idx="5344">
                  <c:v>89.066666999999995</c:v>
                </c:pt>
                <c:pt idx="5345">
                  <c:v>89.083334000000008</c:v>
                </c:pt>
                <c:pt idx="5346">
                  <c:v>89.1</c:v>
                </c:pt>
                <c:pt idx="5347">
                  <c:v>89.116667000000007</c:v>
                </c:pt>
                <c:pt idx="5348">
                  <c:v>89.133334000000019</c:v>
                </c:pt>
                <c:pt idx="5349">
                  <c:v>89.15</c:v>
                </c:pt>
                <c:pt idx="5350">
                  <c:v>89.166667000000018</c:v>
                </c:pt>
                <c:pt idx="5351">
                  <c:v>89.183334000000002</c:v>
                </c:pt>
                <c:pt idx="5352">
                  <c:v>89.200000000000017</c:v>
                </c:pt>
                <c:pt idx="5353">
                  <c:v>89.216667000000001</c:v>
                </c:pt>
                <c:pt idx="5354">
                  <c:v>89.233334000000013</c:v>
                </c:pt>
                <c:pt idx="5355">
                  <c:v>89.25</c:v>
                </c:pt>
                <c:pt idx="5356">
                  <c:v>89.266667000000012</c:v>
                </c:pt>
                <c:pt idx="5357">
                  <c:v>89.283333999999996</c:v>
                </c:pt>
                <c:pt idx="5358">
                  <c:v>89.300000000000011</c:v>
                </c:pt>
                <c:pt idx="5359">
                  <c:v>89.316666999999995</c:v>
                </c:pt>
                <c:pt idx="5360">
                  <c:v>89.333334000000008</c:v>
                </c:pt>
                <c:pt idx="5361">
                  <c:v>89.35</c:v>
                </c:pt>
                <c:pt idx="5362">
                  <c:v>89.366667000000007</c:v>
                </c:pt>
                <c:pt idx="5363">
                  <c:v>89.383334000000019</c:v>
                </c:pt>
                <c:pt idx="5364">
                  <c:v>89.4</c:v>
                </c:pt>
                <c:pt idx="5365">
                  <c:v>89.416667000000018</c:v>
                </c:pt>
                <c:pt idx="5366">
                  <c:v>89.433334000000002</c:v>
                </c:pt>
                <c:pt idx="5367">
                  <c:v>89.450000000000017</c:v>
                </c:pt>
                <c:pt idx="5368">
                  <c:v>89.466667000000001</c:v>
                </c:pt>
                <c:pt idx="5369">
                  <c:v>89.483334000000013</c:v>
                </c:pt>
                <c:pt idx="5370">
                  <c:v>89.5</c:v>
                </c:pt>
                <c:pt idx="5371">
                  <c:v>89.516667000000012</c:v>
                </c:pt>
                <c:pt idx="5372">
                  <c:v>89.533333999999996</c:v>
                </c:pt>
                <c:pt idx="5373">
                  <c:v>89.550000000000011</c:v>
                </c:pt>
                <c:pt idx="5374">
                  <c:v>89.566666999999995</c:v>
                </c:pt>
                <c:pt idx="5375">
                  <c:v>89.583334000000008</c:v>
                </c:pt>
                <c:pt idx="5376">
                  <c:v>89.6</c:v>
                </c:pt>
                <c:pt idx="5377">
                  <c:v>89.616667000000007</c:v>
                </c:pt>
                <c:pt idx="5378">
                  <c:v>89.633334000000019</c:v>
                </c:pt>
                <c:pt idx="5379">
                  <c:v>89.65</c:v>
                </c:pt>
                <c:pt idx="5380">
                  <c:v>89.666667000000018</c:v>
                </c:pt>
                <c:pt idx="5381">
                  <c:v>89.683334000000002</c:v>
                </c:pt>
                <c:pt idx="5382">
                  <c:v>89.700000000000017</c:v>
                </c:pt>
                <c:pt idx="5383">
                  <c:v>89.716667000000001</c:v>
                </c:pt>
                <c:pt idx="5384">
                  <c:v>89.733334000000013</c:v>
                </c:pt>
                <c:pt idx="5385">
                  <c:v>89.75</c:v>
                </c:pt>
                <c:pt idx="5386">
                  <c:v>89.766667000000012</c:v>
                </c:pt>
                <c:pt idx="5387">
                  <c:v>89.783333999999996</c:v>
                </c:pt>
                <c:pt idx="5388">
                  <c:v>89.800000000000011</c:v>
                </c:pt>
                <c:pt idx="5389">
                  <c:v>89.816666999999995</c:v>
                </c:pt>
                <c:pt idx="5390">
                  <c:v>89.833334000000008</c:v>
                </c:pt>
                <c:pt idx="5391">
                  <c:v>89.85</c:v>
                </c:pt>
                <c:pt idx="5392">
                  <c:v>89.866667000000007</c:v>
                </c:pt>
                <c:pt idx="5393">
                  <c:v>89.883334000000019</c:v>
                </c:pt>
                <c:pt idx="5394">
                  <c:v>89.9</c:v>
                </c:pt>
                <c:pt idx="5395">
                  <c:v>89.916667000000018</c:v>
                </c:pt>
                <c:pt idx="5396">
                  <c:v>89.933334000000002</c:v>
                </c:pt>
                <c:pt idx="5397">
                  <c:v>89.950000000000017</c:v>
                </c:pt>
                <c:pt idx="5398">
                  <c:v>89.966667000000001</c:v>
                </c:pt>
                <c:pt idx="5399">
                  <c:v>89.983334000000013</c:v>
                </c:pt>
                <c:pt idx="5400">
                  <c:v>90</c:v>
                </c:pt>
                <c:pt idx="5401">
                  <c:v>90.016667000000012</c:v>
                </c:pt>
                <c:pt idx="5402">
                  <c:v>90.033333999999996</c:v>
                </c:pt>
                <c:pt idx="5403">
                  <c:v>90.050000000000011</c:v>
                </c:pt>
                <c:pt idx="5404">
                  <c:v>90.066666999999995</c:v>
                </c:pt>
                <c:pt idx="5405">
                  <c:v>90.083334000000008</c:v>
                </c:pt>
                <c:pt idx="5406">
                  <c:v>90.1</c:v>
                </c:pt>
                <c:pt idx="5407">
                  <c:v>90.116667000000007</c:v>
                </c:pt>
                <c:pt idx="5408">
                  <c:v>90.133334000000019</c:v>
                </c:pt>
                <c:pt idx="5409">
                  <c:v>90.15</c:v>
                </c:pt>
                <c:pt idx="5410">
                  <c:v>90.166667000000018</c:v>
                </c:pt>
                <c:pt idx="5411">
                  <c:v>90.183334000000002</c:v>
                </c:pt>
                <c:pt idx="5412">
                  <c:v>90.200000000000017</c:v>
                </c:pt>
                <c:pt idx="5413">
                  <c:v>90.216667000000001</c:v>
                </c:pt>
                <c:pt idx="5414">
                  <c:v>90.233334000000013</c:v>
                </c:pt>
                <c:pt idx="5415">
                  <c:v>90.25</c:v>
                </c:pt>
                <c:pt idx="5416">
                  <c:v>90.266667000000012</c:v>
                </c:pt>
                <c:pt idx="5417">
                  <c:v>90.283333999999996</c:v>
                </c:pt>
                <c:pt idx="5418">
                  <c:v>90.300000000000011</c:v>
                </c:pt>
                <c:pt idx="5419">
                  <c:v>90.316666999999995</c:v>
                </c:pt>
                <c:pt idx="5420">
                  <c:v>90.333334000000008</c:v>
                </c:pt>
                <c:pt idx="5421">
                  <c:v>90.35</c:v>
                </c:pt>
                <c:pt idx="5422">
                  <c:v>90.366667000000007</c:v>
                </c:pt>
                <c:pt idx="5423">
                  <c:v>90.383334000000019</c:v>
                </c:pt>
                <c:pt idx="5424">
                  <c:v>90.4</c:v>
                </c:pt>
                <c:pt idx="5425">
                  <c:v>90.416667000000018</c:v>
                </c:pt>
                <c:pt idx="5426">
                  <c:v>90.433334000000002</c:v>
                </c:pt>
                <c:pt idx="5427">
                  <c:v>90.450000000000017</c:v>
                </c:pt>
                <c:pt idx="5428">
                  <c:v>90.466667000000001</c:v>
                </c:pt>
                <c:pt idx="5429">
                  <c:v>90.483334000000013</c:v>
                </c:pt>
                <c:pt idx="5430">
                  <c:v>90.5</c:v>
                </c:pt>
                <c:pt idx="5431">
                  <c:v>90.516667000000012</c:v>
                </c:pt>
                <c:pt idx="5432">
                  <c:v>90.533333999999996</c:v>
                </c:pt>
                <c:pt idx="5433">
                  <c:v>90.550000000000011</c:v>
                </c:pt>
                <c:pt idx="5434">
                  <c:v>90.566666999999995</c:v>
                </c:pt>
                <c:pt idx="5435">
                  <c:v>90.583334000000008</c:v>
                </c:pt>
                <c:pt idx="5436">
                  <c:v>90.6</c:v>
                </c:pt>
                <c:pt idx="5437">
                  <c:v>90.616667000000007</c:v>
                </c:pt>
                <c:pt idx="5438">
                  <c:v>90.633334000000019</c:v>
                </c:pt>
                <c:pt idx="5439">
                  <c:v>90.65</c:v>
                </c:pt>
                <c:pt idx="5440">
                  <c:v>90.666667000000018</c:v>
                </c:pt>
                <c:pt idx="5441">
                  <c:v>90.683334000000002</c:v>
                </c:pt>
                <c:pt idx="5442">
                  <c:v>90.700000000000017</c:v>
                </c:pt>
                <c:pt idx="5443">
                  <c:v>90.716667000000001</c:v>
                </c:pt>
                <c:pt idx="5444">
                  <c:v>90.733334000000013</c:v>
                </c:pt>
                <c:pt idx="5445">
                  <c:v>90.75</c:v>
                </c:pt>
                <c:pt idx="5446">
                  <c:v>90.766667000000012</c:v>
                </c:pt>
                <c:pt idx="5447">
                  <c:v>90.783333999999996</c:v>
                </c:pt>
                <c:pt idx="5448">
                  <c:v>90.800000000000011</c:v>
                </c:pt>
                <c:pt idx="5449">
                  <c:v>90.816666999999995</c:v>
                </c:pt>
                <c:pt idx="5450">
                  <c:v>90.833334000000008</c:v>
                </c:pt>
                <c:pt idx="5451">
                  <c:v>90.85</c:v>
                </c:pt>
                <c:pt idx="5452">
                  <c:v>90.866667000000007</c:v>
                </c:pt>
                <c:pt idx="5453">
                  <c:v>90.883334000000019</c:v>
                </c:pt>
                <c:pt idx="5454">
                  <c:v>90.9</c:v>
                </c:pt>
                <c:pt idx="5455">
                  <c:v>90.916667000000018</c:v>
                </c:pt>
                <c:pt idx="5456">
                  <c:v>90.933334000000002</c:v>
                </c:pt>
                <c:pt idx="5457">
                  <c:v>90.950000000000017</c:v>
                </c:pt>
                <c:pt idx="5458">
                  <c:v>90.966667000000001</c:v>
                </c:pt>
                <c:pt idx="5459">
                  <c:v>90.983334000000013</c:v>
                </c:pt>
                <c:pt idx="5460">
                  <c:v>91</c:v>
                </c:pt>
                <c:pt idx="5461">
                  <c:v>91.016667000000012</c:v>
                </c:pt>
                <c:pt idx="5462">
                  <c:v>91.033333999999996</c:v>
                </c:pt>
                <c:pt idx="5463">
                  <c:v>91.050000000000011</c:v>
                </c:pt>
                <c:pt idx="5464">
                  <c:v>91.066666999999995</c:v>
                </c:pt>
                <c:pt idx="5465">
                  <c:v>91.083334000000008</c:v>
                </c:pt>
                <c:pt idx="5466">
                  <c:v>91.1</c:v>
                </c:pt>
                <c:pt idx="5467">
                  <c:v>91.116667000000007</c:v>
                </c:pt>
                <c:pt idx="5468">
                  <c:v>91.133334000000019</c:v>
                </c:pt>
                <c:pt idx="5469">
                  <c:v>91.15</c:v>
                </c:pt>
                <c:pt idx="5470">
                  <c:v>91.166667000000018</c:v>
                </c:pt>
                <c:pt idx="5471">
                  <c:v>91.183334000000002</c:v>
                </c:pt>
                <c:pt idx="5472">
                  <c:v>91.200000000000017</c:v>
                </c:pt>
                <c:pt idx="5473">
                  <c:v>91.216667000000001</c:v>
                </c:pt>
                <c:pt idx="5474">
                  <c:v>91.233334000000013</c:v>
                </c:pt>
                <c:pt idx="5475">
                  <c:v>91.25</c:v>
                </c:pt>
                <c:pt idx="5476">
                  <c:v>91.266667000000012</c:v>
                </c:pt>
                <c:pt idx="5477">
                  <c:v>91.283333999999996</c:v>
                </c:pt>
                <c:pt idx="5478">
                  <c:v>91.300000000000011</c:v>
                </c:pt>
                <c:pt idx="5479">
                  <c:v>91.316666999999995</c:v>
                </c:pt>
                <c:pt idx="5480">
                  <c:v>91.333334000000008</c:v>
                </c:pt>
                <c:pt idx="5481">
                  <c:v>91.35</c:v>
                </c:pt>
                <c:pt idx="5482">
                  <c:v>91.366667000000007</c:v>
                </c:pt>
                <c:pt idx="5483">
                  <c:v>91.383334000000019</c:v>
                </c:pt>
                <c:pt idx="5484">
                  <c:v>91.4</c:v>
                </c:pt>
                <c:pt idx="5485">
                  <c:v>91.416667000000018</c:v>
                </c:pt>
                <c:pt idx="5486">
                  <c:v>91.433334000000002</c:v>
                </c:pt>
                <c:pt idx="5487">
                  <c:v>91.450000000000017</c:v>
                </c:pt>
                <c:pt idx="5488">
                  <c:v>91.466667000000001</c:v>
                </c:pt>
                <c:pt idx="5489">
                  <c:v>91.483334000000013</c:v>
                </c:pt>
                <c:pt idx="5490">
                  <c:v>91.5</c:v>
                </c:pt>
                <c:pt idx="5491">
                  <c:v>91.516667000000012</c:v>
                </c:pt>
                <c:pt idx="5492">
                  <c:v>91.533333999999996</c:v>
                </c:pt>
                <c:pt idx="5493">
                  <c:v>91.550000000000011</c:v>
                </c:pt>
                <c:pt idx="5494">
                  <c:v>91.566666999999995</c:v>
                </c:pt>
                <c:pt idx="5495">
                  <c:v>91.583334000000008</c:v>
                </c:pt>
                <c:pt idx="5496">
                  <c:v>91.6</c:v>
                </c:pt>
                <c:pt idx="5497">
                  <c:v>91.616667000000007</c:v>
                </c:pt>
                <c:pt idx="5498">
                  <c:v>91.633334000000019</c:v>
                </c:pt>
                <c:pt idx="5499">
                  <c:v>91.65</c:v>
                </c:pt>
                <c:pt idx="5500">
                  <c:v>91.666667000000018</c:v>
                </c:pt>
                <c:pt idx="5501">
                  <c:v>91.683334000000002</c:v>
                </c:pt>
                <c:pt idx="5502">
                  <c:v>91.700000000000017</c:v>
                </c:pt>
                <c:pt idx="5503">
                  <c:v>91.716667000000001</c:v>
                </c:pt>
                <c:pt idx="5504">
                  <c:v>91.733334000000013</c:v>
                </c:pt>
                <c:pt idx="5505">
                  <c:v>91.75</c:v>
                </c:pt>
                <c:pt idx="5506">
                  <c:v>91.766667000000012</c:v>
                </c:pt>
                <c:pt idx="5507">
                  <c:v>91.783333999999996</c:v>
                </c:pt>
                <c:pt idx="5508">
                  <c:v>91.800000000000011</c:v>
                </c:pt>
                <c:pt idx="5509">
                  <c:v>91.816666999999995</c:v>
                </c:pt>
                <c:pt idx="5510">
                  <c:v>91.833334000000008</c:v>
                </c:pt>
                <c:pt idx="5511">
                  <c:v>91.85</c:v>
                </c:pt>
                <c:pt idx="5512">
                  <c:v>91.866667000000007</c:v>
                </c:pt>
                <c:pt idx="5513">
                  <c:v>91.883334000000019</c:v>
                </c:pt>
                <c:pt idx="5514">
                  <c:v>91.9</c:v>
                </c:pt>
                <c:pt idx="5515">
                  <c:v>91.916667000000018</c:v>
                </c:pt>
                <c:pt idx="5516">
                  <c:v>91.933334000000002</c:v>
                </c:pt>
                <c:pt idx="5517">
                  <c:v>91.950000000000017</c:v>
                </c:pt>
                <c:pt idx="5518">
                  <c:v>91.966667000000001</c:v>
                </c:pt>
                <c:pt idx="5519">
                  <c:v>91.983334000000013</c:v>
                </c:pt>
                <c:pt idx="5520">
                  <c:v>92</c:v>
                </c:pt>
                <c:pt idx="5521">
                  <c:v>92.016667000000012</c:v>
                </c:pt>
                <c:pt idx="5522">
                  <c:v>92.033333999999996</c:v>
                </c:pt>
                <c:pt idx="5523">
                  <c:v>92.050000000000011</c:v>
                </c:pt>
                <c:pt idx="5524">
                  <c:v>92.066666999999995</c:v>
                </c:pt>
                <c:pt idx="5525">
                  <c:v>92.083334000000008</c:v>
                </c:pt>
                <c:pt idx="5526">
                  <c:v>92.1</c:v>
                </c:pt>
                <c:pt idx="5527">
                  <c:v>92.116667000000007</c:v>
                </c:pt>
                <c:pt idx="5528">
                  <c:v>92.133334000000019</c:v>
                </c:pt>
                <c:pt idx="5529">
                  <c:v>92.15</c:v>
                </c:pt>
                <c:pt idx="5530">
                  <c:v>92.166667000000018</c:v>
                </c:pt>
                <c:pt idx="5531">
                  <c:v>92.183334000000002</c:v>
                </c:pt>
                <c:pt idx="5532">
                  <c:v>92.200000000000017</c:v>
                </c:pt>
                <c:pt idx="5533">
                  <c:v>92.216667000000001</c:v>
                </c:pt>
                <c:pt idx="5534">
                  <c:v>92.233334000000013</c:v>
                </c:pt>
                <c:pt idx="5535">
                  <c:v>92.25</c:v>
                </c:pt>
                <c:pt idx="5536">
                  <c:v>92.266667000000012</c:v>
                </c:pt>
                <c:pt idx="5537">
                  <c:v>92.283333999999996</c:v>
                </c:pt>
                <c:pt idx="5538">
                  <c:v>92.300000000000011</c:v>
                </c:pt>
                <c:pt idx="5539">
                  <c:v>92.316666999999995</c:v>
                </c:pt>
                <c:pt idx="5540">
                  <c:v>92.333334000000008</c:v>
                </c:pt>
                <c:pt idx="5541">
                  <c:v>92.35</c:v>
                </c:pt>
                <c:pt idx="5542">
                  <c:v>92.366667000000007</c:v>
                </c:pt>
                <c:pt idx="5543">
                  <c:v>92.383334000000019</c:v>
                </c:pt>
                <c:pt idx="5544">
                  <c:v>92.4</c:v>
                </c:pt>
                <c:pt idx="5545">
                  <c:v>92.416667000000018</c:v>
                </c:pt>
                <c:pt idx="5546">
                  <c:v>92.433334000000002</c:v>
                </c:pt>
                <c:pt idx="5547">
                  <c:v>92.450000000000017</c:v>
                </c:pt>
                <c:pt idx="5548">
                  <c:v>92.466667000000001</c:v>
                </c:pt>
                <c:pt idx="5549">
                  <c:v>92.483334000000013</c:v>
                </c:pt>
                <c:pt idx="5550">
                  <c:v>92.5</c:v>
                </c:pt>
                <c:pt idx="5551">
                  <c:v>92.516667000000012</c:v>
                </c:pt>
                <c:pt idx="5552">
                  <c:v>92.533333999999996</c:v>
                </c:pt>
                <c:pt idx="5553">
                  <c:v>92.550000000000011</c:v>
                </c:pt>
                <c:pt idx="5554">
                  <c:v>92.566666999999995</c:v>
                </c:pt>
                <c:pt idx="5555">
                  <c:v>92.583334000000008</c:v>
                </c:pt>
                <c:pt idx="5556">
                  <c:v>92.6</c:v>
                </c:pt>
                <c:pt idx="5557">
                  <c:v>92.616667000000007</c:v>
                </c:pt>
                <c:pt idx="5558">
                  <c:v>92.633334000000019</c:v>
                </c:pt>
                <c:pt idx="5559">
                  <c:v>92.65</c:v>
                </c:pt>
                <c:pt idx="5560">
                  <c:v>92.666667000000018</c:v>
                </c:pt>
                <c:pt idx="5561">
                  <c:v>92.683334000000002</c:v>
                </c:pt>
                <c:pt idx="5562">
                  <c:v>92.700000000000017</c:v>
                </c:pt>
                <c:pt idx="5563">
                  <c:v>92.716667000000001</c:v>
                </c:pt>
                <c:pt idx="5564">
                  <c:v>92.733334000000013</c:v>
                </c:pt>
                <c:pt idx="5565">
                  <c:v>92.75</c:v>
                </c:pt>
                <c:pt idx="5566">
                  <c:v>92.766667000000012</c:v>
                </c:pt>
                <c:pt idx="5567">
                  <c:v>92.783333999999996</c:v>
                </c:pt>
                <c:pt idx="5568">
                  <c:v>92.800000000000011</c:v>
                </c:pt>
                <c:pt idx="5569">
                  <c:v>92.816666999999995</c:v>
                </c:pt>
                <c:pt idx="5570">
                  <c:v>92.833334000000008</c:v>
                </c:pt>
                <c:pt idx="5571">
                  <c:v>92.85</c:v>
                </c:pt>
                <c:pt idx="5572">
                  <c:v>92.866667000000007</c:v>
                </c:pt>
                <c:pt idx="5573">
                  <c:v>92.883334000000019</c:v>
                </c:pt>
                <c:pt idx="5574">
                  <c:v>92.9</c:v>
                </c:pt>
                <c:pt idx="5575">
                  <c:v>92.916667000000018</c:v>
                </c:pt>
                <c:pt idx="5576">
                  <c:v>92.933334000000002</c:v>
                </c:pt>
                <c:pt idx="5577">
                  <c:v>92.950000000000017</c:v>
                </c:pt>
                <c:pt idx="5578">
                  <c:v>92.966667000000001</c:v>
                </c:pt>
                <c:pt idx="5579">
                  <c:v>92.983334000000013</c:v>
                </c:pt>
                <c:pt idx="5580">
                  <c:v>93</c:v>
                </c:pt>
                <c:pt idx="5581">
                  <c:v>93.016667000000012</c:v>
                </c:pt>
                <c:pt idx="5582">
                  <c:v>93.033333999999996</c:v>
                </c:pt>
                <c:pt idx="5583">
                  <c:v>93.050000000000011</c:v>
                </c:pt>
                <c:pt idx="5584">
                  <c:v>93.066666999999995</c:v>
                </c:pt>
                <c:pt idx="5585">
                  <c:v>93.083334000000008</c:v>
                </c:pt>
                <c:pt idx="5586">
                  <c:v>93.1</c:v>
                </c:pt>
                <c:pt idx="5587">
                  <c:v>93.116667000000007</c:v>
                </c:pt>
                <c:pt idx="5588">
                  <c:v>93.133334000000019</c:v>
                </c:pt>
                <c:pt idx="5589">
                  <c:v>93.15</c:v>
                </c:pt>
                <c:pt idx="5590">
                  <c:v>93.166667000000018</c:v>
                </c:pt>
                <c:pt idx="5591">
                  <c:v>93.183334000000002</c:v>
                </c:pt>
                <c:pt idx="5592">
                  <c:v>93.200000000000017</c:v>
                </c:pt>
                <c:pt idx="5593">
                  <c:v>93.216667000000001</c:v>
                </c:pt>
                <c:pt idx="5594">
                  <c:v>93.233334000000013</c:v>
                </c:pt>
                <c:pt idx="5595">
                  <c:v>93.25</c:v>
                </c:pt>
                <c:pt idx="5596">
                  <c:v>93.266667000000012</c:v>
                </c:pt>
                <c:pt idx="5597">
                  <c:v>93.283333999999996</c:v>
                </c:pt>
                <c:pt idx="5598">
                  <c:v>93.300000000000011</c:v>
                </c:pt>
                <c:pt idx="5599">
                  <c:v>93.316666999999995</c:v>
                </c:pt>
                <c:pt idx="5600">
                  <c:v>93.333334000000008</c:v>
                </c:pt>
                <c:pt idx="5601">
                  <c:v>93.35</c:v>
                </c:pt>
                <c:pt idx="5602">
                  <c:v>93.366667000000007</c:v>
                </c:pt>
                <c:pt idx="5603">
                  <c:v>93.383334000000019</c:v>
                </c:pt>
                <c:pt idx="5604">
                  <c:v>93.4</c:v>
                </c:pt>
                <c:pt idx="5605">
                  <c:v>93.416667000000018</c:v>
                </c:pt>
                <c:pt idx="5606">
                  <c:v>93.433334000000002</c:v>
                </c:pt>
                <c:pt idx="5607">
                  <c:v>93.450000000000017</c:v>
                </c:pt>
                <c:pt idx="5608">
                  <c:v>93.466667000000001</c:v>
                </c:pt>
                <c:pt idx="5609">
                  <c:v>93.483334000000013</c:v>
                </c:pt>
                <c:pt idx="5610">
                  <c:v>93.5</c:v>
                </c:pt>
                <c:pt idx="5611">
                  <c:v>93.516667000000012</c:v>
                </c:pt>
                <c:pt idx="5612">
                  <c:v>93.533333999999996</c:v>
                </c:pt>
                <c:pt idx="5613">
                  <c:v>93.550000000000011</c:v>
                </c:pt>
                <c:pt idx="5614">
                  <c:v>93.566666999999995</c:v>
                </c:pt>
                <c:pt idx="5615">
                  <c:v>93.583334000000008</c:v>
                </c:pt>
                <c:pt idx="5616">
                  <c:v>93.6</c:v>
                </c:pt>
                <c:pt idx="5617">
                  <c:v>93.616667000000007</c:v>
                </c:pt>
                <c:pt idx="5618">
                  <c:v>93.633334000000019</c:v>
                </c:pt>
                <c:pt idx="5619">
                  <c:v>93.65</c:v>
                </c:pt>
                <c:pt idx="5620">
                  <c:v>93.666667000000018</c:v>
                </c:pt>
                <c:pt idx="5621">
                  <c:v>93.683334000000002</c:v>
                </c:pt>
                <c:pt idx="5622">
                  <c:v>93.700000000000017</c:v>
                </c:pt>
                <c:pt idx="5623">
                  <c:v>93.716667000000001</c:v>
                </c:pt>
                <c:pt idx="5624">
                  <c:v>93.733334000000013</c:v>
                </c:pt>
                <c:pt idx="5625">
                  <c:v>93.75</c:v>
                </c:pt>
                <c:pt idx="5626">
                  <c:v>93.766667000000012</c:v>
                </c:pt>
                <c:pt idx="5627">
                  <c:v>93.783333999999996</c:v>
                </c:pt>
                <c:pt idx="5628">
                  <c:v>93.800000000000011</c:v>
                </c:pt>
                <c:pt idx="5629">
                  <c:v>93.816666999999995</c:v>
                </c:pt>
                <c:pt idx="5630">
                  <c:v>93.833334000000008</c:v>
                </c:pt>
                <c:pt idx="5631">
                  <c:v>93.85</c:v>
                </c:pt>
                <c:pt idx="5632">
                  <c:v>93.866667000000007</c:v>
                </c:pt>
                <c:pt idx="5633">
                  <c:v>93.883334000000019</c:v>
                </c:pt>
                <c:pt idx="5634">
                  <c:v>93.9</c:v>
                </c:pt>
                <c:pt idx="5635">
                  <c:v>93.916667000000018</c:v>
                </c:pt>
                <c:pt idx="5636">
                  <c:v>93.933334000000002</c:v>
                </c:pt>
                <c:pt idx="5637">
                  <c:v>93.950000000000017</c:v>
                </c:pt>
                <c:pt idx="5638">
                  <c:v>93.966667000000001</c:v>
                </c:pt>
                <c:pt idx="5639">
                  <c:v>93.983334000000013</c:v>
                </c:pt>
                <c:pt idx="5640">
                  <c:v>94</c:v>
                </c:pt>
                <c:pt idx="5641">
                  <c:v>94.016667000000012</c:v>
                </c:pt>
                <c:pt idx="5642">
                  <c:v>94.033333999999996</c:v>
                </c:pt>
                <c:pt idx="5643">
                  <c:v>94.050000000000011</c:v>
                </c:pt>
                <c:pt idx="5644">
                  <c:v>94.066666999999995</c:v>
                </c:pt>
                <c:pt idx="5645">
                  <c:v>94.083334000000008</c:v>
                </c:pt>
                <c:pt idx="5646">
                  <c:v>94.1</c:v>
                </c:pt>
                <c:pt idx="5647">
                  <c:v>94.116667000000007</c:v>
                </c:pt>
                <c:pt idx="5648">
                  <c:v>94.133334000000019</c:v>
                </c:pt>
                <c:pt idx="5649">
                  <c:v>94.15</c:v>
                </c:pt>
                <c:pt idx="5650">
                  <c:v>94.166667000000018</c:v>
                </c:pt>
                <c:pt idx="5651">
                  <c:v>94.183334000000002</c:v>
                </c:pt>
                <c:pt idx="5652">
                  <c:v>94.200000000000017</c:v>
                </c:pt>
                <c:pt idx="5653">
                  <c:v>94.216667000000001</c:v>
                </c:pt>
                <c:pt idx="5654">
                  <c:v>94.233334000000013</c:v>
                </c:pt>
                <c:pt idx="5655">
                  <c:v>94.25</c:v>
                </c:pt>
                <c:pt idx="5656">
                  <c:v>94.266667000000012</c:v>
                </c:pt>
                <c:pt idx="5657">
                  <c:v>94.283333999999996</c:v>
                </c:pt>
                <c:pt idx="5658">
                  <c:v>94.300000000000011</c:v>
                </c:pt>
                <c:pt idx="5659">
                  <c:v>94.316666999999995</c:v>
                </c:pt>
                <c:pt idx="5660">
                  <c:v>94.333334000000008</c:v>
                </c:pt>
                <c:pt idx="5661">
                  <c:v>94.35</c:v>
                </c:pt>
                <c:pt idx="5662">
                  <c:v>94.366667000000007</c:v>
                </c:pt>
                <c:pt idx="5663">
                  <c:v>94.383334000000019</c:v>
                </c:pt>
                <c:pt idx="5664">
                  <c:v>94.4</c:v>
                </c:pt>
                <c:pt idx="5665">
                  <c:v>94.416667000000018</c:v>
                </c:pt>
                <c:pt idx="5666">
                  <c:v>94.433334000000002</c:v>
                </c:pt>
                <c:pt idx="5667">
                  <c:v>94.450000000000017</c:v>
                </c:pt>
                <c:pt idx="5668">
                  <c:v>94.466667000000001</c:v>
                </c:pt>
                <c:pt idx="5669">
                  <c:v>94.483334000000013</c:v>
                </c:pt>
                <c:pt idx="5670">
                  <c:v>94.5</c:v>
                </c:pt>
                <c:pt idx="5671">
                  <c:v>94.516667000000012</c:v>
                </c:pt>
                <c:pt idx="5672">
                  <c:v>94.533333999999996</c:v>
                </c:pt>
                <c:pt idx="5673">
                  <c:v>94.550000000000011</c:v>
                </c:pt>
                <c:pt idx="5674">
                  <c:v>94.566666999999995</c:v>
                </c:pt>
                <c:pt idx="5675">
                  <c:v>94.583334000000008</c:v>
                </c:pt>
                <c:pt idx="5676">
                  <c:v>94.6</c:v>
                </c:pt>
                <c:pt idx="5677">
                  <c:v>94.616667000000007</c:v>
                </c:pt>
                <c:pt idx="5678">
                  <c:v>94.633334000000019</c:v>
                </c:pt>
                <c:pt idx="5679">
                  <c:v>94.65</c:v>
                </c:pt>
                <c:pt idx="5680">
                  <c:v>94.666667000000018</c:v>
                </c:pt>
                <c:pt idx="5681">
                  <c:v>94.683334000000002</c:v>
                </c:pt>
                <c:pt idx="5682">
                  <c:v>94.700000000000017</c:v>
                </c:pt>
                <c:pt idx="5683">
                  <c:v>94.716667000000001</c:v>
                </c:pt>
                <c:pt idx="5684">
                  <c:v>94.733334000000013</c:v>
                </c:pt>
                <c:pt idx="5685">
                  <c:v>94.75</c:v>
                </c:pt>
                <c:pt idx="5686">
                  <c:v>94.766667000000012</c:v>
                </c:pt>
                <c:pt idx="5687">
                  <c:v>94.783333999999996</c:v>
                </c:pt>
                <c:pt idx="5688">
                  <c:v>94.800000000000011</c:v>
                </c:pt>
                <c:pt idx="5689">
                  <c:v>94.816666999999995</c:v>
                </c:pt>
                <c:pt idx="5690">
                  <c:v>94.833334000000008</c:v>
                </c:pt>
                <c:pt idx="5691">
                  <c:v>94.85</c:v>
                </c:pt>
                <c:pt idx="5692">
                  <c:v>94.866667000000007</c:v>
                </c:pt>
                <c:pt idx="5693">
                  <c:v>94.883334000000019</c:v>
                </c:pt>
                <c:pt idx="5694">
                  <c:v>94.9</c:v>
                </c:pt>
                <c:pt idx="5695">
                  <c:v>94.916667000000018</c:v>
                </c:pt>
                <c:pt idx="5696">
                  <c:v>94.933334000000002</c:v>
                </c:pt>
                <c:pt idx="5697">
                  <c:v>94.950000000000017</c:v>
                </c:pt>
                <c:pt idx="5698">
                  <c:v>94.966667000000001</c:v>
                </c:pt>
                <c:pt idx="5699">
                  <c:v>94.983334000000013</c:v>
                </c:pt>
                <c:pt idx="5700">
                  <c:v>95</c:v>
                </c:pt>
                <c:pt idx="5701">
                  <c:v>95.016667000000012</c:v>
                </c:pt>
                <c:pt idx="5702">
                  <c:v>95.033333999999996</c:v>
                </c:pt>
                <c:pt idx="5703">
                  <c:v>95.050000000000011</c:v>
                </c:pt>
                <c:pt idx="5704">
                  <c:v>95.066666999999995</c:v>
                </c:pt>
                <c:pt idx="5705">
                  <c:v>95.083334000000008</c:v>
                </c:pt>
                <c:pt idx="5706">
                  <c:v>95.1</c:v>
                </c:pt>
                <c:pt idx="5707">
                  <c:v>95.116667000000007</c:v>
                </c:pt>
                <c:pt idx="5708">
                  <c:v>95.133334000000019</c:v>
                </c:pt>
                <c:pt idx="5709">
                  <c:v>95.15</c:v>
                </c:pt>
                <c:pt idx="5710">
                  <c:v>95.166667000000018</c:v>
                </c:pt>
                <c:pt idx="5711">
                  <c:v>95.183334000000002</c:v>
                </c:pt>
                <c:pt idx="5712">
                  <c:v>95.200000000000017</c:v>
                </c:pt>
                <c:pt idx="5713">
                  <c:v>95.216667000000001</c:v>
                </c:pt>
                <c:pt idx="5714">
                  <c:v>95.233334000000013</c:v>
                </c:pt>
                <c:pt idx="5715">
                  <c:v>95.25</c:v>
                </c:pt>
                <c:pt idx="5716">
                  <c:v>95.266667000000012</c:v>
                </c:pt>
                <c:pt idx="5717">
                  <c:v>95.283333999999996</c:v>
                </c:pt>
                <c:pt idx="5718">
                  <c:v>95.300000000000011</c:v>
                </c:pt>
                <c:pt idx="5719">
                  <c:v>95.316666999999995</c:v>
                </c:pt>
                <c:pt idx="5720">
                  <c:v>95.333334000000008</c:v>
                </c:pt>
                <c:pt idx="5721">
                  <c:v>95.35</c:v>
                </c:pt>
                <c:pt idx="5722">
                  <c:v>95.366667000000007</c:v>
                </c:pt>
                <c:pt idx="5723">
                  <c:v>95.383334000000019</c:v>
                </c:pt>
                <c:pt idx="5724">
                  <c:v>95.4</c:v>
                </c:pt>
                <c:pt idx="5725">
                  <c:v>95.416667000000018</c:v>
                </c:pt>
                <c:pt idx="5726">
                  <c:v>95.433334000000002</c:v>
                </c:pt>
                <c:pt idx="5727">
                  <c:v>95.450000000000017</c:v>
                </c:pt>
                <c:pt idx="5728">
                  <c:v>95.466667000000001</c:v>
                </c:pt>
                <c:pt idx="5729">
                  <c:v>95.483334000000013</c:v>
                </c:pt>
                <c:pt idx="5730">
                  <c:v>95.5</c:v>
                </c:pt>
                <c:pt idx="5731">
                  <c:v>95.516667000000012</c:v>
                </c:pt>
                <c:pt idx="5732">
                  <c:v>95.533333999999996</c:v>
                </c:pt>
                <c:pt idx="5733">
                  <c:v>95.550000000000011</c:v>
                </c:pt>
                <c:pt idx="5734">
                  <c:v>95.566666999999995</c:v>
                </c:pt>
                <c:pt idx="5735">
                  <c:v>95.583334000000008</c:v>
                </c:pt>
                <c:pt idx="5736">
                  <c:v>95.6</c:v>
                </c:pt>
                <c:pt idx="5737">
                  <c:v>95.616667000000007</c:v>
                </c:pt>
                <c:pt idx="5738">
                  <c:v>95.633334000000019</c:v>
                </c:pt>
                <c:pt idx="5739">
                  <c:v>95.65</c:v>
                </c:pt>
                <c:pt idx="5740">
                  <c:v>95.666667000000018</c:v>
                </c:pt>
                <c:pt idx="5741">
                  <c:v>95.683334000000002</c:v>
                </c:pt>
                <c:pt idx="5742">
                  <c:v>95.700000000000017</c:v>
                </c:pt>
                <c:pt idx="5743">
                  <c:v>95.716667000000001</c:v>
                </c:pt>
                <c:pt idx="5744">
                  <c:v>95.733334000000013</c:v>
                </c:pt>
                <c:pt idx="5745">
                  <c:v>95.75</c:v>
                </c:pt>
                <c:pt idx="5746">
                  <c:v>95.766667000000012</c:v>
                </c:pt>
                <c:pt idx="5747">
                  <c:v>95.783333999999996</c:v>
                </c:pt>
                <c:pt idx="5748">
                  <c:v>95.800000000000011</c:v>
                </c:pt>
                <c:pt idx="5749">
                  <c:v>95.816666999999995</c:v>
                </c:pt>
                <c:pt idx="5750">
                  <c:v>95.833334000000008</c:v>
                </c:pt>
                <c:pt idx="5751">
                  <c:v>95.85</c:v>
                </c:pt>
                <c:pt idx="5752">
                  <c:v>95.866667000000007</c:v>
                </c:pt>
                <c:pt idx="5753">
                  <c:v>95.883334000000019</c:v>
                </c:pt>
                <c:pt idx="5754">
                  <c:v>95.9</c:v>
                </c:pt>
                <c:pt idx="5755">
                  <c:v>95.916667000000018</c:v>
                </c:pt>
                <c:pt idx="5756">
                  <c:v>95.933334000000002</c:v>
                </c:pt>
                <c:pt idx="5757">
                  <c:v>95.950000000000017</c:v>
                </c:pt>
                <c:pt idx="5758">
                  <c:v>95.966667000000001</c:v>
                </c:pt>
                <c:pt idx="5759">
                  <c:v>95.983334000000013</c:v>
                </c:pt>
                <c:pt idx="5760">
                  <c:v>96</c:v>
                </c:pt>
                <c:pt idx="5761">
                  <c:v>96.016667000000012</c:v>
                </c:pt>
                <c:pt idx="5762">
                  <c:v>96.033333999999996</c:v>
                </c:pt>
                <c:pt idx="5763">
                  <c:v>96.050000000000011</c:v>
                </c:pt>
                <c:pt idx="5764">
                  <c:v>96.066666999999995</c:v>
                </c:pt>
                <c:pt idx="5765">
                  <c:v>96.083334000000008</c:v>
                </c:pt>
                <c:pt idx="5766">
                  <c:v>96.1</c:v>
                </c:pt>
                <c:pt idx="5767">
                  <c:v>96.116667000000007</c:v>
                </c:pt>
                <c:pt idx="5768">
                  <c:v>96.133334000000019</c:v>
                </c:pt>
                <c:pt idx="5769">
                  <c:v>96.15</c:v>
                </c:pt>
                <c:pt idx="5770">
                  <c:v>96.166667000000018</c:v>
                </c:pt>
                <c:pt idx="5771">
                  <c:v>96.183334000000002</c:v>
                </c:pt>
                <c:pt idx="5772">
                  <c:v>96.200000000000017</c:v>
                </c:pt>
                <c:pt idx="5773">
                  <c:v>96.216667000000001</c:v>
                </c:pt>
                <c:pt idx="5774">
                  <c:v>96.233334000000013</c:v>
                </c:pt>
                <c:pt idx="5775">
                  <c:v>96.25</c:v>
                </c:pt>
                <c:pt idx="5776">
                  <c:v>96.266667000000012</c:v>
                </c:pt>
                <c:pt idx="5777">
                  <c:v>96.283333999999996</c:v>
                </c:pt>
                <c:pt idx="5778">
                  <c:v>96.300000000000011</c:v>
                </c:pt>
                <c:pt idx="5779">
                  <c:v>96.316666999999995</c:v>
                </c:pt>
                <c:pt idx="5780">
                  <c:v>96.333334000000008</c:v>
                </c:pt>
                <c:pt idx="5781">
                  <c:v>96.35</c:v>
                </c:pt>
                <c:pt idx="5782">
                  <c:v>96.366667000000007</c:v>
                </c:pt>
                <c:pt idx="5783">
                  <c:v>96.383334000000019</c:v>
                </c:pt>
                <c:pt idx="5784">
                  <c:v>96.4</c:v>
                </c:pt>
                <c:pt idx="5785">
                  <c:v>96.416667000000018</c:v>
                </c:pt>
                <c:pt idx="5786">
                  <c:v>96.433334000000002</c:v>
                </c:pt>
                <c:pt idx="5787">
                  <c:v>96.450000000000017</c:v>
                </c:pt>
                <c:pt idx="5788">
                  <c:v>96.466667000000001</c:v>
                </c:pt>
                <c:pt idx="5789">
                  <c:v>96.483334000000013</c:v>
                </c:pt>
                <c:pt idx="5790">
                  <c:v>96.5</c:v>
                </c:pt>
                <c:pt idx="5791">
                  <c:v>96.516667000000012</c:v>
                </c:pt>
                <c:pt idx="5792">
                  <c:v>96.533333999999996</c:v>
                </c:pt>
                <c:pt idx="5793">
                  <c:v>96.550000000000011</c:v>
                </c:pt>
                <c:pt idx="5794">
                  <c:v>96.566666999999995</c:v>
                </c:pt>
                <c:pt idx="5795">
                  <c:v>96.583334000000008</c:v>
                </c:pt>
                <c:pt idx="5796">
                  <c:v>96.6</c:v>
                </c:pt>
                <c:pt idx="5797">
                  <c:v>96.616667000000007</c:v>
                </c:pt>
                <c:pt idx="5798">
                  <c:v>96.633334000000019</c:v>
                </c:pt>
                <c:pt idx="5799">
                  <c:v>96.65</c:v>
                </c:pt>
                <c:pt idx="5800">
                  <c:v>96.666667000000018</c:v>
                </c:pt>
                <c:pt idx="5801">
                  <c:v>96.683334000000002</c:v>
                </c:pt>
                <c:pt idx="5802">
                  <c:v>96.700000000000017</c:v>
                </c:pt>
                <c:pt idx="5803">
                  <c:v>96.716667000000001</c:v>
                </c:pt>
                <c:pt idx="5804">
                  <c:v>96.733334000000013</c:v>
                </c:pt>
                <c:pt idx="5805">
                  <c:v>96.75</c:v>
                </c:pt>
                <c:pt idx="5806">
                  <c:v>96.766667000000012</c:v>
                </c:pt>
                <c:pt idx="5807">
                  <c:v>96.783333999999996</c:v>
                </c:pt>
                <c:pt idx="5808">
                  <c:v>96.800000000000011</c:v>
                </c:pt>
                <c:pt idx="5809">
                  <c:v>96.816666999999995</c:v>
                </c:pt>
                <c:pt idx="5810">
                  <c:v>96.833334000000008</c:v>
                </c:pt>
                <c:pt idx="5811">
                  <c:v>96.85</c:v>
                </c:pt>
                <c:pt idx="5812">
                  <c:v>96.866667000000007</c:v>
                </c:pt>
                <c:pt idx="5813">
                  <c:v>96.883334000000019</c:v>
                </c:pt>
                <c:pt idx="5814">
                  <c:v>96.9</c:v>
                </c:pt>
                <c:pt idx="5815">
                  <c:v>96.916667000000018</c:v>
                </c:pt>
                <c:pt idx="5816">
                  <c:v>96.933334000000002</c:v>
                </c:pt>
                <c:pt idx="5817">
                  <c:v>96.950000000000017</c:v>
                </c:pt>
                <c:pt idx="5818">
                  <c:v>96.966667000000001</c:v>
                </c:pt>
                <c:pt idx="5819">
                  <c:v>96.983334000000013</c:v>
                </c:pt>
                <c:pt idx="5820">
                  <c:v>97</c:v>
                </c:pt>
                <c:pt idx="5821">
                  <c:v>97.016667000000012</c:v>
                </c:pt>
                <c:pt idx="5822">
                  <c:v>97.033333999999996</c:v>
                </c:pt>
                <c:pt idx="5823">
                  <c:v>97.050000000000011</c:v>
                </c:pt>
                <c:pt idx="5824">
                  <c:v>97.066666999999995</c:v>
                </c:pt>
                <c:pt idx="5825">
                  <c:v>97.083334000000008</c:v>
                </c:pt>
                <c:pt idx="5826">
                  <c:v>97.1</c:v>
                </c:pt>
                <c:pt idx="5827">
                  <c:v>97.116667000000007</c:v>
                </c:pt>
                <c:pt idx="5828">
                  <c:v>97.133334000000019</c:v>
                </c:pt>
                <c:pt idx="5829">
                  <c:v>97.15</c:v>
                </c:pt>
                <c:pt idx="5830">
                  <c:v>97.166667000000018</c:v>
                </c:pt>
                <c:pt idx="5831">
                  <c:v>97.183334000000002</c:v>
                </c:pt>
                <c:pt idx="5832">
                  <c:v>97.200000000000017</c:v>
                </c:pt>
                <c:pt idx="5833">
                  <c:v>97.216667000000001</c:v>
                </c:pt>
                <c:pt idx="5834">
                  <c:v>97.233334000000013</c:v>
                </c:pt>
                <c:pt idx="5835">
                  <c:v>97.25</c:v>
                </c:pt>
                <c:pt idx="5836">
                  <c:v>97.266667000000012</c:v>
                </c:pt>
                <c:pt idx="5837">
                  <c:v>97.283333999999996</c:v>
                </c:pt>
                <c:pt idx="5838">
                  <c:v>97.300000000000011</c:v>
                </c:pt>
                <c:pt idx="5839">
                  <c:v>97.316666999999995</c:v>
                </c:pt>
                <c:pt idx="5840">
                  <c:v>97.333334000000008</c:v>
                </c:pt>
                <c:pt idx="5841">
                  <c:v>97.35</c:v>
                </c:pt>
                <c:pt idx="5842">
                  <c:v>97.366667000000007</c:v>
                </c:pt>
                <c:pt idx="5843">
                  <c:v>97.383334000000019</c:v>
                </c:pt>
                <c:pt idx="5844">
                  <c:v>97.4</c:v>
                </c:pt>
                <c:pt idx="5845">
                  <c:v>97.416667000000018</c:v>
                </c:pt>
                <c:pt idx="5846">
                  <c:v>97.433334000000002</c:v>
                </c:pt>
                <c:pt idx="5847">
                  <c:v>97.450000000000017</c:v>
                </c:pt>
                <c:pt idx="5848">
                  <c:v>97.466667000000001</c:v>
                </c:pt>
                <c:pt idx="5849">
                  <c:v>97.483334000000013</c:v>
                </c:pt>
                <c:pt idx="5850">
                  <c:v>97.5</c:v>
                </c:pt>
                <c:pt idx="5851">
                  <c:v>97.516667000000012</c:v>
                </c:pt>
                <c:pt idx="5852">
                  <c:v>97.533333999999996</c:v>
                </c:pt>
                <c:pt idx="5853">
                  <c:v>97.550000000000011</c:v>
                </c:pt>
                <c:pt idx="5854">
                  <c:v>97.566666999999995</c:v>
                </c:pt>
                <c:pt idx="5855">
                  <c:v>97.583334000000008</c:v>
                </c:pt>
                <c:pt idx="5856">
                  <c:v>97.6</c:v>
                </c:pt>
                <c:pt idx="5857">
                  <c:v>97.616667000000007</c:v>
                </c:pt>
                <c:pt idx="5858">
                  <c:v>97.633334000000019</c:v>
                </c:pt>
                <c:pt idx="5859">
                  <c:v>97.65</c:v>
                </c:pt>
                <c:pt idx="5860">
                  <c:v>97.666667000000018</c:v>
                </c:pt>
                <c:pt idx="5861">
                  <c:v>97.683334000000002</c:v>
                </c:pt>
                <c:pt idx="5862">
                  <c:v>97.700000000000017</c:v>
                </c:pt>
                <c:pt idx="5863">
                  <c:v>97.716667000000001</c:v>
                </c:pt>
                <c:pt idx="5864">
                  <c:v>97.733334000000013</c:v>
                </c:pt>
                <c:pt idx="5865">
                  <c:v>97.75</c:v>
                </c:pt>
                <c:pt idx="5866">
                  <c:v>97.766667000000012</c:v>
                </c:pt>
                <c:pt idx="5867">
                  <c:v>97.783333999999996</c:v>
                </c:pt>
                <c:pt idx="5868">
                  <c:v>97.800000000000011</c:v>
                </c:pt>
                <c:pt idx="5869">
                  <c:v>97.816666999999995</c:v>
                </c:pt>
                <c:pt idx="5870">
                  <c:v>97.833334000000008</c:v>
                </c:pt>
                <c:pt idx="5871">
                  <c:v>97.85</c:v>
                </c:pt>
                <c:pt idx="5872">
                  <c:v>97.866667000000007</c:v>
                </c:pt>
                <c:pt idx="5873">
                  <c:v>97.883334000000019</c:v>
                </c:pt>
                <c:pt idx="5874">
                  <c:v>97.9</c:v>
                </c:pt>
                <c:pt idx="5875">
                  <c:v>97.916667000000018</c:v>
                </c:pt>
                <c:pt idx="5876">
                  <c:v>97.933334000000002</c:v>
                </c:pt>
                <c:pt idx="5877">
                  <c:v>97.950000000000017</c:v>
                </c:pt>
                <c:pt idx="5878">
                  <c:v>97.966667000000001</c:v>
                </c:pt>
                <c:pt idx="5879">
                  <c:v>97.983334000000013</c:v>
                </c:pt>
                <c:pt idx="5880">
                  <c:v>98</c:v>
                </c:pt>
                <c:pt idx="5881">
                  <c:v>98.016667000000012</c:v>
                </c:pt>
                <c:pt idx="5882">
                  <c:v>98.033333999999996</c:v>
                </c:pt>
                <c:pt idx="5883">
                  <c:v>98.050000000000011</c:v>
                </c:pt>
                <c:pt idx="5884">
                  <c:v>98.066666999999995</c:v>
                </c:pt>
                <c:pt idx="5885">
                  <c:v>98.083334000000008</c:v>
                </c:pt>
                <c:pt idx="5886">
                  <c:v>98.1</c:v>
                </c:pt>
                <c:pt idx="5887">
                  <c:v>98.116667000000007</c:v>
                </c:pt>
                <c:pt idx="5888">
                  <c:v>98.133334000000019</c:v>
                </c:pt>
                <c:pt idx="5889">
                  <c:v>98.15</c:v>
                </c:pt>
                <c:pt idx="5890">
                  <c:v>98.166667000000018</c:v>
                </c:pt>
                <c:pt idx="5891">
                  <c:v>98.183334000000002</c:v>
                </c:pt>
                <c:pt idx="5892">
                  <c:v>98.200000000000017</c:v>
                </c:pt>
                <c:pt idx="5893">
                  <c:v>98.216667000000001</c:v>
                </c:pt>
                <c:pt idx="5894">
                  <c:v>98.233334000000013</c:v>
                </c:pt>
                <c:pt idx="5895">
                  <c:v>98.25</c:v>
                </c:pt>
                <c:pt idx="5896">
                  <c:v>98.266667000000012</c:v>
                </c:pt>
                <c:pt idx="5897">
                  <c:v>98.283333999999996</c:v>
                </c:pt>
                <c:pt idx="5898">
                  <c:v>98.300000000000011</c:v>
                </c:pt>
                <c:pt idx="5899">
                  <c:v>98.316666999999995</c:v>
                </c:pt>
                <c:pt idx="5900">
                  <c:v>98.333334000000008</c:v>
                </c:pt>
                <c:pt idx="5901">
                  <c:v>98.35</c:v>
                </c:pt>
                <c:pt idx="5902">
                  <c:v>98.366667000000007</c:v>
                </c:pt>
                <c:pt idx="5903">
                  <c:v>98.383334000000019</c:v>
                </c:pt>
                <c:pt idx="5904">
                  <c:v>98.4</c:v>
                </c:pt>
                <c:pt idx="5905">
                  <c:v>98.416667000000018</c:v>
                </c:pt>
                <c:pt idx="5906">
                  <c:v>98.433334000000002</c:v>
                </c:pt>
                <c:pt idx="5907">
                  <c:v>98.450000000000017</c:v>
                </c:pt>
                <c:pt idx="5908">
                  <c:v>98.466667000000001</c:v>
                </c:pt>
                <c:pt idx="5909">
                  <c:v>98.483334000000013</c:v>
                </c:pt>
                <c:pt idx="5910">
                  <c:v>98.5</c:v>
                </c:pt>
                <c:pt idx="5911">
                  <c:v>98.516667000000012</c:v>
                </c:pt>
                <c:pt idx="5912">
                  <c:v>98.533333999999996</c:v>
                </c:pt>
                <c:pt idx="5913">
                  <c:v>98.550000000000011</c:v>
                </c:pt>
                <c:pt idx="5914">
                  <c:v>98.566666999999995</c:v>
                </c:pt>
                <c:pt idx="5915">
                  <c:v>98.583334000000008</c:v>
                </c:pt>
                <c:pt idx="5916">
                  <c:v>98.6</c:v>
                </c:pt>
                <c:pt idx="5917">
                  <c:v>98.616667000000007</c:v>
                </c:pt>
                <c:pt idx="5918">
                  <c:v>98.633334000000019</c:v>
                </c:pt>
                <c:pt idx="5919">
                  <c:v>98.65</c:v>
                </c:pt>
                <c:pt idx="5920">
                  <c:v>98.666667000000018</c:v>
                </c:pt>
                <c:pt idx="5921">
                  <c:v>98.683334000000002</c:v>
                </c:pt>
                <c:pt idx="5922">
                  <c:v>98.700000000000017</c:v>
                </c:pt>
                <c:pt idx="5923">
                  <c:v>98.716667000000001</c:v>
                </c:pt>
                <c:pt idx="5924">
                  <c:v>98.733334000000013</c:v>
                </c:pt>
                <c:pt idx="5925">
                  <c:v>98.75</c:v>
                </c:pt>
                <c:pt idx="5926">
                  <c:v>98.766667000000012</c:v>
                </c:pt>
                <c:pt idx="5927">
                  <c:v>98.783333999999996</c:v>
                </c:pt>
                <c:pt idx="5928">
                  <c:v>98.800000000000011</c:v>
                </c:pt>
                <c:pt idx="5929">
                  <c:v>98.816666999999995</c:v>
                </c:pt>
                <c:pt idx="5930">
                  <c:v>98.833334000000008</c:v>
                </c:pt>
                <c:pt idx="5931">
                  <c:v>98.85</c:v>
                </c:pt>
                <c:pt idx="5932">
                  <c:v>98.866667000000007</c:v>
                </c:pt>
                <c:pt idx="5933">
                  <c:v>98.883334000000019</c:v>
                </c:pt>
                <c:pt idx="5934">
                  <c:v>98.9</c:v>
                </c:pt>
                <c:pt idx="5935">
                  <c:v>98.916667000000018</c:v>
                </c:pt>
                <c:pt idx="5936">
                  <c:v>98.933334000000002</c:v>
                </c:pt>
                <c:pt idx="5937">
                  <c:v>98.950000000000017</c:v>
                </c:pt>
                <c:pt idx="5938">
                  <c:v>98.966667000000001</c:v>
                </c:pt>
                <c:pt idx="5939">
                  <c:v>98.983334000000013</c:v>
                </c:pt>
                <c:pt idx="5940">
                  <c:v>99</c:v>
                </c:pt>
                <c:pt idx="5941">
                  <c:v>99.016667000000012</c:v>
                </c:pt>
                <c:pt idx="5942">
                  <c:v>99.033333999999996</c:v>
                </c:pt>
                <c:pt idx="5943">
                  <c:v>99.050000000000011</c:v>
                </c:pt>
                <c:pt idx="5944">
                  <c:v>99.066666999999995</c:v>
                </c:pt>
                <c:pt idx="5945">
                  <c:v>99.083334000000008</c:v>
                </c:pt>
                <c:pt idx="5946">
                  <c:v>99.1</c:v>
                </c:pt>
                <c:pt idx="5947">
                  <c:v>99.116667000000007</c:v>
                </c:pt>
                <c:pt idx="5948">
                  <c:v>99.133334000000019</c:v>
                </c:pt>
                <c:pt idx="5949">
                  <c:v>99.15</c:v>
                </c:pt>
                <c:pt idx="5950">
                  <c:v>99.166667000000018</c:v>
                </c:pt>
                <c:pt idx="5951">
                  <c:v>99.183334000000002</c:v>
                </c:pt>
                <c:pt idx="5952">
                  <c:v>99.200000000000017</c:v>
                </c:pt>
                <c:pt idx="5953">
                  <c:v>99.216667000000001</c:v>
                </c:pt>
                <c:pt idx="5954">
                  <c:v>99.233334000000013</c:v>
                </c:pt>
                <c:pt idx="5955">
                  <c:v>99.25</c:v>
                </c:pt>
                <c:pt idx="5956">
                  <c:v>99.266667000000012</c:v>
                </c:pt>
                <c:pt idx="5957">
                  <c:v>99.283333999999996</c:v>
                </c:pt>
                <c:pt idx="5958">
                  <c:v>99.300000000000011</c:v>
                </c:pt>
                <c:pt idx="5959">
                  <c:v>99.316666999999995</c:v>
                </c:pt>
                <c:pt idx="5960">
                  <c:v>99.333334000000008</c:v>
                </c:pt>
                <c:pt idx="5961">
                  <c:v>99.35</c:v>
                </c:pt>
                <c:pt idx="5962">
                  <c:v>99.366667000000007</c:v>
                </c:pt>
                <c:pt idx="5963">
                  <c:v>99.383334000000019</c:v>
                </c:pt>
                <c:pt idx="5964">
                  <c:v>99.4</c:v>
                </c:pt>
                <c:pt idx="5965">
                  <c:v>99.416667000000018</c:v>
                </c:pt>
                <c:pt idx="5966">
                  <c:v>99.433334000000002</c:v>
                </c:pt>
                <c:pt idx="5967">
                  <c:v>99.450000000000017</c:v>
                </c:pt>
                <c:pt idx="5968">
                  <c:v>99.466667000000001</c:v>
                </c:pt>
                <c:pt idx="5969">
                  <c:v>99.483334000000013</c:v>
                </c:pt>
                <c:pt idx="5970">
                  <c:v>99.5</c:v>
                </c:pt>
                <c:pt idx="5971">
                  <c:v>99.516667000000012</c:v>
                </c:pt>
                <c:pt idx="5972">
                  <c:v>99.533333999999996</c:v>
                </c:pt>
                <c:pt idx="5973">
                  <c:v>99.550000000000011</c:v>
                </c:pt>
                <c:pt idx="5974">
                  <c:v>99.566666999999995</c:v>
                </c:pt>
                <c:pt idx="5975">
                  <c:v>99.583334000000008</c:v>
                </c:pt>
                <c:pt idx="5976">
                  <c:v>99.6</c:v>
                </c:pt>
                <c:pt idx="5977">
                  <c:v>99.616667000000007</c:v>
                </c:pt>
                <c:pt idx="5978">
                  <c:v>99.633334000000019</c:v>
                </c:pt>
                <c:pt idx="5979">
                  <c:v>99.65</c:v>
                </c:pt>
                <c:pt idx="5980">
                  <c:v>99.666667000000018</c:v>
                </c:pt>
                <c:pt idx="5981">
                  <c:v>99.683334000000002</c:v>
                </c:pt>
                <c:pt idx="5982">
                  <c:v>99.700000000000017</c:v>
                </c:pt>
                <c:pt idx="5983">
                  <c:v>99.716667000000001</c:v>
                </c:pt>
                <c:pt idx="5984">
                  <c:v>99.733334000000013</c:v>
                </c:pt>
                <c:pt idx="5985">
                  <c:v>99.75</c:v>
                </c:pt>
                <c:pt idx="5986">
                  <c:v>99.766667000000012</c:v>
                </c:pt>
                <c:pt idx="5987">
                  <c:v>99.783333999999996</c:v>
                </c:pt>
                <c:pt idx="5988">
                  <c:v>99.800000000000011</c:v>
                </c:pt>
                <c:pt idx="5989">
                  <c:v>99.816666999999995</c:v>
                </c:pt>
                <c:pt idx="5990">
                  <c:v>99.833334000000008</c:v>
                </c:pt>
                <c:pt idx="5991">
                  <c:v>99.85</c:v>
                </c:pt>
                <c:pt idx="5992">
                  <c:v>99.866667000000007</c:v>
                </c:pt>
                <c:pt idx="5993">
                  <c:v>99.883334000000019</c:v>
                </c:pt>
                <c:pt idx="5994">
                  <c:v>99.9</c:v>
                </c:pt>
                <c:pt idx="5995">
                  <c:v>99.916667000000018</c:v>
                </c:pt>
                <c:pt idx="5996">
                  <c:v>99.933334000000002</c:v>
                </c:pt>
                <c:pt idx="5997">
                  <c:v>99.950000000000017</c:v>
                </c:pt>
                <c:pt idx="5998">
                  <c:v>99.966667000000001</c:v>
                </c:pt>
                <c:pt idx="5999">
                  <c:v>99.983334000000013</c:v>
                </c:pt>
                <c:pt idx="6000">
                  <c:v>100</c:v>
                </c:pt>
                <c:pt idx="6001">
                  <c:v>100.01666700000001</c:v>
                </c:pt>
                <c:pt idx="6002">
                  <c:v>100.033334</c:v>
                </c:pt>
                <c:pt idx="6003">
                  <c:v>100.05000000000001</c:v>
                </c:pt>
                <c:pt idx="6004">
                  <c:v>100.066667</c:v>
                </c:pt>
                <c:pt idx="6005">
                  <c:v>100.08333400000001</c:v>
                </c:pt>
                <c:pt idx="6006">
                  <c:v>100.1</c:v>
                </c:pt>
                <c:pt idx="6007">
                  <c:v>100.11666700000001</c:v>
                </c:pt>
                <c:pt idx="6008">
                  <c:v>100.13333400000002</c:v>
                </c:pt>
                <c:pt idx="6009">
                  <c:v>100.15</c:v>
                </c:pt>
                <c:pt idx="6010">
                  <c:v>100.16666700000002</c:v>
                </c:pt>
                <c:pt idx="6011">
                  <c:v>100.183334</c:v>
                </c:pt>
                <c:pt idx="6012">
                  <c:v>100.20000000000002</c:v>
                </c:pt>
                <c:pt idx="6013">
                  <c:v>100.216667</c:v>
                </c:pt>
                <c:pt idx="6014">
                  <c:v>100.23333400000001</c:v>
                </c:pt>
                <c:pt idx="6015">
                  <c:v>100.25</c:v>
                </c:pt>
                <c:pt idx="6016">
                  <c:v>100.26666700000001</c:v>
                </c:pt>
                <c:pt idx="6017">
                  <c:v>100.283334</c:v>
                </c:pt>
                <c:pt idx="6018">
                  <c:v>100.30000000000001</c:v>
                </c:pt>
                <c:pt idx="6019">
                  <c:v>100.316667</c:v>
                </c:pt>
                <c:pt idx="6020">
                  <c:v>100.33333400000001</c:v>
                </c:pt>
                <c:pt idx="6021">
                  <c:v>100.35</c:v>
                </c:pt>
                <c:pt idx="6022">
                  <c:v>100.36666700000001</c:v>
                </c:pt>
                <c:pt idx="6023">
                  <c:v>100.38333400000002</c:v>
                </c:pt>
                <c:pt idx="6024">
                  <c:v>100.4</c:v>
                </c:pt>
                <c:pt idx="6025">
                  <c:v>100.41666700000002</c:v>
                </c:pt>
                <c:pt idx="6026">
                  <c:v>100.433334</c:v>
                </c:pt>
                <c:pt idx="6027">
                  <c:v>100.45000000000002</c:v>
                </c:pt>
                <c:pt idx="6028">
                  <c:v>100.466667</c:v>
                </c:pt>
                <c:pt idx="6029">
                  <c:v>100.48333400000001</c:v>
                </c:pt>
                <c:pt idx="6030">
                  <c:v>100.5</c:v>
                </c:pt>
                <c:pt idx="6031">
                  <c:v>100.51666700000001</c:v>
                </c:pt>
                <c:pt idx="6032">
                  <c:v>100.533334</c:v>
                </c:pt>
                <c:pt idx="6033">
                  <c:v>100.55000000000001</c:v>
                </c:pt>
                <c:pt idx="6034">
                  <c:v>100.566667</c:v>
                </c:pt>
                <c:pt idx="6035">
                  <c:v>100.58333400000001</c:v>
                </c:pt>
                <c:pt idx="6036">
                  <c:v>100.6</c:v>
                </c:pt>
                <c:pt idx="6037">
                  <c:v>100.61666700000001</c:v>
                </c:pt>
                <c:pt idx="6038">
                  <c:v>100.63333400000002</c:v>
                </c:pt>
                <c:pt idx="6039">
                  <c:v>100.65</c:v>
                </c:pt>
                <c:pt idx="6040">
                  <c:v>100.66666700000002</c:v>
                </c:pt>
                <c:pt idx="6041">
                  <c:v>100.683334</c:v>
                </c:pt>
                <c:pt idx="6042">
                  <c:v>100.70000000000002</c:v>
                </c:pt>
                <c:pt idx="6043">
                  <c:v>100.716667</c:v>
                </c:pt>
                <c:pt idx="6044">
                  <c:v>100.73333400000001</c:v>
                </c:pt>
                <c:pt idx="6045">
                  <c:v>100.75</c:v>
                </c:pt>
                <c:pt idx="6046">
                  <c:v>100.76666700000001</c:v>
                </c:pt>
                <c:pt idx="6047">
                  <c:v>100.783334</c:v>
                </c:pt>
                <c:pt idx="6048">
                  <c:v>100.80000000000001</c:v>
                </c:pt>
                <c:pt idx="6049">
                  <c:v>100.816667</c:v>
                </c:pt>
                <c:pt idx="6050">
                  <c:v>100.83333400000001</c:v>
                </c:pt>
                <c:pt idx="6051">
                  <c:v>100.85</c:v>
                </c:pt>
                <c:pt idx="6052">
                  <c:v>100.86666700000001</c:v>
                </c:pt>
                <c:pt idx="6053">
                  <c:v>100.88333400000002</c:v>
                </c:pt>
                <c:pt idx="6054">
                  <c:v>100.9</c:v>
                </c:pt>
                <c:pt idx="6055">
                  <c:v>100.91666700000002</c:v>
                </c:pt>
                <c:pt idx="6056">
                  <c:v>100.933334</c:v>
                </c:pt>
                <c:pt idx="6057">
                  <c:v>100.95000000000002</c:v>
                </c:pt>
                <c:pt idx="6058">
                  <c:v>100.966667</c:v>
                </c:pt>
                <c:pt idx="6059">
                  <c:v>100.98333400000001</c:v>
                </c:pt>
                <c:pt idx="6060">
                  <c:v>101</c:v>
                </c:pt>
                <c:pt idx="6061">
                  <c:v>101.01666700000001</c:v>
                </c:pt>
                <c:pt idx="6062">
                  <c:v>101.033334</c:v>
                </c:pt>
                <c:pt idx="6063">
                  <c:v>101.05000000000001</c:v>
                </c:pt>
                <c:pt idx="6064">
                  <c:v>101.066667</c:v>
                </c:pt>
                <c:pt idx="6065">
                  <c:v>101.08333400000001</c:v>
                </c:pt>
                <c:pt idx="6066">
                  <c:v>101.1</c:v>
                </c:pt>
                <c:pt idx="6067">
                  <c:v>101.11666700000001</c:v>
                </c:pt>
                <c:pt idx="6068">
                  <c:v>101.13333400000002</c:v>
                </c:pt>
                <c:pt idx="6069">
                  <c:v>101.15</c:v>
                </c:pt>
                <c:pt idx="6070">
                  <c:v>101.16666700000002</c:v>
                </c:pt>
                <c:pt idx="6071">
                  <c:v>101.183334</c:v>
                </c:pt>
                <c:pt idx="6072">
                  <c:v>101.20000000000002</c:v>
                </c:pt>
                <c:pt idx="6073">
                  <c:v>101.216667</c:v>
                </c:pt>
                <c:pt idx="6074">
                  <c:v>101.23333400000001</c:v>
                </c:pt>
                <c:pt idx="6075">
                  <c:v>101.25</c:v>
                </c:pt>
                <c:pt idx="6076">
                  <c:v>101.26666700000001</c:v>
                </c:pt>
                <c:pt idx="6077">
                  <c:v>101.283334</c:v>
                </c:pt>
                <c:pt idx="6078">
                  <c:v>101.30000000000001</c:v>
                </c:pt>
                <c:pt idx="6079">
                  <c:v>101.316667</c:v>
                </c:pt>
                <c:pt idx="6080">
                  <c:v>101.33333400000001</c:v>
                </c:pt>
                <c:pt idx="6081">
                  <c:v>101.35</c:v>
                </c:pt>
                <c:pt idx="6082">
                  <c:v>101.36666700000001</c:v>
                </c:pt>
                <c:pt idx="6083">
                  <c:v>101.38333400000002</c:v>
                </c:pt>
                <c:pt idx="6084">
                  <c:v>101.4</c:v>
                </c:pt>
                <c:pt idx="6085">
                  <c:v>101.41666700000002</c:v>
                </c:pt>
                <c:pt idx="6086">
                  <c:v>101.433334</c:v>
                </c:pt>
                <c:pt idx="6087">
                  <c:v>101.45000000000002</c:v>
                </c:pt>
                <c:pt idx="6088">
                  <c:v>101.466667</c:v>
                </c:pt>
                <c:pt idx="6089">
                  <c:v>101.48333400000001</c:v>
                </c:pt>
                <c:pt idx="6090">
                  <c:v>101.5</c:v>
                </c:pt>
                <c:pt idx="6091">
                  <c:v>101.51666700000001</c:v>
                </c:pt>
                <c:pt idx="6092">
                  <c:v>101.533334</c:v>
                </c:pt>
                <c:pt idx="6093">
                  <c:v>101.55000000000001</c:v>
                </c:pt>
                <c:pt idx="6094">
                  <c:v>101.566667</c:v>
                </c:pt>
                <c:pt idx="6095">
                  <c:v>101.58333400000001</c:v>
                </c:pt>
                <c:pt idx="6096">
                  <c:v>101.6</c:v>
                </c:pt>
                <c:pt idx="6097">
                  <c:v>101.61666700000001</c:v>
                </c:pt>
                <c:pt idx="6098">
                  <c:v>101.63333400000002</c:v>
                </c:pt>
                <c:pt idx="6099">
                  <c:v>101.65</c:v>
                </c:pt>
                <c:pt idx="6100">
                  <c:v>101.66666700000002</c:v>
                </c:pt>
                <c:pt idx="6101">
                  <c:v>101.683334</c:v>
                </c:pt>
                <c:pt idx="6102">
                  <c:v>101.70000000000002</c:v>
                </c:pt>
                <c:pt idx="6103">
                  <c:v>101.716667</c:v>
                </c:pt>
                <c:pt idx="6104">
                  <c:v>101.73333400000001</c:v>
                </c:pt>
                <c:pt idx="6105">
                  <c:v>101.75</c:v>
                </c:pt>
                <c:pt idx="6106">
                  <c:v>101.76666700000001</c:v>
                </c:pt>
                <c:pt idx="6107">
                  <c:v>101.783334</c:v>
                </c:pt>
                <c:pt idx="6108">
                  <c:v>101.80000000000001</c:v>
                </c:pt>
                <c:pt idx="6109">
                  <c:v>101.816667</c:v>
                </c:pt>
                <c:pt idx="6110">
                  <c:v>101.83333400000001</c:v>
                </c:pt>
                <c:pt idx="6111">
                  <c:v>101.85</c:v>
                </c:pt>
                <c:pt idx="6112">
                  <c:v>101.86666700000001</c:v>
                </c:pt>
                <c:pt idx="6113">
                  <c:v>101.88333400000002</c:v>
                </c:pt>
                <c:pt idx="6114">
                  <c:v>101.9</c:v>
                </c:pt>
                <c:pt idx="6115">
                  <c:v>101.91666700000002</c:v>
                </c:pt>
                <c:pt idx="6116">
                  <c:v>101.933334</c:v>
                </c:pt>
                <c:pt idx="6117">
                  <c:v>101.95000000000002</c:v>
                </c:pt>
                <c:pt idx="6118">
                  <c:v>101.966667</c:v>
                </c:pt>
                <c:pt idx="6119">
                  <c:v>101.98333400000001</c:v>
                </c:pt>
                <c:pt idx="6120">
                  <c:v>102</c:v>
                </c:pt>
                <c:pt idx="6121">
                  <c:v>102.01666700000001</c:v>
                </c:pt>
                <c:pt idx="6122">
                  <c:v>102.033334</c:v>
                </c:pt>
                <c:pt idx="6123">
                  <c:v>102.05000000000001</c:v>
                </c:pt>
                <c:pt idx="6124">
                  <c:v>102.066667</c:v>
                </c:pt>
                <c:pt idx="6125">
                  <c:v>102.08333400000001</c:v>
                </c:pt>
                <c:pt idx="6126">
                  <c:v>102.1</c:v>
                </c:pt>
                <c:pt idx="6127">
                  <c:v>102.11666700000001</c:v>
                </c:pt>
                <c:pt idx="6128">
                  <c:v>102.13333400000002</c:v>
                </c:pt>
                <c:pt idx="6129">
                  <c:v>102.15</c:v>
                </c:pt>
                <c:pt idx="6130">
                  <c:v>102.16666700000002</c:v>
                </c:pt>
                <c:pt idx="6131">
                  <c:v>102.183334</c:v>
                </c:pt>
                <c:pt idx="6132">
                  <c:v>102.20000000000002</c:v>
                </c:pt>
                <c:pt idx="6133">
                  <c:v>102.216667</c:v>
                </c:pt>
                <c:pt idx="6134">
                  <c:v>102.23333400000001</c:v>
                </c:pt>
                <c:pt idx="6135">
                  <c:v>102.25</c:v>
                </c:pt>
                <c:pt idx="6136">
                  <c:v>102.26666700000001</c:v>
                </c:pt>
                <c:pt idx="6137">
                  <c:v>102.283334</c:v>
                </c:pt>
                <c:pt idx="6138">
                  <c:v>102.30000000000001</c:v>
                </c:pt>
                <c:pt idx="6139">
                  <c:v>102.316667</c:v>
                </c:pt>
                <c:pt idx="6140">
                  <c:v>102.33333400000001</c:v>
                </c:pt>
                <c:pt idx="6141">
                  <c:v>102.35</c:v>
                </c:pt>
                <c:pt idx="6142">
                  <c:v>102.36666700000001</c:v>
                </c:pt>
                <c:pt idx="6143">
                  <c:v>102.38333400000002</c:v>
                </c:pt>
                <c:pt idx="6144">
                  <c:v>102.4</c:v>
                </c:pt>
                <c:pt idx="6145">
                  <c:v>102.41666700000002</c:v>
                </c:pt>
                <c:pt idx="6146">
                  <c:v>102.433334</c:v>
                </c:pt>
                <c:pt idx="6147">
                  <c:v>102.45000000000002</c:v>
                </c:pt>
                <c:pt idx="6148">
                  <c:v>102.466667</c:v>
                </c:pt>
                <c:pt idx="6149">
                  <c:v>102.48333400000001</c:v>
                </c:pt>
                <c:pt idx="6150">
                  <c:v>102.5</c:v>
                </c:pt>
                <c:pt idx="6151">
                  <c:v>102.51666700000001</c:v>
                </c:pt>
                <c:pt idx="6152">
                  <c:v>102.533334</c:v>
                </c:pt>
                <c:pt idx="6153">
                  <c:v>102.55000000000001</c:v>
                </c:pt>
                <c:pt idx="6154">
                  <c:v>102.566667</c:v>
                </c:pt>
                <c:pt idx="6155">
                  <c:v>102.58333400000001</c:v>
                </c:pt>
                <c:pt idx="6156">
                  <c:v>102.6</c:v>
                </c:pt>
                <c:pt idx="6157">
                  <c:v>102.61666700000001</c:v>
                </c:pt>
                <c:pt idx="6158">
                  <c:v>102.63333400000002</c:v>
                </c:pt>
                <c:pt idx="6159">
                  <c:v>102.65</c:v>
                </c:pt>
                <c:pt idx="6160">
                  <c:v>102.66666700000002</c:v>
                </c:pt>
                <c:pt idx="6161">
                  <c:v>102.683334</c:v>
                </c:pt>
                <c:pt idx="6162">
                  <c:v>102.70000000000002</c:v>
                </c:pt>
                <c:pt idx="6163">
                  <c:v>102.716667</c:v>
                </c:pt>
                <c:pt idx="6164">
                  <c:v>102.73333400000001</c:v>
                </c:pt>
                <c:pt idx="6165">
                  <c:v>102.75</c:v>
                </c:pt>
                <c:pt idx="6166">
                  <c:v>102.76666700000001</c:v>
                </c:pt>
                <c:pt idx="6167">
                  <c:v>102.783334</c:v>
                </c:pt>
                <c:pt idx="6168">
                  <c:v>102.80000000000001</c:v>
                </c:pt>
                <c:pt idx="6169">
                  <c:v>102.816667</c:v>
                </c:pt>
                <c:pt idx="6170">
                  <c:v>102.83333400000001</c:v>
                </c:pt>
                <c:pt idx="6171">
                  <c:v>102.85</c:v>
                </c:pt>
                <c:pt idx="6172">
                  <c:v>102.86666700000001</c:v>
                </c:pt>
                <c:pt idx="6173">
                  <c:v>102.88333400000002</c:v>
                </c:pt>
                <c:pt idx="6174">
                  <c:v>102.9</c:v>
                </c:pt>
                <c:pt idx="6175">
                  <c:v>102.91666700000002</c:v>
                </c:pt>
                <c:pt idx="6176">
                  <c:v>102.933334</c:v>
                </c:pt>
                <c:pt idx="6177">
                  <c:v>102.95000000000002</c:v>
                </c:pt>
                <c:pt idx="6178">
                  <c:v>102.966667</c:v>
                </c:pt>
                <c:pt idx="6179">
                  <c:v>102.98333400000001</c:v>
                </c:pt>
                <c:pt idx="6180">
                  <c:v>103</c:v>
                </c:pt>
                <c:pt idx="6181">
                  <c:v>103.01666700000001</c:v>
                </c:pt>
                <c:pt idx="6182">
                  <c:v>103.033334</c:v>
                </c:pt>
                <c:pt idx="6183">
                  <c:v>103.05000000000001</c:v>
                </c:pt>
                <c:pt idx="6184">
                  <c:v>103.066667</c:v>
                </c:pt>
                <c:pt idx="6185">
                  <c:v>103.08333400000001</c:v>
                </c:pt>
                <c:pt idx="6186">
                  <c:v>103.1</c:v>
                </c:pt>
                <c:pt idx="6187">
                  <c:v>103.11666700000001</c:v>
                </c:pt>
                <c:pt idx="6188">
                  <c:v>103.13333400000002</c:v>
                </c:pt>
                <c:pt idx="6189">
                  <c:v>103.15</c:v>
                </c:pt>
                <c:pt idx="6190">
                  <c:v>103.16666700000002</c:v>
                </c:pt>
                <c:pt idx="6191">
                  <c:v>103.183334</c:v>
                </c:pt>
                <c:pt idx="6192">
                  <c:v>103.20000000000002</c:v>
                </c:pt>
                <c:pt idx="6193">
                  <c:v>103.216667</c:v>
                </c:pt>
                <c:pt idx="6194">
                  <c:v>103.23333400000001</c:v>
                </c:pt>
                <c:pt idx="6195">
                  <c:v>103.25</c:v>
                </c:pt>
                <c:pt idx="6196">
                  <c:v>103.26666700000001</c:v>
                </c:pt>
                <c:pt idx="6197">
                  <c:v>103.283334</c:v>
                </c:pt>
                <c:pt idx="6198">
                  <c:v>103.30000000000001</c:v>
                </c:pt>
                <c:pt idx="6199">
                  <c:v>103.316667</c:v>
                </c:pt>
                <c:pt idx="6200">
                  <c:v>103.33333400000001</c:v>
                </c:pt>
                <c:pt idx="6201">
                  <c:v>103.35</c:v>
                </c:pt>
                <c:pt idx="6202">
                  <c:v>103.36666700000001</c:v>
                </c:pt>
                <c:pt idx="6203">
                  <c:v>103.38333400000002</c:v>
                </c:pt>
                <c:pt idx="6204">
                  <c:v>103.4</c:v>
                </c:pt>
                <c:pt idx="6205">
                  <c:v>103.41666700000002</c:v>
                </c:pt>
                <c:pt idx="6206">
                  <c:v>103.433334</c:v>
                </c:pt>
                <c:pt idx="6207">
                  <c:v>103.45000000000002</c:v>
                </c:pt>
                <c:pt idx="6208">
                  <c:v>103.466667</c:v>
                </c:pt>
                <c:pt idx="6209">
                  <c:v>103.48333400000001</c:v>
                </c:pt>
                <c:pt idx="6210">
                  <c:v>103.5</c:v>
                </c:pt>
                <c:pt idx="6211">
                  <c:v>103.51666700000001</c:v>
                </c:pt>
                <c:pt idx="6212">
                  <c:v>103.533334</c:v>
                </c:pt>
                <c:pt idx="6213">
                  <c:v>103.55000000000001</c:v>
                </c:pt>
                <c:pt idx="6214">
                  <c:v>103.566667</c:v>
                </c:pt>
                <c:pt idx="6215">
                  <c:v>103.58333400000001</c:v>
                </c:pt>
                <c:pt idx="6216">
                  <c:v>103.6</c:v>
                </c:pt>
                <c:pt idx="6217">
                  <c:v>103.61666700000001</c:v>
                </c:pt>
                <c:pt idx="6218">
                  <c:v>103.63333400000002</c:v>
                </c:pt>
                <c:pt idx="6219">
                  <c:v>103.65</c:v>
                </c:pt>
                <c:pt idx="6220">
                  <c:v>103.66666700000002</c:v>
                </c:pt>
                <c:pt idx="6221">
                  <c:v>103.683334</c:v>
                </c:pt>
                <c:pt idx="6222">
                  <c:v>103.70000000000002</c:v>
                </c:pt>
                <c:pt idx="6223">
                  <c:v>103.716667</c:v>
                </c:pt>
                <c:pt idx="6224">
                  <c:v>103.73333400000001</c:v>
                </c:pt>
                <c:pt idx="6225">
                  <c:v>103.75</c:v>
                </c:pt>
                <c:pt idx="6226">
                  <c:v>103.76666700000001</c:v>
                </c:pt>
                <c:pt idx="6227">
                  <c:v>103.783334</c:v>
                </c:pt>
                <c:pt idx="6228">
                  <c:v>103.80000000000001</c:v>
                </c:pt>
                <c:pt idx="6229">
                  <c:v>103.816667</c:v>
                </c:pt>
                <c:pt idx="6230">
                  <c:v>103.83333400000001</c:v>
                </c:pt>
                <c:pt idx="6231">
                  <c:v>103.85</c:v>
                </c:pt>
                <c:pt idx="6232">
                  <c:v>103.86666700000001</c:v>
                </c:pt>
                <c:pt idx="6233">
                  <c:v>103.88333400000002</c:v>
                </c:pt>
                <c:pt idx="6234">
                  <c:v>103.9</c:v>
                </c:pt>
                <c:pt idx="6235">
                  <c:v>103.91666700000002</c:v>
                </c:pt>
                <c:pt idx="6236">
                  <c:v>103.933334</c:v>
                </c:pt>
                <c:pt idx="6237">
                  <c:v>103.95000000000002</c:v>
                </c:pt>
                <c:pt idx="6238">
                  <c:v>103.966667</c:v>
                </c:pt>
                <c:pt idx="6239">
                  <c:v>103.98333400000001</c:v>
                </c:pt>
                <c:pt idx="6240">
                  <c:v>104</c:v>
                </c:pt>
                <c:pt idx="6241">
                  <c:v>104.01666700000001</c:v>
                </c:pt>
                <c:pt idx="6242">
                  <c:v>104.033334</c:v>
                </c:pt>
                <c:pt idx="6243">
                  <c:v>104.05000000000001</c:v>
                </c:pt>
                <c:pt idx="6244">
                  <c:v>104.066667</c:v>
                </c:pt>
                <c:pt idx="6245">
                  <c:v>104.08333400000001</c:v>
                </c:pt>
                <c:pt idx="6246">
                  <c:v>104.1</c:v>
                </c:pt>
                <c:pt idx="6247">
                  <c:v>104.11666700000001</c:v>
                </c:pt>
                <c:pt idx="6248">
                  <c:v>104.13333400000002</c:v>
                </c:pt>
                <c:pt idx="6249">
                  <c:v>104.15</c:v>
                </c:pt>
                <c:pt idx="6250">
                  <c:v>104.16666700000002</c:v>
                </c:pt>
                <c:pt idx="6251">
                  <c:v>104.183334</c:v>
                </c:pt>
                <c:pt idx="6252">
                  <c:v>104.20000000000002</c:v>
                </c:pt>
                <c:pt idx="6253">
                  <c:v>104.216667</c:v>
                </c:pt>
                <c:pt idx="6254">
                  <c:v>104.23333400000001</c:v>
                </c:pt>
                <c:pt idx="6255">
                  <c:v>104.25</c:v>
                </c:pt>
                <c:pt idx="6256">
                  <c:v>104.26666700000001</c:v>
                </c:pt>
                <c:pt idx="6257">
                  <c:v>104.283334</c:v>
                </c:pt>
                <c:pt idx="6258">
                  <c:v>104.30000000000001</c:v>
                </c:pt>
                <c:pt idx="6259">
                  <c:v>104.316667</c:v>
                </c:pt>
                <c:pt idx="6260">
                  <c:v>104.33333400000001</c:v>
                </c:pt>
                <c:pt idx="6261">
                  <c:v>104.35</c:v>
                </c:pt>
                <c:pt idx="6262">
                  <c:v>104.36666700000001</c:v>
                </c:pt>
                <c:pt idx="6263">
                  <c:v>104.38333400000002</c:v>
                </c:pt>
                <c:pt idx="6264">
                  <c:v>104.4</c:v>
                </c:pt>
                <c:pt idx="6265">
                  <c:v>104.41666700000002</c:v>
                </c:pt>
                <c:pt idx="6266">
                  <c:v>104.433334</c:v>
                </c:pt>
                <c:pt idx="6267">
                  <c:v>104.45000000000002</c:v>
                </c:pt>
                <c:pt idx="6268">
                  <c:v>104.466667</c:v>
                </c:pt>
                <c:pt idx="6269">
                  <c:v>104.48333400000001</c:v>
                </c:pt>
                <c:pt idx="6270">
                  <c:v>104.5</c:v>
                </c:pt>
                <c:pt idx="6271">
                  <c:v>104.51666700000001</c:v>
                </c:pt>
                <c:pt idx="6272">
                  <c:v>104.533334</c:v>
                </c:pt>
                <c:pt idx="6273">
                  <c:v>104.55000000000001</c:v>
                </c:pt>
                <c:pt idx="6274">
                  <c:v>104.566667</c:v>
                </c:pt>
                <c:pt idx="6275">
                  <c:v>104.58333400000001</c:v>
                </c:pt>
                <c:pt idx="6276">
                  <c:v>104.6</c:v>
                </c:pt>
                <c:pt idx="6277">
                  <c:v>104.61666700000001</c:v>
                </c:pt>
                <c:pt idx="6278">
                  <c:v>104.63333400000002</c:v>
                </c:pt>
                <c:pt idx="6279">
                  <c:v>104.65</c:v>
                </c:pt>
                <c:pt idx="6280">
                  <c:v>104.66666700000002</c:v>
                </c:pt>
                <c:pt idx="6281">
                  <c:v>104.683334</c:v>
                </c:pt>
                <c:pt idx="6282">
                  <c:v>104.70000000000002</c:v>
                </c:pt>
                <c:pt idx="6283">
                  <c:v>104.716667</c:v>
                </c:pt>
                <c:pt idx="6284">
                  <c:v>104.73333400000001</c:v>
                </c:pt>
                <c:pt idx="6285">
                  <c:v>104.75</c:v>
                </c:pt>
                <c:pt idx="6286">
                  <c:v>104.76666700000001</c:v>
                </c:pt>
                <c:pt idx="6287">
                  <c:v>104.783334</c:v>
                </c:pt>
                <c:pt idx="6288">
                  <c:v>104.80000000000001</c:v>
                </c:pt>
                <c:pt idx="6289">
                  <c:v>104.816667</c:v>
                </c:pt>
                <c:pt idx="6290">
                  <c:v>104.83333400000001</c:v>
                </c:pt>
                <c:pt idx="6291">
                  <c:v>104.85</c:v>
                </c:pt>
                <c:pt idx="6292">
                  <c:v>104.86666700000001</c:v>
                </c:pt>
                <c:pt idx="6293">
                  <c:v>104.88333400000002</c:v>
                </c:pt>
                <c:pt idx="6294">
                  <c:v>104.9</c:v>
                </c:pt>
                <c:pt idx="6295">
                  <c:v>104.91666700000002</c:v>
                </c:pt>
                <c:pt idx="6296">
                  <c:v>104.933334</c:v>
                </c:pt>
                <c:pt idx="6297">
                  <c:v>104.95000000000002</c:v>
                </c:pt>
                <c:pt idx="6298">
                  <c:v>104.966667</c:v>
                </c:pt>
                <c:pt idx="6299">
                  <c:v>104.98333400000001</c:v>
                </c:pt>
                <c:pt idx="6300">
                  <c:v>105</c:v>
                </c:pt>
                <c:pt idx="6301">
                  <c:v>105.01666700000001</c:v>
                </c:pt>
                <c:pt idx="6302">
                  <c:v>105.033334</c:v>
                </c:pt>
                <c:pt idx="6303">
                  <c:v>105.05000000000001</c:v>
                </c:pt>
                <c:pt idx="6304">
                  <c:v>105.066667</c:v>
                </c:pt>
                <c:pt idx="6305">
                  <c:v>105.08333400000001</c:v>
                </c:pt>
                <c:pt idx="6306">
                  <c:v>105.1</c:v>
                </c:pt>
                <c:pt idx="6307">
                  <c:v>105.11666700000001</c:v>
                </c:pt>
                <c:pt idx="6308">
                  <c:v>105.13333400000002</c:v>
                </c:pt>
                <c:pt idx="6309">
                  <c:v>105.15</c:v>
                </c:pt>
                <c:pt idx="6310">
                  <c:v>105.16666700000002</c:v>
                </c:pt>
                <c:pt idx="6311">
                  <c:v>105.183334</c:v>
                </c:pt>
                <c:pt idx="6312">
                  <c:v>105.20000000000002</c:v>
                </c:pt>
                <c:pt idx="6313">
                  <c:v>105.216667</c:v>
                </c:pt>
                <c:pt idx="6314">
                  <c:v>105.23333400000001</c:v>
                </c:pt>
                <c:pt idx="6315">
                  <c:v>105.25</c:v>
                </c:pt>
                <c:pt idx="6316">
                  <c:v>105.26666700000001</c:v>
                </c:pt>
                <c:pt idx="6317">
                  <c:v>105.283334</c:v>
                </c:pt>
                <c:pt idx="6318">
                  <c:v>105.30000000000001</c:v>
                </c:pt>
                <c:pt idx="6319">
                  <c:v>105.316667</c:v>
                </c:pt>
                <c:pt idx="6320">
                  <c:v>105.33333400000001</c:v>
                </c:pt>
                <c:pt idx="6321">
                  <c:v>105.35</c:v>
                </c:pt>
                <c:pt idx="6322">
                  <c:v>105.36666700000001</c:v>
                </c:pt>
                <c:pt idx="6323">
                  <c:v>105.38333400000002</c:v>
                </c:pt>
                <c:pt idx="6324">
                  <c:v>105.4</c:v>
                </c:pt>
                <c:pt idx="6325">
                  <c:v>105.41666700000002</c:v>
                </c:pt>
                <c:pt idx="6326">
                  <c:v>105.433334</c:v>
                </c:pt>
                <c:pt idx="6327">
                  <c:v>105.45000000000002</c:v>
                </c:pt>
                <c:pt idx="6328">
                  <c:v>105.466667</c:v>
                </c:pt>
                <c:pt idx="6329">
                  <c:v>105.48333400000001</c:v>
                </c:pt>
                <c:pt idx="6330">
                  <c:v>105.5</c:v>
                </c:pt>
                <c:pt idx="6331">
                  <c:v>105.51666700000001</c:v>
                </c:pt>
                <c:pt idx="6332">
                  <c:v>105.533334</c:v>
                </c:pt>
                <c:pt idx="6333">
                  <c:v>105.55000000000001</c:v>
                </c:pt>
                <c:pt idx="6334">
                  <c:v>105.566667</c:v>
                </c:pt>
                <c:pt idx="6335">
                  <c:v>105.58333400000001</c:v>
                </c:pt>
                <c:pt idx="6336">
                  <c:v>105.6</c:v>
                </c:pt>
                <c:pt idx="6337">
                  <c:v>105.61666700000001</c:v>
                </c:pt>
                <c:pt idx="6338">
                  <c:v>105.63333400000002</c:v>
                </c:pt>
                <c:pt idx="6339">
                  <c:v>105.65</c:v>
                </c:pt>
                <c:pt idx="6340">
                  <c:v>105.66666700000002</c:v>
                </c:pt>
                <c:pt idx="6341">
                  <c:v>105.683334</c:v>
                </c:pt>
                <c:pt idx="6342">
                  <c:v>105.70000000000002</c:v>
                </c:pt>
                <c:pt idx="6343">
                  <c:v>105.716667</c:v>
                </c:pt>
                <c:pt idx="6344">
                  <c:v>105.73333400000001</c:v>
                </c:pt>
                <c:pt idx="6345">
                  <c:v>105.75</c:v>
                </c:pt>
                <c:pt idx="6346">
                  <c:v>105.76666700000001</c:v>
                </c:pt>
                <c:pt idx="6347">
                  <c:v>105.783334</c:v>
                </c:pt>
                <c:pt idx="6348">
                  <c:v>105.80000000000001</c:v>
                </c:pt>
                <c:pt idx="6349">
                  <c:v>105.816667</c:v>
                </c:pt>
                <c:pt idx="6350">
                  <c:v>105.83333400000001</c:v>
                </c:pt>
                <c:pt idx="6351">
                  <c:v>105.85</c:v>
                </c:pt>
                <c:pt idx="6352">
                  <c:v>105.86666700000001</c:v>
                </c:pt>
                <c:pt idx="6353">
                  <c:v>105.88333400000002</c:v>
                </c:pt>
                <c:pt idx="6354">
                  <c:v>105.9</c:v>
                </c:pt>
                <c:pt idx="6355">
                  <c:v>105.91666700000002</c:v>
                </c:pt>
                <c:pt idx="6356">
                  <c:v>105.933334</c:v>
                </c:pt>
                <c:pt idx="6357">
                  <c:v>105.95000000000002</c:v>
                </c:pt>
                <c:pt idx="6358">
                  <c:v>105.966667</c:v>
                </c:pt>
                <c:pt idx="6359">
                  <c:v>105.98333400000001</c:v>
                </c:pt>
                <c:pt idx="6360">
                  <c:v>106</c:v>
                </c:pt>
                <c:pt idx="6361">
                  <c:v>106.01666700000001</c:v>
                </c:pt>
                <c:pt idx="6362">
                  <c:v>106.033334</c:v>
                </c:pt>
                <c:pt idx="6363">
                  <c:v>106.05000000000001</c:v>
                </c:pt>
                <c:pt idx="6364">
                  <c:v>106.066667</c:v>
                </c:pt>
                <c:pt idx="6365">
                  <c:v>106.08333400000001</c:v>
                </c:pt>
                <c:pt idx="6366">
                  <c:v>106.1</c:v>
                </c:pt>
                <c:pt idx="6367">
                  <c:v>106.11666700000001</c:v>
                </c:pt>
                <c:pt idx="6368">
                  <c:v>106.13333400000002</c:v>
                </c:pt>
                <c:pt idx="6369">
                  <c:v>106.15</c:v>
                </c:pt>
                <c:pt idx="6370">
                  <c:v>106.16666700000002</c:v>
                </c:pt>
                <c:pt idx="6371">
                  <c:v>106.183334</c:v>
                </c:pt>
                <c:pt idx="6372">
                  <c:v>106.20000000000002</c:v>
                </c:pt>
                <c:pt idx="6373">
                  <c:v>106.216667</c:v>
                </c:pt>
                <c:pt idx="6374">
                  <c:v>106.23333400000001</c:v>
                </c:pt>
                <c:pt idx="6375">
                  <c:v>106.25</c:v>
                </c:pt>
                <c:pt idx="6376">
                  <c:v>106.26666700000001</c:v>
                </c:pt>
                <c:pt idx="6377">
                  <c:v>106.283334</c:v>
                </c:pt>
                <c:pt idx="6378">
                  <c:v>106.30000000000001</c:v>
                </c:pt>
                <c:pt idx="6379">
                  <c:v>106.316667</c:v>
                </c:pt>
                <c:pt idx="6380">
                  <c:v>106.33333400000001</c:v>
                </c:pt>
                <c:pt idx="6381">
                  <c:v>106.35</c:v>
                </c:pt>
                <c:pt idx="6382">
                  <c:v>106.36666700000001</c:v>
                </c:pt>
                <c:pt idx="6383">
                  <c:v>106.38333400000002</c:v>
                </c:pt>
                <c:pt idx="6384">
                  <c:v>106.4</c:v>
                </c:pt>
                <c:pt idx="6385">
                  <c:v>106.41666700000002</c:v>
                </c:pt>
                <c:pt idx="6386">
                  <c:v>106.433334</c:v>
                </c:pt>
                <c:pt idx="6387">
                  <c:v>106.45000000000002</c:v>
                </c:pt>
                <c:pt idx="6388">
                  <c:v>106.466667</c:v>
                </c:pt>
                <c:pt idx="6389">
                  <c:v>106.48333400000001</c:v>
                </c:pt>
                <c:pt idx="6390">
                  <c:v>106.5</c:v>
                </c:pt>
                <c:pt idx="6391">
                  <c:v>106.51666700000001</c:v>
                </c:pt>
                <c:pt idx="6392">
                  <c:v>106.533334</c:v>
                </c:pt>
                <c:pt idx="6393">
                  <c:v>106.55000000000001</c:v>
                </c:pt>
                <c:pt idx="6394">
                  <c:v>106.566667</c:v>
                </c:pt>
                <c:pt idx="6395">
                  <c:v>106.58333400000001</c:v>
                </c:pt>
                <c:pt idx="6396">
                  <c:v>106.6</c:v>
                </c:pt>
                <c:pt idx="6397">
                  <c:v>106.61666700000001</c:v>
                </c:pt>
                <c:pt idx="6398">
                  <c:v>106.63333400000002</c:v>
                </c:pt>
                <c:pt idx="6399">
                  <c:v>106.65</c:v>
                </c:pt>
                <c:pt idx="6400">
                  <c:v>106.66666700000002</c:v>
                </c:pt>
                <c:pt idx="6401">
                  <c:v>106.683334</c:v>
                </c:pt>
                <c:pt idx="6402">
                  <c:v>106.70000000000002</c:v>
                </c:pt>
                <c:pt idx="6403">
                  <c:v>106.716667</c:v>
                </c:pt>
                <c:pt idx="6404">
                  <c:v>106.73333400000001</c:v>
                </c:pt>
                <c:pt idx="6405">
                  <c:v>106.75</c:v>
                </c:pt>
                <c:pt idx="6406">
                  <c:v>106.76666700000001</c:v>
                </c:pt>
                <c:pt idx="6407">
                  <c:v>106.783334</c:v>
                </c:pt>
                <c:pt idx="6408">
                  <c:v>106.80000000000001</c:v>
                </c:pt>
                <c:pt idx="6409">
                  <c:v>106.816667</c:v>
                </c:pt>
                <c:pt idx="6410">
                  <c:v>106.83333400000001</c:v>
                </c:pt>
                <c:pt idx="6411">
                  <c:v>106.85</c:v>
                </c:pt>
                <c:pt idx="6412">
                  <c:v>106.86666700000001</c:v>
                </c:pt>
                <c:pt idx="6413">
                  <c:v>106.88333400000002</c:v>
                </c:pt>
                <c:pt idx="6414">
                  <c:v>106.9</c:v>
                </c:pt>
                <c:pt idx="6415">
                  <c:v>106.91666700000002</c:v>
                </c:pt>
                <c:pt idx="6416">
                  <c:v>106.933334</c:v>
                </c:pt>
                <c:pt idx="6417">
                  <c:v>106.95000000000002</c:v>
                </c:pt>
                <c:pt idx="6418">
                  <c:v>106.966667</c:v>
                </c:pt>
                <c:pt idx="6419">
                  <c:v>106.98333400000001</c:v>
                </c:pt>
                <c:pt idx="6420">
                  <c:v>107</c:v>
                </c:pt>
                <c:pt idx="6421">
                  <c:v>107.01666700000001</c:v>
                </c:pt>
                <c:pt idx="6422">
                  <c:v>107.033334</c:v>
                </c:pt>
                <c:pt idx="6423">
                  <c:v>107.05000000000001</c:v>
                </c:pt>
                <c:pt idx="6424">
                  <c:v>107.066667</c:v>
                </c:pt>
                <c:pt idx="6425">
                  <c:v>107.08333400000001</c:v>
                </c:pt>
                <c:pt idx="6426">
                  <c:v>107.1</c:v>
                </c:pt>
                <c:pt idx="6427">
                  <c:v>107.11666700000001</c:v>
                </c:pt>
                <c:pt idx="6428">
                  <c:v>107.13333400000002</c:v>
                </c:pt>
                <c:pt idx="6429">
                  <c:v>107.15</c:v>
                </c:pt>
                <c:pt idx="6430">
                  <c:v>107.16666700000002</c:v>
                </c:pt>
                <c:pt idx="6431">
                  <c:v>107.183334</c:v>
                </c:pt>
                <c:pt idx="6432">
                  <c:v>107.20000000000002</c:v>
                </c:pt>
                <c:pt idx="6433">
                  <c:v>107.216667</c:v>
                </c:pt>
                <c:pt idx="6434">
                  <c:v>107.23333400000001</c:v>
                </c:pt>
                <c:pt idx="6435">
                  <c:v>107.25</c:v>
                </c:pt>
                <c:pt idx="6436">
                  <c:v>107.26666700000001</c:v>
                </c:pt>
                <c:pt idx="6437">
                  <c:v>107.283334</c:v>
                </c:pt>
                <c:pt idx="6438">
                  <c:v>107.30000000000001</c:v>
                </c:pt>
                <c:pt idx="6439">
                  <c:v>107.316667</c:v>
                </c:pt>
                <c:pt idx="6440">
                  <c:v>107.33333400000001</c:v>
                </c:pt>
                <c:pt idx="6441">
                  <c:v>107.35</c:v>
                </c:pt>
                <c:pt idx="6442">
                  <c:v>107.36666700000001</c:v>
                </c:pt>
                <c:pt idx="6443">
                  <c:v>107.38333400000002</c:v>
                </c:pt>
                <c:pt idx="6444">
                  <c:v>107.4</c:v>
                </c:pt>
                <c:pt idx="6445">
                  <c:v>107.41666700000002</c:v>
                </c:pt>
                <c:pt idx="6446">
                  <c:v>107.433334</c:v>
                </c:pt>
                <c:pt idx="6447">
                  <c:v>107.45000000000002</c:v>
                </c:pt>
                <c:pt idx="6448">
                  <c:v>107.466667</c:v>
                </c:pt>
                <c:pt idx="6449">
                  <c:v>107.48333400000001</c:v>
                </c:pt>
                <c:pt idx="6450">
                  <c:v>107.5</c:v>
                </c:pt>
                <c:pt idx="6451">
                  <c:v>107.51666700000001</c:v>
                </c:pt>
                <c:pt idx="6452">
                  <c:v>107.533334</c:v>
                </c:pt>
                <c:pt idx="6453">
                  <c:v>107.55000000000001</c:v>
                </c:pt>
                <c:pt idx="6454">
                  <c:v>107.566667</c:v>
                </c:pt>
                <c:pt idx="6455">
                  <c:v>107.58333400000001</c:v>
                </c:pt>
                <c:pt idx="6456">
                  <c:v>107.6</c:v>
                </c:pt>
                <c:pt idx="6457">
                  <c:v>107.61666700000001</c:v>
                </c:pt>
                <c:pt idx="6458">
                  <c:v>107.63333400000002</c:v>
                </c:pt>
                <c:pt idx="6459">
                  <c:v>107.65</c:v>
                </c:pt>
                <c:pt idx="6460">
                  <c:v>107.66666700000002</c:v>
                </c:pt>
                <c:pt idx="6461">
                  <c:v>107.683334</c:v>
                </c:pt>
                <c:pt idx="6462">
                  <c:v>107.70000000000002</c:v>
                </c:pt>
                <c:pt idx="6463">
                  <c:v>107.716667</c:v>
                </c:pt>
                <c:pt idx="6464">
                  <c:v>107.73333400000001</c:v>
                </c:pt>
                <c:pt idx="6465">
                  <c:v>107.75</c:v>
                </c:pt>
                <c:pt idx="6466">
                  <c:v>107.76666700000001</c:v>
                </c:pt>
                <c:pt idx="6467">
                  <c:v>107.783334</c:v>
                </c:pt>
                <c:pt idx="6468">
                  <c:v>107.80000000000001</c:v>
                </c:pt>
                <c:pt idx="6469">
                  <c:v>107.816667</c:v>
                </c:pt>
                <c:pt idx="6470">
                  <c:v>107.83333400000001</c:v>
                </c:pt>
                <c:pt idx="6471">
                  <c:v>107.85</c:v>
                </c:pt>
                <c:pt idx="6472">
                  <c:v>107.86666700000001</c:v>
                </c:pt>
                <c:pt idx="6473">
                  <c:v>107.88333400000002</c:v>
                </c:pt>
                <c:pt idx="6474">
                  <c:v>107.9</c:v>
                </c:pt>
                <c:pt idx="6475">
                  <c:v>107.91666700000002</c:v>
                </c:pt>
                <c:pt idx="6476">
                  <c:v>107.933334</c:v>
                </c:pt>
                <c:pt idx="6477">
                  <c:v>107.95000000000002</c:v>
                </c:pt>
                <c:pt idx="6478">
                  <c:v>107.966667</c:v>
                </c:pt>
                <c:pt idx="6479">
                  <c:v>107.98333400000001</c:v>
                </c:pt>
                <c:pt idx="6480">
                  <c:v>108</c:v>
                </c:pt>
                <c:pt idx="6481">
                  <c:v>108.01666700000001</c:v>
                </c:pt>
                <c:pt idx="6482">
                  <c:v>108.033334</c:v>
                </c:pt>
                <c:pt idx="6483">
                  <c:v>108.05000000000001</c:v>
                </c:pt>
                <c:pt idx="6484">
                  <c:v>108.066667</c:v>
                </c:pt>
                <c:pt idx="6485">
                  <c:v>108.08333400000001</c:v>
                </c:pt>
                <c:pt idx="6486">
                  <c:v>108.1</c:v>
                </c:pt>
                <c:pt idx="6487">
                  <c:v>108.11666700000001</c:v>
                </c:pt>
                <c:pt idx="6488">
                  <c:v>108.13333400000002</c:v>
                </c:pt>
                <c:pt idx="6489">
                  <c:v>108.15</c:v>
                </c:pt>
                <c:pt idx="6490">
                  <c:v>108.16666700000002</c:v>
                </c:pt>
                <c:pt idx="6491">
                  <c:v>108.183334</c:v>
                </c:pt>
                <c:pt idx="6492">
                  <c:v>108.20000000000002</c:v>
                </c:pt>
                <c:pt idx="6493">
                  <c:v>108.216667</c:v>
                </c:pt>
                <c:pt idx="6494">
                  <c:v>108.23333400000001</c:v>
                </c:pt>
                <c:pt idx="6495">
                  <c:v>108.25</c:v>
                </c:pt>
                <c:pt idx="6496">
                  <c:v>108.26666700000001</c:v>
                </c:pt>
                <c:pt idx="6497">
                  <c:v>108.283334</c:v>
                </c:pt>
                <c:pt idx="6498">
                  <c:v>108.30000000000001</c:v>
                </c:pt>
                <c:pt idx="6499">
                  <c:v>108.316667</c:v>
                </c:pt>
                <c:pt idx="6500">
                  <c:v>108.33333400000001</c:v>
                </c:pt>
                <c:pt idx="6501">
                  <c:v>108.35</c:v>
                </c:pt>
                <c:pt idx="6502">
                  <c:v>108.36666700000001</c:v>
                </c:pt>
                <c:pt idx="6503">
                  <c:v>108.38333400000002</c:v>
                </c:pt>
                <c:pt idx="6504">
                  <c:v>108.4</c:v>
                </c:pt>
                <c:pt idx="6505">
                  <c:v>108.41666700000002</c:v>
                </c:pt>
                <c:pt idx="6506">
                  <c:v>108.433334</c:v>
                </c:pt>
                <c:pt idx="6507">
                  <c:v>108.45000000000002</c:v>
                </c:pt>
                <c:pt idx="6508">
                  <c:v>108.466667</c:v>
                </c:pt>
                <c:pt idx="6509">
                  <c:v>108.48333400000001</c:v>
                </c:pt>
                <c:pt idx="6510">
                  <c:v>108.5</c:v>
                </c:pt>
                <c:pt idx="6511">
                  <c:v>108.51666700000001</c:v>
                </c:pt>
                <c:pt idx="6512">
                  <c:v>108.533334</c:v>
                </c:pt>
                <c:pt idx="6513">
                  <c:v>108.55000000000001</c:v>
                </c:pt>
                <c:pt idx="6514">
                  <c:v>108.566667</c:v>
                </c:pt>
                <c:pt idx="6515">
                  <c:v>108.58333400000001</c:v>
                </c:pt>
                <c:pt idx="6516">
                  <c:v>108.6</c:v>
                </c:pt>
                <c:pt idx="6517">
                  <c:v>108.61666700000001</c:v>
                </c:pt>
                <c:pt idx="6518">
                  <c:v>108.63333400000002</c:v>
                </c:pt>
                <c:pt idx="6519">
                  <c:v>108.65</c:v>
                </c:pt>
                <c:pt idx="6520">
                  <c:v>108.66666700000002</c:v>
                </c:pt>
                <c:pt idx="6521">
                  <c:v>108.683334</c:v>
                </c:pt>
                <c:pt idx="6522">
                  <c:v>108.70000000000002</c:v>
                </c:pt>
                <c:pt idx="6523">
                  <c:v>108.716667</c:v>
                </c:pt>
                <c:pt idx="6524">
                  <c:v>108.73333400000001</c:v>
                </c:pt>
                <c:pt idx="6525">
                  <c:v>108.75</c:v>
                </c:pt>
                <c:pt idx="6526">
                  <c:v>108.76666700000001</c:v>
                </c:pt>
                <c:pt idx="6527">
                  <c:v>108.783334</c:v>
                </c:pt>
                <c:pt idx="6528">
                  <c:v>108.80000000000001</c:v>
                </c:pt>
                <c:pt idx="6529">
                  <c:v>108.816667</c:v>
                </c:pt>
                <c:pt idx="6530">
                  <c:v>108.83333400000001</c:v>
                </c:pt>
                <c:pt idx="6531">
                  <c:v>108.85</c:v>
                </c:pt>
                <c:pt idx="6532">
                  <c:v>108.86666700000001</c:v>
                </c:pt>
                <c:pt idx="6533">
                  <c:v>108.88333400000002</c:v>
                </c:pt>
                <c:pt idx="6534">
                  <c:v>108.9</c:v>
                </c:pt>
                <c:pt idx="6535">
                  <c:v>108.91666700000002</c:v>
                </c:pt>
                <c:pt idx="6536">
                  <c:v>108.933334</c:v>
                </c:pt>
                <c:pt idx="6537">
                  <c:v>108.95000000000002</c:v>
                </c:pt>
                <c:pt idx="6538">
                  <c:v>108.966667</c:v>
                </c:pt>
                <c:pt idx="6539">
                  <c:v>108.98333400000001</c:v>
                </c:pt>
                <c:pt idx="6540">
                  <c:v>109</c:v>
                </c:pt>
                <c:pt idx="6541">
                  <c:v>109.01666700000001</c:v>
                </c:pt>
                <c:pt idx="6542">
                  <c:v>109.033334</c:v>
                </c:pt>
                <c:pt idx="6543">
                  <c:v>109.05000000000001</c:v>
                </c:pt>
                <c:pt idx="6544">
                  <c:v>109.066667</c:v>
                </c:pt>
                <c:pt idx="6545">
                  <c:v>109.08333400000001</c:v>
                </c:pt>
                <c:pt idx="6546">
                  <c:v>109.1</c:v>
                </c:pt>
                <c:pt idx="6547">
                  <c:v>109.11666700000001</c:v>
                </c:pt>
                <c:pt idx="6548">
                  <c:v>109.13333400000002</c:v>
                </c:pt>
                <c:pt idx="6549">
                  <c:v>109.15</c:v>
                </c:pt>
                <c:pt idx="6550">
                  <c:v>109.16666700000002</c:v>
                </c:pt>
                <c:pt idx="6551">
                  <c:v>109.183334</c:v>
                </c:pt>
                <c:pt idx="6552">
                  <c:v>109.20000000000002</c:v>
                </c:pt>
                <c:pt idx="6553">
                  <c:v>109.216667</c:v>
                </c:pt>
                <c:pt idx="6554">
                  <c:v>109.23333400000001</c:v>
                </c:pt>
                <c:pt idx="6555">
                  <c:v>109.25</c:v>
                </c:pt>
                <c:pt idx="6556">
                  <c:v>109.26666700000001</c:v>
                </c:pt>
                <c:pt idx="6557">
                  <c:v>109.283334</c:v>
                </c:pt>
                <c:pt idx="6558">
                  <c:v>109.30000000000001</c:v>
                </c:pt>
                <c:pt idx="6559">
                  <c:v>109.316667</c:v>
                </c:pt>
                <c:pt idx="6560">
                  <c:v>109.33333400000001</c:v>
                </c:pt>
                <c:pt idx="6561">
                  <c:v>109.35</c:v>
                </c:pt>
                <c:pt idx="6562">
                  <c:v>109.36666700000001</c:v>
                </c:pt>
                <c:pt idx="6563">
                  <c:v>109.38333400000002</c:v>
                </c:pt>
                <c:pt idx="6564">
                  <c:v>109.4</c:v>
                </c:pt>
                <c:pt idx="6565">
                  <c:v>109.41666700000002</c:v>
                </c:pt>
                <c:pt idx="6566">
                  <c:v>109.433334</c:v>
                </c:pt>
                <c:pt idx="6567">
                  <c:v>109.45000000000002</c:v>
                </c:pt>
                <c:pt idx="6568">
                  <c:v>109.466667</c:v>
                </c:pt>
                <c:pt idx="6569">
                  <c:v>109.48333400000001</c:v>
                </c:pt>
                <c:pt idx="6570">
                  <c:v>109.5</c:v>
                </c:pt>
                <c:pt idx="6571">
                  <c:v>109.51666700000001</c:v>
                </c:pt>
                <c:pt idx="6572">
                  <c:v>109.533334</c:v>
                </c:pt>
                <c:pt idx="6573">
                  <c:v>109.55000000000001</c:v>
                </c:pt>
                <c:pt idx="6574">
                  <c:v>109.566667</c:v>
                </c:pt>
                <c:pt idx="6575">
                  <c:v>109.58333400000001</c:v>
                </c:pt>
                <c:pt idx="6576">
                  <c:v>109.6</c:v>
                </c:pt>
                <c:pt idx="6577">
                  <c:v>109.61666700000001</c:v>
                </c:pt>
                <c:pt idx="6578">
                  <c:v>109.63333400000002</c:v>
                </c:pt>
                <c:pt idx="6579">
                  <c:v>109.65</c:v>
                </c:pt>
                <c:pt idx="6580">
                  <c:v>109.66666700000002</c:v>
                </c:pt>
                <c:pt idx="6581">
                  <c:v>109.683334</c:v>
                </c:pt>
                <c:pt idx="6582">
                  <c:v>109.70000000000002</c:v>
                </c:pt>
                <c:pt idx="6583">
                  <c:v>109.716667</c:v>
                </c:pt>
                <c:pt idx="6584">
                  <c:v>109.73333400000001</c:v>
                </c:pt>
                <c:pt idx="6585">
                  <c:v>109.75</c:v>
                </c:pt>
                <c:pt idx="6586">
                  <c:v>109.76666700000001</c:v>
                </c:pt>
                <c:pt idx="6587">
                  <c:v>109.783334</c:v>
                </c:pt>
                <c:pt idx="6588">
                  <c:v>109.80000000000001</c:v>
                </c:pt>
                <c:pt idx="6589">
                  <c:v>109.816667</c:v>
                </c:pt>
                <c:pt idx="6590">
                  <c:v>109.83333400000001</c:v>
                </c:pt>
                <c:pt idx="6591">
                  <c:v>109.85</c:v>
                </c:pt>
                <c:pt idx="6592">
                  <c:v>109.86666700000001</c:v>
                </c:pt>
                <c:pt idx="6593">
                  <c:v>109.88333400000002</c:v>
                </c:pt>
                <c:pt idx="6594">
                  <c:v>109.9</c:v>
                </c:pt>
                <c:pt idx="6595">
                  <c:v>109.91666700000002</c:v>
                </c:pt>
                <c:pt idx="6596">
                  <c:v>109.933334</c:v>
                </c:pt>
                <c:pt idx="6597">
                  <c:v>109.95000000000002</c:v>
                </c:pt>
                <c:pt idx="6598">
                  <c:v>109.966667</c:v>
                </c:pt>
                <c:pt idx="6599">
                  <c:v>109.98333400000001</c:v>
                </c:pt>
                <c:pt idx="6600">
                  <c:v>110</c:v>
                </c:pt>
                <c:pt idx="6601">
                  <c:v>110.01666700000001</c:v>
                </c:pt>
                <c:pt idx="6602">
                  <c:v>110.033334</c:v>
                </c:pt>
                <c:pt idx="6603">
                  <c:v>110.05000000000001</c:v>
                </c:pt>
                <c:pt idx="6604">
                  <c:v>110.066667</c:v>
                </c:pt>
                <c:pt idx="6605">
                  <c:v>110.08333400000001</c:v>
                </c:pt>
                <c:pt idx="6606">
                  <c:v>110.1</c:v>
                </c:pt>
                <c:pt idx="6607">
                  <c:v>110.11666700000001</c:v>
                </c:pt>
                <c:pt idx="6608">
                  <c:v>110.13333400000002</c:v>
                </c:pt>
                <c:pt idx="6609">
                  <c:v>110.15</c:v>
                </c:pt>
                <c:pt idx="6610">
                  <c:v>110.16666700000002</c:v>
                </c:pt>
                <c:pt idx="6611">
                  <c:v>110.183334</c:v>
                </c:pt>
                <c:pt idx="6612">
                  <c:v>110.20000000000002</c:v>
                </c:pt>
                <c:pt idx="6613">
                  <c:v>110.216667</c:v>
                </c:pt>
                <c:pt idx="6614">
                  <c:v>110.23333400000001</c:v>
                </c:pt>
                <c:pt idx="6615">
                  <c:v>110.25</c:v>
                </c:pt>
                <c:pt idx="6616">
                  <c:v>110.26666700000001</c:v>
                </c:pt>
                <c:pt idx="6617">
                  <c:v>110.283334</c:v>
                </c:pt>
                <c:pt idx="6618">
                  <c:v>110.30000000000001</c:v>
                </c:pt>
                <c:pt idx="6619">
                  <c:v>110.316667</c:v>
                </c:pt>
                <c:pt idx="6620">
                  <c:v>110.33333400000001</c:v>
                </c:pt>
                <c:pt idx="6621">
                  <c:v>110.35</c:v>
                </c:pt>
                <c:pt idx="6622">
                  <c:v>110.36666700000001</c:v>
                </c:pt>
                <c:pt idx="6623">
                  <c:v>110.38333400000002</c:v>
                </c:pt>
                <c:pt idx="6624">
                  <c:v>110.4</c:v>
                </c:pt>
                <c:pt idx="6625">
                  <c:v>110.41666700000002</c:v>
                </c:pt>
                <c:pt idx="6626">
                  <c:v>110.433334</c:v>
                </c:pt>
                <c:pt idx="6627">
                  <c:v>110.45000000000002</c:v>
                </c:pt>
                <c:pt idx="6628">
                  <c:v>110.466667</c:v>
                </c:pt>
                <c:pt idx="6629">
                  <c:v>110.48333400000001</c:v>
                </c:pt>
                <c:pt idx="6630">
                  <c:v>110.5</c:v>
                </c:pt>
                <c:pt idx="6631">
                  <c:v>110.51666700000001</c:v>
                </c:pt>
                <c:pt idx="6632">
                  <c:v>110.533334</c:v>
                </c:pt>
                <c:pt idx="6633">
                  <c:v>110.55000000000001</c:v>
                </c:pt>
                <c:pt idx="6634">
                  <c:v>110.566667</c:v>
                </c:pt>
                <c:pt idx="6635">
                  <c:v>110.58333400000001</c:v>
                </c:pt>
                <c:pt idx="6636">
                  <c:v>110.6</c:v>
                </c:pt>
                <c:pt idx="6637">
                  <c:v>110.61666700000001</c:v>
                </c:pt>
                <c:pt idx="6638">
                  <c:v>110.63333400000002</c:v>
                </c:pt>
                <c:pt idx="6639">
                  <c:v>110.65</c:v>
                </c:pt>
                <c:pt idx="6640">
                  <c:v>110.66666700000002</c:v>
                </c:pt>
                <c:pt idx="6641">
                  <c:v>110.683334</c:v>
                </c:pt>
                <c:pt idx="6642">
                  <c:v>110.70000000000002</c:v>
                </c:pt>
                <c:pt idx="6643">
                  <c:v>110.716667</c:v>
                </c:pt>
                <c:pt idx="6644">
                  <c:v>110.73333400000001</c:v>
                </c:pt>
                <c:pt idx="6645">
                  <c:v>110.75</c:v>
                </c:pt>
                <c:pt idx="6646">
                  <c:v>110.76666700000001</c:v>
                </c:pt>
                <c:pt idx="6647">
                  <c:v>110.783334</c:v>
                </c:pt>
                <c:pt idx="6648">
                  <c:v>110.80000000000001</c:v>
                </c:pt>
                <c:pt idx="6649">
                  <c:v>110.816667</c:v>
                </c:pt>
                <c:pt idx="6650">
                  <c:v>110.83333400000001</c:v>
                </c:pt>
                <c:pt idx="6651">
                  <c:v>110.85</c:v>
                </c:pt>
                <c:pt idx="6652">
                  <c:v>110.86666700000001</c:v>
                </c:pt>
                <c:pt idx="6653">
                  <c:v>110.88333400000002</c:v>
                </c:pt>
                <c:pt idx="6654">
                  <c:v>110.9</c:v>
                </c:pt>
                <c:pt idx="6655">
                  <c:v>110.91666700000002</c:v>
                </c:pt>
                <c:pt idx="6656">
                  <c:v>110.933334</c:v>
                </c:pt>
                <c:pt idx="6657">
                  <c:v>110.95000000000002</c:v>
                </c:pt>
                <c:pt idx="6658">
                  <c:v>110.966667</c:v>
                </c:pt>
                <c:pt idx="6659">
                  <c:v>110.98333400000001</c:v>
                </c:pt>
                <c:pt idx="6660">
                  <c:v>111</c:v>
                </c:pt>
                <c:pt idx="6661">
                  <c:v>111.01666700000001</c:v>
                </c:pt>
                <c:pt idx="6662">
                  <c:v>111.033334</c:v>
                </c:pt>
                <c:pt idx="6663">
                  <c:v>111.05000000000001</c:v>
                </c:pt>
                <c:pt idx="6664">
                  <c:v>111.066667</c:v>
                </c:pt>
                <c:pt idx="6665">
                  <c:v>111.08333400000001</c:v>
                </c:pt>
                <c:pt idx="6666">
                  <c:v>111.1</c:v>
                </c:pt>
                <c:pt idx="6667">
                  <c:v>111.11666700000001</c:v>
                </c:pt>
                <c:pt idx="6668">
                  <c:v>111.13333400000002</c:v>
                </c:pt>
                <c:pt idx="6669">
                  <c:v>111.15</c:v>
                </c:pt>
                <c:pt idx="6670">
                  <c:v>111.16666700000002</c:v>
                </c:pt>
                <c:pt idx="6671">
                  <c:v>111.183334</c:v>
                </c:pt>
                <c:pt idx="6672">
                  <c:v>111.20000000000002</c:v>
                </c:pt>
                <c:pt idx="6673">
                  <c:v>111.216667</c:v>
                </c:pt>
                <c:pt idx="6674">
                  <c:v>111.23333400000001</c:v>
                </c:pt>
                <c:pt idx="6675">
                  <c:v>111.25</c:v>
                </c:pt>
                <c:pt idx="6676">
                  <c:v>111.26666700000001</c:v>
                </c:pt>
                <c:pt idx="6677">
                  <c:v>111.283334</c:v>
                </c:pt>
                <c:pt idx="6678">
                  <c:v>111.30000000000001</c:v>
                </c:pt>
                <c:pt idx="6679">
                  <c:v>111.316667</c:v>
                </c:pt>
                <c:pt idx="6680">
                  <c:v>111.33333400000001</c:v>
                </c:pt>
                <c:pt idx="6681">
                  <c:v>111.35</c:v>
                </c:pt>
                <c:pt idx="6682">
                  <c:v>111.36666700000001</c:v>
                </c:pt>
                <c:pt idx="6683">
                  <c:v>111.38333400000002</c:v>
                </c:pt>
                <c:pt idx="6684">
                  <c:v>111.4</c:v>
                </c:pt>
                <c:pt idx="6685">
                  <c:v>111.41666700000002</c:v>
                </c:pt>
                <c:pt idx="6686">
                  <c:v>111.433334</c:v>
                </c:pt>
                <c:pt idx="6687">
                  <c:v>111.45000000000002</c:v>
                </c:pt>
                <c:pt idx="6688">
                  <c:v>111.466667</c:v>
                </c:pt>
                <c:pt idx="6689">
                  <c:v>111.48333400000001</c:v>
                </c:pt>
                <c:pt idx="6690">
                  <c:v>111.5</c:v>
                </c:pt>
                <c:pt idx="6691">
                  <c:v>111.51666700000001</c:v>
                </c:pt>
                <c:pt idx="6692">
                  <c:v>111.533334</c:v>
                </c:pt>
                <c:pt idx="6693">
                  <c:v>111.55000000000001</c:v>
                </c:pt>
                <c:pt idx="6694">
                  <c:v>111.566667</c:v>
                </c:pt>
                <c:pt idx="6695">
                  <c:v>111.58333400000001</c:v>
                </c:pt>
                <c:pt idx="6696">
                  <c:v>111.6</c:v>
                </c:pt>
                <c:pt idx="6697">
                  <c:v>111.61666700000001</c:v>
                </c:pt>
                <c:pt idx="6698">
                  <c:v>111.63333400000002</c:v>
                </c:pt>
                <c:pt idx="6699">
                  <c:v>111.65</c:v>
                </c:pt>
                <c:pt idx="6700">
                  <c:v>111.66666700000002</c:v>
                </c:pt>
                <c:pt idx="6701">
                  <c:v>111.683334</c:v>
                </c:pt>
                <c:pt idx="6702">
                  <c:v>111.70000000000002</c:v>
                </c:pt>
                <c:pt idx="6703">
                  <c:v>111.716667</c:v>
                </c:pt>
                <c:pt idx="6704">
                  <c:v>111.73333400000001</c:v>
                </c:pt>
                <c:pt idx="6705">
                  <c:v>111.75</c:v>
                </c:pt>
                <c:pt idx="6706">
                  <c:v>111.76666700000001</c:v>
                </c:pt>
                <c:pt idx="6707">
                  <c:v>111.783334</c:v>
                </c:pt>
                <c:pt idx="6708">
                  <c:v>111.80000000000001</c:v>
                </c:pt>
                <c:pt idx="6709">
                  <c:v>111.816667</c:v>
                </c:pt>
                <c:pt idx="6710">
                  <c:v>111.83333400000001</c:v>
                </c:pt>
                <c:pt idx="6711">
                  <c:v>111.85</c:v>
                </c:pt>
                <c:pt idx="6712">
                  <c:v>111.86666700000001</c:v>
                </c:pt>
                <c:pt idx="6713">
                  <c:v>111.88333400000002</c:v>
                </c:pt>
                <c:pt idx="6714">
                  <c:v>111.9</c:v>
                </c:pt>
                <c:pt idx="6715">
                  <c:v>111.91666700000002</c:v>
                </c:pt>
                <c:pt idx="6716">
                  <c:v>111.933334</c:v>
                </c:pt>
                <c:pt idx="6717">
                  <c:v>111.95000000000002</c:v>
                </c:pt>
                <c:pt idx="6718">
                  <c:v>111.966667</c:v>
                </c:pt>
                <c:pt idx="6719">
                  <c:v>111.98333400000001</c:v>
                </c:pt>
                <c:pt idx="6720">
                  <c:v>112</c:v>
                </c:pt>
                <c:pt idx="6721">
                  <c:v>112.01666700000001</c:v>
                </c:pt>
                <c:pt idx="6722">
                  <c:v>112.033334</c:v>
                </c:pt>
                <c:pt idx="6723">
                  <c:v>112.05000000000001</c:v>
                </c:pt>
                <c:pt idx="6724">
                  <c:v>112.066667</c:v>
                </c:pt>
                <c:pt idx="6725">
                  <c:v>112.08333400000001</c:v>
                </c:pt>
                <c:pt idx="6726">
                  <c:v>112.1</c:v>
                </c:pt>
                <c:pt idx="6727">
                  <c:v>112.11666700000001</c:v>
                </c:pt>
                <c:pt idx="6728">
                  <c:v>112.13333400000002</c:v>
                </c:pt>
                <c:pt idx="6729">
                  <c:v>112.15</c:v>
                </c:pt>
                <c:pt idx="6730">
                  <c:v>112.16666700000002</c:v>
                </c:pt>
                <c:pt idx="6731">
                  <c:v>112.183334</c:v>
                </c:pt>
                <c:pt idx="6732">
                  <c:v>112.20000000000002</c:v>
                </c:pt>
                <c:pt idx="6733">
                  <c:v>112.216667</c:v>
                </c:pt>
                <c:pt idx="6734">
                  <c:v>112.23333400000001</c:v>
                </c:pt>
                <c:pt idx="6735">
                  <c:v>112.25</c:v>
                </c:pt>
                <c:pt idx="6736">
                  <c:v>112.26666700000001</c:v>
                </c:pt>
                <c:pt idx="6737">
                  <c:v>112.283334</c:v>
                </c:pt>
                <c:pt idx="6738">
                  <c:v>112.30000000000001</c:v>
                </c:pt>
                <c:pt idx="6739">
                  <c:v>112.316667</c:v>
                </c:pt>
                <c:pt idx="6740">
                  <c:v>112.33333400000001</c:v>
                </c:pt>
                <c:pt idx="6741">
                  <c:v>112.35</c:v>
                </c:pt>
                <c:pt idx="6742">
                  <c:v>112.36666700000001</c:v>
                </c:pt>
                <c:pt idx="6743">
                  <c:v>112.38333400000002</c:v>
                </c:pt>
                <c:pt idx="6744">
                  <c:v>112.4</c:v>
                </c:pt>
                <c:pt idx="6745">
                  <c:v>112.41666700000002</c:v>
                </c:pt>
                <c:pt idx="6746">
                  <c:v>112.433334</c:v>
                </c:pt>
                <c:pt idx="6747">
                  <c:v>112.45000000000002</c:v>
                </c:pt>
                <c:pt idx="6748">
                  <c:v>112.466667</c:v>
                </c:pt>
                <c:pt idx="6749">
                  <c:v>112.48333400000001</c:v>
                </c:pt>
                <c:pt idx="6750">
                  <c:v>112.5</c:v>
                </c:pt>
                <c:pt idx="6751">
                  <c:v>112.51666700000001</c:v>
                </c:pt>
                <c:pt idx="6752">
                  <c:v>112.533334</c:v>
                </c:pt>
                <c:pt idx="6753">
                  <c:v>112.55000000000001</c:v>
                </c:pt>
                <c:pt idx="6754">
                  <c:v>112.566667</c:v>
                </c:pt>
                <c:pt idx="6755">
                  <c:v>112.58333400000001</c:v>
                </c:pt>
                <c:pt idx="6756">
                  <c:v>112.6</c:v>
                </c:pt>
                <c:pt idx="6757">
                  <c:v>112.61666700000001</c:v>
                </c:pt>
                <c:pt idx="6758">
                  <c:v>112.63333400000002</c:v>
                </c:pt>
                <c:pt idx="6759">
                  <c:v>112.65</c:v>
                </c:pt>
                <c:pt idx="6760">
                  <c:v>112.66666700000002</c:v>
                </c:pt>
                <c:pt idx="6761">
                  <c:v>112.683334</c:v>
                </c:pt>
                <c:pt idx="6762">
                  <c:v>112.70000000000002</c:v>
                </c:pt>
                <c:pt idx="6763">
                  <c:v>112.716667</c:v>
                </c:pt>
                <c:pt idx="6764">
                  <c:v>112.73333400000001</c:v>
                </c:pt>
                <c:pt idx="6765">
                  <c:v>112.75</c:v>
                </c:pt>
                <c:pt idx="6766">
                  <c:v>112.76666700000001</c:v>
                </c:pt>
                <c:pt idx="6767">
                  <c:v>112.783334</c:v>
                </c:pt>
                <c:pt idx="6768">
                  <c:v>112.80000000000001</c:v>
                </c:pt>
                <c:pt idx="6769">
                  <c:v>112.816667</c:v>
                </c:pt>
                <c:pt idx="6770">
                  <c:v>112.83333400000001</c:v>
                </c:pt>
                <c:pt idx="6771">
                  <c:v>112.85</c:v>
                </c:pt>
                <c:pt idx="6772">
                  <c:v>112.86666700000001</c:v>
                </c:pt>
                <c:pt idx="6773">
                  <c:v>112.88333400000002</c:v>
                </c:pt>
                <c:pt idx="6774">
                  <c:v>112.9</c:v>
                </c:pt>
                <c:pt idx="6775">
                  <c:v>112.91666700000002</c:v>
                </c:pt>
                <c:pt idx="6776">
                  <c:v>112.933334</c:v>
                </c:pt>
                <c:pt idx="6777">
                  <c:v>112.95000000000002</c:v>
                </c:pt>
                <c:pt idx="6778">
                  <c:v>112.966667</c:v>
                </c:pt>
                <c:pt idx="6779">
                  <c:v>112.98333400000001</c:v>
                </c:pt>
                <c:pt idx="6780">
                  <c:v>113</c:v>
                </c:pt>
                <c:pt idx="6781">
                  <c:v>113.01666700000001</c:v>
                </c:pt>
                <c:pt idx="6782">
                  <c:v>113.033334</c:v>
                </c:pt>
                <c:pt idx="6783">
                  <c:v>113.05000000000001</c:v>
                </c:pt>
                <c:pt idx="6784">
                  <c:v>113.066667</c:v>
                </c:pt>
                <c:pt idx="6785">
                  <c:v>113.08333400000001</c:v>
                </c:pt>
                <c:pt idx="6786">
                  <c:v>113.1</c:v>
                </c:pt>
                <c:pt idx="6787">
                  <c:v>113.11666700000001</c:v>
                </c:pt>
                <c:pt idx="6788">
                  <c:v>113.13333400000002</c:v>
                </c:pt>
                <c:pt idx="6789">
                  <c:v>113.15</c:v>
                </c:pt>
                <c:pt idx="6790">
                  <c:v>113.16666700000002</c:v>
                </c:pt>
                <c:pt idx="6791">
                  <c:v>113.183334</c:v>
                </c:pt>
                <c:pt idx="6792">
                  <c:v>113.20000000000002</c:v>
                </c:pt>
                <c:pt idx="6793">
                  <c:v>113.216667</c:v>
                </c:pt>
                <c:pt idx="6794">
                  <c:v>113.23333400000001</c:v>
                </c:pt>
                <c:pt idx="6795">
                  <c:v>113.25</c:v>
                </c:pt>
                <c:pt idx="6796">
                  <c:v>113.26666700000001</c:v>
                </c:pt>
                <c:pt idx="6797">
                  <c:v>113.283334</c:v>
                </c:pt>
                <c:pt idx="6798">
                  <c:v>113.30000000000001</c:v>
                </c:pt>
                <c:pt idx="6799">
                  <c:v>113.316667</c:v>
                </c:pt>
                <c:pt idx="6800">
                  <c:v>113.33333400000001</c:v>
                </c:pt>
                <c:pt idx="6801">
                  <c:v>113.35</c:v>
                </c:pt>
                <c:pt idx="6802">
                  <c:v>113.36666700000001</c:v>
                </c:pt>
                <c:pt idx="6803">
                  <c:v>113.38333400000002</c:v>
                </c:pt>
                <c:pt idx="6804">
                  <c:v>113.4</c:v>
                </c:pt>
                <c:pt idx="6805">
                  <c:v>113.41666700000002</c:v>
                </c:pt>
                <c:pt idx="6806">
                  <c:v>113.433334</c:v>
                </c:pt>
                <c:pt idx="6807">
                  <c:v>113.45000000000002</c:v>
                </c:pt>
                <c:pt idx="6808">
                  <c:v>113.466667</c:v>
                </c:pt>
                <c:pt idx="6809">
                  <c:v>113.48333400000001</c:v>
                </c:pt>
                <c:pt idx="6810">
                  <c:v>113.5</c:v>
                </c:pt>
                <c:pt idx="6811">
                  <c:v>113.51666700000001</c:v>
                </c:pt>
                <c:pt idx="6812">
                  <c:v>113.533334</c:v>
                </c:pt>
                <c:pt idx="6813">
                  <c:v>113.55000000000001</c:v>
                </c:pt>
                <c:pt idx="6814">
                  <c:v>113.566667</c:v>
                </c:pt>
                <c:pt idx="6815">
                  <c:v>113.58333400000001</c:v>
                </c:pt>
                <c:pt idx="6816">
                  <c:v>113.6</c:v>
                </c:pt>
                <c:pt idx="6817">
                  <c:v>113.61666700000001</c:v>
                </c:pt>
                <c:pt idx="6818">
                  <c:v>113.63333400000002</c:v>
                </c:pt>
                <c:pt idx="6819">
                  <c:v>113.65</c:v>
                </c:pt>
                <c:pt idx="6820">
                  <c:v>113.66666700000002</c:v>
                </c:pt>
                <c:pt idx="6821">
                  <c:v>113.683334</c:v>
                </c:pt>
                <c:pt idx="6822">
                  <c:v>113.70000000000002</c:v>
                </c:pt>
                <c:pt idx="6823">
                  <c:v>113.716667</c:v>
                </c:pt>
                <c:pt idx="6824">
                  <c:v>113.73333400000001</c:v>
                </c:pt>
                <c:pt idx="6825">
                  <c:v>113.75</c:v>
                </c:pt>
                <c:pt idx="6826">
                  <c:v>113.76666700000001</c:v>
                </c:pt>
                <c:pt idx="6827">
                  <c:v>113.783334</c:v>
                </c:pt>
                <c:pt idx="6828">
                  <c:v>113.80000000000001</c:v>
                </c:pt>
                <c:pt idx="6829">
                  <c:v>113.816667</c:v>
                </c:pt>
                <c:pt idx="6830">
                  <c:v>113.83333400000001</c:v>
                </c:pt>
                <c:pt idx="6831">
                  <c:v>113.85</c:v>
                </c:pt>
                <c:pt idx="6832">
                  <c:v>113.86666700000001</c:v>
                </c:pt>
                <c:pt idx="6833">
                  <c:v>113.88333400000002</c:v>
                </c:pt>
                <c:pt idx="6834">
                  <c:v>113.9</c:v>
                </c:pt>
                <c:pt idx="6835">
                  <c:v>113.91666700000002</c:v>
                </c:pt>
                <c:pt idx="6836">
                  <c:v>113.933334</c:v>
                </c:pt>
                <c:pt idx="6837">
                  <c:v>113.95000000000002</c:v>
                </c:pt>
                <c:pt idx="6838">
                  <c:v>113.966667</c:v>
                </c:pt>
                <c:pt idx="6839">
                  <c:v>113.98333400000001</c:v>
                </c:pt>
                <c:pt idx="6840">
                  <c:v>114</c:v>
                </c:pt>
                <c:pt idx="6841">
                  <c:v>114.01666700000001</c:v>
                </c:pt>
                <c:pt idx="6842">
                  <c:v>114.033334</c:v>
                </c:pt>
                <c:pt idx="6843">
                  <c:v>114.05000000000001</c:v>
                </c:pt>
                <c:pt idx="6844">
                  <c:v>114.066667</c:v>
                </c:pt>
                <c:pt idx="6845">
                  <c:v>114.08333400000001</c:v>
                </c:pt>
                <c:pt idx="6846">
                  <c:v>114.1</c:v>
                </c:pt>
                <c:pt idx="6847">
                  <c:v>114.11666700000001</c:v>
                </c:pt>
                <c:pt idx="6848">
                  <c:v>114.13333400000002</c:v>
                </c:pt>
                <c:pt idx="6849">
                  <c:v>114.15</c:v>
                </c:pt>
                <c:pt idx="6850">
                  <c:v>114.16666700000002</c:v>
                </c:pt>
                <c:pt idx="6851">
                  <c:v>114.183334</c:v>
                </c:pt>
                <c:pt idx="6852">
                  <c:v>114.20000000000002</c:v>
                </c:pt>
                <c:pt idx="6853">
                  <c:v>114.216667</c:v>
                </c:pt>
                <c:pt idx="6854">
                  <c:v>114.23333400000001</c:v>
                </c:pt>
                <c:pt idx="6855">
                  <c:v>114.25</c:v>
                </c:pt>
                <c:pt idx="6856">
                  <c:v>114.26666700000001</c:v>
                </c:pt>
                <c:pt idx="6857">
                  <c:v>114.283334</c:v>
                </c:pt>
                <c:pt idx="6858">
                  <c:v>114.30000000000001</c:v>
                </c:pt>
                <c:pt idx="6859">
                  <c:v>114.316667</c:v>
                </c:pt>
                <c:pt idx="6860">
                  <c:v>114.33333400000001</c:v>
                </c:pt>
                <c:pt idx="6861">
                  <c:v>114.35</c:v>
                </c:pt>
                <c:pt idx="6862">
                  <c:v>114.36666700000001</c:v>
                </c:pt>
                <c:pt idx="6863">
                  <c:v>114.38333400000002</c:v>
                </c:pt>
                <c:pt idx="6864">
                  <c:v>114.4</c:v>
                </c:pt>
                <c:pt idx="6865">
                  <c:v>114.41666700000002</c:v>
                </c:pt>
                <c:pt idx="6866">
                  <c:v>114.433334</c:v>
                </c:pt>
                <c:pt idx="6867">
                  <c:v>114.45000000000002</c:v>
                </c:pt>
                <c:pt idx="6868">
                  <c:v>114.466667</c:v>
                </c:pt>
                <c:pt idx="6869">
                  <c:v>114.48333400000001</c:v>
                </c:pt>
                <c:pt idx="6870">
                  <c:v>114.5</c:v>
                </c:pt>
                <c:pt idx="6871">
                  <c:v>114.51666700000001</c:v>
                </c:pt>
                <c:pt idx="6872">
                  <c:v>114.533334</c:v>
                </c:pt>
                <c:pt idx="6873">
                  <c:v>114.55000000000001</c:v>
                </c:pt>
                <c:pt idx="6874">
                  <c:v>114.566667</c:v>
                </c:pt>
                <c:pt idx="6875">
                  <c:v>114.58333400000001</c:v>
                </c:pt>
                <c:pt idx="6876">
                  <c:v>114.6</c:v>
                </c:pt>
                <c:pt idx="6877">
                  <c:v>114.61666700000001</c:v>
                </c:pt>
                <c:pt idx="6878">
                  <c:v>114.63333400000002</c:v>
                </c:pt>
                <c:pt idx="6879">
                  <c:v>114.65</c:v>
                </c:pt>
                <c:pt idx="6880">
                  <c:v>114.66666700000002</c:v>
                </c:pt>
                <c:pt idx="6881">
                  <c:v>114.683334</c:v>
                </c:pt>
                <c:pt idx="6882">
                  <c:v>114.70000000000002</c:v>
                </c:pt>
                <c:pt idx="6883">
                  <c:v>114.716667</c:v>
                </c:pt>
                <c:pt idx="6884">
                  <c:v>114.73333400000001</c:v>
                </c:pt>
                <c:pt idx="6885">
                  <c:v>114.75</c:v>
                </c:pt>
                <c:pt idx="6886">
                  <c:v>114.76666700000001</c:v>
                </c:pt>
                <c:pt idx="6887">
                  <c:v>114.783334</c:v>
                </c:pt>
                <c:pt idx="6888">
                  <c:v>114.80000000000001</c:v>
                </c:pt>
                <c:pt idx="6889">
                  <c:v>114.816667</c:v>
                </c:pt>
                <c:pt idx="6890">
                  <c:v>114.83333400000001</c:v>
                </c:pt>
                <c:pt idx="6891">
                  <c:v>114.85</c:v>
                </c:pt>
                <c:pt idx="6892">
                  <c:v>114.86666700000001</c:v>
                </c:pt>
                <c:pt idx="6893">
                  <c:v>114.88333400000002</c:v>
                </c:pt>
                <c:pt idx="6894">
                  <c:v>114.9</c:v>
                </c:pt>
                <c:pt idx="6895">
                  <c:v>114.91666700000002</c:v>
                </c:pt>
                <c:pt idx="6896">
                  <c:v>114.933334</c:v>
                </c:pt>
                <c:pt idx="6897">
                  <c:v>114.95000000000002</c:v>
                </c:pt>
                <c:pt idx="6898">
                  <c:v>114.966667</c:v>
                </c:pt>
                <c:pt idx="6899">
                  <c:v>114.98333400000001</c:v>
                </c:pt>
                <c:pt idx="6900">
                  <c:v>115</c:v>
                </c:pt>
                <c:pt idx="6901">
                  <c:v>115.01666700000001</c:v>
                </c:pt>
                <c:pt idx="6902">
                  <c:v>115.033334</c:v>
                </c:pt>
                <c:pt idx="6903">
                  <c:v>115.05000000000001</c:v>
                </c:pt>
                <c:pt idx="6904">
                  <c:v>115.066667</c:v>
                </c:pt>
                <c:pt idx="6905">
                  <c:v>115.08333400000001</c:v>
                </c:pt>
                <c:pt idx="6906">
                  <c:v>115.1</c:v>
                </c:pt>
                <c:pt idx="6907">
                  <c:v>115.11666700000001</c:v>
                </c:pt>
                <c:pt idx="6908">
                  <c:v>115.13333400000002</c:v>
                </c:pt>
                <c:pt idx="6909">
                  <c:v>115.15</c:v>
                </c:pt>
                <c:pt idx="6910">
                  <c:v>115.16666700000002</c:v>
                </c:pt>
                <c:pt idx="6911">
                  <c:v>115.183334</c:v>
                </c:pt>
                <c:pt idx="6912">
                  <c:v>115.20000000000002</c:v>
                </c:pt>
                <c:pt idx="6913">
                  <c:v>115.216667</c:v>
                </c:pt>
                <c:pt idx="6914">
                  <c:v>115.23333400000001</c:v>
                </c:pt>
                <c:pt idx="6915">
                  <c:v>115.25</c:v>
                </c:pt>
                <c:pt idx="6916">
                  <c:v>115.26666700000001</c:v>
                </c:pt>
                <c:pt idx="6917">
                  <c:v>115.283334</c:v>
                </c:pt>
                <c:pt idx="6918">
                  <c:v>115.30000000000001</c:v>
                </c:pt>
                <c:pt idx="6919">
                  <c:v>115.316667</c:v>
                </c:pt>
                <c:pt idx="6920">
                  <c:v>115.33333400000001</c:v>
                </c:pt>
                <c:pt idx="6921">
                  <c:v>115.35</c:v>
                </c:pt>
                <c:pt idx="6922">
                  <c:v>115.36666700000001</c:v>
                </c:pt>
                <c:pt idx="6923">
                  <c:v>115.38333400000002</c:v>
                </c:pt>
                <c:pt idx="6924">
                  <c:v>115.4</c:v>
                </c:pt>
                <c:pt idx="6925">
                  <c:v>115.41666700000002</c:v>
                </c:pt>
                <c:pt idx="6926">
                  <c:v>115.433334</c:v>
                </c:pt>
                <c:pt idx="6927">
                  <c:v>115.45000000000002</c:v>
                </c:pt>
                <c:pt idx="6928">
                  <c:v>115.466667</c:v>
                </c:pt>
                <c:pt idx="6929">
                  <c:v>115.48333400000001</c:v>
                </c:pt>
                <c:pt idx="6930">
                  <c:v>115.5</c:v>
                </c:pt>
                <c:pt idx="6931">
                  <c:v>115.51666700000001</c:v>
                </c:pt>
                <c:pt idx="6932">
                  <c:v>115.533334</c:v>
                </c:pt>
                <c:pt idx="6933">
                  <c:v>115.55000000000001</c:v>
                </c:pt>
                <c:pt idx="6934">
                  <c:v>115.566667</c:v>
                </c:pt>
                <c:pt idx="6935">
                  <c:v>115.58333400000001</c:v>
                </c:pt>
                <c:pt idx="6936">
                  <c:v>115.6</c:v>
                </c:pt>
                <c:pt idx="6937">
                  <c:v>115.61666700000001</c:v>
                </c:pt>
                <c:pt idx="6938">
                  <c:v>115.63333400000002</c:v>
                </c:pt>
                <c:pt idx="6939">
                  <c:v>115.65</c:v>
                </c:pt>
                <c:pt idx="6940">
                  <c:v>115.66666700000002</c:v>
                </c:pt>
                <c:pt idx="6941">
                  <c:v>115.683334</c:v>
                </c:pt>
                <c:pt idx="6942">
                  <c:v>115.70000000000002</c:v>
                </c:pt>
                <c:pt idx="6943">
                  <c:v>115.716667</c:v>
                </c:pt>
                <c:pt idx="6944">
                  <c:v>115.73333400000001</c:v>
                </c:pt>
                <c:pt idx="6945">
                  <c:v>115.75</c:v>
                </c:pt>
                <c:pt idx="6946">
                  <c:v>115.76666700000001</c:v>
                </c:pt>
                <c:pt idx="6947">
                  <c:v>115.783334</c:v>
                </c:pt>
                <c:pt idx="6948">
                  <c:v>115.80000000000001</c:v>
                </c:pt>
                <c:pt idx="6949">
                  <c:v>115.816667</c:v>
                </c:pt>
                <c:pt idx="6950">
                  <c:v>115.83333400000001</c:v>
                </c:pt>
                <c:pt idx="6951">
                  <c:v>115.85</c:v>
                </c:pt>
                <c:pt idx="6952">
                  <c:v>115.86666700000001</c:v>
                </c:pt>
                <c:pt idx="6953">
                  <c:v>115.88333400000002</c:v>
                </c:pt>
                <c:pt idx="6954">
                  <c:v>115.9</c:v>
                </c:pt>
                <c:pt idx="6955">
                  <c:v>115.91666700000002</c:v>
                </c:pt>
                <c:pt idx="6956">
                  <c:v>115.933334</c:v>
                </c:pt>
                <c:pt idx="6957">
                  <c:v>115.95000000000002</c:v>
                </c:pt>
                <c:pt idx="6958">
                  <c:v>115.966667</c:v>
                </c:pt>
                <c:pt idx="6959">
                  <c:v>115.98333400000001</c:v>
                </c:pt>
                <c:pt idx="6960">
                  <c:v>116</c:v>
                </c:pt>
                <c:pt idx="6961">
                  <c:v>116.01666700000001</c:v>
                </c:pt>
                <c:pt idx="6962">
                  <c:v>116.033334</c:v>
                </c:pt>
                <c:pt idx="6963">
                  <c:v>116.05000000000001</c:v>
                </c:pt>
                <c:pt idx="6964">
                  <c:v>116.066667</c:v>
                </c:pt>
                <c:pt idx="6965">
                  <c:v>116.08333400000001</c:v>
                </c:pt>
                <c:pt idx="6966">
                  <c:v>116.1</c:v>
                </c:pt>
                <c:pt idx="6967">
                  <c:v>116.11666700000001</c:v>
                </c:pt>
                <c:pt idx="6968">
                  <c:v>116.13333400000002</c:v>
                </c:pt>
                <c:pt idx="6969">
                  <c:v>116.15</c:v>
                </c:pt>
                <c:pt idx="6970">
                  <c:v>116.16666700000002</c:v>
                </c:pt>
                <c:pt idx="6971">
                  <c:v>116.183334</c:v>
                </c:pt>
                <c:pt idx="6972">
                  <c:v>116.20000000000002</c:v>
                </c:pt>
                <c:pt idx="6973">
                  <c:v>116.216667</c:v>
                </c:pt>
                <c:pt idx="6974">
                  <c:v>116.23333400000001</c:v>
                </c:pt>
                <c:pt idx="6975">
                  <c:v>116.25</c:v>
                </c:pt>
                <c:pt idx="6976">
                  <c:v>116.26666700000001</c:v>
                </c:pt>
                <c:pt idx="6977">
                  <c:v>116.283334</c:v>
                </c:pt>
                <c:pt idx="6978">
                  <c:v>116.30000000000001</c:v>
                </c:pt>
                <c:pt idx="6979">
                  <c:v>116.316667</c:v>
                </c:pt>
                <c:pt idx="6980">
                  <c:v>116.33333400000001</c:v>
                </c:pt>
                <c:pt idx="6981">
                  <c:v>116.35</c:v>
                </c:pt>
                <c:pt idx="6982">
                  <c:v>116.36666700000001</c:v>
                </c:pt>
                <c:pt idx="6983">
                  <c:v>116.38333400000002</c:v>
                </c:pt>
                <c:pt idx="6984">
                  <c:v>116.4</c:v>
                </c:pt>
                <c:pt idx="6985">
                  <c:v>116.41666700000002</c:v>
                </c:pt>
                <c:pt idx="6986">
                  <c:v>116.433334</c:v>
                </c:pt>
                <c:pt idx="6987">
                  <c:v>116.45000000000002</c:v>
                </c:pt>
                <c:pt idx="6988">
                  <c:v>116.466667</c:v>
                </c:pt>
                <c:pt idx="6989">
                  <c:v>116.48333400000001</c:v>
                </c:pt>
                <c:pt idx="6990">
                  <c:v>116.5</c:v>
                </c:pt>
                <c:pt idx="6991">
                  <c:v>116.51666700000001</c:v>
                </c:pt>
                <c:pt idx="6992">
                  <c:v>116.533334</c:v>
                </c:pt>
                <c:pt idx="6993">
                  <c:v>116.55000000000001</c:v>
                </c:pt>
                <c:pt idx="6994">
                  <c:v>116.566667</c:v>
                </c:pt>
                <c:pt idx="6995">
                  <c:v>116.58333400000001</c:v>
                </c:pt>
                <c:pt idx="6996">
                  <c:v>116.6</c:v>
                </c:pt>
                <c:pt idx="6997">
                  <c:v>116.61666700000001</c:v>
                </c:pt>
                <c:pt idx="6998">
                  <c:v>116.63333400000002</c:v>
                </c:pt>
                <c:pt idx="6999">
                  <c:v>116.65</c:v>
                </c:pt>
                <c:pt idx="7000">
                  <c:v>116.66666700000002</c:v>
                </c:pt>
                <c:pt idx="7001">
                  <c:v>116.683334</c:v>
                </c:pt>
                <c:pt idx="7002">
                  <c:v>116.70000000000002</c:v>
                </c:pt>
                <c:pt idx="7003">
                  <c:v>116.716667</c:v>
                </c:pt>
                <c:pt idx="7004">
                  <c:v>116.73333400000001</c:v>
                </c:pt>
                <c:pt idx="7005">
                  <c:v>116.75</c:v>
                </c:pt>
                <c:pt idx="7006">
                  <c:v>116.76666700000001</c:v>
                </c:pt>
                <c:pt idx="7007">
                  <c:v>116.783334</c:v>
                </c:pt>
                <c:pt idx="7008">
                  <c:v>116.80000000000001</c:v>
                </c:pt>
                <c:pt idx="7009">
                  <c:v>116.816667</c:v>
                </c:pt>
                <c:pt idx="7010">
                  <c:v>116.83333400000001</c:v>
                </c:pt>
                <c:pt idx="7011">
                  <c:v>116.85</c:v>
                </c:pt>
                <c:pt idx="7012">
                  <c:v>116.86666700000001</c:v>
                </c:pt>
                <c:pt idx="7013">
                  <c:v>116.88333400000002</c:v>
                </c:pt>
                <c:pt idx="7014">
                  <c:v>116.9</c:v>
                </c:pt>
                <c:pt idx="7015">
                  <c:v>116.91666700000002</c:v>
                </c:pt>
                <c:pt idx="7016">
                  <c:v>116.933334</c:v>
                </c:pt>
                <c:pt idx="7017">
                  <c:v>116.95000000000002</c:v>
                </c:pt>
                <c:pt idx="7018">
                  <c:v>116.966667</c:v>
                </c:pt>
                <c:pt idx="7019">
                  <c:v>116.98333400000001</c:v>
                </c:pt>
                <c:pt idx="7020">
                  <c:v>117</c:v>
                </c:pt>
                <c:pt idx="7021">
                  <c:v>117.01666700000001</c:v>
                </c:pt>
                <c:pt idx="7022">
                  <c:v>117.033334</c:v>
                </c:pt>
                <c:pt idx="7023">
                  <c:v>117.05000000000001</c:v>
                </c:pt>
                <c:pt idx="7024">
                  <c:v>117.066667</c:v>
                </c:pt>
                <c:pt idx="7025">
                  <c:v>117.08333400000001</c:v>
                </c:pt>
                <c:pt idx="7026">
                  <c:v>117.1</c:v>
                </c:pt>
                <c:pt idx="7027">
                  <c:v>117.11666700000001</c:v>
                </c:pt>
                <c:pt idx="7028">
                  <c:v>117.13333400000002</c:v>
                </c:pt>
                <c:pt idx="7029">
                  <c:v>117.15</c:v>
                </c:pt>
                <c:pt idx="7030">
                  <c:v>117.16666700000002</c:v>
                </c:pt>
                <c:pt idx="7031">
                  <c:v>117.183334</c:v>
                </c:pt>
                <c:pt idx="7032">
                  <c:v>117.20000000000002</c:v>
                </c:pt>
                <c:pt idx="7033">
                  <c:v>117.216667</c:v>
                </c:pt>
                <c:pt idx="7034">
                  <c:v>117.23333400000001</c:v>
                </c:pt>
                <c:pt idx="7035">
                  <c:v>117.25</c:v>
                </c:pt>
                <c:pt idx="7036">
                  <c:v>117.26666700000001</c:v>
                </c:pt>
                <c:pt idx="7037">
                  <c:v>117.283334</c:v>
                </c:pt>
                <c:pt idx="7038">
                  <c:v>117.30000000000001</c:v>
                </c:pt>
                <c:pt idx="7039">
                  <c:v>117.316667</c:v>
                </c:pt>
                <c:pt idx="7040">
                  <c:v>117.33333400000001</c:v>
                </c:pt>
                <c:pt idx="7041">
                  <c:v>117.35</c:v>
                </c:pt>
                <c:pt idx="7042">
                  <c:v>117.36666700000001</c:v>
                </c:pt>
                <c:pt idx="7043">
                  <c:v>117.38333400000002</c:v>
                </c:pt>
                <c:pt idx="7044">
                  <c:v>117.4</c:v>
                </c:pt>
                <c:pt idx="7045">
                  <c:v>117.41666700000002</c:v>
                </c:pt>
                <c:pt idx="7046">
                  <c:v>117.433334</c:v>
                </c:pt>
                <c:pt idx="7047">
                  <c:v>117.45000000000002</c:v>
                </c:pt>
                <c:pt idx="7048">
                  <c:v>117.466667</c:v>
                </c:pt>
                <c:pt idx="7049">
                  <c:v>117.48333400000001</c:v>
                </c:pt>
                <c:pt idx="7050">
                  <c:v>117.5</c:v>
                </c:pt>
                <c:pt idx="7051">
                  <c:v>117.51666700000001</c:v>
                </c:pt>
                <c:pt idx="7052">
                  <c:v>117.533334</c:v>
                </c:pt>
                <c:pt idx="7053">
                  <c:v>117.55000000000001</c:v>
                </c:pt>
                <c:pt idx="7054">
                  <c:v>117.566667</c:v>
                </c:pt>
                <c:pt idx="7055">
                  <c:v>117.58333400000001</c:v>
                </c:pt>
                <c:pt idx="7056">
                  <c:v>117.6</c:v>
                </c:pt>
                <c:pt idx="7057">
                  <c:v>117.61666700000001</c:v>
                </c:pt>
                <c:pt idx="7058">
                  <c:v>117.63333400000002</c:v>
                </c:pt>
                <c:pt idx="7059">
                  <c:v>117.65</c:v>
                </c:pt>
                <c:pt idx="7060">
                  <c:v>117.66666700000002</c:v>
                </c:pt>
                <c:pt idx="7061">
                  <c:v>117.683334</c:v>
                </c:pt>
                <c:pt idx="7062">
                  <c:v>117.70000000000002</c:v>
                </c:pt>
                <c:pt idx="7063">
                  <c:v>117.716667</c:v>
                </c:pt>
                <c:pt idx="7064">
                  <c:v>117.73333400000001</c:v>
                </c:pt>
                <c:pt idx="7065">
                  <c:v>117.75</c:v>
                </c:pt>
                <c:pt idx="7066">
                  <c:v>117.76666700000001</c:v>
                </c:pt>
                <c:pt idx="7067">
                  <c:v>117.783334</c:v>
                </c:pt>
                <c:pt idx="7068">
                  <c:v>117.80000000000001</c:v>
                </c:pt>
                <c:pt idx="7069">
                  <c:v>117.816667</c:v>
                </c:pt>
                <c:pt idx="7070">
                  <c:v>117.83333400000001</c:v>
                </c:pt>
                <c:pt idx="7071">
                  <c:v>117.85</c:v>
                </c:pt>
                <c:pt idx="7072">
                  <c:v>117.86666700000001</c:v>
                </c:pt>
                <c:pt idx="7073">
                  <c:v>117.88333400000002</c:v>
                </c:pt>
                <c:pt idx="7074">
                  <c:v>117.9</c:v>
                </c:pt>
                <c:pt idx="7075">
                  <c:v>117.91666700000002</c:v>
                </c:pt>
                <c:pt idx="7076">
                  <c:v>117.933334</c:v>
                </c:pt>
                <c:pt idx="7077">
                  <c:v>117.95000000000002</c:v>
                </c:pt>
                <c:pt idx="7078">
                  <c:v>117.966667</c:v>
                </c:pt>
                <c:pt idx="7079">
                  <c:v>117.98333400000001</c:v>
                </c:pt>
                <c:pt idx="7080">
                  <c:v>118</c:v>
                </c:pt>
                <c:pt idx="7081">
                  <c:v>118.01666700000001</c:v>
                </c:pt>
                <c:pt idx="7082">
                  <c:v>118.033334</c:v>
                </c:pt>
                <c:pt idx="7083">
                  <c:v>118.05000000000001</c:v>
                </c:pt>
                <c:pt idx="7084">
                  <c:v>118.066667</c:v>
                </c:pt>
                <c:pt idx="7085">
                  <c:v>118.08333400000001</c:v>
                </c:pt>
                <c:pt idx="7086">
                  <c:v>118.1</c:v>
                </c:pt>
                <c:pt idx="7087">
                  <c:v>118.11666700000001</c:v>
                </c:pt>
                <c:pt idx="7088">
                  <c:v>118.13333400000002</c:v>
                </c:pt>
                <c:pt idx="7089">
                  <c:v>118.15</c:v>
                </c:pt>
                <c:pt idx="7090">
                  <c:v>118.16666700000002</c:v>
                </c:pt>
                <c:pt idx="7091">
                  <c:v>118.183334</c:v>
                </c:pt>
                <c:pt idx="7092">
                  <c:v>118.20000000000002</c:v>
                </c:pt>
                <c:pt idx="7093">
                  <c:v>118.216667</c:v>
                </c:pt>
                <c:pt idx="7094">
                  <c:v>118.23333400000001</c:v>
                </c:pt>
                <c:pt idx="7095">
                  <c:v>118.25</c:v>
                </c:pt>
                <c:pt idx="7096">
                  <c:v>118.26666700000001</c:v>
                </c:pt>
                <c:pt idx="7097">
                  <c:v>118.283334</c:v>
                </c:pt>
                <c:pt idx="7098">
                  <c:v>118.30000000000001</c:v>
                </c:pt>
                <c:pt idx="7099">
                  <c:v>118.316667</c:v>
                </c:pt>
                <c:pt idx="7100">
                  <c:v>118.33333400000001</c:v>
                </c:pt>
                <c:pt idx="7101">
                  <c:v>118.35</c:v>
                </c:pt>
                <c:pt idx="7102">
                  <c:v>118.36666700000001</c:v>
                </c:pt>
                <c:pt idx="7103">
                  <c:v>118.38333400000002</c:v>
                </c:pt>
                <c:pt idx="7104">
                  <c:v>118.4</c:v>
                </c:pt>
                <c:pt idx="7105">
                  <c:v>118.41666700000002</c:v>
                </c:pt>
                <c:pt idx="7106">
                  <c:v>118.433334</c:v>
                </c:pt>
                <c:pt idx="7107">
                  <c:v>118.45000000000002</c:v>
                </c:pt>
                <c:pt idx="7108">
                  <c:v>118.466667</c:v>
                </c:pt>
                <c:pt idx="7109">
                  <c:v>118.48333400000001</c:v>
                </c:pt>
                <c:pt idx="7110">
                  <c:v>118.5</c:v>
                </c:pt>
                <c:pt idx="7111">
                  <c:v>118.51666700000001</c:v>
                </c:pt>
                <c:pt idx="7112">
                  <c:v>118.533334</c:v>
                </c:pt>
                <c:pt idx="7113">
                  <c:v>118.55000000000001</c:v>
                </c:pt>
                <c:pt idx="7114">
                  <c:v>118.566667</c:v>
                </c:pt>
                <c:pt idx="7115">
                  <c:v>118.58333400000001</c:v>
                </c:pt>
                <c:pt idx="7116">
                  <c:v>118.6</c:v>
                </c:pt>
                <c:pt idx="7117">
                  <c:v>118.61666700000001</c:v>
                </c:pt>
                <c:pt idx="7118">
                  <c:v>118.63333400000002</c:v>
                </c:pt>
                <c:pt idx="7119">
                  <c:v>118.65</c:v>
                </c:pt>
                <c:pt idx="7120">
                  <c:v>118.66666700000002</c:v>
                </c:pt>
                <c:pt idx="7121">
                  <c:v>118.683334</c:v>
                </c:pt>
                <c:pt idx="7122">
                  <c:v>118.70000000000002</c:v>
                </c:pt>
                <c:pt idx="7123">
                  <c:v>118.716667</c:v>
                </c:pt>
                <c:pt idx="7124">
                  <c:v>118.73333400000001</c:v>
                </c:pt>
                <c:pt idx="7125">
                  <c:v>118.75</c:v>
                </c:pt>
                <c:pt idx="7126">
                  <c:v>118.76666700000001</c:v>
                </c:pt>
                <c:pt idx="7127">
                  <c:v>118.783334</c:v>
                </c:pt>
                <c:pt idx="7128">
                  <c:v>118.80000000000001</c:v>
                </c:pt>
                <c:pt idx="7129">
                  <c:v>118.816667</c:v>
                </c:pt>
                <c:pt idx="7130">
                  <c:v>118.83333400000001</c:v>
                </c:pt>
                <c:pt idx="7131">
                  <c:v>118.85</c:v>
                </c:pt>
                <c:pt idx="7132">
                  <c:v>118.86666700000001</c:v>
                </c:pt>
                <c:pt idx="7133">
                  <c:v>118.88333400000002</c:v>
                </c:pt>
                <c:pt idx="7134">
                  <c:v>118.9</c:v>
                </c:pt>
                <c:pt idx="7135">
                  <c:v>118.91666700000002</c:v>
                </c:pt>
                <c:pt idx="7136">
                  <c:v>118.933334</c:v>
                </c:pt>
                <c:pt idx="7137">
                  <c:v>118.95000000000002</c:v>
                </c:pt>
                <c:pt idx="7138">
                  <c:v>118.966667</c:v>
                </c:pt>
                <c:pt idx="7139">
                  <c:v>118.98333400000001</c:v>
                </c:pt>
                <c:pt idx="7140">
                  <c:v>119</c:v>
                </c:pt>
                <c:pt idx="7141">
                  <c:v>119.01666700000001</c:v>
                </c:pt>
                <c:pt idx="7142">
                  <c:v>119.033334</c:v>
                </c:pt>
                <c:pt idx="7143">
                  <c:v>119.05000000000001</c:v>
                </c:pt>
                <c:pt idx="7144">
                  <c:v>119.066667</c:v>
                </c:pt>
                <c:pt idx="7145">
                  <c:v>119.08333400000001</c:v>
                </c:pt>
                <c:pt idx="7146">
                  <c:v>119.1</c:v>
                </c:pt>
                <c:pt idx="7147">
                  <c:v>119.11666700000001</c:v>
                </c:pt>
                <c:pt idx="7148">
                  <c:v>119.13333400000002</c:v>
                </c:pt>
                <c:pt idx="7149">
                  <c:v>119.15</c:v>
                </c:pt>
                <c:pt idx="7150">
                  <c:v>119.16666700000002</c:v>
                </c:pt>
                <c:pt idx="7151">
                  <c:v>119.183334</c:v>
                </c:pt>
                <c:pt idx="7152">
                  <c:v>119.20000000000002</c:v>
                </c:pt>
                <c:pt idx="7153">
                  <c:v>119.216667</c:v>
                </c:pt>
                <c:pt idx="7154">
                  <c:v>119.23333400000001</c:v>
                </c:pt>
                <c:pt idx="7155">
                  <c:v>119.25</c:v>
                </c:pt>
                <c:pt idx="7156">
                  <c:v>119.26666700000001</c:v>
                </c:pt>
                <c:pt idx="7157">
                  <c:v>119.283334</c:v>
                </c:pt>
                <c:pt idx="7158">
                  <c:v>119.30000000000001</c:v>
                </c:pt>
                <c:pt idx="7159">
                  <c:v>119.316667</c:v>
                </c:pt>
                <c:pt idx="7160">
                  <c:v>119.33333400000001</c:v>
                </c:pt>
                <c:pt idx="7161">
                  <c:v>119.35</c:v>
                </c:pt>
                <c:pt idx="7162">
                  <c:v>119.36666700000001</c:v>
                </c:pt>
                <c:pt idx="7163">
                  <c:v>119.38333400000002</c:v>
                </c:pt>
                <c:pt idx="7164">
                  <c:v>119.4</c:v>
                </c:pt>
                <c:pt idx="7165">
                  <c:v>119.41666700000002</c:v>
                </c:pt>
                <c:pt idx="7166">
                  <c:v>119.433334</c:v>
                </c:pt>
                <c:pt idx="7167">
                  <c:v>119.45000000000002</c:v>
                </c:pt>
                <c:pt idx="7168">
                  <c:v>119.466667</c:v>
                </c:pt>
                <c:pt idx="7169">
                  <c:v>119.48333400000001</c:v>
                </c:pt>
                <c:pt idx="7170">
                  <c:v>119.5</c:v>
                </c:pt>
                <c:pt idx="7171">
                  <c:v>119.51666700000001</c:v>
                </c:pt>
                <c:pt idx="7172">
                  <c:v>119.533334</c:v>
                </c:pt>
                <c:pt idx="7173">
                  <c:v>119.55000000000001</c:v>
                </c:pt>
                <c:pt idx="7174">
                  <c:v>119.566667</c:v>
                </c:pt>
                <c:pt idx="7175">
                  <c:v>119.58333400000001</c:v>
                </c:pt>
                <c:pt idx="7176">
                  <c:v>119.6</c:v>
                </c:pt>
                <c:pt idx="7177">
                  <c:v>119.61666700000001</c:v>
                </c:pt>
                <c:pt idx="7178">
                  <c:v>119.63333400000002</c:v>
                </c:pt>
                <c:pt idx="7179">
                  <c:v>119.65</c:v>
                </c:pt>
                <c:pt idx="7180">
                  <c:v>119.66666700000002</c:v>
                </c:pt>
                <c:pt idx="7181">
                  <c:v>119.683334</c:v>
                </c:pt>
                <c:pt idx="7182">
                  <c:v>119.70000000000002</c:v>
                </c:pt>
                <c:pt idx="7183">
                  <c:v>119.716667</c:v>
                </c:pt>
                <c:pt idx="7184">
                  <c:v>119.73333400000001</c:v>
                </c:pt>
                <c:pt idx="7185">
                  <c:v>119.75</c:v>
                </c:pt>
                <c:pt idx="7186">
                  <c:v>119.76666700000001</c:v>
                </c:pt>
                <c:pt idx="7187">
                  <c:v>119.783334</c:v>
                </c:pt>
                <c:pt idx="7188">
                  <c:v>119.80000000000001</c:v>
                </c:pt>
                <c:pt idx="7189">
                  <c:v>119.816667</c:v>
                </c:pt>
                <c:pt idx="7190">
                  <c:v>119.83333400000001</c:v>
                </c:pt>
                <c:pt idx="7191">
                  <c:v>119.85</c:v>
                </c:pt>
                <c:pt idx="7192">
                  <c:v>119.86666700000001</c:v>
                </c:pt>
                <c:pt idx="7193">
                  <c:v>119.88333400000002</c:v>
                </c:pt>
                <c:pt idx="7194">
                  <c:v>119.9</c:v>
                </c:pt>
                <c:pt idx="7195">
                  <c:v>119.91666700000002</c:v>
                </c:pt>
                <c:pt idx="7196">
                  <c:v>119.933334</c:v>
                </c:pt>
                <c:pt idx="7197">
                  <c:v>119.95000000000002</c:v>
                </c:pt>
                <c:pt idx="7198">
                  <c:v>119.966667</c:v>
                </c:pt>
                <c:pt idx="7199">
                  <c:v>119.98333400000001</c:v>
                </c:pt>
                <c:pt idx="7200">
                  <c:v>120</c:v>
                </c:pt>
                <c:pt idx="7201">
                  <c:v>120.01666700000001</c:v>
                </c:pt>
                <c:pt idx="7202">
                  <c:v>120.033334</c:v>
                </c:pt>
                <c:pt idx="7203">
                  <c:v>120.05000000000001</c:v>
                </c:pt>
                <c:pt idx="7204">
                  <c:v>120.066667</c:v>
                </c:pt>
                <c:pt idx="7205">
                  <c:v>120.08333400000001</c:v>
                </c:pt>
                <c:pt idx="7206">
                  <c:v>120.1</c:v>
                </c:pt>
                <c:pt idx="7207">
                  <c:v>120.11666700000001</c:v>
                </c:pt>
                <c:pt idx="7208">
                  <c:v>120.13333400000002</c:v>
                </c:pt>
                <c:pt idx="7209">
                  <c:v>120.15</c:v>
                </c:pt>
                <c:pt idx="7210">
                  <c:v>120.16666700000002</c:v>
                </c:pt>
                <c:pt idx="7211">
                  <c:v>120.183334</c:v>
                </c:pt>
                <c:pt idx="7212">
                  <c:v>120.20000000000002</c:v>
                </c:pt>
                <c:pt idx="7213">
                  <c:v>120.216667</c:v>
                </c:pt>
                <c:pt idx="7214">
                  <c:v>120.23333400000001</c:v>
                </c:pt>
                <c:pt idx="7215">
                  <c:v>120.25</c:v>
                </c:pt>
                <c:pt idx="7216">
                  <c:v>120.26666700000001</c:v>
                </c:pt>
                <c:pt idx="7217">
                  <c:v>120.283334</c:v>
                </c:pt>
                <c:pt idx="7218">
                  <c:v>120.30000000000001</c:v>
                </c:pt>
                <c:pt idx="7219">
                  <c:v>120.316667</c:v>
                </c:pt>
                <c:pt idx="7220">
                  <c:v>120.33333400000001</c:v>
                </c:pt>
                <c:pt idx="7221">
                  <c:v>120.35</c:v>
                </c:pt>
                <c:pt idx="7222">
                  <c:v>120.36666700000001</c:v>
                </c:pt>
                <c:pt idx="7223">
                  <c:v>120.38333400000002</c:v>
                </c:pt>
                <c:pt idx="7224">
                  <c:v>120.4</c:v>
                </c:pt>
                <c:pt idx="7225">
                  <c:v>120.41666700000002</c:v>
                </c:pt>
                <c:pt idx="7226">
                  <c:v>120.433334</c:v>
                </c:pt>
                <c:pt idx="7227">
                  <c:v>120.45000000000002</c:v>
                </c:pt>
                <c:pt idx="7228">
                  <c:v>120.466667</c:v>
                </c:pt>
                <c:pt idx="7229">
                  <c:v>120.48333400000001</c:v>
                </c:pt>
                <c:pt idx="7230">
                  <c:v>120.5</c:v>
                </c:pt>
                <c:pt idx="7231">
                  <c:v>120.51666700000001</c:v>
                </c:pt>
                <c:pt idx="7232">
                  <c:v>120.533334</c:v>
                </c:pt>
                <c:pt idx="7233">
                  <c:v>120.55000000000001</c:v>
                </c:pt>
                <c:pt idx="7234">
                  <c:v>120.566667</c:v>
                </c:pt>
                <c:pt idx="7235">
                  <c:v>120.58333400000001</c:v>
                </c:pt>
                <c:pt idx="7236">
                  <c:v>120.6</c:v>
                </c:pt>
                <c:pt idx="7237">
                  <c:v>120.61666700000001</c:v>
                </c:pt>
                <c:pt idx="7238">
                  <c:v>120.63333400000002</c:v>
                </c:pt>
                <c:pt idx="7239">
                  <c:v>120.65</c:v>
                </c:pt>
                <c:pt idx="7240">
                  <c:v>120.66666700000002</c:v>
                </c:pt>
                <c:pt idx="7241">
                  <c:v>120.683334</c:v>
                </c:pt>
                <c:pt idx="7242">
                  <c:v>120.70000000000002</c:v>
                </c:pt>
                <c:pt idx="7243">
                  <c:v>120.716667</c:v>
                </c:pt>
                <c:pt idx="7244">
                  <c:v>120.73333400000001</c:v>
                </c:pt>
                <c:pt idx="7245">
                  <c:v>120.75</c:v>
                </c:pt>
                <c:pt idx="7246">
                  <c:v>120.76666700000001</c:v>
                </c:pt>
                <c:pt idx="7247">
                  <c:v>120.783334</c:v>
                </c:pt>
                <c:pt idx="7248">
                  <c:v>120.80000000000001</c:v>
                </c:pt>
                <c:pt idx="7249">
                  <c:v>120.816667</c:v>
                </c:pt>
                <c:pt idx="7250">
                  <c:v>120.83333400000001</c:v>
                </c:pt>
                <c:pt idx="7251">
                  <c:v>120.85</c:v>
                </c:pt>
                <c:pt idx="7252">
                  <c:v>120.86666700000001</c:v>
                </c:pt>
                <c:pt idx="7253">
                  <c:v>120.88333400000002</c:v>
                </c:pt>
                <c:pt idx="7254">
                  <c:v>120.9</c:v>
                </c:pt>
                <c:pt idx="7255">
                  <c:v>120.91666700000002</c:v>
                </c:pt>
                <c:pt idx="7256">
                  <c:v>120.933334</c:v>
                </c:pt>
                <c:pt idx="7257">
                  <c:v>120.95000000000002</c:v>
                </c:pt>
                <c:pt idx="7258">
                  <c:v>120.966667</c:v>
                </c:pt>
                <c:pt idx="7259">
                  <c:v>120.98333400000001</c:v>
                </c:pt>
                <c:pt idx="7260">
                  <c:v>121</c:v>
                </c:pt>
                <c:pt idx="7261">
                  <c:v>121.01666700000001</c:v>
                </c:pt>
                <c:pt idx="7262">
                  <c:v>121.033334</c:v>
                </c:pt>
                <c:pt idx="7263">
                  <c:v>121.05000000000001</c:v>
                </c:pt>
                <c:pt idx="7264">
                  <c:v>121.066667</c:v>
                </c:pt>
                <c:pt idx="7265">
                  <c:v>121.08333400000001</c:v>
                </c:pt>
                <c:pt idx="7266">
                  <c:v>121.1</c:v>
                </c:pt>
                <c:pt idx="7267">
                  <c:v>121.11666700000001</c:v>
                </c:pt>
                <c:pt idx="7268">
                  <c:v>121.13333400000002</c:v>
                </c:pt>
                <c:pt idx="7269">
                  <c:v>121.15</c:v>
                </c:pt>
                <c:pt idx="7270">
                  <c:v>121.16666700000002</c:v>
                </c:pt>
                <c:pt idx="7271">
                  <c:v>121.183334</c:v>
                </c:pt>
                <c:pt idx="7272">
                  <c:v>121.20000000000002</c:v>
                </c:pt>
                <c:pt idx="7273">
                  <c:v>121.216667</c:v>
                </c:pt>
                <c:pt idx="7274">
                  <c:v>121.23333400000001</c:v>
                </c:pt>
                <c:pt idx="7275">
                  <c:v>121.25</c:v>
                </c:pt>
                <c:pt idx="7276">
                  <c:v>121.26666700000001</c:v>
                </c:pt>
                <c:pt idx="7277">
                  <c:v>121.283334</c:v>
                </c:pt>
                <c:pt idx="7278">
                  <c:v>121.30000000000001</c:v>
                </c:pt>
                <c:pt idx="7279">
                  <c:v>121.316667</c:v>
                </c:pt>
                <c:pt idx="7280">
                  <c:v>121.33333400000001</c:v>
                </c:pt>
                <c:pt idx="7281">
                  <c:v>121.35</c:v>
                </c:pt>
                <c:pt idx="7282">
                  <c:v>121.36666700000001</c:v>
                </c:pt>
                <c:pt idx="7283">
                  <c:v>121.38333400000002</c:v>
                </c:pt>
                <c:pt idx="7284">
                  <c:v>121.4</c:v>
                </c:pt>
                <c:pt idx="7285">
                  <c:v>121.41666700000002</c:v>
                </c:pt>
                <c:pt idx="7286">
                  <c:v>121.433334</c:v>
                </c:pt>
                <c:pt idx="7287">
                  <c:v>121.45000000000002</c:v>
                </c:pt>
                <c:pt idx="7288">
                  <c:v>121.466667</c:v>
                </c:pt>
                <c:pt idx="7289">
                  <c:v>121.48333400000001</c:v>
                </c:pt>
                <c:pt idx="7290">
                  <c:v>121.5</c:v>
                </c:pt>
                <c:pt idx="7291">
                  <c:v>121.51666700000001</c:v>
                </c:pt>
                <c:pt idx="7292">
                  <c:v>121.533334</c:v>
                </c:pt>
                <c:pt idx="7293">
                  <c:v>121.55000000000001</c:v>
                </c:pt>
                <c:pt idx="7294">
                  <c:v>121.566667</c:v>
                </c:pt>
                <c:pt idx="7295">
                  <c:v>121.58333400000001</c:v>
                </c:pt>
                <c:pt idx="7296">
                  <c:v>121.6</c:v>
                </c:pt>
                <c:pt idx="7297">
                  <c:v>121.61666700000001</c:v>
                </c:pt>
                <c:pt idx="7298">
                  <c:v>121.63333400000002</c:v>
                </c:pt>
                <c:pt idx="7299">
                  <c:v>121.65</c:v>
                </c:pt>
                <c:pt idx="7300">
                  <c:v>121.66666700000002</c:v>
                </c:pt>
                <c:pt idx="7301">
                  <c:v>121.683334</c:v>
                </c:pt>
                <c:pt idx="7302">
                  <c:v>121.70000000000002</c:v>
                </c:pt>
                <c:pt idx="7303">
                  <c:v>121.716667</c:v>
                </c:pt>
                <c:pt idx="7304">
                  <c:v>121.73333400000001</c:v>
                </c:pt>
                <c:pt idx="7305">
                  <c:v>121.75</c:v>
                </c:pt>
                <c:pt idx="7306">
                  <c:v>121.76666700000001</c:v>
                </c:pt>
                <c:pt idx="7307">
                  <c:v>121.783334</c:v>
                </c:pt>
                <c:pt idx="7308">
                  <c:v>121.80000000000001</c:v>
                </c:pt>
                <c:pt idx="7309">
                  <c:v>121.816667</c:v>
                </c:pt>
                <c:pt idx="7310">
                  <c:v>121.83333400000001</c:v>
                </c:pt>
                <c:pt idx="7311">
                  <c:v>121.85</c:v>
                </c:pt>
                <c:pt idx="7312">
                  <c:v>121.86666700000001</c:v>
                </c:pt>
                <c:pt idx="7313">
                  <c:v>121.88333400000002</c:v>
                </c:pt>
                <c:pt idx="7314">
                  <c:v>121.9</c:v>
                </c:pt>
                <c:pt idx="7315">
                  <c:v>121.91666700000002</c:v>
                </c:pt>
                <c:pt idx="7316">
                  <c:v>121.933334</c:v>
                </c:pt>
                <c:pt idx="7317">
                  <c:v>121.95000000000002</c:v>
                </c:pt>
                <c:pt idx="7318">
                  <c:v>121.966667</c:v>
                </c:pt>
                <c:pt idx="7319">
                  <c:v>121.98333400000001</c:v>
                </c:pt>
                <c:pt idx="7320">
                  <c:v>122</c:v>
                </c:pt>
                <c:pt idx="7321">
                  <c:v>122.01666700000001</c:v>
                </c:pt>
                <c:pt idx="7322">
                  <c:v>122.033334</c:v>
                </c:pt>
                <c:pt idx="7323">
                  <c:v>122.05000000000001</c:v>
                </c:pt>
                <c:pt idx="7324">
                  <c:v>122.066667</c:v>
                </c:pt>
                <c:pt idx="7325">
                  <c:v>122.08333400000001</c:v>
                </c:pt>
                <c:pt idx="7326">
                  <c:v>122.1</c:v>
                </c:pt>
                <c:pt idx="7327">
                  <c:v>122.11666700000001</c:v>
                </c:pt>
                <c:pt idx="7328">
                  <c:v>122.13333400000002</c:v>
                </c:pt>
                <c:pt idx="7329">
                  <c:v>122.15</c:v>
                </c:pt>
                <c:pt idx="7330">
                  <c:v>122.16666700000002</c:v>
                </c:pt>
                <c:pt idx="7331">
                  <c:v>122.183334</c:v>
                </c:pt>
                <c:pt idx="7332">
                  <c:v>122.20000000000002</c:v>
                </c:pt>
                <c:pt idx="7333">
                  <c:v>122.216667</c:v>
                </c:pt>
                <c:pt idx="7334">
                  <c:v>122.23333400000001</c:v>
                </c:pt>
                <c:pt idx="7335">
                  <c:v>122.25</c:v>
                </c:pt>
                <c:pt idx="7336">
                  <c:v>122.26666700000001</c:v>
                </c:pt>
                <c:pt idx="7337">
                  <c:v>122.283334</c:v>
                </c:pt>
                <c:pt idx="7338">
                  <c:v>122.30000000000001</c:v>
                </c:pt>
                <c:pt idx="7339">
                  <c:v>122.316667</c:v>
                </c:pt>
                <c:pt idx="7340">
                  <c:v>122.33333400000001</c:v>
                </c:pt>
                <c:pt idx="7341">
                  <c:v>122.35</c:v>
                </c:pt>
                <c:pt idx="7342">
                  <c:v>122.36666700000001</c:v>
                </c:pt>
                <c:pt idx="7343">
                  <c:v>122.38333400000002</c:v>
                </c:pt>
                <c:pt idx="7344">
                  <c:v>122.4</c:v>
                </c:pt>
                <c:pt idx="7345">
                  <c:v>122.41666700000002</c:v>
                </c:pt>
                <c:pt idx="7346">
                  <c:v>122.433334</c:v>
                </c:pt>
                <c:pt idx="7347">
                  <c:v>122.45000000000002</c:v>
                </c:pt>
                <c:pt idx="7348">
                  <c:v>122.466667</c:v>
                </c:pt>
                <c:pt idx="7349">
                  <c:v>122.48333400000001</c:v>
                </c:pt>
                <c:pt idx="7350">
                  <c:v>122.5</c:v>
                </c:pt>
                <c:pt idx="7351">
                  <c:v>122.51666700000001</c:v>
                </c:pt>
                <c:pt idx="7352">
                  <c:v>122.533334</c:v>
                </c:pt>
                <c:pt idx="7353">
                  <c:v>122.55000000000001</c:v>
                </c:pt>
                <c:pt idx="7354">
                  <c:v>122.566667</c:v>
                </c:pt>
                <c:pt idx="7355">
                  <c:v>122.58333400000001</c:v>
                </c:pt>
                <c:pt idx="7356">
                  <c:v>122.6</c:v>
                </c:pt>
                <c:pt idx="7357">
                  <c:v>122.61666700000001</c:v>
                </c:pt>
                <c:pt idx="7358">
                  <c:v>122.63333400000002</c:v>
                </c:pt>
                <c:pt idx="7359">
                  <c:v>122.65</c:v>
                </c:pt>
                <c:pt idx="7360">
                  <c:v>122.66666700000002</c:v>
                </c:pt>
                <c:pt idx="7361">
                  <c:v>122.683334</c:v>
                </c:pt>
                <c:pt idx="7362">
                  <c:v>122.70000000000002</c:v>
                </c:pt>
                <c:pt idx="7363">
                  <c:v>122.716667</c:v>
                </c:pt>
                <c:pt idx="7364">
                  <c:v>122.73333400000001</c:v>
                </c:pt>
                <c:pt idx="7365">
                  <c:v>122.75</c:v>
                </c:pt>
                <c:pt idx="7366">
                  <c:v>122.76666700000001</c:v>
                </c:pt>
                <c:pt idx="7367">
                  <c:v>122.783334</c:v>
                </c:pt>
                <c:pt idx="7368">
                  <c:v>122.80000000000001</c:v>
                </c:pt>
                <c:pt idx="7369">
                  <c:v>122.816667</c:v>
                </c:pt>
                <c:pt idx="7370">
                  <c:v>122.83333400000001</c:v>
                </c:pt>
                <c:pt idx="7371">
                  <c:v>122.85</c:v>
                </c:pt>
                <c:pt idx="7372">
                  <c:v>122.86666700000001</c:v>
                </c:pt>
                <c:pt idx="7373">
                  <c:v>122.88333400000002</c:v>
                </c:pt>
                <c:pt idx="7374">
                  <c:v>122.9</c:v>
                </c:pt>
                <c:pt idx="7375">
                  <c:v>122.91666700000002</c:v>
                </c:pt>
                <c:pt idx="7376">
                  <c:v>122.933334</c:v>
                </c:pt>
                <c:pt idx="7377">
                  <c:v>122.95000000000002</c:v>
                </c:pt>
                <c:pt idx="7378">
                  <c:v>122.966667</c:v>
                </c:pt>
                <c:pt idx="7379">
                  <c:v>122.98333400000001</c:v>
                </c:pt>
                <c:pt idx="7380">
                  <c:v>123</c:v>
                </c:pt>
                <c:pt idx="7381">
                  <c:v>123.01666700000001</c:v>
                </c:pt>
                <c:pt idx="7382">
                  <c:v>123.033334</c:v>
                </c:pt>
                <c:pt idx="7383">
                  <c:v>123.05000000000001</c:v>
                </c:pt>
                <c:pt idx="7384">
                  <c:v>123.066667</c:v>
                </c:pt>
                <c:pt idx="7385">
                  <c:v>123.08333400000001</c:v>
                </c:pt>
                <c:pt idx="7386">
                  <c:v>123.1</c:v>
                </c:pt>
                <c:pt idx="7387">
                  <c:v>123.11666700000001</c:v>
                </c:pt>
                <c:pt idx="7388">
                  <c:v>123.13333400000002</c:v>
                </c:pt>
                <c:pt idx="7389">
                  <c:v>123.15</c:v>
                </c:pt>
                <c:pt idx="7390">
                  <c:v>123.16666700000002</c:v>
                </c:pt>
                <c:pt idx="7391">
                  <c:v>123.183334</c:v>
                </c:pt>
                <c:pt idx="7392">
                  <c:v>123.20000000000002</c:v>
                </c:pt>
                <c:pt idx="7393">
                  <c:v>123.216667</c:v>
                </c:pt>
                <c:pt idx="7394">
                  <c:v>123.23333400000001</c:v>
                </c:pt>
                <c:pt idx="7395">
                  <c:v>123.25</c:v>
                </c:pt>
                <c:pt idx="7396">
                  <c:v>123.26666700000001</c:v>
                </c:pt>
                <c:pt idx="7397">
                  <c:v>123.283334</c:v>
                </c:pt>
                <c:pt idx="7398">
                  <c:v>123.30000000000001</c:v>
                </c:pt>
                <c:pt idx="7399">
                  <c:v>123.316667</c:v>
                </c:pt>
                <c:pt idx="7400">
                  <c:v>123.33333400000001</c:v>
                </c:pt>
                <c:pt idx="7401">
                  <c:v>123.35</c:v>
                </c:pt>
                <c:pt idx="7402">
                  <c:v>123.36666700000001</c:v>
                </c:pt>
                <c:pt idx="7403">
                  <c:v>123.38333400000002</c:v>
                </c:pt>
                <c:pt idx="7404">
                  <c:v>123.4</c:v>
                </c:pt>
                <c:pt idx="7405">
                  <c:v>123.41666700000002</c:v>
                </c:pt>
                <c:pt idx="7406">
                  <c:v>123.433334</c:v>
                </c:pt>
                <c:pt idx="7407">
                  <c:v>123.45000000000002</c:v>
                </c:pt>
                <c:pt idx="7408">
                  <c:v>123.466667</c:v>
                </c:pt>
                <c:pt idx="7409">
                  <c:v>123.48333400000001</c:v>
                </c:pt>
                <c:pt idx="7410">
                  <c:v>123.5</c:v>
                </c:pt>
                <c:pt idx="7411">
                  <c:v>123.51666700000001</c:v>
                </c:pt>
                <c:pt idx="7412">
                  <c:v>123.533334</c:v>
                </c:pt>
                <c:pt idx="7413">
                  <c:v>123.55000000000001</c:v>
                </c:pt>
                <c:pt idx="7414">
                  <c:v>123.566667</c:v>
                </c:pt>
                <c:pt idx="7415">
                  <c:v>123.58333400000001</c:v>
                </c:pt>
                <c:pt idx="7416">
                  <c:v>123.6</c:v>
                </c:pt>
                <c:pt idx="7417">
                  <c:v>123.61666700000001</c:v>
                </c:pt>
                <c:pt idx="7418">
                  <c:v>123.63333400000002</c:v>
                </c:pt>
                <c:pt idx="7419">
                  <c:v>123.65</c:v>
                </c:pt>
                <c:pt idx="7420">
                  <c:v>123.66666700000002</c:v>
                </c:pt>
                <c:pt idx="7421">
                  <c:v>123.683334</c:v>
                </c:pt>
                <c:pt idx="7422">
                  <c:v>123.70000000000002</c:v>
                </c:pt>
                <c:pt idx="7423">
                  <c:v>123.716667</c:v>
                </c:pt>
                <c:pt idx="7424">
                  <c:v>123.73333400000001</c:v>
                </c:pt>
                <c:pt idx="7425">
                  <c:v>123.75</c:v>
                </c:pt>
                <c:pt idx="7426">
                  <c:v>123.76666700000001</c:v>
                </c:pt>
                <c:pt idx="7427">
                  <c:v>123.783334</c:v>
                </c:pt>
                <c:pt idx="7428">
                  <c:v>123.80000000000001</c:v>
                </c:pt>
                <c:pt idx="7429">
                  <c:v>123.816667</c:v>
                </c:pt>
                <c:pt idx="7430">
                  <c:v>123.83333400000001</c:v>
                </c:pt>
                <c:pt idx="7431">
                  <c:v>123.85</c:v>
                </c:pt>
                <c:pt idx="7432">
                  <c:v>123.86666700000001</c:v>
                </c:pt>
                <c:pt idx="7433">
                  <c:v>123.88333400000002</c:v>
                </c:pt>
                <c:pt idx="7434">
                  <c:v>123.9</c:v>
                </c:pt>
                <c:pt idx="7435">
                  <c:v>123.91666700000002</c:v>
                </c:pt>
                <c:pt idx="7436">
                  <c:v>123.933334</c:v>
                </c:pt>
                <c:pt idx="7437">
                  <c:v>123.95000000000002</c:v>
                </c:pt>
                <c:pt idx="7438">
                  <c:v>123.966667</c:v>
                </c:pt>
                <c:pt idx="7439">
                  <c:v>123.98333400000001</c:v>
                </c:pt>
                <c:pt idx="7440">
                  <c:v>124</c:v>
                </c:pt>
                <c:pt idx="7441">
                  <c:v>124.01666700000001</c:v>
                </c:pt>
                <c:pt idx="7442">
                  <c:v>124.033334</c:v>
                </c:pt>
                <c:pt idx="7443">
                  <c:v>124.05000000000001</c:v>
                </c:pt>
                <c:pt idx="7444">
                  <c:v>124.066667</c:v>
                </c:pt>
                <c:pt idx="7445">
                  <c:v>124.08333400000001</c:v>
                </c:pt>
                <c:pt idx="7446">
                  <c:v>124.1</c:v>
                </c:pt>
                <c:pt idx="7447">
                  <c:v>124.11666700000001</c:v>
                </c:pt>
                <c:pt idx="7448">
                  <c:v>124.13333400000002</c:v>
                </c:pt>
                <c:pt idx="7449">
                  <c:v>124.15</c:v>
                </c:pt>
                <c:pt idx="7450">
                  <c:v>124.16666700000002</c:v>
                </c:pt>
                <c:pt idx="7451">
                  <c:v>124.183334</c:v>
                </c:pt>
                <c:pt idx="7452">
                  <c:v>124.20000000000002</c:v>
                </c:pt>
                <c:pt idx="7453">
                  <c:v>124.216667</c:v>
                </c:pt>
                <c:pt idx="7454">
                  <c:v>124.23333400000001</c:v>
                </c:pt>
                <c:pt idx="7455">
                  <c:v>124.25</c:v>
                </c:pt>
                <c:pt idx="7456">
                  <c:v>124.26666700000001</c:v>
                </c:pt>
                <c:pt idx="7457">
                  <c:v>124.283334</c:v>
                </c:pt>
                <c:pt idx="7458">
                  <c:v>124.30000000000001</c:v>
                </c:pt>
                <c:pt idx="7459">
                  <c:v>124.316667</c:v>
                </c:pt>
                <c:pt idx="7460">
                  <c:v>124.33333400000001</c:v>
                </c:pt>
                <c:pt idx="7461">
                  <c:v>124.35</c:v>
                </c:pt>
                <c:pt idx="7462">
                  <c:v>124.36666700000001</c:v>
                </c:pt>
                <c:pt idx="7463">
                  <c:v>124.38333400000002</c:v>
                </c:pt>
                <c:pt idx="7464">
                  <c:v>124.4</c:v>
                </c:pt>
                <c:pt idx="7465">
                  <c:v>124.41666700000002</c:v>
                </c:pt>
                <c:pt idx="7466">
                  <c:v>124.433334</c:v>
                </c:pt>
                <c:pt idx="7467">
                  <c:v>124.45000000000002</c:v>
                </c:pt>
                <c:pt idx="7468">
                  <c:v>124.466667</c:v>
                </c:pt>
                <c:pt idx="7469">
                  <c:v>124.48333400000001</c:v>
                </c:pt>
                <c:pt idx="7470">
                  <c:v>124.5</c:v>
                </c:pt>
                <c:pt idx="7471">
                  <c:v>124.51666700000001</c:v>
                </c:pt>
                <c:pt idx="7472">
                  <c:v>124.533334</c:v>
                </c:pt>
                <c:pt idx="7473">
                  <c:v>124.55000000000001</c:v>
                </c:pt>
                <c:pt idx="7474">
                  <c:v>124.566667</c:v>
                </c:pt>
                <c:pt idx="7475">
                  <c:v>124.58333400000001</c:v>
                </c:pt>
                <c:pt idx="7476">
                  <c:v>124.6</c:v>
                </c:pt>
                <c:pt idx="7477">
                  <c:v>124.61666700000001</c:v>
                </c:pt>
                <c:pt idx="7478">
                  <c:v>124.63333400000002</c:v>
                </c:pt>
                <c:pt idx="7479">
                  <c:v>124.65</c:v>
                </c:pt>
                <c:pt idx="7480">
                  <c:v>124.66666700000002</c:v>
                </c:pt>
                <c:pt idx="7481">
                  <c:v>124.683334</c:v>
                </c:pt>
                <c:pt idx="7482">
                  <c:v>124.70000000000002</c:v>
                </c:pt>
                <c:pt idx="7483">
                  <c:v>124.716667</c:v>
                </c:pt>
                <c:pt idx="7484">
                  <c:v>124.73333400000001</c:v>
                </c:pt>
                <c:pt idx="7485">
                  <c:v>124.75</c:v>
                </c:pt>
                <c:pt idx="7486">
                  <c:v>124.76666700000001</c:v>
                </c:pt>
                <c:pt idx="7487">
                  <c:v>124.783334</c:v>
                </c:pt>
                <c:pt idx="7488">
                  <c:v>124.80000000000001</c:v>
                </c:pt>
                <c:pt idx="7489">
                  <c:v>124.816667</c:v>
                </c:pt>
                <c:pt idx="7490">
                  <c:v>124.83333400000001</c:v>
                </c:pt>
                <c:pt idx="7491">
                  <c:v>124.85</c:v>
                </c:pt>
                <c:pt idx="7492">
                  <c:v>124.86666700000001</c:v>
                </c:pt>
                <c:pt idx="7493">
                  <c:v>124.88333400000002</c:v>
                </c:pt>
                <c:pt idx="7494">
                  <c:v>124.9</c:v>
                </c:pt>
                <c:pt idx="7495">
                  <c:v>124.91666700000002</c:v>
                </c:pt>
                <c:pt idx="7496">
                  <c:v>124.933334</c:v>
                </c:pt>
                <c:pt idx="7497">
                  <c:v>124.95000000000002</c:v>
                </c:pt>
                <c:pt idx="7498">
                  <c:v>124.966667</c:v>
                </c:pt>
                <c:pt idx="7499">
                  <c:v>124.98333400000001</c:v>
                </c:pt>
                <c:pt idx="7500">
                  <c:v>125</c:v>
                </c:pt>
                <c:pt idx="7501">
                  <c:v>125.01666700000001</c:v>
                </c:pt>
                <c:pt idx="7502">
                  <c:v>125.033334</c:v>
                </c:pt>
                <c:pt idx="7503">
                  <c:v>125.05000000000001</c:v>
                </c:pt>
                <c:pt idx="7504">
                  <c:v>125.066667</c:v>
                </c:pt>
                <c:pt idx="7505">
                  <c:v>125.08333400000001</c:v>
                </c:pt>
                <c:pt idx="7506">
                  <c:v>125.1</c:v>
                </c:pt>
                <c:pt idx="7507">
                  <c:v>125.11666700000001</c:v>
                </c:pt>
                <c:pt idx="7508">
                  <c:v>125.13333400000002</c:v>
                </c:pt>
                <c:pt idx="7509">
                  <c:v>125.15</c:v>
                </c:pt>
                <c:pt idx="7510">
                  <c:v>125.16666700000002</c:v>
                </c:pt>
                <c:pt idx="7511">
                  <c:v>125.183334</c:v>
                </c:pt>
                <c:pt idx="7512">
                  <c:v>125.20000000000002</c:v>
                </c:pt>
                <c:pt idx="7513">
                  <c:v>125.216667</c:v>
                </c:pt>
                <c:pt idx="7514">
                  <c:v>125.23333400000001</c:v>
                </c:pt>
                <c:pt idx="7515">
                  <c:v>125.25</c:v>
                </c:pt>
                <c:pt idx="7516">
                  <c:v>125.26666700000001</c:v>
                </c:pt>
                <c:pt idx="7517">
                  <c:v>125.283334</c:v>
                </c:pt>
                <c:pt idx="7518">
                  <c:v>125.30000000000001</c:v>
                </c:pt>
                <c:pt idx="7519">
                  <c:v>125.316667</c:v>
                </c:pt>
                <c:pt idx="7520">
                  <c:v>125.33333400000001</c:v>
                </c:pt>
                <c:pt idx="7521">
                  <c:v>125.35</c:v>
                </c:pt>
                <c:pt idx="7522">
                  <c:v>125.36666700000001</c:v>
                </c:pt>
                <c:pt idx="7523">
                  <c:v>125.38333400000002</c:v>
                </c:pt>
                <c:pt idx="7524">
                  <c:v>125.4</c:v>
                </c:pt>
                <c:pt idx="7525">
                  <c:v>125.41666700000002</c:v>
                </c:pt>
                <c:pt idx="7526">
                  <c:v>125.433334</c:v>
                </c:pt>
                <c:pt idx="7527">
                  <c:v>125.45000000000002</c:v>
                </c:pt>
                <c:pt idx="7528">
                  <c:v>125.466667</c:v>
                </c:pt>
                <c:pt idx="7529">
                  <c:v>125.48333400000001</c:v>
                </c:pt>
                <c:pt idx="7530">
                  <c:v>125.5</c:v>
                </c:pt>
                <c:pt idx="7531">
                  <c:v>125.51666700000001</c:v>
                </c:pt>
                <c:pt idx="7532">
                  <c:v>125.533334</c:v>
                </c:pt>
                <c:pt idx="7533">
                  <c:v>125.55000000000001</c:v>
                </c:pt>
                <c:pt idx="7534">
                  <c:v>125.566667</c:v>
                </c:pt>
                <c:pt idx="7535">
                  <c:v>125.58333400000001</c:v>
                </c:pt>
                <c:pt idx="7536">
                  <c:v>125.6</c:v>
                </c:pt>
                <c:pt idx="7537">
                  <c:v>125.61666700000001</c:v>
                </c:pt>
                <c:pt idx="7538">
                  <c:v>125.63333400000002</c:v>
                </c:pt>
                <c:pt idx="7539">
                  <c:v>125.65</c:v>
                </c:pt>
                <c:pt idx="7540">
                  <c:v>125.66666700000002</c:v>
                </c:pt>
                <c:pt idx="7541">
                  <c:v>125.683334</c:v>
                </c:pt>
                <c:pt idx="7542">
                  <c:v>125.70000000000002</c:v>
                </c:pt>
                <c:pt idx="7543">
                  <c:v>125.716667</c:v>
                </c:pt>
                <c:pt idx="7544">
                  <c:v>125.73333400000001</c:v>
                </c:pt>
                <c:pt idx="7545">
                  <c:v>125.75</c:v>
                </c:pt>
                <c:pt idx="7546">
                  <c:v>125.76666700000001</c:v>
                </c:pt>
                <c:pt idx="7547">
                  <c:v>125.783334</c:v>
                </c:pt>
                <c:pt idx="7548">
                  <c:v>125.80000000000001</c:v>
                </c:pt>
                <c:pt idx="7549">
                  <c:v>125.816667</c:v>
                </c:pt>
                <c:pt idx="7550">
                  <c:v>125.83333400000001</c:v>
                </c:pt>
                <c:pt idx="7551">
                  <c:v>125.85</c:v>
                </c:pt>
                <c:pt idx="7552">
                  <c:v>125.86666700000001</c:v>
                </c:pt>
                <c:pt idx="7553">
                  <c:v>125.88333400000002</c:v>
                </c:pt>
                <c:pt idx="7554">
                  <c:v>125.9</c:v>
                </c:pt>
                <c:pt idx="7555">
                  <c:v>125.91666700000002</c:v>
                </c:pt>
                <c:pt idx="7556">
                  <c:v>125.933334</c:v>
                </c:pt>
                <c:pt idx="7557">
                  <c:v>125.95000000000002</c:v>
                </c:pt>
                <c:pt idx="7558">
                  <c:v>125.966667</c:v>
                </c:pt>
                <c:pt idx="7559">
                  <c:v>125.98333400000001</c:v>
                </c:pt>
                <c:pt idx="7560">
                  <c:v>126</c:v>
                </c:pt>
                <c:pt idx="7561">
                  <c:v>126.01666700000001</c:v>
                </c:pt>
                <c:pt idx="7562">
                  <c:v>126.033334</c:v>
                </c:pt>
                <c:pt idx="7563">
                  <c:v>126.05000000000001</c:v>
                </c:pt>
                <c:pt idx="7564">
                  <c:v>126.066667</c:v>
                </c:pt>
                <c:pt idx="7565">
                  <c:v>126.08333400000001</c:v>
                </c:pt>
                <c:pt idx="7566">
                  <c:v>126.1</c:v>
                </c:pt>
                <c:pt idx="7567">
                  <c:v>126.11666700000001</c:v>
                </c:pt>
                <c:pt idx="7568">
                  <c:v>126.13333400000002</c:v>
                </c:pt>
                <c:pt idx="7569">
                  <c:v>126.15</c:v>
                </c:pt>
                <c:pt idx="7570">
                  <c:v>126.16666700000002</c:v>
                </c:pt>
                <c:pt idx="7571">
                  <c:v>126.183334</c:v>
                </c:pt>
                <c:pt idx="7572">
                  <c:v>126.20000000000002</c:v>
                </c:pt>
                <c:pt idx="7573">
                  <c:v>126.216667</c:v>
                </c:pt>
                <c:pt idx="7574">
                  <c:v>126.23333400000001</c:v>
                </c:pt>
                <c:pt idx="7575">
                  <c:v>126.25</c:v>
                </c:pt>
                <c:pt idx="7576">
                  <c:v>126.26666700000001</c:v>
                </c:pt>
                <c:pt idx="7577">
                  <c:v>126.283334</c:v>
                </c:pt>
                <c:pt idx="7578">
                  <c:v>126.30000000000001</c:v>
                </c:pt>
                <c:pt idx="7579">
                  <c:v>126.316667</c:v>
                </c:pt>
                <c:pt idx="7580">
                  <c:v>126.33333400000001</c:v>
                </c:pt>
                <c:pt idx="7581">
                  <c:v>126.35</c:v>
                </c:pt>
                <c:pt idx="7582">
                  <c:v>126.36666700000001</c:v>
                </c:pt>
                <c:pt idx="7583">
                  <c:v>126.38333400000002</c:v>
                </c:pt>
                <c:pt idx="7584">
                  <c:v>126.4</c:v>
                </c:pt>
                <c:pt idx="7585">
                  <c:v>126.41666700000002</c:v>
                </c:pt>
                <c:pt idx="7586">
                  <c:v>126.433334</c:v>
                </c:pt>
                <c:pt idx="7587">
                  <c:v>126.45000000000002</c:v>
                </c:pt>
                <c:pt idx="7588">
                  <c:v>126.466667</c:v>
                </c:pt>
                <c:pt idx="7589">
                  <c:v>126.48333400000001</c:v>
                </c:pt>
                <c:pt idx="7590">
                  <c:v>126.5</c:v>
                </c:pt>
                <c:pt idx="7591">
                  <c:v>126.51666700000001</c:v>
                </c:pt>
                <c:pt idx="7592">
                  <c:v>126.533334</c:v>
                </c:pt>
                <c:pt idx="7593">
                  <c:v>126.55000000000001</c:v>
                </c:pt>
                <c:pt idx="7594">
                  <c:v>126.566667</c:v>
                </c:pt>
                <c:pt idx="7595">
                  <c:v>126.58333400000001</c:v>
                </c:pt>
                <c:pt idx="7596">
                  <c:v>126.6</c:v>
                </c:pt>
                <c:pt idx="7597">
                  <c:v>126.61666700000001</c:v>
                </c:pt>
                <c:pt idx="7598">
                  <c:v>126.63333400000002</c:v>
                </c:pt>
                <c:pt idx="7599">
                  <c:v>126.65</c:v>
                </c:pt>
                <c:pt idx="7600">
                  <c:v>126.66666700000002</c:v>
                </c:pt>
                <c:pt idx="7601">
                  <c:v>126.683334</c:v>
                </c:pt>
                <c:pt idx="7602">
                  <c:v>126.70000000000002</c:v>
                </c:pt>
                <c:pt idx="7603">
                  <c:v>126.716667</c:v>
                </c:pt>
                <c:pt idx="7604">
                  <c:v>126.73333400000001</c:v>
                </c:pt>
                <c:pt idx="7605">
                  <c:v>126.75</c:v>
                </c:pt>
                <c:pt idx="7606">
                  <c:v>126.76666700000001</c:v>
                </c:pt>
                <c:pt idx="7607">
                  <c:v>126.783334</c:v>
                </c:pt>
                <c:pt idx="7608">
                  <c:v>126.80000000000001</c:v>
                </c:pt>
                <c:pt idx="7609">
                  <c:v>126.816667</c:v>
                </c:pt>
                <c:pt idx="7610">
                  <c:v>126.83333400000001</c:v>
                </c:pt>
                <c:pt idx="7611">
                  <c:v>126.85</c:v>
                </c:pt>
                <c:pt idx="7612">
                  <c:v>126.86666700000001</c:v>
                </c:pt>
                <c:pt idx="7613">
                  <c:v>126.88333400000002</c:v>
                </c:pt>
                <c:pt idx="7614">
                  <c:v>126.9</c:v>
                </c:pt>
                <c:pt idx="7615">
                  <c:v>126.91666700000002</c:v>
                </c:pt>
                <c:pt idx="7616">
                  <c:v>126.933334</c:v>
                </c:pt>
                <c:pt idx="7617">
                  <c:v>126.95000000000002</c:v>
                </c:pt>
                <c:pt idx="7618">
                  <c:v>126.966667</c:v>
                </c:pt>
                <c:pt idx="7619">
                  <c:v>126.98333400000001</c:v>
                </c:pt>
                <c:pt idx="7620">
                  <c:v>127</c:v>
                </c:pt>
                <c:pt idx="7621">
                  <c:v>127.01666700000001</c:v>
                </c:pt>
                <c:pt idx="7622">
                  <c:v>127.033334</c:v>
                </c:pt>
                <c:pt idx="7623">
                  <c:v>127.05000000000001</c:v>
                </c:pt>
                <c:pt idx="7624">
                  <c:v>127.066667</c:v>
                </c:pt>
                <c:pt idx="7625">
                  <c:v>127.08333400000001</c:v>
                </c:pt>
                <c:pt idx="7626">
                  <c:v>127.1</c:v>
                </c:pt>
                <c:pt idx="7627">
                  <c:v>127.11666700000001</c:v>
                </c:pt>
                <c:pt idx="7628">
                  <c:v>127.13333400000002</c:v>
                </c:pt>
                <c:pt idx="7629">
                  <c:v>127.15</c:v>
                </c:pt>
                <c:pt idx="7630">
                  <c:v>127.16666700000002</c:v>
                </c:pt>
                <c:pt idx="7631">
                  <c:v>127.183334</c:v>
                </c:pt>
                <c:pt idx="7632">
                  <c:v>127.20000000000002</c:v>
                </c:pt>
                <c:pt idx="7633">
                  <c:v>127.216667</c:v>
                </c:pt>
                <c:pt idx="7634">
                  <c:v>127.23333400000001</c:v>
                </c:pt>
                <c:pt idx="7635">
                  <c:v>127.25</c:v>
                </c:pt>
                <c:pt idx="7636">
                  <c:v>127.26666700000001</c:v>
                </c:pt>
                <c:pt idx="7637">
                  <c:v>127.283334</c:v>
                </c:pt>
                <c:pt idx="7638">
                  <c:v>127.30000000000001</c:v>
                </c:pt>
                <c:pt idx="7639">
                  <c:v>127.316667</c:v>
                </c:pt>
                <c:pt idx="7640">
                  <c:v>127.33333400000001</c:v>
                </c:pt>
                <c:pt idx="7641">
                  <c:v>127.35</c:v>
                </c:pt>
                <c:pt idx="7642">
                  <c:v>127.36666700000001</c:v>
                </c:pt>
                <c:pt idx="7643">
                  <c:v>127.38333400000002</c:v>
                </c:pt>
                <c:pt idx="7644">
                  <c:v>127.4</c:v>
                </c:pt>
                <c:pt idx="7645">
                  <c:v>127.41666700000002</c:v>
                </c:pt>
                <c:pt idx="7646">
                  <c:v>127.433334</c:v>
                </c:pt>
                <c:pt idx="7647">
                  <c:v>127.45000000000002</c:v>
                </c:pt>
                <c:pt idx="7648">
                  <c:v>127.466667</c:v>
                </c:pt>
                <c:pt idx="7649">
                  <c:v>127.48333400000001</c:v>
                </c:pt>
                <c:pt idx="7650">
                  <c:v>127.5</c:v>
                </c:pt>
                <c:pt idx="7651">
                  <c:v>127.51666700000001</c:v>
                </c:pt>
                <c:pt idx="7652">
                  <c:v>127.533334</c:v>
                </c:pt>
                <c:pt idx="7653">
                  <c:v>127.55000000000001</c:v>
                </c:pt>
                <c:pt idx="7654">
                  <c:v>127.566667</c:v>
                </c:pt>
                <c:pt idx="7655">
                  <c:v>127.58333400000001</c:v>
                </c:pt>
                <c:pt idx="7656">
                  <c:v>127.6</c:v>
                </c:pt>
                <c:pt idx="7657">
                  <c:v>127.61666700000001</c:v>
                </c:pt>
                <c:pt idx="7658">
                  <c:v>127.63333400000002</c:v>
                </c:pt>
                <c:pt idx="7659">
                  <c:v>127.65</c:v>
                </c:pt>
                <c:pt idx="7660">
                  <c:v>127.66666700000002</c:v>
                </c:pt>
                <c:pt idx="7661">
                  <c:v>127.683334</c:v>
                </c:pt>
                <c:pt idx="7662">
                  <c:v>127.70000000000002</c:v>
                </c:pt>
                <c:pt idx="7663">
                  <c:v>127.716667</c:v>
                </c:pt>
                <c:pt idx="7664">
                  <c:v>127.73333400000001</c:v>
                </c:pt>
                <c:pt idx="7665">
                  <c:v>127.75</c:v>
                </c:pt>
                <c:pt idx="7666">
                  <c:v>127.76666700000001</c:v>
                </c:pt>
                <c:pt idx="7667">
                  <c:v>127.783334</c:v>
                </c:pt>
                <c:pt idx="7668">
                  <c:v>127.80000000000001</c:v>
                </c:pt>
                <c:pt idx="7669">
                  <c:v>127.816667</c:v>
                </c:pt>
                <c:pt idx="7670">
                  <c:v>127.83333400000001</c:v>
                </c:pt>
                <c:pt idx="7671">
                  <c:v>127.85</c:v>
                </c:pt>
                <c:pt idx="7672">
                  <c:v>127.86666700000001</c:v>
                </c:pt>
                <c:pt idx="7673">
                  <c:v>127.88333400000002</c:v>
                </c:pt>
                <c:pt idx="7674">
                  <c:v>127.9</c:v>
                </c:pt>
                <c:pt idx="7675">
                  <c:v>127.91666700000002</c:v>
                </c:pt>
                <c:pt idx="7676">
                  <c:v>127.933334</c:v>
                </c:pt>
                <c:pt idx="7677">
                  <c:v>127.95000000000002</c:v>
                </c:pt>
                <c:pt idx="7678">
                  <c:v>127.966667</c:v>
                </c:pt>
                <c:pt idx="7679">
                  <c:v>127.98333400000001</c:v>
                </c:pt>
                <c:pt idx="7680">
                  <c:v>128</c:v>
                </c:pt>
                <c:pt idx="7681">
                  <c:v>128.01666700000001</c:v>
                </c:pt>
                <c:pt idx="7682">
                  <c:v>128.033334</c:v>
                </c:pt>
                <c:pt idx="7683">
                  <c:v>128.05000000000001</c:v>
                </c:pt>
                <c:pt idx="7684">
                  <c:v>128.066667</c:v>
                </c:pt>
                <c:pt idx="7685">
                  <c:v>128.08333400000001</c:v>
                </c:pt>
                <c:pt idx="7686">
                  <c:v>128.1</c:v>
                </c:pt>
                <c:pt idx="7687">
                  <c:v>128.11666700000001</c:v>
                </c:pt>
                <c:pt idx="7688">
                  <c:v>128.13333400000002</c:v>
                </c:pt>
                <c:pt idx="7689">
                  <c:v>128.15</c:v>
                </c:pt>
                <c:pt idx="7690">
                  <c:v>128.16666700000002</c:v>
                </c:pt>
                <c:pt idx="7691">
                  <c:v>128.183334</c:v>
                </c:pt>
                <c:pt idx="7692">
                  <c:v>128.20000000000002</c:v>
                </c:pt>
                <c:pt idx="7693">
                  <c:v>128.216667</c:v>
                </c:pt>
                <c:pt idx="7694">
                  <c:v>128.23333400000001</c:v>
                </c:pt>
                <c:pt idx="7695">
                  <c:v>128.25</c:v>
                </c:pt>
                <c:pt idx="7696">
                  <c:v>128.26666700000001</c:v>
                </c:pt>
                <c:pt idx="7697">
                  <c:v>128.283334</c:v>
                </c:pt>
                <c:pt idx="7698">
                  <c:v>128.30000000000001</c:v>
                </c:pt>
                <c:pt idx="7699">
                  <c:v>128.316667</c:v>
                </c:pt>
                <c:pt idx="7700">
                  <c:v>128.33333400000001</c:v>
                </c:pt>
                <c:pt idx="7701">
                  <c:v>128.35</c:v>
                </c:pt>
                <c:pt idx="7702">
                  <c:v>128.36666700000001</c:v>
                </c:pt>
                <c:pt idx="7703">
                  <c:v>128.38333400000002</c:v>
                </c:pt>
                <c:pt idx="7704">
                  <c:v>128.4</c:v>
                </c:pt>
                <c:pt idx="7705">
                  <c:v>128.41666700000002</c:v>
                </c:pt>
                <c:pt idx="7706">
                  <c:v>128.433334</c:v>
                </c:pt>
                <c:pt idx="7707">
                  <c:v>128.45000000000002</c:v>
                </c:pt>
                <c:pt idx="7708">
                  <c:v>128.466667</c:v>
                </c:pt>
                <c:pt idx="7709">
                  <c:v>128.48333400000001</c:v>
                </c:pt>
                <c:pt idx="7710">
                  <c:v>128.5</c:v>
                </c:pt>
                <c:pt idx="7711">
                  <c:v>128.51666700000001</c:v>
                </c:pt>
                <c:pt idx="7712">
                  <c:v>128.533334</c:v>
                </c:pt>
                <c:pt idx="7713">
                  <c:v>128.55000000000001</c:v>
                </c:pt>
                <c:pt idx="7714">
                  <c:v>128.566667</c:v>
                </c:pt>
                <c:pt idx="7715">
                  <c:v>128.58333400000001</c:v>
                </c:pt>
                <c:pt idx="7716">
                  <c:v>128.6</c:v>
                </c:pt>
                <c:pt idx="7717">
                  <c:v>128.61666700000001</c:v>
                </c:pt>
                <c:pt idx="7718">
                  <c:v>128.63333400000002</c:v>
                </c:pt>
                <c:pt idx="7719">
                  <c:v>128.65</c:v>
                </c:pt>
                <c:pt idx="7720">
                  <c:v>128.66666700000002</c:v>
                </c:pt>
                <c:pt idx="7721">
                  <c:v>128.683334</c:v>
                </c:pt>
                <c:pt idx="7722">
                  <c:v>128.70000000000002</c:v>
                </c:pt>
                <c:pt idx="7723">
                  <c:v>128.716667</c:v>
                </c:pt>
                <c:pt idx="7724">
                  <c:v>128.73333400000001</c:v>
                </c:pt>
                <c:pt idx="7725">
                  <c:v>128.75</c:v>
                </c:pt>
                <c:pt idx="7726">
                  <c:v>128.76666700000001</c:v>
                </c:pt>
                <c:pt idx="7727">
                  <c:v>128.783334</c:v>
                </c:pt>
                <c:pt idx="7728">
                  <c:v>128.80000000000001</c:v>
                </c:pt>
                <c:pt idx="7729">
                  <c:v>128.816667</c:v>
                </c:pt>
                <c:pt idx="7730">
                  <c:v>128.83333400000001</c:v>
                </c:pt>
                <c:pt idx="7731">
                  <c:v>128.85</c:v>
                </c:pt>
                <c:pt idx="7732">
                  <c:v>128.86666700000001</c:v>
                </c:pt>
                <c:pt idx="7733">
                  <c:v>128.88333400000002</c:v>
                </c:pt>
                <c:pt idx="7734">
                  <c:v>128.9</c:v>
                </c:pt>
                <c:pt idx="7735">
                  <c:v>128.91666700000002</c:v>
                </c:pt>
                <c:pt idx="7736">
                  <c:v>128.933334</c:v>
                </c:pt>
                <c:pt idx="7737">
                  <c:v>128.95000000000002</c:v>
                </c:pt>
                <c:pt idx="7738">
                  <c:v>128.966667</c:v>
                </c:pt>
                <c:pt idx="7739">
                  <c:v>128.98333400000001</c:v>
                </c:pt>
                <c:pt idx="7740">
                  <c:v>129</c:v>
                </c:pt>
                <c:pt idx="7741">
                  <c:v>129.01666700000001</c:v>
                </c:pt>
                <c:pt idx="7742">
                  <c:v>129.033334</c:v>
                </c:pt>
                <c:pt idx="7743">
                  <c:v>129.05000000000001</c:v>
                </c:pt>
                <c:pt idx="7744">
                  <c:v>129.066667</c:v>
                </c:pt>
                <c:pt idx="7745">
                  <c:v>129.08333400000001</c:v>
                </c:pt>
                <c:pt idx="7746">
                  <c:v>129.1</c:v>
                </c:pt>
                <c:pt idx="7747">
                  <c:v>129.11666700000001</c:v>
                </c:pt>
                <c:pt idx="7748">
                  <c:v>129.13333400000002</c:v>
                </c:pt>
                <c:pt idx="7749">
                  <c:v>129.15</c:v>
                </c:pt>
                <c:pt idx="7750">
                  <c:v>129.16666700000002</c:v>
                </c:pt>
                <c:pt idx="7751">
                  <c:v>129.183334</c:v>
                </c:pt>
                <c:pt idx="7752">
                  <c:v>129.20000000000002</c:v>
                </c:pt>
                <c:pt idx="7753">
                  <c:v>129.216667</c:v>
                </c:pt>
                <c:pt idx="7754">
                  <c:v>129.23333400000001</c:v>
                </c:pt>
                <c:pt idx="7755">
                  <c:v>129.25</c:v>
                </c:pt>
                <c:pt idx="7756">
                  <c:v>129.26666700000001</c:v>
                </c:pt>
                <c:pt idx="7757">
                  <c:v>129.283334</c:v>
                </c:pt>
                <c:pt idx="7758">
                  <c:v>129.30000000000001</c:v>
                </c:pt>
                <c:pt idx="7759">
                  <c:v>129.316667</c:v>
                </c:pt>
                <c:pt idx="7760">
                  <c:v>129.33333400000001</c:v>
                </c:pt>
                <c:pt idx="7761">
                  <c:v>129.35</c:v>
                </c:pt>
                <c:pt idx="7762">
                  <c:v>129.36666700000001</c:v>
                </c:pt>
                <c:pt idx="7763">
                  <c:v>129.38333400000002</c:v>
                </c:pt>
                <c:pt idx="7764">
                  <c:v>129.4</c:v>
                </c:pt>
                <c:pt idx="7765">
                  <c:v>129.41666700000002</c:v>
                </c:pt>
                <c:pt idx="7766">
                  <c:v>129.433334</c:v>
                </c:pt>
                <c:pt idx="7767">
                  <c:v>129.45000000000002</c:v>
                </c:pt>
                <c:pt idx="7768">
                  <c:v>129.466667</c:v>
                </c:pt>
                <c:pt idx="7769">
                  <c:v>129.48333400000001</c:v>
                </c:pt>
                <c:pt idx="7770">
                  <c:v>129.5</c:v>
                </c:pt>
                <c:pt idx="7771">
                  <c:v>129.51666700000001</c:v>
                </c:pt>
                <c:pt idx="7772">
                  <c:v>129.533334</c:v>
                </c:pt>
                <c:pt idx="7773">
                  <c:v>129.55000000000001</c:v>
                </c:pt>
                <c:pt idx="7774">
                  <c:v>129.566667</c:v>
                </c:pt>
                <c:pt idx="7775">
                  <c:v>129.58333400000001</c:v>
                </c:pt>
                <c:pt idx="7776">
                  <c:v>129.6</c:v>
                </c:pt>
                <c:pt idx="7777">
                  <c:v>129.61666700000001</c:v>
                </c:pt>
                <c:pt idx="7778">
                  <c:v>129.63333400000002</c:v>
                </c:pt>
                <c:pt idx="7779">
                  <c:v>129.65</c:v>
                </c:pt>
                <c:pt idx="7780">
                  <c:v>129.66666700000002</c:v>
                </c:pt>
                <c:pt idx="7781">
                  <c:v>129.683334</c:v>
                </c:pt>
                <c:pt idx="7782">
                  <c:v>129.70000000000002</c:v>
                </c:pt>
                <c:pt idx="7783">
                  <c:v>129.716667</c:v>
                </c:pt>
                <c:pt idx="7784">
                  <c:v>129.73333400000001</c:v>
                </c:pt>
                <c:pt idx="7785">
                  <c:v>129.75</c:v>
                </c:pt>
                <c:pt idx="7786">
                  <c:v>129.76666700000001</c:v>
                </c:pt>
                <c:pt idx="7787">
                  <c:v>129.783334</c:v>
                </c:pt>
                <c:pt idx="7788">
                  <c:v>129.80000000000001</c:v>
                </c:pt>
                <c:pt idx="7789">
                  <c:v>129.816667</c:v>
                </c:pt>
                <c:pt idx="7790">
                  <c:v>129.83333400000001</c:v>
                </c:pt>
                <c:pt idx="7791">
                  <c:v>129.85</c:v>
                </c:pt>
                <c:pt idx="7792">
                  <c:v>129.86666700000001</c:v>
                </c:pt>
                <c:pt idx="7793">
                  <c:v>129.88333400000002</c:v>
                </c:pt>
                <c:pt idx="7794">
                  <c:v>129.9</c:v>
                </c:pt>
                <c:pt idx="7795">
                  <c:v>129.91666700000002</c:v>
                </c:pt>
                <c:pt idx="7796">
                  <c:v>129.933334</c:v>
                </c:pt>
                <c:pt idx="7797">
                  <c:v>129.95000000000002</c:v>
                </c:pt>
                <c:pt idx="7798">
                  <c:v>129.966667</c:v>
                </c:pt>
                <c:pt idx="7799">
                  <c:v>129.98333400000001</c:v>
                </c:pt>
                <c:pt idx="7800">
                  <c:v>130</c:v>
                </c:pt>
                <c:pt idx="7801">
                  <c:v>130.01666700000001</c:v>
                </c:pt>
                <c:pt idx="7802">
                  <c:v>130.033334</c:v>
                </c:pt>
                <c:pt idx="7803">
                  <c:v>130.05000000000001</c:v>
                </c:pt>
                <c:pt idx="7804">
                  <c:v>130.066667</c:v>
                </c:pt>
                <c:pt idx="7805">
                  <c:v>130.08333400000001</c:v>
                </c:pt>
                <c:pt idx="7806">
                  <c:v>130.1</c:v>
                </c:pt>
                <c:pt idx="7807">
                  <c:v>130.11666700000001</c:v>
                </c:pt>
                <c:pt idx="7808">
                  <c:v>130.13333400000002</c:v>
                </c:pt>
                <c:pt idx="7809">
                  <c:v>130.15</c:v>
                </c:pt>
                <c:pt idx="7810">
                  <c:v>130.16666700000002</c:v>
                </c:pt>
                <c:pt idx="7811">
                  <c:v>130.183334</c:v>
                </c:pt>
                <c:pt idx="7812">
                  <c:v>130.20000000000002</c:v>
                </c:pt>
                <c:pt idx="7813">
                  <c:v>130.216667</c:v>
                </c:pt>
                <c:pt idx="7814">
                  <c:v>130.23333400000001</c:v>
                </c:pt>
                <c:pt idx="7815">
                  <c:v>130.25</c:v>
                </c:pt>
                <c:pt idx="7816">
                  <c:v>130.26666700000001</c:v>
                </c:pt>
                <c:pt idx="7817">
                  <c:v>130.283334</c:v>
                </c:pt>
                <c:pt idx="7818">
                  <c:v>130.30000000000001</c:v>
                </c:pt>
                <c:pt idx="7819">
                  <c:v>130.316667</c:v>
                </c:pt>
                <c:pt idx="7820">
                  <c:v>130.33333400000001</c:v>
                </c:pt>
                <c:pt idx="7821">
                  <c:v>130.35</c:v>
                </c:pt>
                <c:pt idx="7822">
                  <c:v>130.36666700000001</c:v>
                </c:pt>
                <c:pt idx="7823">
                  <c:v>130.38333400000002</c:v>
                </c:pt>
                <c:pt idx="7824">
                  <c:v>130.4</c:v>
                </c:pt>
                <c:pt idx="7825">
                  <c:v>130.41666700000002</c:v>
                </c:pt>
                <c:pt idx="7826">
                  <c:v>130.433334</c:v>
                </c:pt>
                <c:pt idx="7827">
                  <c:v>130.45000000000002</c:v>
                </c:pt>
                <c:pt idx="7828">
                  <c:v>130.466667</c:v>
                </c:pt>
                <c:pt idx="7829">
                  <c:v>130.48333400000001</c:v>
                </c:pt>
                <c:pt idx="7830">
                  <c:v>130.5</c:v>
                </c:pt>
                <c:pt idx="7831">
                  <c:v>130.51666700000001</c:v>
                </c:pt>
                <c:pt idx="7832">
                  <c:v>130.533334</c:v>
                </c:pt>
                <c:pt idx="7833">
                  <c:v>130.55000000000001</c:v>
                </c:pt>
                <c:pt idx="7834">
                  <c:v>130.566667</c:v>
                </c:pt>
                <c:pt idx="7835">
                  <c:v>130.58333400000001</c:v>
                </c:pt>
                <c:pt idx="7836">
                  <c:v>130.6</c:v>
                </c:pt>
                <c:pt idx="7837">
                  <c:v>130.61666700000001</c:v>
                </c:pt>
                <c:pt idx="7838">
                  <c:v>130.63333400000002</c:v>
                </c:pt>
                <c:pt idx="7839">
                  <c:v>130.65</c:v>
                </c:pt>
                <c:pt idx="7840">
                  <c:v>130.66666700000002</c:v>
                </c:pt>
                <c:pt idx="7841">
                  <c:v>130.683334</c:v>
                </c:pt>
                <c:pt idx="7842">
                  <c:v>130.70000000000002</c:v>
                </c:pt>
                <c:pt idx="7843">
                  <c:v>130.716667</c:v>
                </c:pt>
                <c:pt idx="7844">
                  <c:v>130.73333400000001</c:v>
                </c:pt>
                <c:pt idx="7845">
                  <c:v>130.75</c:v>
                </c:pt>
                <c:pt idx="7846">
                  <c:v>130.76666700000001</c:v>
                </c:pt>
                <c:pt idx="7847">
                  <c:v>130.783334</c:v>
                </c:pt>
                <c:pt idx="7848">
                  <c:v>130.80000000000001</c:v>
                </c:pt>
                <c:pt idx="7849">
                  <c:v>130.816667</c:v>
                </c:pt>
                <c:pt idx="7850">
                  <c:v>130.83333400000001</c:v>
                </c:pt>
                <c:pt idx="7851">
                  <c:v>130.85</c:v>
                </c:pt>
                <c:pt idx="7852">
                  <c:v>130.86666700000001</c:v>
                </c:pt>
                <c:pt idx="7853">
                  <c:v>130.88333400000002</c:v>
                </c:pt>
                <c:pt idx="7854">
                  <c:v>130.9</c:v>
                </c:pt>
                <c:pt idx="7855">
                  <c:v>130.91666700000002</c:v>
                </c:pt>
                <c:pt idx="7856">
                  <c:v>130.933334</c:v>
                </c:pt>
                <c:pt idx="7857">
                  <c:v>130.95000000000002</c:v>
                </c:pt>
                <c:pt idx="7858">
                  <c:v>130.966667</c:v>
                </c:pt>
                <c:pt idx="7859">
                  <c:v>130.98333400000001</c:v>
                </c:pt>
                <c:pt idx="7860">
                  <c:v>131</c:v>
                </c:pt>
                <c:pt idx="7861">
                  <c:v>131.01666700000001</c:v>
                </c:pt>
                <c:pt idx="7862">
                  <c:v>131.033334</c:v>
                </c:pt>
                <c:pt idx="7863">
                  <c:v>131.05000000000001</c:v>
                </c:pt>
                <c:pt idx="7864">
                  <c:v>131.066667</c:v>
                </c:pt>
                <c:pt idx="7865">
                  <c:v>131.08333400000001</c:v>
                </c:pt>
                <c:pt idx="7866">
                  <c:v>131.1</c:v>
                </c:pt>
                <c:pt idx="7867">
                  <c:v>131.11666700000001</c:v>
                </c:pt>
                <c:pt idx="7868">
                  <c:v>131.13333400000002</c:v>
                </c:pt>
                <c:pt idx="7869">
                  <c:v>131.15</c:v>
                </c:pt>
                <c:pt idx="7870">
                  <c:v>131.16666700000002</c:v>
                </c:pt>
                <c:pt idx="7871">
                  <c:v>131.183334</c:v>
                </c:pt>
                <c:pt idx="7872">
                  <c:v>131.20000000000002</c:v>
                </c:pt>
                <c:pt idx="7873">
                  <c:v>131.216667</c:v>
                </c:pt>
                <c:pt idx="7874">
                  <c:v>131.23333400000001</c:v>
                </c:pt>
                <c:pt idx="7875">
                  <c:v>131.25</c:v>
                </c:pt>
                <c:pt idx="7876">
                  <c:v>131.26666700000001</c:v>
                </c:pt>
                <c:pt idx="7877">
                  <c:v>131.283334</c:v>
                </c:pt>
                <c:pt idx="7878">
                  <c:v>131.30000000000001</c:v>
                </c:pt>
                <c:pt idx="7879">
                  <c:v>131.316667</c:v>
                </c:pt>
                <c:pt idx="7880">
                  <c:v>131.33333400000001</c:v>
                </c:pt>
                <c:pt idx="7881">
                  <c:v>131.35</c:v>
                </c:pt>
                <c:pt idx="7882">
                  <c:v>131.36666700000001</c:v>
                </c:pt>
                <c:pt idx="7883">
                  <c:v>131.38333400000002</c:v>
                </c:pt>
                <c:pt idx="7884">
                  <c:v>131.4</c:v>
                </c:pt>
                <c:pt idx="7885">
                  <c:v>131.41666700000002</c:v>
                </c:pt>
                <c:pt idx="7886">
                  <c:v>131.433334</c:v>
                </c:pt>
                <c:pt idx="7887">
                  <c:v>131.45000000000002</c:v>
                </c:pt>
                <c:pt idx="7888">
                  <c:v>131.466667</c:v>
                </c:pt>
                <c:pt idx="7889">
                  <c:v>131.48333400000001</c:v>
                </c:pt>
                <c:pt idx="7890">
                  <c:v>131.5</c:v>
                </c:pt>
                <c:pt idx="7891">
                  <c:v>131.51666700000001</c:v>
                </c:pt>
                <c:pt idx="7892">
                  <c:v>131.533334</c:v>
                </c:pt>
                <c:pt idx="7893">
                  <c:v>131.55000000000001</c:v>
                </c:pt>
                <c:pt idx="7894">
                  <c:v>131.566667</c:v>
                </c:pt>
                <c:pt idx="7895">
                  <c:v>131.58333400000001</c:v>
                </c:pt>
                <c:pt idx="7896">
                  <c:v>131.6</c:v>
                </c:pt>
                <c:pt idx="7897">
                  <c:v>131.61666700000001</c:v>
                </c:pt>
                <c:pt idx="7898">
                  <c:v>131.63333400000002</c:v>
                </c:pt>
                <c:pt idx="7899">
                  <c:v>131.65</c:v>
                </c:pt>
                <c:pt idx="7900">
                  <c:v>131.66666700000002</c:v>
                </c:pt>
                <c:pt idx="7901">
                  <c:v>131.683334</c:v>
                </c:pt>
                <c:pt idx="7902">
                  <c:v>131.70000000000002</c:v>
                </c:pt>
                <c:pt idx="7903">
                  <c:v>131.716667</c:v>
                </c:pt>
                <c:pt idx="7904">
                  <c:v>131.73333400000001</c:v>
                </c:pt>
                <c:pt idx="7905">
                  <c:v>131.75</c:v>
                </c:pt>
                <c:pt idx="7906">
                  <c:v>131.76666700000001</c:v>
                </c:pt>
                <c:pt idx="7907">
                  <c:v>131.783334</c:v>
                </c:pt>
                <c:pt idx="7908">
                  <c:v>131.80000000000001</c:v>
                </c:pt>
                <c:pt idx="7909">
                  <c:v>131.816667</c:v>
                </c:pt>
                <c:pt idx="7910">
                  <c:v>131.83333400000001</c:v>
                </c:pt>
                <c:pt idx="7911">
                  <c:v>131.85</c:v>
                </c:pt>
                <c:pt idx="7912">
                  <c:v>131.86666700000001</c:v>
                </c:pt>
                <c:pt idx="7913">
                  <c:v>131.88333400000002</c:v>
                </c:pt>
                <c:pt idx="7914">
                  <c:v>131.9</c:v>
                </c:pt>
                <c:pt idx="7915">
                  <c:v>131.91666700000002</c:v>
                </c:pt>
                <c:pt idx="7916">
                  <c:v>131.933334</c:v>
                </c:pt>
                <c:pt idx="7917">
                  <c:v>131.95000000000002</c:v>
                </c:pt>
                <c:pt idx="7918">
                  <c:v>131.966667</c:v>
                </c:pt>
                <c:pt idx="7919">
                  <c:v>131.98333400000001</c:v>
                </c:pt>
                <c:pt idx="7920">
                  <c:v>132</c:v>
                </c:pt>
                <c:pt idx="7921">
                  <c:v>132.01666700000001</c:v>
                </c:pt>
                <c:pt idx="7922">
                  <c:v>132.033334</c:v>
                </c:pt>
                <c:pt idx="7923">
                  <c:v>132.05000000000001</c:v>
                </c:pt>
                <c:pt idx="7924">
                  <c:v>132.066667</c:v>
                </c:pt>
                <c:pt idx="7925">
                  <c:v>132.08333400000001</c:v>
                </c:pt>
                <c:pt idx="7926">
                  <c:v>132.1</c:v>
                </c:pt>
                <c:pt idx="7927">
                  <c:v>132.11666700000001</c:v>
                </c:pt>
                <c:pt idx="7928">
                  <c:v>132.13333400000002</c:v>
                </c:pt>
                <c:pt idx="7929">
                  <c:v>132.15</c:v>
                </c:pt>
                <c:pt idx="7930">
                  <c:v>132.16666700000002</c:v>
                </c:pt>
                <c:pt idx="7931">
                  <c:v>132.183334</c:v>
                </c:pt>
                <c:pt idx="7932">
                  <c:v>132.20000000000002</c:v>
                </c:pt>
                <c:pt idx="7933">
                  <c:v>132.216667</c:v>
                </c:pt>
                <c:pt idx="7934">
                  <c:v>132.23333400000001</c:v>
                </c:pt>
                <c:pt idx="7935">
                  <c:v>132.25</c:v>
                </c:pt>
                <c:pt idx="7936">
                  <c:v>132.26666700000001</c:v>
                </c:pt>
                <c:pt idx="7937">
                  <c:v>132.283334</c:v>
                </c:pt>
                <c:pt idx="7938">
                  <c:v>132.30000000000001</c:v>
                </c:pt>
                <c:pt idx="7939">
                  <c:v>132.316667</c:v>
                </c:pt>
                <c:pt idx="7940">
                  <c:v>132.33333400000001</c:v>
                </c:pt>
                <c:pt idx="7941">
                  <c:v>132.35</c:v>
                </c:pt>
                <c:pt idx="7942">
                  <c:v>132.36666700000001</c:v>
                </c:pt>
                <c:pt idx="7943">
                  <c:v>132.38333400000002</c:v>
                </c:pt>
                <c:pt idx="7944">
                  <c:v>132.4</c:v>
                </c:pt>
                <c:pt idx="7945">
                  <c:v>132.41666700000002</c:v>
                </c:pt>
                <c:pt idx="7946">
                  <c:v>132.433334</c:v>
                </c:pt>
                <c:pt idx="7947">
                  <c:v>132.45000000000002</c:v>
                </c:pt>
                <c:pt idx="7948">
                  <c:v>132.466667</c:v>
                </c:pt>
                <c:pt idx="7949">
                  <c:v>132.48333400000001</c:v>
                </c:pt>
                <c:pt idx="7950">
                  <c:v>132.5</c:v>
                </c:pt>
                <c:pt idx="7951">
                  <c:v>132.51666700000001</c:v>
                </c:pt>
                <c:pt idx="7952">
                  <c:v>132.533334</c:v>
                </c:pt>
                <c:pt idx="7953">
                  <c:v>132.55000000000001</c:v>
                </c:pt>
                <c:pt idx="7954">
                  <c:v>132.566667</c:v>
                </c:pt>
                <c:pt idx="7955">
                  <c:v>132.58333400000001</c:v>
                </c:pt>
                <c:pt idx="7956">
                  <c:v>132.6</c:v>
                </c:pt>
                <c:pt idx="7957">
                  <c:v>132.61666700000001</c:v>
                </c:pt>
                <c:pt idx="7958">
                  <c:v>132.63333400000002</c:v>
                </c:pt>
                <c:pt idx="7959">
                  <c:v>132.65</c:v>
                </c:pt>
                <c:pt idx="7960">
                  <c:v>132.66666700000002</c:v>
                </c:pt>
                <c:pt idx="7961">
                  <c:v>132.683334</c:v>
                </c:pt>
                <c:pt idx="7962">
                  <c:v>132.70000000000002</c:v>
                </c:pt>
                <c:pt idx="7963">
                  <c:v>132.716667</c:v>
                </c:pt>
                <c:pt idx="7964">
                  <c:v>132.73333400000001</c:v>
                </c:pt>
                <c:pt idx="7965">
                  <c:v>132.75</c:v>
                </c:pt>
                <c:pt idx="7966">
                  <c:v>132.76666700000001</c:v>
                </c:pt>
                <c:pt idx="7967">
                  <c:v>132.783334</c:v>
                </c:pt>
                <c:pt idx="7968">
                  <c:v>132.80000000000001</c:v>
                </c:pt>
                <c:pt idx="7969">
                  <c:v>132.816667</c:v>
                </c:pt>
                <c:pt idx="7970">
                  <c:v>132.83333400000001</c:v>
                </c:pt>
                <c:pt idx="7971">
                  <c:v>132.85</c:v>
                </c:pt>
                <c:pt idx="7972">
                  <c:v>132.86666700000001</c:v>
                </c:pt>
                <c:pt idx="7973">
                  <c:v>132.88333400000002</c:v>
                </c:pt>
                <c:pt idx="7974">
                  <c:v>132.9</c:v>
                </c:pt>
                <c:pt idx="7975">
                  <c:v>132.91666700000002</c:v>
                </c:pt>
                <c:pt idx="7976">
                  <c:v>132.933334</c:v>
                </c:pt>
                <c:pt idx="7977">
                  <c:v>132.95000000000002</c:v>
                </c:pt>
                <c:pt idx="7978">
                  <c:v>132.966667</c:v>
                </c:pt>
                <c:pt idx="7979">
                  <c:v>132.98333400000001</c:v>
                </c:pt>
                <c:pt idx="7980">
                  <c:v>133</c:v>
                </c:pt>
                <c:pt idx="7981">
                  <c:v>133.01666700000001</c:v>
                </c:pt>
                <c:pt idx="7982">
                  <c:v>133.033334</c:v>
                </c:pt>
                <c:pt idx="7983">
                  <c:v>133.05000000000001</c:v>
                </c:pt>
                <c:pt idx="7984">
                  <c:v>133.066667</c:v>
                </c:pt>
                <c:pt idx="7985">
                  <c:v>133.08333400000001</c:v>
                </c:pt>
                <c:pt idx="7986">
                  <c:v>133.1</c:v>
                </c:pt>
                <c:pt idx="7987">
                  <c:v>133.11666700000001</c:v>
                </c:pt>
                <c:pt idx="7988">
                  <c:v>133.13333400000002</c:v>
                </c:pt>
                <c:pt idx="7989">
                  <c:v>133.15</c:v>
                </c:pt>
                <c:pt idx="7990">
                  <c:v>133.16666700000002</c:v>
                </c:pt>
                <c:pt idx="7991">
                  <c:v>133.183334</c:v>
                </c:pt>
                <c:pt idx="7992">
                  <c:v>133.20000000000002</c:v>
                </c:pt>
                <c:pt idx="7993">
                  <c:v>133.216667</c:v>
                </c:pt>
                <c:pt idx="7994">
                  <c:v>133.23333400000001</c:v>
                </c:pt>
                <c:pt idx="7995">
                  <c:v>133.25</c:v>
                </c:pt>
                <c:pt idx="7996">
                  <c:v>133.26666700000001</c:v>
                </c:pt>
                <c:pt idx="7997">
                  <c:v>133.283334</c:v>
                </c:pt>
                <c:pt idx="7998">
                  <c:v>133.30000000000001</c:v>
                </c:pt>
                <c:pt idx="7999">
                  <c:v>133.316667</c:v>
                </c:pt>
                <c:pt idx="8000">
                  <c:v>133.33333400000001</c:v>
                </c:pt>
                <c:pt idx="8001">
                  <c:v>133.35</c:v>
                </c:pt>
                <c:pt idx="8002">
                  <c:v>133.36666700000001</c:v>
                </c:pt>
                <c:pt idx="8003">
                  <c:v>133.38333400000002</c:v>
                </c:pt>
                <c:pt idx="8004">
                  <c:v>133.4</c:v>
                </c:pt>
                <c:pt idx="8005">
                  <c:v>133.41666700000002</c:v>
                </c:pt>
                <c:pt idx="8006">
                  <c:v>133.433334</c:v>
                </c:pt>
                <c:pt idx="8007">
                  <c:v>133.45000000000002</c:v>
                </c:pt>
                <c:pt idx="8008">
                  <c:v>133.466667</c:v>
                </c:pt>
                <c:pt idx="8009">
                  <c:v>133.48333400000001</c:v>
                </c:pt>
                <c:pt idx="8010">
                  <c:v>133.5</c:v>
                </c:pt>
                <c:pt idx="8011">
                  <c:v>133.51666700000001</c:v>
                </c:pt>
                <c:pt idx="8012">
                  <c:v>133.533334</c:v>
                </c:pt>
                <c:pt idx="8013">
                  <c:v>133.55000000000001</c:v>
                </c:pt>
                <c:pt idx="8014">
                  <c:v>133.566667</c:v>
                </c:pt>
                <c:pt idx="8015">
                  <c:v>133.58333400000001</c:v>
                </c:pt>
                <c:pt idx="8016">
                  <c:v>133.6</c:v>
                </c:pt>
                <c:pt idx="8017">
                  <c:v>133.61666700000001</c:v>
                </c:pt>
                <c:pt idx="8018">
                  <c:v>133.63333400000002</c:v>
                </c:pt>
                <c:pt idx="8019">
                  <c:v>133.65</c:v>
                </c:pt>
                <c:pt idx="8020">
                  <c:v>133.66666700000002</c:v>
                </c:pt>
                <c:pt idx="8021">
                  <c:v>133.683334</c:v>
                </c:pt>
                <c:pt idx="8022">
                  <c:v>133.70000000000002</c:v>
                </c:pt>
                <c:pt idx="8023">
                  <c:v>133.716667</c:v>
                </c:pt>
                <c:pt idx="8024">
                  <c:v>133.73333400000001</c:v>
                </c:pt>
                <c:pt idx="8025">
                  <c:v>133.75</c:v>
                </c:pt>
                <c:pt idx="8026">
                  <c:v>133.76666700000001</c:v>
                </c:pt>
                <c:pt idx="8027">
                  <c:v>133.783334</c:v>
                </c:pt>
                <c:pt idx="8028">
                  <c:v>133.80000000000001</c:v>
                </c:pt>
                <c:pt idx="8029">
                  <c:v>133.816667</c:v>
                </c:pt>
                <c:pt idx="8030">
                  <c:v>133.83333400000001</c:v>
                </c:pt>
                <c:pt idx="8031">
                  <c:v>133.85</c:v>
                </c:pt>
                <c:pt idx="8032">
                  <c:v>133.86666700000001</c:v>
                </c:pt>
                <c:pt idx="8033">
                  <c:v>133.88333400000002</c:v>
                </c:pt>
                <c:pt idx="8034">
                  <c:v>133.9</c:v>
                </c:pt>
                <c:pt idx="8035">
                  <c:v>133.91666700000002</c:v>
                </c:pt>
                <c:pt idx="8036">
                  <c:v>133.933334</c:v>
                </c:pt>
                <c:pt idx="8037">
                  <c:v>133.95000000000002</c:v>
                </c:pt>
                <c:pt idx="8038">
                  <c:v>133.966667</c:v>
                </c:pt>
                <c:pt idx="8039">
                  <c:v>133.98333400000001</c:v>
                </c:pt>
                <c:pt idx="8040">
                  <c:v>134</c:v>
                </c:pt>
                <c:pt idx="8041">
                  <c:v>134.01666700000001</c:v>
                </c:pt>
                <c:pt idx="8042">
                  <c:v>134.033334</c:v>
                </c:pt>
                <c:pt idx="8043">
                  <c:v>134.05000000000001</c:v>
                </c:pt>
                <c:pt idx="8044">
                  <c:v>134.066667</c:v>
                </c:pt>
                <c:pt idx="8045">
                  <c:v>134.08333400000001</c:v>
                </c:pt>
                <c:pt idx="8046">
                  <c:v>134.1</c:v>
                </c:pt>
                <c:pt idx="8047">
                  <c:v>134.11666700000001</c:v>
                </c:pt>
                <c:pt idx="8048">
                  <c:v>134.13333400000002</c:v>
                </c:pt>
                <c:pt idx="8049">
                  <c:v>134.15</c:v>
                </c:pt>
                <c:pt idx="8050">
                  <c:v>134.16666700000002</c:v>
                </c:pt>
                <c:pt idx="8051">
                  <c:v>134.183334</c:v>
                </c:pt>
                <c:pt idx="8052">
                  <c:v>134.20000000000002</c:v>
                </c:pt>
                <c:pt idx="8053">
                  <c:v>134.216667</c:v>
                </c:pt>
                <c:pt idx="8054">
                  <c:v>134.23333400000001</c:v>
                </c:pt>
                <c:pt idx="8055">
                  <c:v>134.25</c:v>
                </c:pt>
                <c:pt idx="8056">
                  <c:v>134.26666700000001</c:v>
                </c:pt>
                <c:pt idx="8057">
                  <c:v>134.283334</c:v>
                </c:pt>
                <c:pt idx="8058">
                  <c:v>134.30000000000001</c:v>
                </c:pt>
                <c:pt idx="8059">
                  <c:v>134.316667</c:v>
                </c:pt>
                <c:pt idx="8060">
                  <c:v>134.33333400000001</c:v>
                </c:pt>
                <c:pt idx="8061">
                  <c:v>134.35</c:v>
                </c:pt>
                <c:pt idx="8062">
                  <c:v>134.36666700000001</c:v>
                </c:pt>
                <c:pt idx="8063">
                  <c:v>134.38333400000002</c:v>
                </c:pt>
                <c:pt idx="8064">
                  <c:v>134.4</c:v>
                </c:pt>
                <c:pt idx="8065">
                  <c:v>134.41666700000002</c:v>
                </c:pt>
                <c:pt idx="8066">
                  <c:v>134.433334</c:v>
                </c:pt>
                <c:pt idx="8067">
                  <c:v>134.45000000000002</c:v>
                </c:pt>
                <c:pt idx="8068">
                  <c:v>134.466667</c:v>
                </c:pt>
                <c:pt idx="8069">
                  <c:v>134.48333400000001</c:v>
                </c:pt>
                <c:pt idx="8070">
                  <c:v>134.5</c:v>
                </c:pt>
                <c:pt idx="8071">
                  <c:v>134.51666700000001</c:v>
                </c:pt>
                <c:pt idx="8072">
                  <c:v>134.533334</c:v>
                </c:pt>
                <c:pt idx="8073">
                  <c:v>134.55000000000001</c:v>
                </c:pt>
                <c:pt idx="8074">
                  <c:v>134.566667</c:v>
                </c:pt>
                <c:pt idx="8075">
                  <c:v>134.58333400000001</c:v>
                </c:pt>
                <c:pt idx="8076">
                  <c:v>134.6</c:v>
                </c:pt>
                <c:pt idx="8077">
                  <c:v>134.61666700000001</c:v>
                </c:pt>
                <c:pt idx="8078">
                  <c:v>134.63333400000002</c:v>
                </c:pt>
                <c:pt idx="8079">
                  <c:v>134.65</c:v>
                </c:pt>
                <c:pt idx="8080">
                  <c:v>134.66666700000002</c:v>
                </c:pt>
                <c:pt idx="8081">
                  <c:v>134.683334</c:v>
                </c:pt>
                <c:pt idx="8082">
                  <c:v>134.70000000000002</c:v>
                </c:pt>
                <c:pt idx="8083">
                  <c:v>134.716667</c:v>
                </c:pt>
                <c:pt idx="8084">
                  <c:v>134.73333400000001</c:v>
                </c:pt>
                <c:pt idx="8085">
                  <c:v>134.75</c:v>
                </c:pt>
                <c:pt idx="8086">
                  <c:v>134.76666700000001</c:v>
                </c:pt>
                <c:pt idx="8087">
                  <c:v>134.783334</c:v>
                </c:pt>
                <c:pt idx="8088">
                  <c:v>134.80000000000001</c:v>
                </c:pt>
                <c:pt idx="8089">
                  <c:v>134.816667</c:v>
                </c:pt>
                <c:pt idx="8090">
                  <c:v>134.83333400000001</c:v>
                </c:pt>
                <c:pt idx="8091">
                  <c:v>134.85</c:v>
                </c:pt>
                <c:pt idx="8092">
                  <c:v>134.86666700000001</c:v>
                </c:pt>
                <c:pt idx="8093">
                  <c:v>134.88333400000002</c:v>
                </c:pt>
                <c:pt idx="8094">
                  <c:v>134.9</c:v>
                </c:pt>
                <c:pt idx="8095">
                  <c:v>134.91666700000002</c:v>
                </c:pt>
                <c:pt idx="8096">
                  <c:v>134.933334</c:v>
                </c:pt>
                <c:pt idx="8097">
                  <c:v>134.95000000000002</c:v>
                </c:pt>
                <c:pt idx="8098">
                  <c:v>134.966667</c:v>
                </c:pt>
                <c:pt idx="8099">
                  <c:v>134.98333400000001</c:v>
                </c:pt>
                <c:pt idx="8100">
                  <c:v>135</c:v>
                </c:pt>
                <c:pt idx="8101">
                  <c:v>135.01666700000001</c:v>
                </c:pt>
                <c:pt idx="8102">
                  <c:v>135.033334</c:v>
                </c:pt>
                <c:pt idx="8103">
                  <c:v>135.05000000000001</c:v>
                </c:pt>
                <c:pt idx="8104">
                  <c:v>135.066667</c:v>
                </c:pt>
                <c:pt idx="8105">
                  <c:v>135.08333400000001</c:v>
                </c:pt>
                <c:pt idx="8106">
                  <c:v>135.1</c:v>
                </c:pt>
                <c:pt idx="8107">
                  <c:v>135.11666700000001</c:v>
                </c:pt>
                <c:pt idx="8108">
                  <c:v>135.13333400000002</c:v>
                </c:pt>
                <c:pt idx="8109">
                  <c:v>135.15</c:v>
                </c:pt>
                <c:pt idx="8110">
                  <c:v>135.16666700000002</c:v>
                </c:pt>
                <c:pt idx="8111">
                  <c:v>135.183334</c:v>
                </c:pt>
                <c:pt idx="8112">
                  <c:v>135.20000000000002</c:v>
                </c:pt>
                <c:pt idx="8113">
                  <c:v>135.216667</c:v>
                </c:pt>
                <c:pt idx="8114">
                  <c:v>135.23333400000001</c:v>
                </c:pt>
                <c:pt idx="8115">
                  <c:v>135.25</c:v>
                </c:pt>
                <c:pt idx="8116">
                  <c:v>135.26666700000001</c:v>
                </c:pt>
                <c:pt idx="8117">
                  <c:v>135.283334</c:v>
                </c:pt>
                <c:pt idx="8118">
                  <c:v>135.30000000000001</c:v>
                </c:pt>
                <c:pt idx="8119">
                  <c:v>135.316667</c:v>
                </c:pt>
                <c:pt idx="8120">
                  <c:v>135.33333400000001</c:v>
                </c:pt>
                <c:pt idx="8121">
                  <c:v>135.35</c:v>
                </c:pt>
                <c:pt idx="8122">
                  <c:v>135.36666700000001</c:v>
                </c:pt>
                <c:pt idx="8123">
                  <c:v>135.38333400000002</c:v>
                </c:pt>
                <c:pt idx="8124">
                  <c:v>135.4</c:v>
                </c:pt>
                <c:pt idx="8125">
                  <c:v>135.41666700000002</c:v>
                </c:pt>
                <c:pt idx="8126">
                  <c:v>135.433334</c:v>
                </c:pt>
                <c:pt idx="8127">
                  <c:v>135.45000000000002</c:v>
                </c:pt>
                <c:pt idx="8128">
                  <c:v>135.466667</c:v>
                </c:pt>
                <c:pt idx="8129">
                  <c:v>135.48333400000001</c:v>
                </c:pt>
                <c:pt idx="8130">
                  <c:v>135.5</c:v>
                </c:pt>
                <c:pt idx="8131">
                  <c:v>135.51666700000001</c:v>
                </c:pt>
                <c:pt idx="8132">
                  <c:v>135.533334</c:v>
                </c:pt>
                <c:pt idx="8133">
                  <c:v>135.55000000000001</c:v>
                </c:pt>
                <c:pt idx="8134">
                  <c:v>135.566667</c:v>
                </c:pt>
                <c:pt idx="8135">
                  <c:v>135.58333400000001</c:v>
                </c:pt>
                <c:pt idx="8136">
                  <c:v>135.6</c:v>
                </c:pt>
                <c:pt idx="8137">
                  <c:v>135.61666700000001</c:v>
                </c:pt>
                <c:pt idx="8138">
                  <c:v>135.63333400000002</c:v>
                </c:pt>
                <c:pt idx="8139">
                  <c:v>135.65</c:v>
                </c:pt>
                <c:pt idx="8140">
                  <c:v>135.66666700000002</c:v>
                </c:pt>
                <c:pt idx="8141">
                  <c:v>135.683334</c:v>
                </c:pt>
                <c:pt idx="8142">
                  <c:v>135.70000000000002</c:v>
                </c:pt>
                <c:pt idx="8143">
                  <c:v>135.716667</c:v>
                </c:pt>
                <c:pt idx="8144">
                  <c:v>135.73333400000001</c:v>
                </c:pt>
                <c:pt idx="8145">
                  <c:v>135.75</c:v>
                </c:pt>
                <c:pt idx="8146">
                  <c:v>135.76666700000001</c:v>
                </c:pt>
                <c:pt idx="8147">
                  <c:v>135.783334</c:v>
                </c:pt>
                <c:pt idx="8148">
                  <c:v>135.80000000000001</c:v>
                </c:pt>
                <c:pt idx="8149">
                  <c:v>135.816667</c:v>
                </c:pt>
                <c:pt idx="8150">
                  <c:v>135.83333400000001</c:v>
                </c:pt>
                <c:pt idx="8151">
                  <c:v>135.85</c:v>
                </c:pt>
                <c:pt idx="8152">
                  <c:v>135.86666700000001</c:v>
                </c:pt>
                <c:pt idx="8153">
                  <c:v>135.88333400000002</c:v>
                </c:pt>
                <c:pt idx="8154">
                  <c:v>135.9</c:v>
                </c:pt>
                <c:pt idx="8155">
                  <c:v>135.91666700000002</c:v>
                </c:pt>
                <c:pt idx="8156">
                  <c:v>135.933334</c:v>
                </c:pt>
                <c:pt idx="8157">
                  <c:v>135.95000000000002</c:v>
                </c:pt>
                <c:pt idx="8158">
                  <c:v>135.966667</c:v>
                </c:pt>
                <c:pt idx="8159">
                  <c:v>135.98333400000001</c:v>
                </c:pt>
                <c:pt idx="8160">
                  <c:v>136</c:v>
                </c:pt>
                <c:pt idx="8161">
                  <c:v>136.01666700000001</c:v>
                </c:pt>
                <c:pt idx="8162">
                  <c:v>136.033334</c:v>
                </c:pt>
                <c:pt idx="8163">
                  <c:v>136.05000000000001</c:v>
                </c:pt>
                <c:pt idx="8164">
                  <c:v>136.066667</c:v>
                </c:pt>
                <c:pt idx="8165">
                  <c:v>136.08333400000001</c:v>
                </c:pt>
                <c:pt idx="8166">
                  <c:v>136.1</c:v>
                </c:pt>
                <c:pt idx="8167">
                  <c:v>136.11666700000001</c:v>
                </c:pt>
                <c:pt idx="8168">
                  <c:v>136.13333400000002</c:v>
                </c:pt>
                <c:pt idx="8169">
                  <c:v>136.15</c:v>
                </c:pt>
                <c:pt idx="8170">
                  <c:v>136.16666700000002</c:v>
                </c:pt>
                <c:pt idx="8171">
                  <c:v>136.183334</c:v>
                </c:pt>
                <c:pt idx="8172">
                  <c:v>136.20000000000002</c:v>
                </c:pt>
                <c:pt idx="8173">
                  <c:v>136.216667</c:v>
                </c:pt>
                <c:pt idx="8174">
                  <c:v>136.23333400000001</c:v>
                </c:pt>
                <c:pt idx="8175">
                  <c:v>136.25</c:v>
                </c:pt>
                <c:pt idx="8176">
                  <c:v>136.26666700000001</c:v>
                </c:pt>
                <c:pt idx="8177">
                  <c:v>136.283334</c:v>
                </c:pt>
                <c:pt idx="8178">
                  <c:v>136.30000000000001</c:v>
                </c:pt>
                <c:pt idx="8179">
                  <c:v>136.316667</c:v>
                </c:pt>
                <c:pt idx="8180">
                  <c:v>136.33333400000001</c:v>
                </c:pt>
                <c:pt idx="8181">
                  <c:v>136.35</c:v>
                </c:pt>
                <c:pt idx="8182">
                  <c:v>136.36666700000001</c:v>
                </c:pt>
                <c:pt idx="8183">
                  <c:v>136.38333400000002</c:v>
                </c:pt>
                <c:pt idx="8184">
                  <c:v>136.4</c:v>
                </c:pt>
                <c:pt idx="8185">
                  <c:v>136.41666700000002</c:v>
                </c:pt>
                <c:pt idx="8186">
                  <c:v>136.433334</c:v>
                </c:pt>
                <c:pt idx="8187">
                  <c:v>136.45000000000002</c:v>
                </c:pt>
                <c:pt idx="8188">
                  <c:v>136.466667</c:v>
                </c:pt>
                <c:pt idx="8189">
                  <c:v>136.48333400000001</c:v>
                </c:pt>
                <c:pt idx="8190">
                  <c:v>136.5</c:v>
                </c:pt>
                <c:pt idx="8191">
                  <c:v>136.51666700000001</c:v>
                </c:pt>
                <c:pt idx="8192">
                  <c:v>136.533334</c:v>
                </c:pt>
                <c:pt idx="8193">
                  <c:v>136.55000000000001</c:v>
                </c:pt>
                <c:pt idx="8194">
                  <c:v>136.566667</c:v>
                </c:pt>
                <c:pt idx="8195">
                  <c:v>136.58333400000001</c:v>
                </c:pt>
                <c:pt idx="8196">
                  <c:v>136.6</c:v>
                </c:pt>
                <c:pt idx="8197">
                  <c:v>136.61666700000001</c:v>
                </c:pt>
                <c:pt idx="8198">
                  <c:v>136.63333400000002</c:v>
                </c:pt>
                <c:pt idx="8199">
                  <c:v>136.65</c:v>
                </c:pt>
                <c:pt idx="8200">
                  <c:v>136.66666700000002</c:v>
                </c:pt>
                <c:pt idx="8201">
                  <c:v>136.683334</c:v>
                </c:pt>
                <c:pt idx="8202">
                  <c:v>136.70000000000002</c:v>
                </c:pt>
                <c:pt idx="8203">
                  <c:v>136.716667</c:v>
                </c:pt>
                <c:pt idx="8204">
                  <c:v>136.73333400000001</c:v>
                </c:pt>
                <c:pt idx="8205">
                  <c:v>136.75</c:v>
                </c:pt>
                <c:pt idx="8206">
                  <c:v>136.76666700000001</c:v>
                </c:pt>
                <c:pt idx="8207">
                  <c:v>136.783334</c:v>
                </c:pt>
                <c:pt idx="8208">
                  <c:v>136.80000000000001</c:v>
                </c:pt>
                <c:pt idx="8209">
                  <c:v>136.816667</c:v>
                </c:pt>
                <c:pt idx="8210">
                  <c:v>136.83333400000001</c:v>
                </c:pt>
                <c:pt idx="8211">
                  <c:v>136.85</c:v>
                </c:pt>
                <c:pt idx="8212">
                  <c:v>136.86666700000001</c:v>
                </c:pt>
                <c:pt idx="8213">
                  <c:v>136.88333400000002</c:v>
                </c:pt>
                <c:pt idx="8214">
                  <c:v>136.9</c:v>
                </c:pt>
                <c:pt idx="8215">
                  <c:v>136.91666700000002</c:v>
                </c:pt>
                <c:pt idx="8216">
                  <c:v>136.933334</c:v>
                </c:pt>
                <c:pt idx="8217">
                  <c:v>136.95000000000002</c:v>
                </c:pt>
                <c:pt idx="8218">
                  <c:v>136.966667</c:v>
                </c:pt>
                <c:pt idx="8219">
                  <c:v>136.98333400000001</c:v>
                </c:pt>
                <c:pt idx="8220">
                  <c:v>137</c:v>
                </c:pt>
                <c:pt idx="8221">
                  <c:v>137.01666700000001</c:v>
                </c:pt>
                <c:pt idx="8222">
                  <c:v>137.033334</c:v>
                </c:pt>
                <c:pt idx="8223">
                  <c:v>137.05000000000001</c:v>
                </c:pt>
                <c:pt idx="8224">
                  <c:v>137.066667</c:v>
                </c:pt>
                <c:pt idx="8225">
                  <c:v>137.08333400000001</c:v>
                </c:pt>
                <c:pt idx="8226">
                  <c:v>137.1</c:v>
                </c:pt>
                <c:pt idx="8227">
                  <c:v>137.11666700000001</c:v>
                </c:pt>
                <c:pt idx="8228">
                  <c:v>137.13333400000002</c:v>
                </c:pt>
                <c:pt idx="8229">
                  <c:v>137.15</c:v>
                </c:pt>
                <c:pt idx="8230">
                  <c:v>137.16666700000002</c:v>
                </c:pt>
                <c:pt idx="8231">
                  <c:v>137.183334</c:v>
                </c:pt>
                <c:pt idx="8232">
                  <c:v>137.20000000000002</c:v>
                </c:pt>
                <c:pt idx="8233">
                  <c:v>137.216667</c:v>
                </c:pt>
                <c:pt idx="8234">
                  <c:v>137.23333400000001</c:v>
                </c:pt>
                <c:pt idx="8235">
                  <c:v>137.25</c:v>
                </c:pt>
                <c:pt idx="8236">
                  <c:v>137.26666700000001</c:v>
                </c:pt>
                <c:pt idx="8237">
                  <c:v>137.283334</c:v>
                </c:pt>
                <c:pt idx="8238">
                  <c:v>137.30000000000001</c:v>
                </c:pt>
                <c:pt idx="8239">
                  <c:v>137.316667</c:v>
                </c:pt>
                <c:pt idx="8240">
                  <c:v>137.33333400000001</c:v>
                </c:pt>
                <c:pt idx="8241">
                  <c:v>137.35</c:v>
                </c:pt>
                <c:pt idx="8242">
                  <c:v>137.36666700000001</c:v>
                </c:pt>
                <c:pt idx="8243">
                  <c:v>137.38333400000002</c:v>
                </c:pt>
                <c:pt idx="8244">
                  <c:v>137.4</c:v>
                </c:pt>
                <c:pt idx="8245">
                  <c:v>137.41666700000002</c:v>
                </c:pt>
                <c:pt idx="8246">
                  <c:v>137.433334</c:v>
                </c:pt>
                <c:pt idx="8247">
                  <c:v>137.45000000000002</c:v>
                </c:pt>
                <c:pt idx="8248">
                  <c:v>137.466667</c:v>
                </c:pt>
                <c:pt idx="8249">
                  <c:v>137.48333400000001</c:v>
                </c:pt>
                <c:pt idx="8250">
                  <c:v>137.5</c:v>
                </c:pt>
                <c:pt idx="8251">
                  <c:v>137.51666700000001</c:v>
                </c:pt>
                <c:pt idx="8252">
                  <c:v>137.533334</c:v>
                </c:pt>
                <c:pt idx="8253">
                  <c:v>137.55000000000001</c:v>
                </c:pt>
                <c:pt idx="8254">
                  <c:v>137.566667</c:v>
                </c:pt>
                <c:pt idx="8255">
                  <c:v>137.58333400000001</c:v>
                </c:pt>
                <c:pt idx="8256">
                  <c:v>137.6</c:v>
                </c:pt>
                <c:pt idx="8257">
                  <c:v>137.61666700000001</c:v>
                </c:pt>
                <c:pt idx="8258">
                  <c:v>137.63333400000002</c:v>
                </c:pt>
                <c:pt idx="8259">
                  <c:v>137.65</c:v>
                </c:pt>
                <c:pt idx="8260">
                  <c:v>137.66666700000002</c:v>
                </c:pt>
                <c:pt idx="8261">
                  <c:v>137.683334</c:v>
                </c:pt>
                <c:pt idx="8262">
                  <c:v>137.70000000000002</c:v>
                </c:pt>
                <c:pt idx="8263">
                  <c:v>137.716667</c:v>
                </c:pt>
                <c:pt idx="8264">
                  <c:v>137.73333400000001</c:v>
                </c:pt>
                <c:pt idx="8265">
                  <c:v>137.75</c:v>
                </c:pt>
                <c:pt idx="8266">
                  <c:v>137.76666700000001</c:v>
                </c:pt>
                <c:pt idx="8267">
                  <c:v>137.783334</c:v>
                </c:pt>
                <c:pt idx="8268">
                  <c:v>137.80000000000001</c:v>
                </c:pt>
                <c:pt idx="8269">
                  <c:v>137.816667</c:v>
                </c:pt>
                <c:pt idx="8270">
                  <c:v>137.83333400000001</c:v>
                </c:pt>
                <c:pt idx="8271">
                  <c:v>137.85</c:v>
                </c:pt>
                <c:pt idx="8272">
                  <c:v>137.86666700000001</c:v>
                </c:pt>
                <c:pt idx="8273">
                  <c:v>137.88333400000002</c:v>
                </c:pt>
                <c:pt idx="8274">
                  <c:v>137.9</c:v>
                </c:pt>
                <c:pt idx="8275">
                  <c:v>137.91666700000002</c:v>
                </c:pt>
                <c:pt idx="8276">
                  <c:v>137.933334</c:v>
                </c:pt>
                <c:pt idx="8277">
                  <c:v>137.95000000000002</c:v>
                </c:pt>
                <c:pt idx="8278">
                  <c:v>137.966667</c:v>
                </c:pt>
                <c:pt idx="8279">
                  <c:v>137.98333400000001</c:v>
                </c:pt>
                <c:pt idx="8280">
                  <c:v>138</c:v>
                </c:pt>
                <c:pt idx="8281">
                  <c:v>138.01666700000001</c:v>
                </c:pt>
                <c:pt idx="8282">
                  <c:v>138.033334</c:v>
                </c:pt>
                <c:pt idx="8283">
                  <c:v>138.05000000000001</c:v>
                </c:pt>
                <c:pt idx="8284">
                  <c:v>138.066667</c:v>
                </c:pt>
                <c:pt idx="8285">
                  <c:v>138.08333400000001</c:v>
                </c:pt>
                <c:pt idx="8286">
                  <c:v>138.1</c:v>
                </c:pt>
                <c:pt idx="8287">
                  <c:v>138.11666700000001</c:v>
                </c:pt>
                <c:pt idx="8288">
                  <c:v>138.13333400000002</c:v>
                </c:pt>
                <c:pt idx="8289">
                  <c:v>138.15</c:v>
                </c:pt>
                <c:pt idx="8290">
                  <c:v>138.16666700000002</c:v>
                </c:pt>
                <c:pt idx="8291">
                  <c:v>138.183334</c:v>
                </c:pt>
                <c:pt idx="8292">
                  <c:v>138.20000000000002</c:v>
                </c:pt>
                <c:pt idx="8293">
                  <c:v>138.216667</c:v>
                </c:pt>
                <c:pt idx="8294">
                  <c:v>138.23333400000001</c:v>
                </c:pt>
                <c:pt idx="8295">
                  <c:v>138.25</c:v>
                </c:pt>
                <c:pt idx="8296">
                  <c:v>138.26666700000001</c:v>
                </c:pt>
                <c:pt idx="8297">
                  <c:v>138.283334</c:v>
                </c:pt>
                <c:pt idx="8298">
                  <c:v>138.30000000000001</c:v>
                </c:pt>
                <c:pt idx="8299">
                  <c:v>138.316667</c:v>
                </c:pt>
                <c:pt idx="8300">
                  <c:v>138.33333400000001</c:v>
                </c:pt>
                <c:pt idx="8301">
                  <c:v>138.35</c:v>
                </c:pt>
                <c:pt idx="8302">
                  <c:v>138.36666700000001</c:v>
                </c:pt>
                <c:pt idx="8303">
                  <c:v>138.38333400000002</c:v>
                </c:pt>
                <c:pt idx="8304">
                  <c:v>138.4</c:v>
                </c:pt>
                <c:pt idx="8305">
                  <c:v>138.41666700000002</c:v>
                </c:pt>
                <c:pt idx="8306">
                  <c:v>138.433334</c:v>
                </c:pt>
                <c:pt idx="8307">
                  <c:v>138.45000000000002</c:v>
                </c:pt>
                <c:pt idx="8308">
                  <c:v>138.466667</c:v>
                </c:pt>
                <c:pt idx="8309">
                  <c:v>138.48333400000001</c:v>
                </c:pt>
                <c:pt idx="8310">
                  <c:v>138.5</c:v>
                </c:pt>
                <c:pt idx="8311">
                  <c:v>138.51666700000001</c:v>
                </c:pt>
                <c:pt idx="8312">
                  <c:v>138.533334</c:v>
                </c:pt>
                <c:pt idx="8313">
                  <c:v>138.55000000000001</c:v>
                </c:pt>
                <c:pt idx="8314">
                  <c:v>138.566667</c:v>
                </c:pt>
                <c:pt idx="8315">
                  <c:v>138.58333400000001</c:v>
                </c:pt>
                <c:pt idx="8316">
                  <c:v>138.6</c:v>
                </c:pt>
                <c:pt idx="8317">
                  <c:v>138.61666700000001</c:v>
                </c:pt>
                <c:pt idx="8318">
                  <c:v>138.63333400000002</c:v>
                </c:pt>
                <c:pt idx="8319">
                  <c:v>138.65</c:v>
                </c:pt>
                <c:pt idx="8320">
                  <c:v>138.66666700000002</c:v>
                </c:pt>
                <c:pt idx="8321">
                  <c:v>138.683334</c:v>
                </c:pt>
                <c:pt idx="8322">
                  <c:v>138.70000000000002</c:v>
                </c:pt>
                <c:pt idx="8323">
                  <c:v>138.716667</c:v>
                </c:pt>
                <c:pt idx="8324">
                  <c:v>138.73333400000001</c:v>
                </c:pt>
                <c:pt idx="8325">
                  <c:v>138.75</c:v>
                </c:pt>
                <c:pt idx="8326">
                  <c:v>138.76666700000001</c:v>
                </c:pt>
                <c:pt idx="8327">
                  <c:v>138.783334</c:v>
                </c:pt>
                <c:pt idx="8328">
                  <c:v>138.80000000000001</c:v>
                </c:pt>
                <c:pt idx="8329">
                  <c:v>138.816667</c:v>
                </c:pt>
                <c:pt idx="8330">
                  <c:v>138.83333400000001</c:v>
                </c:pt>
                <c:pt idx="8331">
                  <c:v>138.85</c:v>
                </c:pt>
                <c:pt idx="8332">
                  <c:v>138.86666700000001</c:v>
                </c:pt>
                <c:pt idx="8333">
                  <c:v>138.88333400000002</c:v>
                </c:pt>
                <c:pt idx="8334">
                  <c:v>138.9</c:v>
                </c:pt>
                <c:pt idx="8335">
                  <c:v>138.91666700000002</c:v>
                </c:pt>
                <c:pt idx="8336">
                  <c:v>138.933334</c:v>
                </c:pt>
                <c:pt idx="8337">
                  <c:v>138.95000000000002</c:v>
                </c:pt>
                <c:pt idx="8338">
                  <c:v>138.966667</c:v>
                </c:pt>
                <c:pt idx="8339">
                  <c:v>138.98333400000001</c:v>
                </c:pt>
                <c:pt idx="8340">
                  <c:v>139</c:v>
                </c:pt>
                <c:pt idx="8341">
                  <c:v>139.01666700000001</c:v>
                </c:pt>
                <c:pt idx="8342">
                  <c:v>139.033334</c:v>
                </c:pt>
                <c:pt idx="8343">
                  <c:v>139.05000000000001</c:v>
                </c:pt>
                <c:pt idx="8344">
                  <c:v>139.066667</c:v>
                </c:pt>
                <c:pt idx="8345">
                  <c:v>139.08333400000001</c:v>
                </c:pt>
                <c:pt idx="8346">
                  <c:v>139.1</c:v>
                </c:pt>
                <c:pt idx="8347">
                  <c:v>139.11666700000001</c:v>
                </c:pt>
                <c:pt idx="8348">
                  <c:v>139.13333400000002</c:v>
                </c:pt>
                <c:pt idx="8349">
                  <c:v>139.15</c:v>
                </c:pt>
                <c:pt idx="8350">
                  <c:v>139.16666700000002</c:v>
                </c:pt>
                <c:pt idx="8351">
                  <c:v>139.183334</c:v>
                </c:pt>
                <c:pt idx="8352">
                  <c:v>139.20000000000002</c:v>
                </c:pt>
                <c:pt idx="8353">
                  <c:v>139.216667</c:v>
                </c:pt>
                <c:pt idx="8354">
                  <c:v>139.23333400000001</c:v>
                </c:pt>
                <c:pt idx="8355">
                  <c:v>139.25</c:v>
                </c:pt>
                <c:pt idx="8356">
                  <c:v>139.26666700000001</c:v>
                </c:pt>
                <c:pt idx="8357">
                  <c:v>139.283334</c:v>
                </c:pt>
                <c:pt idx="8358">
                  <c:v>139.30000000000001</c:v>
                </c:pt>
                <c:pt idx="8359">
                  <c:v>139.316667</c:v>
                </c:pt>
                <c:pt idx="8360">
                  <c:v>139.33333400000001</c:v>
                </c:pt>
                <c:pt idx="8361">
                  <c:v>139.35</c:v>
                </c:pt>
                <c:pt idx="8362">
                  <c:v>139.36666700000001</c:v>
                </c:pt>
                <c:pt idx="8363">
                  <c:v>139.38333400000002</c:v>
                </c:pt>
                <c:pt idx="8364">
                  <c:v>139.4</c:v>
                </c:pt>
                <c:pt idx="8365">
                  <c:v>139.41666700000002</c:v>
                </c:pt>
                <c:pt idx="8366">
                  <c:v>139.433334</c:v>
                </c:pt>
                <c:pt idx="8367">
                  <c:v>139.45000000000002</c:v>
                </c:pt>
                <c:pt idx="8368">
                  <c:v>139.466667</c:v>
                </c:pt>
                <c:pt idx="8369">
                  <c:v>139.48333400000001</c:v>
                </c:pt>
                <c:pt idx="8370">
                  <c:v>139.5</c:v>
                </c:pt>
                <c:pt idx="8371">
                  <c:v>139.51666700000001</c:v>
                </c:pt>
                <c:pt idx="8372">
                  <c:v>139.533334</c:v>
                </c:pt>
                <c:pt idx="8373">
                  <c:v>139.55000000000001</c:v>
                </c:pt>
                <c:pt idx="8374">
                  <c:v>139.566667</c:v>
                </c:pt>
                <c:pt idx="8375">
                  <c:v>139.58333400000001</c:v>
                </c:pt>
                <c:pt idx="8376">
                  <c:v>139.6</c:v>
                </c:pt>
                <c:pt idx="8377">
                  <c:v>139.61666700000001</c:v>
                </c:pt>
                <c:pt idx="8378">
                  <c:v>139.63333400000002</c:v>
                </c:pt>
                <c:pt idx="8379">
                  <c:v>139.65</c:v>
                </c:pt>
                <c:pt idx="8380">
                  <c:v>139.66666700000002</c:v>
                </c:pt>
                <c:pt idx="8381">
                  <c:v>139.683334</c:v>
                </c:pt>
                <c:pt idx="8382">
                  <c:v>139.70000000000002</c:v>
                </c:pt>
                <c:pt idx="8383">
                  <c:v>139.716667</c:v>
                </c:pt>
                <c:pt idx="8384">
                  <c:v>139.73333400000001</c:v>
                </c:pt>
                <c:pt idx="8385">
                  <c:v>139.75</c:v>
                </c:pt>
                <c:pt idx="8386">
                  <c:v>139.76666700000001</c:v>
                </c:pt>
                <c:pt idx="8387">
                  <c:v>139.783334</c:v>
                </c:pt>
                <c:pt idx="8388">
                  <c:v>139.80000000000001</c:v>
                </c:pt>
                <c:pt idx="8389">
                  <c:v>139.816667</c:v>
                </c:pt>
                <c:pt idx="8390">
                  <c:v>139.83333400000001</c:v>
                </c:pt>
                <c:pt idx="8391">
                  <c:v>139.85</c:v>
                </c:pt>
                <c:pt idx="8392">
                  <c:v>139.86666700000001</c:v>
                </c:pt>
                <c:pt idx="8393">
                  <c:v>139.88333400000002</c:v>
                </c:pt>
                <c:pt idx="8394">
                  <c:v>139.9</c:v>
                </c:pt>
                <c:pt idx="8395">
                  <c:v>139.91666700000002</c:v>
                </c:pt>
                <c:pt idx="8396">
                  <c:v>139.933334</c:v>
                </c:pt>
                <c:pt idx="8397">
                  <c:v>139.95000000000002</c:v>
                </c:pt>
                <c:pt idx="8398">
                  <c:v>139.966667</c:v>
                </c:pt>
                <c:pt idx="8399">
                  <c:v>139.98333400000001</c:v>
                </c:pt>
                <c:pt idx="8400">
                  <c:v>140</c:v>
                </c:pt>
                <c:pt idx="8401">
                  <c:v>140.01666700000001</c:v>
                </c:pt>
                <c:pt idx="8402">
                  <c:v>140.033334</c:v>
                </c:pt>
                <c:pt idx="8403">
                  <c:v>140.05000000000001</c:v>
                </c:pt>
                <c:pt idx="8404">
                  <c:v>140.066667</c:v>
                </c:pt>
                <c:pt idx="8405">
                  <c:v>140.08333400000001</c:v>
                </c:pt>
                <c:pt idx="8406">
                  <c:v>140.1</c:v>
                </c:pt>
                <c:pt idx="8407">
                  <c:v>140.11666700000001</c:v>
                </c:pt>
                <c:pt idx="8408">
                  <c:v>140.13333400000002</c:v>
                </c:pt>
                <c:pt idx="8409">
                  <c:v>140.15</c:v>
                </c:pt>
                <c:pt idx="8410">
                  <c:v>140.16666700000002</c:v>
                </c:pt>
                <c:pt idx="8411">
                  <c:v>140.183334</c:v>
                </c:pt>
                <c:pt idx="8412">
                  <c:v>140.20000000000002</c:v>
                </c:pt>
                <c:pt idx="8413">
                  <c:v>140.216667</c:v>
                </c:pt>
                <c:pt idx="8414">
                  <c:v>140.23333400000001</c:v>
                </c:pt>
                <c:pt idx="8415">
                  <c:v>140.25</c:v>
                </c:pt>
                <c:pt idx="8416">
                  <c:v>140.26666700000001</c:v>
                </c:pt>
                <c:pt idx="8417">
                  <c:v>140.283334</c:v>
                </c:pt>
                <c:pt idx="8418">
                  <c:v>140.30000000000001</c:v>
                </c:pt>
                <c:pt idx="8419">
                  <c:v>140.316667</c:v>
                </c:pt>
                <c:pt idx="8420">
                  <c:v>140.33333400000001</c:v>
                </c:pt>
                <c:pt idx="8421">
                  <c:v>140.35</c:v>
                </c:pt>
                <c:pt idx="8422">
                  <c:v>140.36666700000001</c:v>
                </c:pt>
                <c:pt idx="8423">
                  <c:v>140.38333400000002</c:v>
                </c:pt>
                <c:pt idx="8424">
                  <c:v>140.4</c:v>
                </c:pt>
                <c:pt idx="8425">
                  <c:v>140.41666700000002</c:v>
                </c:pt>
                <c:pt idx="8426">
                  <c:v>140.433334</c:v>
                </c:pt>
                <c:pt idx="8427">
                  <c:v>140.45000000000002</c:v>
                </c:pt>
                <c:pt idx="8428">
                  <c:v>140.466667</c:v>
                </c:pt>
                <c:pt idx="8429">
                  <c:v>140.48333400000001</c:v>
                </c:pt>
                <c:pt idx="8430">
                  <c:v>140.5</c:v>
                </c:pt>
                <c:pt idx="8431">
                  <c:v>140.51666700000001</c:v>
                </c:pt>
                <c:pt idx="8432">
                  <c:v>140.533334</c:v>
                </c:pt>
                <c:pt idx="8433">
                  <c:v>140.55000000000001</c:v>
                </c:pt>
                <c:pt idx="8434">
                  <c:v>140.566667</c:v>
                </c:pt>
                <c:pt idx="8435">
                  <c:v>140.58333400000001</c:v>
                </c:pt>
                <c:pt idx="8436">
                  <c:v>140.6</c:v>
                </c:pt>
                <c:pt idx="8437">
                  <c:v>140.61666700000001</c:v>
                </c:pt>
                <c:pt idx="8438">
                  <c:v>140.63333400000002</c:v>
                </c:pt>
                <c:pt idx="8439">
                  <c:v>140.65</c:v>
                </c:pt>
                <c:pt idx="8440">
                  <c:v>140.66666700000002</c:v>
                </c:pt>
                <c:pt idx="8441">
                  <c:v>140.683334</c:v>
                </c:pt>
                <c:pt idx="8442">
                  <c:v>140.70000000000002</c:v>
                </c:pt>
                <c:pt idx="8443">
                  <c:v>140.716667</c:v>
                </c:pt>
                <c:pt idx="8444">
                  <c:v>140.73333400000001</c:v>
                </c:pt>
                <c:pt idx="8445">
                  <c:v>140.75</c:v>
                </c:pt>
                <c:pt idx="8446">
                  <c:v>140.76666700000001</c:v>
                </c:pt>
                <c:pt idx="8447">
                  <c:v>140.783334</c:v>
                </c:pt>
                <c:pt idx="8448">
                  <c:v>140.80000000000001</c:v>
                </c:pt>
                <c:pt idx="8449">
                  <c:v>140.816667</c:v>
                </c:pt>
                <c:pt idx="8450">
                  <c:v>140.83333400000001</c:v>
                </c:pt>
                <c:pt idx="8451">
                  <c:v>140.85</c:v>
                </c:pt>
                <c:pt idx="8452">
                  <c:v>140.86666700000001</c:v>
                </c:pt>
                <c:pt idx="8453">
                  <c:v>140.88333400000002</c:v>
                </c:pt>
                <c:pt idx="8454">
                  <c:v>140.9</c:v>
                </c:pt>
                <c:pt idx="8455">
                  <c:v>140.91666700000002</c:v>
                </c:pt>
                <c:pt idx="8456">
                  <c:v>140.933334</c:v>
                </c:pt>
                <c:pt idx="8457">
                  <c:v>140.95000000000002</c:v>
                </c:pt>
                <c:pt idx="8458">
                  <c:v>140.966667</c:v>
                </c:pt>
                <c:pt idx="8459">
                  <c:v>140.98333400000001</c:v>
                </c:pt>
                <c:pt idx="8460">
                  <c:v>141</c:v>
                </c:pt>
                <c:pt idx="8461">
                  <c:v>141.01666700000001</c:v>
                </c:pt>
                <c:pt idx="8462">
                  <c:v>141.033334</c:v>
                </c:pt>
                <c:pt idx="8463">
                  <c:v>141.05000000000001</c:v>
                </c:pt>
                <c:pt idx="8464">
                  <c:v>141.066667</c:v>
                </c:pt>
                <c:pt idx="8465">
                  <c:v>141.08333400000001</c:v>
                </c:pt>
                <c:pt idx="8466">
                  <c:v>141.1</c:v>
                </c:pt>
                <c:pt idx="8467">
                  <c:v>141.11666700000001</c:v>
                </c:pt>
                <c:pt idx="8468">
                  <c:v>141.13333400000002</c:v>
                </c:pt>
                <c:pt idx="8469">
                  <c:v>141.15</c:v>
                </c:pt>
                <c:pt idx="8470">
                  <c:v>141.16666700000002</c:v>
                </c:pt>
                <c:pt idx="8471">
                  <c:v>141.183334</c:v>
                </c:pt>
                <c:pt idx="8472">
                  <c:v>141.20000000000002</c:v>
                </c:pt>
                <c:pt idx="8473">
                  <c:v>141.216667</c:v>
                </c:pt>
                <c:pt idx="8474">
                  <c:v>141.23333400000001</c:v>
                </c:pt>
                <c:pt idx="8475">
                  <c:v>141.25</c:v>
                </c:pt>
                <c:pt idx="8476">
                  <c:v>141.26666700000001</c:v>
                </c:pt>
                <c:pt idx="8477">
                  <c:v>141.283334</c:v>
                </c:pt>
                <c:pt idx="8478">
                  <c:v>141.30000000000001</c:v>
                </c:pt>
                <c:pt idx="8479">
                  <c:v>141.316667</c:v>
                </c:pt>
                <c:pt idx="8480">
                  <c:v>141.33333400000001</c:v>
                </c:pt>
                <c:pt idx="8481">
                  <c:v>141.35</c:v>
                </c:pt>
                <c:pt idx="8482">
                  <c:v>141.36666700000001</c:v>
                </c:pt>
                <c:pt idx="8483">
                  <c:v>141.38333400000002</c:v>
                </c:pt>
                <c:pt idx="8484">
                  <c:v>141.4</c:v>
                </c:pt>
                <c:pt idx="8485">
                  <c:v>141.41666700000002</c:v>
                </c:pt>
                <c:pt idx="8486">
                  <c:v>141.433334</c:v>
                </c:pt>
                <c:pt idx="8487">
                  <c:v>141.45000000000002</c:v>
                </c:pt>
                <c:pt idx="8488">
                  <c:v>141.466667</c:v>
                </c:pt>
                <c:pt idx="8489">
                  <c:v>141.48333400000001</c:v>
                </c:pt>
                <c:pt idx="8490">
                  <c:v>141.5</c:v>
                </c:pt>
                <c:pt idx="8491">
                  <c:v>141.51666700000001</c:v>
                </c:pt>
                <c:pt idx="8492">
                  <c:v>141.533334</c:v>
                </c:pt>
                <c:pt idx="8493">
                  <c:v>141.55000000000001</c:v>
                </c:pt>
                <c:pt idx="8494">
                  <c:v>141.566667</c:v>
                </c:pt>
                <c:pt idx="8495">
                  <c:v>141.58333400000001</c:v>
                </c:pt>
                <c:pt idx="8496">
                  <c:v>141.6</c:v>
                </c:pt>
                <c:pt idx="8497">
                  <c:v>141.61666700000001</c:v>
                </c:pt>
                <c:pt idx="8498">
                  <c:v>141.63333400000002</c:v>
                </c:pt>
                <c:pt idx="8499">
                  <c:v>141.65</c:v>
                </c:pt>
                <c:pt idx="8500">
                  <c:v>141.66666700000002</c:v>
                </c:pt>
                <c:pt idx="8501">
                  <c:v>141.683334</c:v>
                </c:pt>
                <c:pt idx="8502">
                  <c:v>141.70000000000002</c:v>
                </c:pt>
                <c:pt idx="8503">
                  <c:v>141.716667</c:v>
                </c:pt>
                <c:pt idx="8504">
                  <c:v>141.73333400000001</c:v>
                </c:pt>
                <c:pt idx="8505">
                  <c:v>141.75</c:v>
                </c:pt>
                <c:pt idx="8506">
                  <c:v>141.76666700000001</c:v>
                </c:pt>
                <c:pt idx="8507">
                  <c:v>141.783334</c:v>
                </c:pt>
                <c:pt idx="8508">
                  <c:v>141.80000000000001</c:v>
                </c:pt>
                <c:pt idx="8509">
                  <c:v>141.816667</c:v>
                </c:pt>
                <c:pt idx="8510">
                  <c:v>141.83333400000001</c:v>
                </c:pt>
                <c:pt idx="8511">
                  <c:v>141.85</c:v>
                </c:pt>
                <c:pt idx="8512">
                  <c:v>141.86666700000001</c:v>
                </c:pt>
                <c:pt idx="8513">
                  <c:v>141.88333400000002</c:v>
                </c:pt>
                <c:pt idx="8514">
                  <c:v>141.9</c:v>
                </c:pt>
                <c:pt idx="8515">
                  <c:v>141.91666700000002</c:v>
                </c:pt>
                <c:pt idx="8516">
                  <c:v>141.933334</c:v>
                </c:pt>
                <c:pt idx="8517">
                  <c:v>141.95000000000002</c:v>
                </c:pt>
                <c:pt idx="8518">
                  <c:v>141.966667</c:v>
                </c:pt>
                <c:pt idx="8519">
                  <c:v>141.98333400000001</c:v>
                </c:pt>
                <c:pt idx="8520">
                  <c:v>142</c:v>
                </c:pt>
                <c:pt idx="8521">
                  <c:v>142.01666700000001</c:v>
                </c:pt>
                <c:pt idx="8522">
                  <c:v>142.033334</c:v>
                </c:pt>
                <c:pt idx="8523">
                  <c:v>142.05000000000001</c:v>
                </c:pt>
                <c:pt idx="8524">
                  <c:v>142.066667</c:v>
                </c:pt>
                <c:pt idx="8525">
                  <c:v>142.08333400000001</c:v>
                </c:pt>
                <c:pt idx="8526">
                  <c:v>142.1</c:v>
                </c:pt>
                <c:pt idx="8527">
                  <c:v>142.11666700000001</c:v>
                </c:pt>
                <c:pt idx="8528">
                  <c:v>142.13333400000002</c:v>
                </c:pt>
                <c:pt idx="8529">
                  <c:v>142.15</c:v>
                </c:pt>
                <c:pt idx="8530">
                  <c:v>142.16666700000002</c:v>
                </c:pt>
                <c:pt idx="8531">
                  <c:v>142.183334</c:v>
                </c:pt>
                <c:pt idx="8532">
                  <c:v>142.20000000000002</c:v>
                </c:pt>
                <c:pt idx="8533">
                  <c:v>142.216667</c:v>
                </c:pt>
                <c:pt idx="8534">
                  <c:v>142.23333400000001</c:v>
                </c:pt>
                <c:pt idx="8535">
                  <c:v>142.25</c:v>
                </c:pt>
                <c:pt idx="8536">
                  <c:v>142.26666700000001</c:v>
                </c:pt>
                <c:pt idx="8537">
                  <c:v>142.283334</c:v>
                </c:pt>
                <c:pt idx="8538">
                  <c:v>142.30000000000001</c:v>
                </c:pt>
                <c:pt idx="8539">
                  <c:v>142.316667</c:v>
                </c:pt>
                <c:pt idx="8540">
                  <c:v>142.33333400000001</c:v>
                </c:pt>
                <c:pt idx="8541">
                  <c:v>142.35</c:v>
                </c:pt>
                <c:pt idx="8542">
                  <c:v>142.36666700000001</c:v>
                </c:pt>
                <c:pt idx="8543">
                  <c:v>142.38333400000002</c:v>
                </c:pt>
                <c:pt idx="8544">
                  <c:v>142.4</c:v>
                </c:pt>
                <c:pt idx="8545">
                  <c:v>142.41666700000002</c:v>
                </c:pt>
                <c:pt idx="8546">
                  <c:v>142.433334</c:v>
                </c:pt>
                <c:pt idx="8547">
                  <c:v>142.45000000000002</c:v>
                </c:pt>
                <c:pt idx="8548">
                  <c:v>142.466667</c:v>
                </c:pt>
                <c:pt idx="8549">
                  <c:v>142.48333400000001</c:v>
                </c:pt>
                <c:pt idx="8550">
                  <c:v>142.5</c:v>
                </c:pt>
                <c:pt idx="8551">
                  <c:v>142.51666700000001</c:v>
                </c:pt>
                <c:pt idx="8552">
                  <c:v>142.533334</c:v>
                </c:pt>
                <c:pt idx="8553">
                  <c:v>142.55000000000001</c:v>
                </c:pt>
                <c:pt idx="8554">
                  <c:v>142.566667</c:v>
                </c:pt>
                <c:pt idx="8555">
                  <c:v>142.58333400000001</c:v>
                </c:pt>
                <c:pt idx="8556">
                  <c:v>142.6</c:v>
                </c:pt>
                <c:pt idx="8557">
                  <c:v>142.61666700000001</c:v>
                </c:pt>
                <c:pt idx="8558">
                  <c:v>142.63333400000002</c:v>
                </c:pt>
                <c:pt idx="8559">
                  <c:v>142.65</c:v>
                </c:pt>
                <c:pt idx="8560">
                  <c:v>142.66666700000002</c:v>
                </c:pt>
                <c:pt idx="8561">
                  <c:v>142.683334</c:v>
                </c:pt>
                <c:pt idx="8562">
                  <c:v>142.70000000000002</c:v>
                </c:pt>
                <c:pt idx="8563">
                  <c:v>142.716667</c:v>
                </c:pt>
                <c:pt idx="8564">
                  <c:v>142.73333400000001</c:v>
                </c:pt>
                <c:pt idx="8565">
                  <c:v>142.75</c:v>
                </c:pt>
                <c:pt idx="8566">
                  <c:v>142.76666700000001</c:v>
                </c:pt>
                <c:pt idx="8567">
                  <c:v>142.783334</c:v>
                </c:pt>
                <c:pt idx="8568">
                  <c:v>142.80000000000001</c:v>
                </c:pt>
                <c:pt idx="8569">
                  <c:v>142.816667</c:v>
                </c:pt>
                <c:pt idx="8570">
                  <c:v>142.83333400000001</c:v>
                </c:pt>
                <c:pt idx="8571">
                  <c:v>142.85</c:v>
                </c:pt>
                <c:pt idx="8572">
                  <c:v>142.86666700000001</c:v>
                </c:pt>
                <c:pt idx="8573">
                  <c:v>142.88333400000002</c:v>
                </c:pt>
                <c:pt idx="8574">
                  <c:v>142.9</c:v>
                </c:pt>
                <c:pt idx="8575">
                  <c:v>142.91666700000002</c:v>
                </c:pt>
                <c:pt idx="8576">
                  <c:v>142.933334</c:v>
                </c:pt>
                <c:pt idx="8577">
                  <c:v>142.95000000000002</c:v>
                </c:pt>
                <c:pt idx="8578">
                  <c:v>142.966667</c:v>
                </c:pt>
                <c:pt idx="8579">
                  <c:v>142.98333400000001</c:v>
                </c:pt>
                <c:pt idx="8580">
                  <c:v>143</c:v>
                </c:pt>
                <c:pt idx="8581">
                  <c:v>143.01666700000001</c:v>
                </c:pt>
                <c:pt idx="8582">
                  <c:v>143.033334</c:v>
                </c:pt>
                <c:pt idx="8583">
                  <c:v>143.05000000000001</c:v>
                </c:pt>
                <c:pt idx="8584">
                  <c:v>143.066667</c:v>
                </c:pt>
                <c:pt idx="8585">
                  <c:v>143.08333400000001</c:v>
                </c:pt>
                <c:pt idx="8586">
                  <c:v>143.1</c:v>
                </c:pt>
                <c:pt idx="8587">
                  <c:v>143.11666700000001</c:v>
                </c:pt>
                <c:pt idx="8588">
                  <c:v>143.13333400000002</c:v>
                </c:pt>
                <c:pt idx="8589">
                  <c:v>143.15</c:v>
                </c:pt>
                <c:pt idx="8590">
                  <c:v>143.16666700000002</c:v>
                </c:pt>
                <c:pt idx="8591">
                  <c:v>143.183334</c:v>
                </c:pt>
                <c:pt idx="8592">
                  <c:v>143.20000000000002</c:v>
                </c:pt>
                <c:pt idx="8593">
                  <c:v>143.216667</c:v>
                </c:pt>
                <c:pt idx="8594">
                  <c:v>143.23333400000001</c:v>
                </c:pt>
                <c:pt idx="8595">
                  <c:v>143.25</c:v>
                </c:pt>
                <c:pt idx="8596">
                  <c:v>143.26666700000001</c:v>
                </c:pt>
                <c:pt idx="8597">
                  <c:v>143.283334</c:v>
                </c:pt>
                <c:pt idx="8598">
                  <c:v>143.30000000000001</c:v>
                </c:pt>
                <c:pt idx="8599">
                  <c:v>143.316667</c:v>
                </c:pt>
                <c:pt idx="8600">
                  <c:v>143.33333400000001</c:v>
                </c:pt>
                <c:pt idx="8601">
                  <c:v>143.35</c:v>
                </c:pt>
                <c:pt idx="8602">
                  <c:v>143.36666700000001</c:v>
                </c:pt>
                <c:pt idx="8603">
                  <c:v>143.38333400000002</c:v>
                </c:pt>
                <c:pt idx="8604">
                  <c:v>143.4</c:v>
                </c:pt>
                <c:pt idx="8605">
                  <c:v>143.41666700000002</c:v>
                </c:pt>
                <c:pt idx="8606">
                  <c:v>143.433334</c:v>
                </c:pt>
                <c:pt idx="8607">
                  <c:v>143.45000000000002</c:v>
                </c:pt>
                <c:pt idx="8608">
                  <c:v>143.466667</c:v>
                </c:pt>
                <c:pt idx="8609">
                  <c:v>143.48333400000001</c:v>
                </c:pt>
                <c:pt idx="8610">
                  <c:v>143.5</c:v>
                </c:pt>
                <c:pt idx="8611">
                  <c:v>143.51666700000001</c:v>
                </c:pt>
                <c:pt idx="8612">
                  <c:v>143.533334</c:v>
                </c:pt>
                <c:pt idx="8613">
                  <c:v>143.55000000000001</c:v>
                </c:pt>
                <c:pt idx="8614">
                  <c:v>143.566667</c:v>
                </c:pt>
                <c:pt idx="8615">
                  <c:v>143.58333400000001</c:v>
                </c:pt>
                <c:pt idx="8616">
                  <c:v>143.6</c:v>
                </c:pt>
                <c:pt idx="8617">
                  <c:v>143.61666700000001</c:v>
                </c:pt>
                <c:pt idx="8618">
                  <c:v>143.63333400000002</c:v>
                </c:pt>
                <c:pt idx="8619">
                  <c:v>143.65</c:v>
                </c:pt>
                <c:pt idx="8620">
                  <c:v>143.66666700000002</c:v>
                </c:pt>
                <c:pt idx="8621">
                  <c:v>143.683334</c:v>
                </c:pt>
                <c:pt idx="8622">
                  <c:v>143.70000000000002</c:v>
                </c:pt>
                <c:pt idx="8623">
                  <c:v>143.716667</c:v>
                </c:pt>
                <c:pt idx="8624">
                  <c:v>143.73333400000001</c:v>
                </c:pt>
                <c:pt idx="8625">
                  <c:v>143.75</c:v>
                </c:pt>
                <c:pt idx="8626">
                  <c:v>143.76666700000001</c:v>
                </c:pt>
                <c:pt idx="8627">
                  <c:v>143.783334</c:v>
                </c:pt>
                <c:pt idx="8628">
                  <c:v>143.80000000000001</c:v>
                </c:pt>
                <c:pt idx="8629">
                  <c:v>143.816667</c:v>
                </c:pt>
                <c:pt idx="8630">
                  <c:v>143.83333400000001</c:v>
                </c:pt>
                <c:pt idx="8631">
                  <c:v>143.85</c:v>
                </c:pt>
                <c:pt idx="8632">
                  <c:v>143.86666700000001</c:v>
                </c:pt>
                <c:pt idx="8633">
                  <c:v>143.88333400000002</c:v>
                </c:pt>
                <c:pt idx="8634">
                  <c:v>143.9</c:v>
                </c:pt>
                <c:pt idx="8635">
                  <c:v>143.91666700000002</c:v>
                </c:pt>
                <c:pt idx="8636">
                  <c:v>143.933334</c:v>
                </c:pt>
                <c:pt idx="8637">
                  <c:v>143.95000000000002</c:v>
                </c:pt>
                <c:pt idx="8638">
                  <c:v>143.966667</c:v>
                </c:pt>
                <c:pt idx="8639">
                  <c:v>143.98333400000001</c:v>
                </c:pt>
                <c:pt idx="8640">
                  <c:v>144</c:v>
                </c:pt>
                <c:pt idx="8641">
                  <c:v>144.01666700000001</c:v>
                </c:pt>
                <c:pt idx="8642">
                  <c:v>144.033334</c:v>
                </c:pt>
                <c:pt idx="8643">
                  <c:v>144.05000000000001</c:v>
                </c:pt>
                <c:pt idx="8644">
                  <c:v>144.066667</c:v>
                </c:pt>
                <c:pt idx="8645">
                  <c:v>144.08333400000001</c:v>
                </c:pt>
                <c:pt idx="8646">
                  <c:v>144.1</c:v>
                </c:pt>
                <c:pt idx="8647">
                  <c:v>144.11666700000001</c:v>
                </c:pt>
                <c:pt idx="8648">
                  <c:v>144.13333400000002</c:v>
                </c:pt>
                <c:pt idx="8649">
                  <c:v>144.15</c:v>
                </c:pt>
                <c:pt idx="8650">
                  <c:v>144.16666700000002</c:v>
                </c:pt>
                <c:pt idx="8651">
                  <c:v>144.183334</c:v>
                </c:pt>
                <c:pt idx="8652">
                  <c:v>144.20000000000002</c:v>
                </c:pt>
                <c:pt idx="8653">
                  <c:v>144.216667</c:v>
                </c:pt>
                <c:pt idx="8654">
                  <c:v>144.23333400000001</c:v>
                </c:pt>
                <c:pt idx="8655">
                  <c:v>144.25</c:v>
                </c:pt>
                <c:pt idx="8656">
                  <c:v>144.26666700000001</c:v>
                </c:pt>
                <c:pt idx="8657">
                  <c:v>144.283334</c:v>
                </c:pt>
                <c:pt idx="8658">
                  <c:v>144.30000000000001</c:v>
                </c:pt>
                <c:pt idx="8659">
                  <c:v>144.316667</c:v>
                </c:pt>
                <c:pt idx="8660">
                  <c:v>144.33333400000001</c:v>
                </c:pt>
                <c:pt idx="8661">
                  <c:v>144.35</c:v>
                </c:pt>
                <c:pt idx="8662">
                  <c:v>144.36666700000001</c:v>
                </c:pt>
                <c:pt idx="8663">
                  <c:v>144.38333400000002</c:v>
                </c:pt>
                <c:pt idx="8664">
                  <c:v>144.4</c:v>
                </c:pt>
                <c:pt idx="8665">
                  <c:v>144.41666700000002</c:v>
                </c:pt>
                <c:pt idx="8666">
                  <c:v>144.433334</c:v>
                </c:pt>
                <c:pt idx="8667">
                  <c:v>144.45000000000002</c:v>
                </c:pt>
                <c:pt idx="8668">
                  <c:v>144.466667</c:v>
                </c:pt>
                <c:pt idx="8669">
                  <c:v>144.48333400000001</c:v>
                </c:pt>
                <c:pt idx="8670">
                  <c:v>144.5</c:v>
                </c:pt>
                <c:pt idx="8671">
                  <c:v>144.51666700000001</c:v>
                </c:pt>
                <c:pt idx="8672">
                  <c:v>144.533334</c:v>
                </c:pt>
                <c:pt idx="8673">
                  <c:v>144.55000000000001</c:v>
                </c:pt>
                <c:pt idx="8674">
                  <c:v>144.566667</c:v>
                </c:pt>
                <c:pt idx="8675">
                  <c:v>144.58333400000001</c:v>
                </c:pt>
                <c:pt idx="8676">
                  <c:v>144.6</c:v>
                </c:pt>
                <c:pt idx="8677">
                  <c:v>144.61666700000001</c:v>
                </c:pt>
                <c:pt idx="8678">
                  <c:v>144.63333400000002</c:v>
                </c:pt>
                <c:pt idx="8679">
                  <c:v>144.65</c:v>
                </c:pt>
                <c:pt idx="8680">
                  <c:v>144.66666700000002</c:v>
                </c:pt>
                <c:pt idx="8681">
                  <c:v>144.683334</c:v>
                </c:pt>
                <c:pt idx="8682">
                  <c:v>144.70000000000002</c:v>
                </c:pt>
                <c:pt idx="8683">
                  <c:v>144.716667</c:v>
                </c:pt>
                <c:pt idx="8684">
                  <c:v>144.73333400000001</c:v>
                </c:pt>
                <c:pt idx="8685">
                  <c:v>144.75</c:v>
                </c:pt>
                <c:pt idx="8686">
                  <c:v>144.76666700000001</c:v>
                </c:pt>
                <c:pt idx="8687">
                  <c:v>144.783334</c:v>
                </c:pt>
                <c:pt idx="8688">
                  <c:v>144.80000000000001</c:v>
                </c:pt>
                <c:pt idx="8689">
                  <c:v>144.816667</c:v>
                </c:pt>
                <c:pt idx="8690">
                  <c:v>144.83333400000001</c:v>
                </c:pt>
                <c:pt idx="8691">
                  <c:v>144.85</c:v>
                </c:pt>
                <c:pt idx="8692">
                  <c:v>144.86666700000001</c:v>
                </c:pt>
                <c:pt idx="8693">
                  <c:v>144.88333400000002</c:v>
                </c:pt>
                <c:pt idx="8694">
                  <c:v>144.9</c:v>
                </c:pt>
                <c:pt idx="8695">
                  <c:v>144.91666700000002</c:v>
                </c:pt>
                <c:pt idx="8696">
                  <c:v>144.933334</c:v>
                </c:pt>
                <c:pt idx="8697">
                  <c:v>144.95000000000002</c:v>
                </c:pt>
                <c:pt idx="8698">
                  <c:v>144.966667</c:v>
                </c:pt>
                <c:pt idx="8699">
                  <c:v>144.98333400000001</c:v>
                </c:pt>
                <c:pt idx="8700">
                  <c:v>145</c:v>
                </c:pt>
                <c:pt idx="8701">
                  <c:v>145.01666700000001</c:v>
                </c:pt>
                <c:pt idx="8702">
                  <c:v>145.033334</c:v>
                </c:pt>
                <c:pt idx="8703">
                  <c:v>145.05000000000001</c:v>
                </c:pt>
                <c:pt idx="8704">
                  <c:v>145.066667</c:v>
                </c:pt>
                <c:pt idx="8705">
                  <c:v>145.08333400000001</c:v>
                </c:pt>
                <c:pt idx="8706">
                  <c:v>145.1</c:v>
                </c:pt>
                <c:pt idx="8707">
                  <c:v>145.11666700000001</c:v>
                </c:pt>
                <c:pt idx="8708">
                  <c:v>145.13333400000002</c:v>
                </c:pt>
                <c:pt idx="8709">
                  <c:v>145.15</c:v>
                </c:pt>
                <c:pt idx="8710">
                  <c:v>145.16666700000002</c:v>
                </c:pt>
                <c:pt idx="8711">
                  <c:v>145.183334</c:v>
                </c:pt>
                <c:pt idx="8712">
                  <c:v>145.20000000000002</c:v>
                </c:pt>
                <c:pt idx="8713">
                  <c:v>145.216667</c:v>
                </c:pt>
                <c:pt idx="8714">
                  <c:v>145.23333400000001</c:v>
                </c:pt>
                <c:pt idx="8715">
                  <c:v>145.25</c:v>
                </c:pt>
                <c:pt idx="8716">
                  <c:v>145.26666700000001</c:v>
                </c:pt>
                <c:pt idx="8717">
                  <c:v>145.283334</c:v>
                </c:pt>
                <c:pt idx="8718">
                  <c:v>145.30000000000001</c:v>
                </c:pt>
                <c:pt idx="8719">
                  <c:v>145.316667</c:v>
                </c:pt>
                <c:pt idx="8720">
                  <c:v>145.33333400000001</c:v>
                </c:pt>
                <c:pt idx="8721">
                  <c:v>145.35</c:v>
                </c:pt>
                <c:pt idx="8722">
                  <c:v>145.36666700000001</c:v>
                </c:pt>
                <c:pt idx="8723">
                  <c:v>145.38333400000002</c:v>
                </c:pt>
                <c:pt idx="8724">
                  <c:v>145.4</c:v>
                </c:pt>
                <c:pt idx="8725">
                  <c:v>145.41666700000002</c:v>
                </c:pt>
                <c:pt idx="8726">
                  <c:v>145.433334</c:v>
                </c:pt>
                <c:pt idx="8727">
                  <c:v>145.45000000000002</c:v>
                </c:pt>
                <c:pt idx="8728">
                  <c:v>145.466667</c:v>
                </c:pt>
                <c:pt idx="8729">
                  <c:v>145.48333400000001</c:v>
                </c:pt>
                <c:pt idx="8730">
                  <c:v>145.5</c:v>
                </c:pt>
                <c:pt idx="8731">
                  <c:v>145.51666700000001</c:v>
                </c:pt>
                <c:pt idx="8732">
                  <c:v>145.533334</c:v>
                </c:pt>
                <c:pt idx="8733">
                  <c:v>145.55000000000001</c:v>
                </c:pt>
                <c:pt idx="8734">
                  <c:v>145.566667</c:v>
                </c:pt>
                <c:pt idx="8735">
                  <c:v>145.58333400000001</c:v>
                </c:pt>
                <c:pt idx="8736">
                  <c:v>145.6</c:v>
                </c:pt>
                <c:pt idx="8737">
                  <c:v>145.61666700000001</c:v>
                </c:pt>
                <c:pt idx="8738">
                  <c:v>145.63333400000002</c:v>
                </c:pt>
                <c:pt idx="8739">
                  <c:v>145.65</c:v>
                </c:pt>
                <c:pt idx="8740">
                  <c:v>145.66666700000002</c:v>
                </c:pt>
                <c:pt idx="8741">
                  <c:v>145.683334</c:v>
                </c:pt>
                <c:pt idx="8742">
                  <c:v>145.70000000000002</c:v>
                </c:pt>
                <c:pt idx="8743">
                  <c:v>145.716667</c:v>
                </c:pt>
                <c:pt idx="8744">
                  <c:v>145.73333400000001</c:v>
                </c:pt>
                <c:pt idx="8745">
                  <c:v>145.75</c:v>
                </c:pt>
                <c:pt idx="8746">
                  <c:v>145.76666700000001</c:v>
                </c:pt>
                <c:pt idx="8747">
                  <c:v>145.783334</c:v>
                </c:pt>
                <c:pt idx="8748">
                  <c:v>145.80000000000001</c:v>
                </c:pt>
                <c:pt idx="8749">
                  <c:v>145.816667</c:v>
                </c:pt>
                <c:pt idx="8750">
                  <c:v>145.83333400000001</c:v>
                </c:pt>
                <c:pt idx="8751">
                  <c:v>145.85</c:v>
                </c:pt>
                <c:pt idx="8752">
                  <c:v>145.86666700000001</c:v>
                </c:pt>
                <c:pt idx="8753">
                  <c:v>145.88333400000002</c:v>
                </c:pt>
                <c:pt idx="8754">
                  <c:v>145.9</c:v>
                </c:pt>
                <c:pt idx="8755">
                  <c:v>145.91666700000002</c:v>
                </c:pt>
                <c:pt idx="8756">
                  <c:v>145.933334</c:v>
                </c:pt>
                <c:pt idx="8757">
                  <c:v>145.95000000000002</c:v>
                </c:pt>
                <c:pt idx="8758">
                  <c:v>145.966667</c:v>
                </c:pt>
                <c:pt idx="8759">
                  <c:v>145.98333400000001</c:v>
                </c:pt>
                <c:pt idx="8760">
                  <c:v>146</c:v>
                </c:pt>
                <c:pt idx="8761">
                  <c:v>146.01666700000001</c:v>
                </c:pt>
                <c:pt idx="8762">
                  <c:v>146.033334</c:v>
                </c:pt>
                <c:pt idx="8763">
                  <c:v>146.05000000000001</c:v>
                </c:pt>
                <c:pt idx="8764">
                  <c:v>146.066667</c:v>
                </c:pt>
                <c:pt idx="8765">
                  <c:v>146.08333400000001</c:v>
                </c:pt>
                <c:pt idx="8766">
                  <c:v>146.1</c:v>
                </c:pt>
                <c:pt idx="8767">
                  <c:v>146.11666700000001</c:v>
                </c:pt>
                <c:pt idx="8768">
                  <c:v>146.13333400000002</c:v>
                </c:pt>
                <c:pt idx="8769">
                  <c:v>146.15</c:v>
                </c:pt>
                <c:pt idx="8770">
                  <c:v>146.16666700000002</c:v>
                </c:pt>
                <c:pt idx="8771">
                  <c:v>146.183334</c:v>
                </c:pt>
                <c:pt idx="8772">
                  <c:v>146.20000000000002</c:v>
                </c:pt>
                <c:pt idx="8773">
                  <c:v>146.216667</c:v>
                </c:pt>
                <c:pt idx="8774">
                  <c:v>146.23333400000001</c:v>
                </c:pt>
                <c:pt idx="8775">
                  <c:v>146.25</c:v>
                </c:pt>
                <c:pt idx="8776">
                  <c:v>146.26666700000001</c:v>
                </c:pt>
                <c:pt idx="8777">
                  <c:v>146.283334</c:v>
                </c:pt>
                <c:pt idx="8778">
                  <c:v>146.30000000000001</c:v>
                </c:pt>
                <c:pt idx="8779">
                  <c:v>146.316667</c:v>
                </c:pt>
                <c:pt idx="8780">
                  <c:v>146.33333400000001</c:v>
                </c:pt>
                <c:pt idx="8781">
                  <c:v>146.35</c:v>
                </c:pt>
                <c:pt idx="8782">
                  <c:v>146.36666700000001</c:v>
                </c:pt>
                <c:pt idx="8783">
                  <c:v>146.38333400000002</c:v>
                </c:pt>
                <c:pt idx="8784">
                  <c:v>146.4</c:v>
                </c:pt>
                <c:pt idx="8785">
                  <c:v>146.41666700000002</c:v>
                </c:pt>
                <c:pt idx="8786">
                  <c:v>146.433334</c:v>
                </c:pt>
                <c:pt idx="8787">
                  <c:v>146.45000000000002</c:v>
                </c:pt>
                <c:pt idx="8788">
                  <c:v>146.466667</c:v>
                </c:pt>
                <c:pt idx="8789">
                  <c:v>146.48333400000001</c:v>
                </c:pt>
                <c:pt idx="8790">
                  <c:v>146.5</c:v>
                </c:pt>
                <c:pt idx="8791">
                  <c:v>146.51666700000001</c:v>
                </c:pt>
                <c:pt idx="8792">
                  <c:v>146.533334</c:v>
                </c:pt>
                <c:pt idx="8793">
                  <c:v>146.55000000000001</c:v>
                </c:pt>
                <c:pt idx="8794">
                  <c:v>146.566667</c:v>
                </c:pt>
                <c:pt idx="8795">
                  <c:v>146.58333400000001</c:v>
                </c:pt>
                <c:pt idx="8796">
                  <c:v>146.6</c:v>
                </c:pt>
                <c:pt idx="8797">
                  <c:v>146.61666700000001</c:v>
                </c:pt>
                <c:pt idx="8798">
                  <c:v>146.63333400000002</c:v>
                </c:pt>
                <c:pt idx="8799">
                  <c:v>146.65</c:v>
                </c:pt>
                <c:pt idx="8800">
                  <c:v>146.66666700000002</c:v>
                </c:pt>
                <c:pt idx="8801">
                  <c:v>146.683334</c:v>
                </c:pt>
                <c:pt idx="8802">
                  <c:v>146.70000000000002</c:v>
                </c:pt>
                <c:pt idx="8803">
                  <c:v>146.716667</c:v>
                </c:pt>
                <c:pt idx="8804">
                  <c:v>146.73333400000001</c:v>
                </c:pt>
                <c:pt idx="8805">
                  <c:v>146.75</c:v>
                </c:pt>
                <c:pt idx="8806">
                  <c:v>146.76666700000001</c:v>
                </c:pt>
                <c:pt idx="8807">
                  <c:v>146.783334</c:v>
                </c:pt>
                <c:pt idx="8808">
                  <c:v>146.80000000000001</c:v>
                </c:pt>
                <c:pt idx="8809">
                  <c:v>146.816667</c:v>
                </c:pt>
                <c:pt idx="8810">
                  <c:v>146.83333400000001</c:v>
                </c:pt>
                <c:pt idx="8811">
                  <c:v>146.85</c:v>
                </c:pt>
                <c:pt idx="8812">
                  <c:v>146.86666700000001</c:v>
                </c:pt>
                <c:pt idx="8813">
                  <c:v>146.88333400000002</c:v>
                </c:pt>
                <c:pt idx="8814">
                  <c:v>146.9</c:v>
                </c:pt>
                <c:pt idx="8815">
                  <c:v>146.91666700000002</c:v>
                </c:pt>
                <c:pt idx="8816">
                  <c:v>146.933334</c:v>
                </c:pt>
                <c:pt idx="8817">
                  <c:v>146.95000000000002</c:v>
                </c:pt>
                <c:pt idx="8818">
                  <c:v>146.966667</c:v>
                </c:pt>
                <c:pt idx="8819">
                  <c:v>146.98333400000001</c:v>
                </c:pt>
                <c:pt idx="8820">
                  <c:v>147</c:v>
                </c:pt>
                <c:pt idx="8821">
                  <c:v>147.01666700000001</c:v>
                </c:pt>
                <c:pt idx="8822">
                  <c:v>147.033334</c:v>
                </c:pt>
                <c:pt idx="8823">
                  <c:v>147.05000000000001</c:v>
                </c:pt>
                <c:pt idx="8824">
                  <c:v>147.066667</c:v>
                </c:pt>
                <c:pt idx="8825">
                  <c:v>147.08333400000001</c:v>
                </c:pt>
                <c:pt idx="8826">
                  <c:v>147.1</c:v>
                </c:pt>
                <c:pt idx="8827">
                  <c:v>147.11666700000001</c:v>
                </c:pt>
                <c:pt idx="8828">
                  <c:v>147.13333400000002</c:v>
                </c:pt>
                <c:pt idx="8829">
                  <c:v>147.15</c:v>
                </c:pt>
                <c:pt idx="8830">
                  <c:v>147.16666700000002</c:v>
                </c:pt>
                <c:pt idx="8831">
                  <c:v>147.183334</c:v>
                </c:pt>
                <c:pt idx="8832">
                  <c:v>147.20000000000002</c:v>
                </c:pt>
                <c:pt idx="8833">
                  <c:v>147.216667</c:v>
                </c:pt>
                <c:pt idx="8834">
                  <c:v>147.23333400000001</c:v>
                </c:pt>
                <c:pt idx="8835">
                  <c:v>147.25</c:v>
                </c:pt>
                <c:pt idx="8836">
                  <c:v>147.26666700000001</c:v>
                </c:pt>
                <c:pt idx="8837">
                  <c:v>147.283334</c:v>
                </c:pt>
                <c:pt idx="8838">
                  <c:v>147.30000000000001</c:v>
                </c:pt>
                <c:pt idx="8839">
                  <c:v>147.316667</c:v>
                </c:pt>
                <c:pt idx="8840">
                  <c:v>147.33333400000001</c:v>
                </c:pt>
                <c:pt idx="8841">
                  <c:v>147.35</c:v>
                </c:pt>
                <c:pt idx="8842">
                  <c:v>147.36666700000001</c:v>
                </c:pt>
                <c:pt idx="8843">
                  <c:v>147.38333400000002</c:v>
                </c:pt>
                <c:pt idx="8844">
                  <c:v>147.4</c:v>
                </c:pt>
                <c:pt idx="8845">
                  <c:v>147.41666700000002</c:v>
                </c:pt>
                <c:pt idx="8846">
                  <c:v>147.433334</c:v>
                </c:pt>
                <c:pt idx="8847">
                  <c:v>147.45000000000002</c:v>
                </c:pt>
                <c:pt idx="8848">
                  <c:v>147.466667</c:v>
                </c:pt>
                <c:pt idx="8849">
                  <c:v>147.48333400000001</c:v>
                </c:pt>
                <c:pt idx="8850">
                  <c:v>147.5</c:v>
                </c:pt>
                <c:pt idx="8851">
                  <c:v>147.51666700000001</c:v>
                </c:pt>
                <c:pt idx="8852">
                  <c:v>147.533334</c:v>
                </c:pt>
                <c:pt idx="8853">
                  <c:v>147.55000000000001</c:v>
                </c:pt>
                <c:pt idx="8854">
                  <c:v>147.566667</c:v>
                </c:pt>
                <c:pt idx="8855">
                  <c:v>147.58333400000001</c:v>
                </c:pt>
                <c:pt idx="8856">
                  <c:v>147.6</c:v>
                </c:pt>
                <c:pt idx="8857">
                  <c:v>147.61666700000001</c:v>
                </c:pt>
                <c:pt idx="8858">
                  <c:v>147.63333400000002</c:v>
                </c:pt>
                <c:pt idx="8859">
                  <c:v>147.65</c:v>
                </c:pt>
                <c:pt idx="8860">
                  <c:v>147.66666700000002</c:v>
                </c:pt>
                <c:pt idx="8861">
                  <c:v>147.683334</c:v>
                </c:pt>
                <c:pt idx="8862">
                  <c:v>147.70000000000002</c:v>
                </c:pt>
                <c:pt idx="8863">
                  <c:v>147.716667</c:v>
                </c:pt>
                <c:pt idx="8864">
                  <c:v>147.73333400000001</c:v>
                </c:pt>
                <c:pt idx="8865">
                  <c:v>147.75</c:v>
                </c:pt>
                <c:pt idx="8866">
                  <c:v>147.76666700000001</c:v>
                </c:pt>
                <c:pt idx="8867">
                  <c:v>147.783334</c:v>
                </c:pt>
                <c:pt idx="8868">
                  <c:v>147.80000000000001</c:v>
                </c:pt>
                <c:pt idx="8869">
                  <c:v>147.816667</c:v>
                </c:pt>
                <c:pt idx="8870">
                  <c:v>147.83333400000001</c:v>
                </c:pt>
                <c:pt idx="8871">
                  <c:v>147.85</c:v>
                </c:pt>
                <c:pt idx="8872">
                  <c:v>147.86666700000001</c:v>
                </c:pt>
                <c:pt idx="8873">
                  <c:v>147.88333400000002</c:v>
                </c:pt>
                <c:pt idx="8874">
                  <c:v>147.9</c:v>
                </c:pt>
                <c:pt idx="8875">
                  <c:v>147.91666700000002</c:v>
                </c:pt>
                <c:pt idx="8876">
                  <c:v>147.933334</c:v>
                </c:pt>
                <c:pt idx="8877">
                  <c:v>147.95000000000002</c:v>
                </c:pt>
                <c:pt idx="8878">
                  <c:v>147.966667</c:v>
                </c:pt>
                <c:pt idx="8879">
                  <c:v>147.98333400000001</c:v>
                </c:pt>
                <c:pt idx="8880">
                  <c:v>148</c:v>
                </c:pt>
                <c:pt idx="8881">
                  <c:v>148.01666700000001</c:v>
                </c:pt>
                <c:pt idx="8882">
                  <c:v>148.033334</c:v>
                </c:pt>
                <c:pt idx="8883">
                  <c:v>148.05000000000001</c:v>
                </c:pt>
                <c:pt idx="8884">
                  <c:v>148.066667</c:v>
                </c:pt>
                <c:pt idx="8885">
                  <c:v>148.08333400000001</c:v>
                </c:pt>
                <c:pt idx="8886">
                  <c:v>148.1</c:v>
                </c:pt>
                <c:pt idx="8887">
                  <c:v>148.11666700000001</c:v>
                </c:pt>
                <c:pt idx="8888">
                  <c:v>148.13333400000002</c:v>
                </c:pt>
                <c:pt idx="8889">
                  <c:v>148.15</c:v>
                </c:pt>
                <c:pt idx="8890">
                  <c:v>148.16666700000002</c:v>
                </c:pt>
                <c:pt idx="8891">
                  <c:v>148.183334</c:v>
                </c:pt>
                <c:pt idx="8892">
                  <c:v>148.20000000000002</c:v>
                </c:pt>
                <c:pt idx="8893">
                  <c:v>148.216667</c:v>
                </c:pt>
                <c:pt idx="8894">
                  <c:v>148.23333400000001</c:v>
                </c:pt>
                <c:pt idx="8895">
                  <c:v>148.25</c:v>
                </c:pt>
                <c:pt idx="8896">
                  <c:v>148.26666700000001</c:v>
                </c:pt>
                <c:pt idx="8897">
                  <c:v>148.283334</c:v>
                </c:pt>
                <c:pt idx="8898">
                  <c:v>148.30000000000001</c:v>
                </c:pt>
                <c:pt idx="8899">
                  <c:v>148.316667</c:v>
                </c:pt>
                <c:pt idx="8900">
                  <c:v>148.33333400000001</c:v>
                </c:pt>
                <c:pt idx="8901">
                  <c:v>148.35</c:v>
                </c:pt>
                <c:pt idx="8902">
                  <c:v>148.36666700000001</c:v>
                </c:pt>
                <c:pt idx="8903">
                  <c:v>148.38333400000002</c:v>
                </c:pt>
                <c:pt idx="8904">
                  <c:v>148.4</c:v>
                </c:pt>
                <c:pt idx="8905">
                  <c:v>148.41666700000002</c:v>
                </c:pt>
                <c:pt idx="8906">
                  <c:v>148.433334</c:v>
                </c:pt>
                <c:pt idx="8907">
                  <c:v>148.45000000000002</c:v>
                </c:pt>
                <c:pt idx="8908">
                  <c:v>148.466667</c:v>
                </c:pt>
                <c:pt idx="8909">
                  <c:v>148.48333400000001</c:v>
                </c:pt>
                <c:pt idx="8910">
                  <c:v>148.5</c:v>
                </c:pt>
                <c:pt idx="8911">
                  <c:v>148.51666700000001</c:v>
                </c:pt>
                <c:pt idx="8912">
                  <c:v>148.533334</c:v>
                </c:pt>
                <c:pt idx="8913">
                  <c:v>148.55000000000001</c:v>
                </c:pt>
                <c:pt idx="8914">
                  <c:v>148.566667</c:v>
                </c:pt>
                <c:pt idx="8915">
                  <c:v>148.58333400000001</c:v>
                </c:pt>
                <c:pt idx="8916">
                  <c:v>148.6</c:v>
                </c:pt>
                <c:pt idx="8917">
                  <c:v>148.61666700000001</c:v>
                </c:pt>
                <c:pt idx="8918">
                  <c:v>148.63333400000002</c:v>
                </c:pt>
                <c:pt idx="8919">
                  <c:v>148.65</c:v>
                </c:pt>
                <c:pt idx="8920">
                  <c:v>148.66666700000002</c:v>
                </c:pt>
                <c:pt idx="8921">
                  <c:v>148.683334</c:v>
                </c:pt>
                <c:pt idx="8922">
                  <c:v>148.70000000000002</c:v>
                </c:pt>
                <c:pt idx="8923">
                  <c:v>148.716667</c:v>
                </c:pt>
                <c:pt idx="8924">
                  <c:v>148.73333400000001</c:v>
                </c:pt>
                <c:pt idx="8925">
                  <c:v>148.75</c:v>
                </c:pt>
                <c:pt idx="8926">
                  <c:v>148.76666700000001</c:v>
                </c:pt>
                <c:pt idx="8927">
                  <c:v>148.783334</c:v>
                </c:pt>
                <c:pt idx="8928">
                  <c:v>148.80000000000001</c:v>
                </c:pt>
                <c:pt idx="8929">
                  <c:v>148.816667</c:v>
                </c:pt>
                <c:pt idx="8930">
                  <c:v>148.83333400000001</c:v>
                </c:pt>
                <c:pt idx="8931">
                  <c:v>148.85</c:v>
                </c:pt>
                <c:pt idx="8932">
                  <c:v>148.86666700000001</c:v>
                </c:pt>
                <c:pt idx="8933">
                  <c:v>148.88333400000002</c:v>
                </c:pt>
                <c:pt idx="8934">
                  <c:v>148.9</c:v>
                </c:pt>
                <c:pt idx="8935">
                  <c:v>148.91666700000002</c:v>
                </c:pt>
                <c:pt idx="8936">
                  <c:v>148.933334</c:v>
                </c:pt>
                <c:pt idx="8937">
                  <c:v>148.95000000000002</c:v>
                </c:pt>
                <c:pt idx="8938">
                  <c:v>148.966667</c:v>
                </c:pt>
                <c:pt idx="8939">
                  <c:v>148.98333400000001</c:v>
                </c:pt>
                <c:pt idx="8940">
                  <c:v>149</c:v>
                </c:pt>
                <c:pt idx="8941">
                  <c:v>149.01666700000001</c:v>
                </c:pt>
                <c:pt idx="8942">
                  <c:v>149.033334</c:v>
                </c:pt>
                <c:pt idx="8943">
                  <c:v>149.05000000000001</c:v>
                </c:pt>
                <c:pt idx="8944">
                  <c:v>149.066667</c:v>
                </c:pt>
                <c:pt idx="8945">
                  <c:v>149.08333400000001</c:v>
                </c:pt>
                <c:pt idx="8946">
                  <c:v>149.1</c:v>
                </c:pt>
                <c:pt idx="8947">
                  <c:v>149.11666700000001</c:v>
                </c:pt>
                <c:pt idx="8948">
                  <c:v>149.13333400000002</c:v>
                </c:pt>
                <c:pt idx="8949">
                  <c:v>149.15</c:v>
                </c:pt>
                <c:pt idx="8950">
                  <c:v>149.16666700000002</c:v>
                </c:pt>
                <c:pt idx="8951">
                  <c:v>149.183334</c:v>
                </c:pt>
                <c:pt idx="8952">
                  <c:v>149.20000000000002</c:v>
                </c:pt>
                <c:pt idx="8953">
                  <c:v>149.216667</c:v>
                </c:pt>
                <c:pt idx="8954">
                  <c:v>149.23333400000001</c:v>
                </c:pt>
                <c:pt idx="8955">
                  <c:v>149.25</c:v>
                </c:pt>
                <c:pt idx="8956">
                  <c:v>149.26666700000001</c:v>
                </c:pt>
                <c:pt idx="8957">
                  <c:v>149.283334</c:v>
                </c:pt>
                <c:pt idx="8958">
                  <c:v>149.30000000000001</c:v>
                </c:pt>
                <c:pt idx="8959">
                  <c:v>149.316667</c:v>
                </c:pt>
                <c:pt idx="8960">
                  <c:v>149.33333400000001</c:v>
                </c:pt>
                <c:pt idx="8961">
                  <c:v>149.35</c:v>
                </c:pt>
                <c:pt idx="8962">
                  <c:v>149.36666700000001</c:v>
                </c:pt>
                <c:pt idx="8963">
                  <c:v>149.38333400000002</c:v>
                </c:pt>
                <c:pt idx="8964">
                  <c:v>149.4</c:v>
                </c:pt>
                <c:pt idx="8965">
                  <c:v>149.41666700000002</c:v>
                </c:pt>
                <c:pt idx="8966">
                  <c:v>149.433334</c:v>
                </c:pt>
                <c:pt idx="8967">
                  <c:v>149.45000000000002</c:v>
                </c:pt>
                <c:pt idx="8968">
                  <c:v>149.466667</c:v>
                </c:pt>
                <c:pt idx="8969">
                  <c:v>149.48333400000001</c:v>
                </c:pt>
                <c:pt idx="8970">
                  <c:v>149.5</c:v>
                </c:pt>
                <c:pt idx="8971">
                  <c:v>149.51666700000001</c:v>
                </c:pt>
                <c:pt idx="8972">
                  <c:v>149.533334</c:v>
                </c:pt>
                <c:pt idx="8973">
                  <c:v>149.55000000000001</c:v>
                </c:pt>
                <c:pt idx="8974">
                  <c:v>149.566667</c:v>
                </c:pt>
                <c:pt idx="8975">
                  <c:v>149.58333400000001</c:v>
                </c:pt>
                <c:pt idx="8976">
                  <c:v>149.6</c:v>
                </c:pt>
                <c:pt idx="8977">
                  <c:v>149.61666700000001</c:v>
                </c:pt>
                <c:pt idx="8978">
                  <c:v>149.63333400000002</c:v>
                </c:pt>
                <c:pt idx="8979">
                  <c:v>149.65</c:v>
                </c:pt>
                <c:pt idx="8980">
                  <c:v>149.66666700000002</c:v>
                </c:pt>
                <c:pt idx="8981">
                  <c:v>149.683334</c:v>
                </c:pt>
                <c:pt idx="8982">
                  <c:v>149.70000000000002</c:v>
                </c:pt>
                <c:pt idx="8983">
                  <c:v>149.716667</c:v>
                </c:pt>
                <c:pt idx="8984">
                  <c:v>149.73333400000001</c:v>
                </c:pt>
                <c:pt idx="8985">
                  <c:v>149.75</c:v>
                </c:pt>
                <c:pt idx="8986">
                  <c:v>149.76666700000001</c:v>
                </c:pt>
                <c:pt idx="8987">
                  <c:v>149.783334</c:v>
                </c:pt>
                <c:pt idx="8988">
                  <c:v>149.80000000000001</c:v>
                </c:pt>
                <c:pt idx="8989">
                  <c:v>149.816667</c:v>
                </c:pt>
                <c:pt idx="8990">
                  <c:v>149.83333400000001</c:v>
                </c:pt>
                <c:pt idx="8991">
                  <c:v>149.85</c:v>
                </c:pt>
                <c:pt idx="8992">
                  <c:v>149.86666700000001</c:v>
                </c:pt>
                <c:pt idx="8993">
                  <c:v>149.88333400000002</c:v>
                </c:pt>
                <c:pt idx="8994">
                  <c:v>149.9</c:v>
                </c:pt>
                <c:pt idx="8995">
                  <c:v>149.91666700000002</c:v>
                </c:pt>
                <c:pt idx="8996">
                  <c:v>149.933334</c:v>
                </c:pt>
                <c:pt idx="8997">
                  <c:v>149.95000000000002</c:v>
                </c:pt>
                <c:pt idx="8998">
                  <c:v>149.966667</c:v>
                </c:pt>
                <c:pt idx="8999">
                  <c:v>149.98333400000001</c:v>
                </c:pt>
                <c:pt idx="9000">
                  <c:v>150</c:v>
                </c:pt>
                <c:pt idx="9001">
                  <c:v>150.01666700000001</c:v>
                </c:pt>
                <c:pt idx="9002">
                  <c:v>150.033334</c:v>
                </c:pt>
                <c:pt idx="9003">
                  <c:v>150.05000000000001</c:v>
                </c:pt>
                <c:pt idx="9004">
                  <c:v>150.066667</c:v>
                </c:pt>
                <c:pt idx="9005">
                  <c:v>150.08333400000001</c:v>
                </c:pt>
                <c:pt idx="9006">
                  <c:v>150.1</c:v>
                </c:pt>
                <c:pt idx="9007">
                  <c:v>150.11666700000001</c:v>
                </c:pt>
                <c:pt idx="9008">
                  <c:v>150.13333400000002</c:v>
                </c:pt>
                <c:pt idx="9009">
                  <c:v>150.15</c:v>
                </c:pt>
                <c:pt idx="9010">
                  <c:v>150.16666700000002</c:v>
                </c:pt>
                <c:pt idx="9011">
                  <c:v>150.183334</c:v>
                </c:pt>
                <c:pt idx="9012">
                  <c:v>150.20000000000002</c:v>
                </c:pt>
                <c:pt idx="9013">
                  <c:v>150.216667</c:v>
                </c:pt>
                <c:pt idx="9014">
                  <c:v>150.23333400000001</c:v>
                </c:pt>
                <c:pt idx="9015">
                  <c:v>150.25</c:v>
                </c:pt>
                <c:pt idx="9016">
                  <c:v>150.26666700000001</c:v>
                </c:pt>
                <c:pt idx="9017">
                  <c:v>150.283334</c:v>
                </c:pt>
                <c:pt idx="9018">
                  <c:v>150.30000000000001</c:v>
                </c:pt>
                <c:pt idx="9019">
                  <c:v>150.316667</c:v>
                </c:pt>
                <c:pt idx="9020">
                  <c:v>150.33333400000001</c:v>
                </c:pt>
                <c:pt idx="9021">
                  <c:v>150.35</c:v>
                </c:pt>
                <c:pt idx="9022">
                  <c:v>150.36666700000001</c:v>
                </c:pt>
                <c:pt idx="9023">
                  <c:v>150.38333400000002</c:v>
                </c:pt>
                <c:pt idx="9024">
                  <c:v>150.4</c:v>
                </c:pt>
                <c:pt idx="9025">
                  <c:v>150.41666700000002</c:v>
                </c:pt>
                <c:pt idx="9026">
                  <c:v>150.433334</c:v>
                </c:pt>
                <c:pt idx="9027">
                  <c:v>150.45000000000002</c:v>
                </c:pt>
                <c:pt idx="9028">
                  <c:v>150.466667</c:v>
                </c:pt>
                <c:pt idx="9029">
                  <c:v>150.48333400000001</c:v>
                </c:pt>
                <c:pt idx="9030">
                  <c:v>150.5</c:v>
                </c:pt>
                <c:pt idx="9031">
                  <c:v>150.51666700000001</c:v>
                </c:pt>
                <c:pt idx="9032">
                  <c:v>150.533334</c:v>
                </c:pt>
                <c:pt idx="9033">
                  <c:v>150.55000000000001</c:v>
                </c:pt>
                <c:pt idx="9034">
                  <c:v>150.566667</c:v>
                </c:pt>
                <c:pt idx="9035">
                  <c:v>150.58333400000001</c:v>
                </c:pt>
                <c:pt idx="9036">
                  <c:v>150.6</c:v>
                </c:pt>
                <c:pt idx="9037">
                  <c:v>150.61666700000001</c:v>
                </c:pt>
                <c:pt idx="9038">
                  <c:v>150.63333400000002</c:v>
                </c:pt>
                <c:pt idx="9039">
                  <c:v>150.65</c:v>
                </c:pt>
                <c:pt idx="9040">
                  <c:v>150.66666700000002</c:v>
                </c:pt>
                <c:pt idx="9041">
                  <c:v>150.683334</c:v>
                </c:pt>
                <c:pt idx="9042">
                  <c:v>150.70000000000002</c:v>
                </c:pt>
                <c:pt idx="9043">
                  <c:v>150.716667</c:v>
                </c:pt>
                <c:pt idx="9044">
                  <c:v>150.73333400000001</c:v>
                </c:pt>
                <c:pt idx="9045">
                  <c:v>150.75</c:v>
                </c:pt>
                <c:pt idx="9046">
                  <c:v>150.76666700000001</c:v>
                </c:pt>
                <c:pt idx="9047">
                  <c:v>150.783334</c:v>
                </c:pt>
                <c:pt idx="9048">
                  <c:v>150.80000000000001</c:v>
                </c:pt>
                <c:pt idx="9049">
                  <c:v>150.816667</c:v>
                </c:pt>
                <c:pt idx="9050">
                  <c:v>150.83333400000001</c:v>
                </c:pt>
                <c:pt idx="9051">
                  <c:v>150.85</c:v>
                </c:pt>
                <c:pt idx="9052">
                  <c:v>150.86666700000001</c:v>
                </c:pt>
                <c:pt idx="9053">
                  <c:v>150.88333400000002</c:v>
                </c:pt>
                <c:pt idx="9054">
                  <c:v>150.9</c:v>
                </c:pt>
                <c:pt idx="9055">
                  <c:v>150.91666700000002</c:v>
                </c:pt>
                <c:pt idx="9056">
                  <c:v>150.933334</c:v>
                </c:pt>
                <c:pt idx="9057">
                  <c:v>150.95000000000002</c:v>
                </c:pt>
                <c:pt idx="9058">
                  <c:v>150.966667</c:v>
                </c:pt>
                <c:pt idx="9059">
                  <c:v>150.98333400000001</c:v>
                </c:pt>
                <c:pt idx="9060">
                  <c:v>151</c:v>
                </c:pt>
                <c:pt idx="9061">
                  <c:v>151.01666700000001</c:v>
                </c:pt>
                <c:pt idx="9062">
                  <c:v>151.033334</c:v>
                </c:pt>
                <c:pt idx="9063">
                  <c:v>151.05000000000001</c:v>
                </c:pt>
                <c:pt idx="9064">
                  <c:v>151.066667</c:v>
                </c:pt>
                <c:pt idx="9065">
                  <c:v>151.08333400000001</c:v>
                </c:pt>
                <c:pt idx="9066">
                  <c:v>151.1</c:v>
                </c:pt>
                <c:pt idx="9067">
                  <c:v>151.11666700000001</c:v>
                </c:pt>
                <c:pt idx="9068">
                  <c:v>151.13333400000002</c:v>
                </c:pt>
                <c:pt idx="9069">
                  <c:v>151.15</c:v>
                </c:pt>
                <c:pt idx="9070">
                  <c:v>151.16666700000002</c:v>
                </c:pt>
                <c:pt idx="9071">
                  <c:v>151.183334</c:v>
                </c:pt>
                <c:pt idx="9072">
                  <c:v>151.20000000000002</c:v>
                </c:pt>
                <c:pt idx="9073">
                  <c:v>151.216667</c:v>
                </c:pt>
                <c:pt idx="9074">
                  <c:v>151.23333400000001</c:v>
                </c:pt>
                <c:pt idx="9075">
                  <c:v>151.25</c:v>
                </c:pt>
                <c:pt idx="9076">
                  <c:v>151.26666700000001</c:v>
                </c:pt>
                <c:pt idx="9077">
                  <c:v>151.283334</c:v>
                </c:pt>
                <c:pt idx="9078">
                  <c:v>151.30000000000001</c:v>
                </c:pt>
                <c:pt idx="9079">
                  <c:v>151.316667</c:v>
                </c:pt>
                <c:pt idx="9080">
                  <c:v>151.33333400000001</c:v>
                </c:pt>
                <c:pt idx="9081">
                  <c:v>151.35</c:v>
                </c:pt>
                <c:pt idx="9082">
                  <c:v>151.36666700000001</c:v>
                </c:pt>
                <c:pt idx="9083">
                  <c:v>151.38333400000002</c:v>
                </c:pt>
                <c:pt idx="9084">
                  <c:v>151.4</c:v>
                </c:pt>
                <c:pt idx="9085">
                  <c:v>151.41666700000002</c:v>
                </c:pt>
                <c:pt idx="9086">
                  <c:v>151.433334</c:v>
                </c:pt>
                <c:pt idx="9087">
                  <c:v>151.45000000000002</c:v>
                </c:pt>
                <c:pt idx="9088">
                  <c:v>151.466667</c:v>
                </c:pt>
                <c:pt idx="9089">
                  <c:v>151.48333400000001</c:v>
                </c:pt>
                <c:pt idx="9090">
                  <c:v>151.5</c:v>
                </c:pt>
                <c:pt idx="9091">
                  <c:v>151.51666700000001</c:v>
                </c:pt>
                <c:pt idx="9092">
                  <c:v>151.533334</c:v>
                </c:pt>
                <c:pt idx="9093">
                  <c:v>151.55000000000001</c:v>
                </c:pt>
                <c:pt idx="9094">
                  <c:v>151.566667</c:v>
                </c:pt>
                <c:pt idx="9095">
                  <c:v>151.58333400000001</c:v>
                </c:pt>
                <c:pt idx="9096">
                  <c:v>151.6</c:v>
                </c:pt>
                <c:pt idx="9097">
                  <c:v>151.61666700000001</c:v>
                </c:pt>
                <c:pt idx="9098">
                  <c:v>151.63333400000002</c:v>
                </c:pt>
                <c:pt idx="9099">
                  <c:v>151.65</c:v>
                </c:pt>
                <c:pt idx="9100">
                  <c:v>151.66666700000002</c:v>
                </c:pt>
                <c:pt idx="9101">
                  <c:v>151.683334</c:v>
                </c:pt>
                <c:pt idx="9102">
                  <c:v>151.70000000000002</c:v>
                </c:pt>
                <c:pt idx="9103">
                  <c:v>151.716667</c:v>
                </c:pt>
                <c:pt idx="9104">
                  <c:v>151.73333400000001</c:v>
                </c:pt>
                <c:pt idx="9105">
                  <c:v>151.75</c:v>
                </c:pt>
                <c:pt idx="9106">
                  <c:v>151.76666700000001</c:v>
                </c:pt>
                <c:pt idx="9107">
                  <c:v>151.783334</c:v>
                </c:pt>
                <c:pt idx="9108">
                  <c:v>151.80000000000001</c:v>
                </c:pt>
                <c:pt idx="9109">
                  <c:v>151.816667</c:v>
                </c:pt>
                <c:pt idx="9110">
                  <c:v>151.83333400000001</c:v>
                </c:pt>
                <c:pt idx="9111">
                  <c:v>151.85</c:v>
                </c:pt>
                <c:pt idx="9112">
                  <c:v>151.86666700000001</c:v>
                </c:pt>
                <c:pt idx="9113">
                  <c:v>151.88333400000002</c:v>
                </c:pt>
                <c:pt idx="9114">
                  <c:v>151.9</c:v>
                </c:pt>
                <c:pt idx="9115">
                  <c:v>151.91666700000002</c:v>
                </c:pt>
                <c:pt idx="9116">
                  <c:v>151.933334</c:v>
                </c:pt>
                <c:pt idx="9117">
                  <c:v>151.95000000000002</c:v>
                </c:pt>
                <c:pt idx="9118">
                  <c:v>151.966667</c:v>
                </c:pt>
                <c:pt idx="9119">
                  <c:v>151.98333400000001</c:v>
                </c:pt>
                <c:pt idx="9120">
                  <c:v>152</c:v>
                </c:pt>
                <c:pt idx="9121">
                  <c:v>152.01666700000001</c:v>
                </c:pt>
                <c:pt idx="9122">
                  <c:v>152.033334</c:v>
                </c:pt>
                <c:pt idx="9123">
                  <c:v>152.05000000000001</c:v>
                </c:pt>
                <c:pt idx="9124">
                  <c:v>152.066667</c:v>
                </c:pt>
                <c:pt idx="9125">
                  <c:v>152.08333400000001</c:v>
                </c:pt>
                <c:pt idx="9126">
                  <c:v>152.1</c:v>
                </c:pt>
                <c:pt idx="9127">
                  <c:v>152.11666700000001</c:v>
                </c:pt>
                <c:pt idx="9128">
                  <c:v>152.13333400000002</c:v>
                </c:pt>
                <c:pt idx="9129">
                  <c:v>152.15</c:v>
                </c:pt>
                <c:pt idx="9130">
                  <c:v>152.16666700000002</c:v>
                </c:pt>
                <c:pt idx="9131">
                  <c:v>152.183334</c:v>
                </c:pt>
                <c:pt idx="9132">
                  <c:v>152.20000000000002</c:v>
                </c:pt>
                <c:pt idx="9133">
                  <c:v>152.216667</c:v>
                </c:pt>
                <c:pt idx="9134">
                  <c:v>152.23333400000001</c:v>
                </c:pt>
                <c:pt idx="9135">
                  <c:v>152.25</c:v>
                </c:pt>
                <c:pt idx="9136">
                  <c:v>152.26666700000001</c:v>
                </c:pt>
                <c:pt idx="9137">
                  <c:v>152.283334</c:v>
                </c:pt>
                <c:pt idx="9138">
                  <c:v>152.30000000000001</c:v>
                </c:pt>
                <c:pt idx="9139">
                  <c:v>152.316667</c:v>
                </c:pt>
                <c:pt idx="9140">
                  <c:v>152.33333400000001</c:v>
                </c:pt>
                <c:pt idx="9141">
                  <c:v>152.35</c:v>
                </c:pt>
                <c:pt idx="9142">
                  <c:v>152.36666700000001</c:v>
                </c:pt>
                <c:pt idx="9143">
                  <c:v>152.38333400000002</c:v>
                </c:pt>
                <c:pt idx="9144">
                  <c:v>152.4</c:v>
                </c:pt>
                <c:pt idx="9145">
                  <c:v>152.41666700000002</c:v>
                </c:pt>
                <c:pt idx="9146">
                  <c:v>152.433334</c:v>
                </c:pt>
                <c:pt idx="9147">
                  <c:v>152.45000000000002</c:v>
                </c:pt>
                <c:pt idx="9148">
                  <c:v>152.466667</c:v>
                </c:pt>
                <c:pt idx="9149">
                  <c:v>152.48333400000001</c:v>
                </c:pt>
                <c:pt idx="9150">
                  <c:v>152.5</c:v>
                </c:pt>
                <c:pt idx="9151">
                  <c:v>152.51666700000001</c:v>
                </c:pt>
                <c:pt idx="9152">
                  <c:v>152.533334</c:v>
                </c:pt>
                <c:pt idx="9153">
                  <c:v>152.55000000000001</c:v>
                </c:pt>
                <c:pt idx="9154">
                  <c:v>152.566667</c:v>
                </c:pt>
                <c:pt idx="9155">
                  <c:v>152.58333400000001</c:v>
                </c:pt>
                <c:pt idx="9156">
                  <c:v>152.6</c:v>
                </c:pt>
                <c:pt idx="9157">
                  <c:v>152.61666700000001</c:v>
                </c:pt>
                <c:pt idx="9158">
                  <c:v>152.63333400000002</c:v>
                </c:pt>
                <c:pt idx="9159">
                  <c:v>152.65</c:v>
                </c:pt>
                <c:pt idx="9160">
                  <c:v>152.66666700000002</c:v>
                </c:pt>
                <c:pt idx="9161">
                  <c:v>152.683334</c:v>
                </c:pt>
                <c:pt idx="9162">
                  <c:v>152.70000000000002</c:v>
                </c:pt>
                <c:pt idx="9163">
                  <c:v>152.716667</c:v>
                </c:pt>
                <c:pt idx="9164">
                  <c:v>152.73333400000001</c:v>
                </c:pt>
                <c:pt idx="9165">
                  <c:v>152.75</c:v>
                </c:pt>
                <c:pt idx="9166">
                  <c:v>152.76666700000001</c:v>
                </c:pt>
                <c:pt idx="9167">
                  <c:v>152.783334</c:v>
                </c:pt>
                <c:pt idx="9168">
                  <c:v>152.80000000000001</c:v>
                </c:pt>
                <c:pt idx="9169">
                  <c:v>152.816667</c:v>
                </c:pt>
                <c:pt idx="9170">
                  <c:v>152.83333400000001</c:v>
                </c:pt>
                <c:pt idx="9171">
                  <c:v>152.85</c:v>
                </c:pt>
                <c:pt idx="9172">
                  <c:v>152.86666700000001</c:v>
                </c:pt>
                <c:pt idx="9173">
                  <c:v>152.88333400000002</c:v>
                </c:pt>
                <c:pt idx="9174">
                  <c:v>152.9</c:v>
                </c:pt>
                <c:pt idx="9175">
                  <c:v>152.91666700000002</c:v>
                </c:pt>
                <c:pt idx="9176">
                  <c:v>152.933334</c:v>
                </c:pt>
                <c:pt idx="9177">
                  <c:v>152.95000000000002</c:v>
                </c:pt>
                <c:pt idx="9178">
                  <c:v>152.966667</c:v>
                </c:pt>
                <c:pt idx="9179">
                  <c:v>152.98333400000001</c:v>
                </c:pt>
                <c:pt idx="9180">
                  <c:v>153</c:v>
                </c:pt>
                <c:pt idx="9181">
                  <c:v>153.01666700000001</c:v>
                </c:pt>
                <c:pt idx="9182">
                  <c:v>153.033334</c:v>
                </c:pt>
                <c:pt idx="9183">
                  <c:v>153.05000000000001</c:v>
                </c:pt>
                <c:pt idx="9184">
                  <c:v>153.066667</c:v>
                </c:pt>
                <c:pt idx="9185">
                  <c:v>153.08333400000001</c:v>
                </c:pt>
                <c:pt idx="9186">
                  <c:v>153.1</c:v>
                </c:pt>
                <c:pt idx="9187">
                  <c:v>153.11666700000001</c:v>
                </c:pt>
                <c:pt idx="9188">
                  <c:v>153.13333400000002</c:v>
                </c:pt>
                <c:pt idx="9189">
                  <c:v>153.15</c:v>
                </c:pt>
                <c:pt idx="9190">
                  <c:v>153.16666700000002</c:v>
                </c:pt>
                <c:pt idx="9191">
                  <c:v>153.183334</c:v>
                </c:pt>
                <c:pt idx="9192">
                  <c:v>153.20000000000002</c:v>
                </c:pt>
                <c:pt idx="9193">
                  <c:v>153.216667</c:v>
                </c:pt>
                <c:pt idx="9194">
                  <c:v>153.23333400000001</c:v>
                </c:pt>
                <c:pt idx="9195">
                  <c:v>153.25</c:v>
                </c:pt>
                <c:pt idx="9196">
                  <c:v>153.26666700000001</c:v>
                </c:pt>
                <c:pt idx="9197">
                  <c:v>153.283334</c:v>
                </c:pt>
                <c:pt idx="9198">
                  <c:v>153.30000000000001</c:v>
                </c:pt>
                <c:pt idx="9199">
                  <c:v>153.316667</c:v>
                </c:pt>
                <c:pt idx="9200">
                  <c:v>153.33333400000001</c:v>
                </c:pt>
                <c:pt idx="9201">
                  <c:v>153.35</c:v>
                </c:pt>
                <c:pt idx="9202">
                  <c:v>153.36666700000001</c:v>
                </c:pt>
                <c:pt idx="9203">
                  <c:v>153.38333400000002</c:v>
                </c:pt>
                <c:pt idx="9204">
                  <c:v>153.4</c:v>
                </c:pt>
                <c:pt idx="9205">
                  <c:v>153.41666700000002</c:v>
                </c:pt>
                <c:pt idx="9206">
                  <c:v>153.433334</c:v>
                </c:pt>
                <c:pt idx="9207">
                  <c:v>153.45000000000002</c:v>
                </c:pt>
                <c:pt idx="9208">
                  <c:v>153.466667</c:v>
                </c:pt>
                <c:pt idx="9209">
                  <c:v>153.48333400000001</c:v>
                </c:pt>
                <c:pt idx="9210">
                  <c:v>153.5</c:v>
                </c:pt>
                <c:pt idx="9211">
                  <c:v>153.51666700000001</c:v>
                </c:pt>
                <c:pt idx="9212">
                  <c:v>153.533334</c:v>
                </c:pt>
                <c:pt idx="9213">
                  <c:v>153.55000000000001</c:v>
                </c:pt>
                <c:pt idx="9214">
                  <c:v>153.566667</c:v>
                </c:pt>
                <c:pt idx="9215">
                  <c:v>153.58333400000001</c:v>
                </c:pt>
                <c:pt idx="9216">
                  <c:v>153.6</c:v>
                </c:pt>
                <c:pt idx="9217">
                  <c:v>153.61666700000001</c:v>
                </c:pt>
                <c:pt idx="9218">
                  <c:v>153.63333400000002</c:v>
                </c:pt>
                <c:pt idx="9219">
                  <c:v>153.65</c:v>
                </c:pt>
                <c:pt idx="9220">
                  <c:v>153.66666700000002</c:v>
                </c:pt>
                <c:pt idx="9221">
                  <c:v>153.683334</c:v>
                </c:pt>
                <c:pt idx="9222">
                  <c:v>153.70000000000002</c:v>
                </c:pt>
                <c:pt idx="9223">
                  <c:v>153.716667</c:v>
                </c:pt>
                <c:pt idx="9224">
                  <c:v>153.73333400000001</c:v>
                </c:pt>
                <c:pt idx="9225">
                  <c:v>153.75</c:v>
                </c:pt>
                <c:pt idx="9226">
                  <c:v>153.76666700000001</c:v>
                </c:pt>
                <c:pt idx="9227">
                  <c:v>153.783334</c:v>
                </c:pt>
                <c:pt idx="9228">
                  <c:v>153.80000000000001</c:v>
                </c:pt>
                <c:pt idx="9229">
                  <c:v>153.816667</c:v>
                </c:pt>
                <c:pt idx="9230">
                  <c:v>153.83333400000001</c:v>
                </c:pt>
                <c:pt idx="9231">
                  <c:v>153.85</c:v>
                </c:pt>
                <c:pt idx="9232">
                  <c:v>153.86666700000001</c:v>
                </c:pt>
                <c:pt idx="9233">
                  <c:v>153.88333400000002</c:v>
                </c:pt>
                <c:pt idx="9234">
                  <c:v>153.9</c:v>
                </c:pt>
                <c:pt idx="9235">
                  <c:v>153.91666700000002</c:v>
                </c:pt>
                <c:pt idx="9236">
                  <c:v>153.933334</c:v>
                </c:pt>
                <c:pt idx="9237">
                  <c:v>153.95000000000002</c:v>
                </c:pt>
                <c:pt idx="9238">
                  <c:v>153.966667</c:v>
                </c:pt>
                <c:pt idx="9239">
                  <c:v>153.98333400000001</c:v>
                </c:pt>
                <c:pt idx="9240">
                  <c:v>154</c:v>
                </c:pt>
                <c:pt idx="9241">
                  <c:v>154.01666700000001</c:v>
                </c:pt>
                <c:pt idx="9242">
                  <c:v>154.033334</c:v>
                </c:pt>
                <c:pt idx="9243">
                  <c:v>154.05000000000001</c:v>
                </c:pt>
                <c:pt idx="9244">
                  <c:v>154.066667</c:v>
                </c:pt>
                <c:pt idx="9245">
                  <c:v>154.08333400000001</c:v>
                </c:pt>
                <c:pt idx="9246">
                  <c:v>154.1</c:v>
                </c:pt>
                <c:pt idx="9247">
                  <c:v>154.11666700000001</c:v>
                </c:pt>
                <c:pt idx="9248">
                  <c:v>154.13333400000002</c:v>
                </c:pt>
                <c:pt idx="9249">
                  <c:v>154.15</c:v>
                </c:pt>
                <c:pt idx="9250">
                  <c:v>154.16666700000002</c:v>
                </c:pt>
                <c:pt idx="9251">
                  <c:v>154.183334</c:v>
                </c:pt>
                <c:pt idx="9252">
                  <c:v>154.20000000000002</c:v>
                </c:pt>
                <c:pt idx="9253">
                  <c:v>154.216667</c:v>
                </c:pt>
                <c:pt idx="9254">
                  <c:v>154.23333400000001</c:v>
                </c:pt>
                <c:pt idx="9255">
                  <c:v>154.25</c:v>
                </c:pt>
                <c:pt idx="9256">
                  <c:v>154.26666700000001</c:v>
                </c:pt>
                <c:pt idx="9257">
                  <c:v>154.283334</c:v>
                </c:pt>
                <c:pt idx="9258">
                  <c:v>154.30000000000001</c:v>
                </c:pt>
                <c:pt idx="9259">
                  <c:v>154.316667</c:v>
                </c:pt>
                <c:pt idx="9260">
                  <c:v>154.33333400000001</c:v>
                </c:pt>
                <c:pt idx="9261">
                  <c:v>154.35</c:v>
                </c:pt>
                <c:pt idx="9262">
                  <c:v>154.36666700000001</c:v>
                </c:pt>
                <c:pt idx="9263">
                  <c:v>154.38333400000002</c:v>
                </c:pt>
                <c:pt idx="9264">
                  <c:v>154.4</c:v>
                </c:pt>
                <c:pt idx="9265">
                  <c:v>154.41666700000002</c:v>
                </c:pt>
                <c:pt idx="9266">
                  <c:v>154.433334</c:v>
                </c:pt>
                <c:pt idx="9267">
                  <c:v>154.45000000000002</c:v>
                </c:pt>
                <c:pt idx="9268">
                  <c:v>154.466667</c:v>
                </c:pt>
                <c:pt idx="9269">
                  <c:v>154.48333400000001</c:v>
                </c:pt>
                <c:pt idx="9270">
                  <c:v>154.5</c:v>
                </c:pt>
                <c:pt idx="9271">
                  <c:v>154.51666700000001</c:v>
                </c:pt>
                <c:pt idx="9272">
                  <c:v>154.533334</c:v>
                </c:pt>
                <c:pt idx="9273">
                  <c:v>154.55000000000001</c:v>
                </c:pt>
                <c:pt idx="9274">
                  <c:v>154.566667</c:v>
                </c:pt>
                <c:pt idx="9275">
                  <c:v>154.58333400000001</c:v>
                </c:pt>
                <c:pt idx="9276">
                  <c:v>154.6</c:v>
                </c:pt>
                <c:pt idx="9277">
                  <c:v>154.61666700000001</c:v>
                </c:pt>
                <c:pt idx="9278">
                  <c:v>154.63333400000002</c:v>
                </c:pt>
                <c:pt idx="9279">
                  <c:v>154.65</c:v>
                </c:pt>
                <c:pt idx="9280">
                  <c:v>154.66666700000002</c:v>
                </c:pt>
                <c:pt idx="9281">
                  <c:v>154.683334</c:v>
                </c:pt>
                <c:pt idx="9282">
                  <c:v>154.70000000000002</c:v>
                </c:pt>
                <c:pt idx="9283">
                  <c:v>154.716667</c:v>
                </c:pt>
                <c:pt idx="9284">
                  <c:v>154.73333400000001</c:v>
                </c:pt>
                <c:pt idx="9285">
                  <c:v>154.75</c:v>
                </c:pt>
                <c:pt idx="9286">
                  <c:v>154.76666700000001</c:v>
                </c:pt>
                <c:pt idx="9287">
                  <c:v>154.783334</c:v>
                </c:pt>
                <c:pt idx="9288">
                  <c:v>154.80000000000001</c:v>
                </c:pt>
                <c:pt idx="9289">
                  <c:v>154.816667</c:v>
                </c:pt>
                <c:pt idx="9290">
                  <c:v>154.83333400000001</c:v>
                </c:pt>
                <c:pt idx="9291">
                  <c:v>154.85</c:v>
                </c:pt>
                <c:pt idx="9292">
                  <c:v>154.86666700000001</c:v>
                </c:pt>
                <c:pt idx="9293">
                  <c:v>154.88333400000002</c:v>
                </c:pt>
                <c:pt idx="9294">
                  <c:v>154.9</c:v>
                </c:pt>
                <c:pt idx="9295">
                  <c:v>154.91666700000002</c:v>
                </c:pt>
                <c:pt idx="9296">
                  <c:v>154.933334</c:v>
                </c:pt>
                <c:pt idx="9297">
                  <c:v>154.95000000000002</c:v>
                </c:pt>
                <c:pt idx="9298">
                  <c:v>154.966667</c:v>
                </c:pt>
                <c:pt idx="9299">
                  <c:v>154.98333400000001</c:v>
                </c:pt>
                <c:pt idx="9300">
                  <c:v>155</c:v>
                </c:pt>
                <c:pt idx="9301">
                  <c:v>155.01666700000001</c:v>
                </c:pt>
                <c:pt idx="9302">
                  <c:v>155.033334</c:v>
                </c:pt>
                <c:pt idx="9303">
                  <c:v>155.05000000000001</c:v>
                </c:pt>
                <c:pt idx="9304">
                  <c:v>155.066667</c:v>
                </c:pt>
                <c:pt idx="9305">
                  <c:v>155.08333400000001</c:v>
                </c:pt>
                <c:pt idx="9306">
                  <c:v>155.1</c:v>
                </c:pt>
                <c:pt idx="9307">
                  <c:v>155.11666700000001</c:v>
                </c:pt>
                <c:pt idx="9308">
                  <c:v>155.13333400000002</c:v>
                </c:pt>
                <c:pt idx="9309">
                  <c:v>155.15</c:v>
                </c:pt>
                <c:pt idx="9310">
                  <c:v>155.16666700000002</c:v>
                </c:pt>
                <c:pt idx="9311">
                  <c:v>155.183334</c:v>
                </c:pt>
                <c:pt idx="9312">
                  <c:v>155.20000000000002</c:v>
                </c:pt>
                <c:pt idx="9313">
                  <c:v>155.216667</c:v>
                </c:pt>
                <c:pt idx="9314">
                  <c:v>155.23333400000001</c:v>
                </c:pt>
                <c:pt idx="9315">
                  <c:v>155.25</c:v>
                </c:pt>
                <c:pt idx="9316">
                  <c:v>155.26666700000001</c:v>
                </c:pt>
                <c:pt idx="9317">
                  <c:v>155.283334</c:v>
                </c:pt>
                <c:pt idx="9318">
                  <c:v>155.30000000000001</c:v>
                </c:pt>
                <c:pt idx="9319">
                  <c:v>155.316667</c:v>
                </c:pt>
                <c:pt idx="9320">
                  <c:v>155.33333400000001</c:v>
                </c:pt>
                <c:pt idx="9321">
                  <c:v>155.35</c:v>
                </c:pt>
                <c:pt idx="9322">
                  <c:v>155.36666700000001</c:v>
                </c:pt>
                <c:pt idx="9323">
                  <c:v>155.38333400000002</c:v>
                </c:pt>
                <c:pt idx="9324">
                  <c:v>155.4</c:v>
                </c:pt>
                <c:pt idx="9325">
                  <c:v>155.41666700000002</c:v>
                </c:pt>
                <c:pt idx="9326">
                  <c:v>155.433334</c:v>
                </c:pt>
                <c:pt idx="9327">
                  <c:v>155.45000000000002</c:v>
                </c:pt>
                <c:pt idx="9328">
                  <c:v>155.466667</c:v>
                </c:pt>
                <c:pt idx="9329">
                  <c:v>155.48333400000001</c:v>
                </c:pt>
                <c:pt idx="9330">
                  <c:v>155.5</c:v>
                </c:pt>
                <c:pt idx="9331">
                  <c:v>155.51666700000001</c:v>
                </c:pt>
                <c:pt idx="9332">
                  <c:v>155.533334</c:v>
                </c:pt>
                <c:pt idx="9333">
                  <c:v>155.55000000000001</c:v>
                </c:pt>
                <c:pt idx="9334">
                  <c:v>155.566667</c:v>
                </c:pt>
                <c:pt idx="9335">
                  <c:v>155.58333400000001</c:v>
                </c:pt>
                <c:pt idx="9336">
                  <c:v>155.6</c:v>
                </c:pt>
                <c:pt idx="9337">
                  <c:v>155.61666700000001</c:v>
                </c:pt>
                <c:pt idx="9338">
                  <c:v>155.63333400000002</c:v>
                </c:pt>
                <c:pt idx="9339">
                  <c:v>155.65</c:v>
                </c:pt>
                <c:pt idx="9340">
                  <c:v>155.66666700000002</c:v>
                </c:pt>
                <c:pt idx="9341">
                  <c:v>155.683334</c:v>
                </c:pt>
                <c:pt idx="9342">
                  <c:v>155.70000000000002</c:v>
                </c:pt>
                <c:pt idx="9343">
                  <c:v>155.716667</c:v>
                </c:pt>
                <c:pt idx="9344">
                  <c:v>155.73333400000001</c:v>
                </c:pt>
                <c:pt idx="9345">
                  <c:v>155.75</c:v>
                </c:pt>
                <c:pt idx="9346">
                  <c:v>155.76666700000001</c:v>
                </c:pt>
                <c:pt idx="9347">
                  <c:v>155.783334</c:v>
                </c:pt>
                <c:pt idx="9348">
                  <c:v>155.80000000000001</c:v>
                </c:pt>
                <c:pt idx="9349">
                  <c:v>155.816667</c:v>
                </c:pt>
                <c:pt idx="9350">
                  <c:v>155.83333400000001</c:v>
                </c:pt>
                <c:pt idx="9351">
                  <c:v>155.85</c:v>
                </c:pt>
                <c:pt idx="9352">
                  <c:v>155.86666700000001</c:v>
                </c:pt>
                <c:pt idx="9353">
                  <c:v>155.88333400000002</c:v>
                </c:pt>
                <c:pt idx="9354">
                  <c:v>155.9</c:v>
                </c:pt>
                <c:pt idx="9355">
                  <c:v>155.91666700000002</c:v>
                </c:pt>
                <c:pt idx="9356">
                  <c:v>155.933334</c:v>
                </c:pt>
                <c:pt idx="9357">
                  <c:v>155.95000000000002</c:v>
                </c:pt>
                <c:pt idx="9358">
                  <c:v>155.966667</c:v>
                </c:pt>
                <c:pt idx="9359">
                  <c:v>155.98333400000001</c:v>
                </c:pt>
                <c:pt idx="9360">
                  <c:v>156</c:v>
                </c:pt>
                <c:pt idx="9361">
                  <c:v>156.01666700000001</c:v>
                </c:pt>
                <c:pt idx="9362">
                  <c:v>156.033334</c:v>
                </c:pt>
                <c:pt idx="9363">
                  <c:v>156.05000000000001</c:v>
                </c:pt>
                <c:pt idx="9364">
                  <c:v>156.066667</c:v>
                </c:pt>
                <c:pt idx="9365">
                  <c:v>156.08333400000001</c:v>
                </c:pt>
                <c:pt idx="9366">
                  <c:v>156.1</c:v>
                </c:pt>
                <c:pt idx="9367">
                  <c:v>156.11666700000001</c:v>
                </c:pt>
                <c:pt idx="9368">
                  <c:v>156.13333400000002</c:v>
                </c:pt>
                <c:pt idx="9369">
                  <c:v>156.15</c:v>
                </c:pt>
                <c:pt idx="9370">
                  <c:v>156.16666700000002</c:v>
                </c:pt>
                <c:pt idx="9371">
                  <c:v>156.183334</c:v>
                </c:pt>
                <c:pt idx="9372">
                  <c:v>156.20000000000002</c:v>
                </c:pt>
                <c:pt idx="9373">
                  <c:v>156.216667</c:v>
                </c:pt>
                <c:pt idx="9374">
                  <c:v>156.23333400000001</c:v>
                </c:pt>
                <c:pt idx="9375">
                  <c:v>156.25</c:v>
                </c:pt>
                <c:pt idx="9376">
                  <c:v>156.26666700000001</c:v>
                </c:pt>
                <c:pt idx="9377">
                  <c:v>156.283334</c:v>
                </c:pt>
                <c:pt idx="9378">
                  <c:v>156.30000000000001</c:v>
                </c:pt>
                <c:pt idx="9379">
                  <c:v>156.316667</c:v>
                </c:pt>
                <c:pt idx="9380">
                  <c:v>156.33333400000001</c:v>
                </c:pt>
                <c:pt idx="9381">
                  <c:v>156.35</c:v>
                </c:pt>
                <c:pt idx="9382">
                  <c:v>156.36666700000001</c:v>
                </c:pt>
                <c:pt idx="9383">
                  <c:v>156.38333400000002</c:v>
                </c:pt>
                <c:pt idx="9384">
                  <c:v>156.4</c:v>
                </c:pt>
                <c:pt idx="9385">
                  <c:v>156.41666700000002</c:v>
                </c:pt>
                <c:pt idx="9386">
                  <c:v>156.433334</c:v>
                </c:pt>
                <c:pt idx="9387">
                  <c:v>156.45000000000002</c:v>
                </c:pt>
                <c:pt idx="9388">
                  <c:v>156.466667</c:v>
                </c:pt>
                <c:pt idx="9389">
                  <c:v>156.48333400000001</c:v>
                </c:pt>
                <c:pt idx="9390">
                  <c:v>156.5</c:v>
                </c:pt>
                <c:pt idx="9391">
                  <c:v>156.51666700000001</c:v>
                </c:pt>
                <c:pt idx="9392">
                  <c:v>156.533334</c:v>
                </c:pt>
                <c:pt idx="9393">
                  <c:v>156.55000000000001</c:v>
                </c:pt>
                <c:pt idx="9394">
                  <c:v>156.566667</c:v>
                </c:pt>
                <c:pt idx="9395">
                  <c:v>156.58333400000001</c:v>
                </c:pt>
                <c:pt idx="9396">
                  <c:v>156.6</c:v>
                </c:pt>
                <c:pt idx="9397">
                  <c:v>156.61666700000001</c:v>
                </c:pt>
                <c:pt idx="9398">
                  <c:v>156.63333400000002</c:v>
                </c:pt>
                <c:pt idx="9399">
                  <c:v>156.65</c:v>
                </c:pt>
                <c:pt idx="9400">
                  <c:v>156.66666700000002</c:v>
                </c:pt>
                <c:pt idx="9401">
                  <c:v>156.683334</c:v>
                </c:pt>
                <c:pt idx="9402">
                  <c:v>156.70000000000002</c:v>
                </c:pt>
                <c:pt idx="9403">
                  <c:v>156.716667</c:v>
                </c:pt>
                <c:pt idx="9404">
                  <c:v>156.73333400000001</c:v>
                </c:pt>
                <c:pt idx="9405">
                  <c:v>156.75</c:v>
                </c:pt>
                <c:pt idx="9406">
                  <c:v>156.76666700000001</c:v>
                </c:pt>
                <c:pt idx="9407">
                  <c:v>156.783334</c:v>
                </c:pt>
                <c:pt idx="9408">
                  <c:v>156.80000000000001</c:v>
                </c:pt>
                <c:pt idx="9409">
                  <c:v>156.816667</c:v>
                </c:pt>
                <c:pt idx="9410">
                  <c:v>156.83333400000001</c:v>
                </c:pt>
                <c:pt idx="9411">
                  <c:v>156.85</c:v>
                </c:pt>
                <c:pt idx="9412">
                  <c:v>156.86666700000001</c:v>
                </c:pt>
                <c:pt idx="9413">
                  <c:v>156.88333400000002</c:v>
                </c:pt>
                <c:pt idx="9414">
                  <c:v>156.9</c:v>
                </c:pt>
                <c:pt idx="9415">
                  <c:v>156.91666700000002</c:v>
                </c:pt>
                <c:pt idx="9416">
                  <c:v>156.933334</c:v>
                </c:pt>
                <c:pt idx="9417">
                  <c:v>156.95000000000002</c:v>
                </c:pt>
                <c:pt idx="9418">
                  <c:v>156.966667</c:v>
                </c:pt>
                <c:pt idx="9419">
                  <c:v>156.98333400000001</c:v>
                </c:pt>
                <c:pt idx="9420">
                  <c:v>157</c:v>
                </c:pt>
                <c:pt idx="9421">
                  <c:v>157.01666700000001</c:v>
                </c:pt>
                <c:pt idx="9422">
                  <c:v>157.033334</c:v>
                </c:pt>
                <c:pt idx="9423">
                  <c:v>157.05000000000001</c:v>
                </c:pt>
                <c:pt idx="9424">
                  <c:v>157.066667</c:v>
                </c:pt>
                <c:pt idx="9425">
                  <c:v>157.08333400000001</c:v>
                </c:pt>
                <c:pt idx="9426">
                  <c:v>157.1</c:v>
                </c:pt>
                <c:pt idx="9427">
                  <c:v>157.11666700000001</c:v>
                </c:pt>
                <c:pt idx="9428">
                  <c:v>157.13333400000002</c:v>
                </c:pt>
                <c:pt idx="9429">
                  <c:v>157.15</c:v>
                </c:pt>
                <c:pt idx="9430">
                  <c:v>157.16666700000002</c:v>
                </c:pt>
                <c:pt idx="9431">
                  <c:v>157.183334</c:v>
                </c:pt>
                <c:pt idx="9432">
                  <c:v>157.20000000000002</c:v>
                </c:pt>
                <c:pt idx="9433">
                  <c:v>157.216667</c:v>
                </c:pt>
                <c:pt idx="9434">
                  <c:v>157.23333400000001</c:v>
                </c:pt>
                <c:pt idx="9435">
                  <c:v>157.25</c:v>
                </c:pt>
                <c:pt idx="9436">
                  <c:v>157.26666700000001</c:v>
                </c:pt>
                <c:pt idx="9437">
                  <c:v>157.283334</c:v>
                </c:pt>
                <c:pt idx="9438">
                  <c:v>157.30000000000001</c:v>
                </c:pt>
                <c:pt idx="9439">
                  <c:v>157.316667</c:v>
                </c:pt>
                <c:pt idx="9440">
                  <c:v>157.33333400000001</c:v>
                </c:pt>
                <c:pt idx="9441">
                  <c:v>157.35</c:v>
                </c:pt>
                <c:pt idx="9442">
                  <c:v>157.36666700000001</c:v>
                </c:pt>
                <c:pt idx="9443">
                  <c:v>157.38333400000002</c:v>
                </c:pt>
                <c:pt idx="9444">
                  <c:v>157.4</c:v>
                </c:pt>
                <c:pt idx="9445">
                  <c:v>157.41666700000002</c:v>
                </c:pt>
                <c:pt idx="9446">
                  <c:v>157.433334</c:v>
                </c:pt>
                <c:pt idx="9447">
                  <c:v>157.45000000000002</c:v>
                </c:pt>
                <c:pt idx="9448">
                  <c:v>157.466667</c:v>
                </c:pt>
                <c:pt idx="9449">
                  <c:v>157.48333400000001</c:v>
                </c:pt>
                <c:pt idx="9450">
                  <c:v>157.5</c:v>
                </c:pt>
                <c:pt idx="9451">
                  <c:v>157.51666700000001</c:v>
                </c:pt>
                <c:pt idx="9452">
                  <c:v>157.533334</c:v>
                </c:pt>
                <c:pt idx="9453">
                  <c:v>157.55000000000001</c:v>
                </c:pt>
                <c:pt idx="9454">
                  <c:v>157.566667</c:v>
                </c:pt>
                <c:pt idx="9455">
                  <c:v>157.58333400000001</c:v>
                </c:pt>
                <c:pt idx="9456">
                  <c:v>157.6</c:v>
                </c:pt>
                <c:pt idx="9457">
                  <c:v>157.61666700000001</c:v>
                </c:pt>
                <c:pt idx="9458">
                  <c:v>157.63333400000002</c:v>
                </c:pt>
                <c:pt idx="9459">
                  <c:v>157.65</c:v>
                </c:pt>
                <c:pt idx="9460">
                  <c:v>157.66666700000002</c:v>
                </c:pt>
                <c:pt idx="9461">
                  <c:v>157.683334</c:v>
                </c:pt>
                <c:pt idx="9462">
                  <c:v>157.70000000000002</c:v>
                </c:pt>
                <c:pt idx="9463">
                  <c:v>157.716667</c:v>
                </c:pt>
                <c:pt idx="9464">
                  <c:v>157.73333400000001</c:v>
                </c:pt>
                <c:pt idx="9465">
                  <c:v>157.75</c:v>
                </c:pt>
                <c:pt idx="9466">
                  <c:v>157.76666700000001</c:v>
                </c:pt>
                <c:pt idx="9467">
                  <c:v>157.783334</c:v>
                </c:pt>
                <c:pt idx="9468">
                  <c:v>157.80000000000001</c:v>
                </c:pt>
                <c:pt idx="9469">
                  <c:v>157.816667</c:v>
                </c:pt>
                <c:pt idx="9470">
                  <c:v>157.83333400000001</c:v>
                </c:pt>
                <c:pt idx="9471">
                  <c:v>157.85</c:v>
                </c:pt>
                <c:pt idx="9472">
                  <c:v>157.86666700000001</c:v>
                </c:pt>
                <c:pt idx="9473">
                  <c:v>157.88333400000002</c:v>
                </c:pt>
                <c:pt idx="9474">
                  <c:v>157.9</c:v>
                </c:pt>
                <c:pt idx="9475">
                  <c:v>157.91666700000002</c:v>
                </c:pt>
                <c:pt idx="9476">
                  <c:v>157.933334</c:v>
                </c:pt>
                <c:pt idx="9477">
                  <c:v>157.95000000000002</c:v>
                </c:pt>
                <c:pt idx="9478">
                  <c:v>157.966667</c:v>
                </c:pt>
                <c:pt idx="9479">
                  <c:v>157.98333400000001</c:v>
                </c:pt>
                <c:pt idx="9480">
                  <c:v>158</c:v>
                </c:pt>
                <c:pt idx="9481">
                  <c:v>158.01666700000001</c:v>
                </c:pt>
                <c:pt idx="9482">
                  <c:v>158.033334</c:v>
                </c:pt>
                <c:pt idx="9483">
                  <c:v>158.05000000000001</c:v>
                </c:pt>
                <c:pt idx="9484">
                  <c:v>158.066667</c:v>
                </c:pt>
                <c:pt idx="9485">
                  <c:v>158.08333400000001</c:v>
                </c:pt>
                <c:pt idx="9486">
                  <c:v>158.1</c:v>
                </c:pt>
                <c:pt idx="9487">
                  <c:v>158.11666700000001</c:v>
                </c:pt>
                <c:pt idx="9488">
                  <c:v>158.13333400000002</c:v>
                </c:pt>
                <c:pt idx="9489">
                  <c:v>158.15</c:v>
                </c:pt>
                <c:pt idx="9490">
                  <c:v>158.16666700000002</c:v>
                </c:pt>
                <c:pt idx="9491">
                  <c:v>158.183334</c:v>
                </c:pt>
                <c:pt idx="9492">
                  <c:v>158.20000000000002</c:v>
                </c:pt>
                <c:pt idx="9493">
                  <c:v>158.216667</c:v>
                </c:pt>
                <c:pt idx="9494">
                  <c:v>158.23333400000001</c:v>
                </c:pt>
                <c:pt idx="9495">
                  <c:v>158.25</c:v>
                </c:pt>
                <c:pt idx="9496">
                  <c:v>158.26666700000001</c:v>
                </c:pt>
                <c:pt idx="9497">
                  <c:v>158.283334</c:v>
                </c:pt>
                <c:pt idx="9498">
                  <c:v>158.30000000000001</c:v>
                </c:pt>
                <c:pt idx="9499">
                  <c:v>158.316667</c:v>
                </c:pt>
                <c:pt idx="9500">
                  <c:v>158.33333400000001</c:v>
                </c:pt>
                <c:pt idx="9501">
                  <c:v>158.35</c:v>
                </c:pt>
                <c:pt idx="9502">
                  <c:v>158.36666700000001</c:v>
                </c:pt>
                <c:pt idx="9503">
                  <c:v>158.38333400000002</c:v>
                </c:pt>
                <c:pt idx="9504">
                  <c:v>158.4</c:v>
                </c:pt>
                <c:pt idx="9505">
                  <c:v>158.41666700000002</c:v>
                </c:pt>
                <c:pt idx="9506">
                  <c:v>158.433334</c:v>
                </c:pt>
                <c:pt idx="9507">
                  <c:v>158.45000000000002</c:v>
                </c:pt>
                <c:pt idx="9508">
                  <c:v>158.466667</c:v>
                </c:pt>
                <c:pt idx="9509">
                  <c:v>158.48333400000001</c:v>
                </c:pt>
                <c:pt idx="9510">
                  <c:v>158.5</c:v>
                </c:pt>
                <c:pt idx="9511">
                  <c:v>158.51666700000001</c:v>
                </c:pt>
                <c:pt idx="9512">
                  <c:v>158.533334</c:v>
                </c:pt>
                <c:pt idx="9513">
                  <c:v>158.55000000000001</c:v>
                </c:pt>
                <c:pt idx="9514">
                  <c:v>158.566667</c:v>
                </c:pt>
                <c:pt idx="9515">
                  <c:v>158.58333400000001</c:v>
                </c:pt>
                <c:pt idx="9516">
                  <c:v>158.6</c:v>
                </c:pt>
                <c:pt idx="9517">
                  <c:v>158.61666700000001</c:v>
                </c:pt>
                <c:pt idx="9518">
                  <c:v>158.63333400000002</c:v>
                </c:pt>
                <c:pt idx="9519">
                  <c:v>158.65</c:v>
                </c:pt>
                <c:pt idx="9520">
                  <c:v>158.66666700000002</c:v>
                </c:pt>
                <c:pt idx="9521">
                  <c:v>158.683334</c:v>
                </c:pt>
                <c:pt idx="9522">
                  <c:v>158.70000000000002</c:v>
                </c:pt>
                <c:pt idx="9523">
                  <c:v>158.716667</c:v>
                </c:pt>
                <c:pt idx="9524">
                  <c:v>158.73333400000001</c:v>
                </c:pt>
                <c:pt idx="9525">
                  <c:v>158.75</c:v>
                </c:pt>
                <c:pt idx="9526">
                  <c:v>158.76666700000001</c:v>
                </c:pt>
                <c:pt idx="9527">
                  <c:v>158.783334</c:v>
                </c:pt>
                <c:pt idx="9528">
                  <c:v>158.80000000000001</c:v>
                </c:pt>
                <c:pt idx="9529">
                  <c:v>158.816667</c:v>
                </c:pt>
                <c:pt idx="9530">
                  <c:v>158.83333400000001</c:v>
                </c:pt>
                <c:pt idx="9531">
                  <c:v>158.85</c:v>
                </c:pt>
                <c:pt idx="9532">
                  <c:v>158.86666700000001</c:v>
                </c:pt>
                <c:pt idx="9533">
                  <c:v>158.88333400000002</c:v>
                </c:pt>
                <c:pt idx="9534">
                  <c:v>158.9</c:v>
                </c:pt>
                <c:pt idx="9535">
                  <c:v>158.91666700000002</c:v>
                </c:pt>
                <c:pt idx="9536">
                  <c:v>158.933334</c:v>
                </c:pt>
                <c:pt idx="9537">
                  <c:v>158.95000000000002</c:v>
                </c:pt>
                <c:pt idx="9538">
                  <c:v>158.966667</c:v>
                </c:pt>
                <c:pt idx="9539">
                  <c:v>158.98333400000001</c:v>
                </c:pt>
                <c:pt idx="9540">
                  <c:v>159</c:v>
                </c:pt>
                <c:pt idx="9541">
                  <c:v>159.01666700000001</c:v>
                </c:pt>
                <c:pt idx="9542">
                  <c:v>159.033334</c:v>
                </c:pt>
                <c:pt idx="9543">
                  <c:v>159.05000000000001</c:v>
                </c:pt>
                <c:pt idx="9544">
                  <c:v>159.066667</c:v>
                </c:pt>
                <c:pt idx="9545">
                  <c:v>159.08333400000001</c:v>
                </c:pt>
                <c:pt idx="9546">
                  <c:v>159.1</c:v>
                </c:pt>
                <c:pt idx="9547">
                  <c:v>159.11666700000001</c:v>
                </c:pt>
                <c:pt idx="9548">
                  <c:v>159.13333400000002</c:v>
                </c:pt>
                <c:pt idx="9549">
                  <c:v>159.15</c:v>
                </c:pt>
                <c:pt idx="9550">
                  <c:v>159.16666700000002</c:v>
                </c:pt>
                <c:pt idx="9551">
                  <c:v>159.183334</c:v>
                </c:pt>
                <c:pt idx="9552">
                  <c:v>159.20000000000002</c:v>
                </c:pt>
                <c:pt idx="9553">
                  <c:v>159.216667</c:v>
                </c:pt>
                <c:pt idx="9554">
                  <c:v>159.23333400000001</c:v>
                </c:pt>
                <c:pt idx="9555">
                  <c:v>159.25</c:v>
                </c:pt>
                <c:pt idx="9556">
                  <c:v>159.26666700000001</c:v>
                </c:pt>
                <c:pt idx="9557">
                  <c:v>159.283334</c:v>
                </c:pt>
                <c:pt idx="9558">
                  <c:v>159.30000000000001</c:v>
                </c:pt>
                <c:pt idx="9559">
                  <c:v>159.316667</c:v>
                </c:pt>
                <c:pt idx="9560">
                  <c:v>159.33333400000001</c:v>
                </c:pt>
                <c:pt idx="9561">
                  <c:v>159.35</c:v>
                </c:pt>
                <c:pt idx="9562">
                  <c:v>159.36666700000001</c:v>
                </c:pt>
                <c:pt idx="9563">
                  <c:v>159.38333400000002</c:v>
                </c:pt>
                <c:pt idx="9564">
                  <c:v>159.4</c:v>
                </c:pt>
                <c:pt idx="9565">
                  <c:v>159.41666700000002</c:v>
                </c:pt>
                <c:pt idx="9566">
                  <c:v>159.433334</c:v>
                </c:pt>
                <c:pt idx="9567">
                  <c:v>159.45000000000002</c:v>
                </c:pt>
                <c:pt idx="9568">
                  <c:v>159.466667</c:v>
                </c:pt>
                <c:pt idx="9569">
                  <c:v>159.48333400000001</c:v>
                </c:pt>
                <c:pt idx="9570">
                  <c:v>159.5</c:v>
                </c:pt>
                <c:pt idx="9571">
                  <c:v>159.51666700000001</c:v>
                </c:pt>
                <c:pt idx="9572">
                  <c:v>159.533334</c:v>
                </c:pt>
                <c:pt idx="9573">
                  <c:v>159.55000000000001</c:v>
                </c:pt>
                <c:pt idx="9574">
                  <c:v>159.566667</c:v>
                </c:pt>
                <c:pt idx="9575">
                  <c:v>159.58333400000001</c:v>
                </c:pt>
                <c:pt idx="9576">
                  <c:v>159.6</c:v>
                </c:pt>
                <c:pt idx="9577">
                  <c:v>159.61666700000001</c:v>
                </c:pt>
                <c:pt idx="9578">
                  <c:v>159.63333400000002</c:v>
                </c:pt>
                <c:pt idx="9579">
                  <c:v>159.65</c:v>
                </c:pt>
                <c:pt idx="9580">
                  <c:v>159.66666700000002</c:v>
                </c:pt>
                <c:pt idx="9581">
                  <c:v>159.683334</c:v>
                </c:pt>
                <c:pt idx="9582">
                  <c:v>159.70000000000002</c:v>
                </c:pt>
                <c:pt idx="9583">
                  <c:v>159.716667</c:v>
                </c:pt>
                <c:pt idx="9584">
                  <c:v>159.73333400000001</c:v>
                </c:pt>
                <c:pt idx="9585">
                  <c:v>159.75</c:v>
                </c:pt>
                <c:pt idx="9586">
                  <c:v>159.76666700000001</c:v>
                </c:pt>
                <c:pt idx="9587">
                  <c:v>159.783334</c:v>
                </c:pt>
                <c:pt idx="9588">
                  <c:v>159.80000000000001</c:v>
                </c:pt>
                <c:pt idx="9589">
                  <c:v>159.816667</c:v>
                </c:pt>
                <c:pt idx="9590">
                  <c:v>159.83333400000001</c:v>
                </c:pt>
                <c:pt idx="9591">
                  <c:v>159.85</c:v>
                </c:pt>
                <c:pt idx="9592">
                  <c:v>159.86666700000001</c:v>
                </c:pt>
                <c:pt idx="9593">
                  <c:v>159.88333400000002</c:v>
                </c:pt>
                <c:pt idx="9594">
                  <c:v>159.9</c:v>
                </c:pt>
                <c:pt idx="9595">
                  <c:v>159.91666700000002</c:v>
                </c:pt>
                <c:pt idx="9596">
                  <c:v>159.933334</c:v>
                </c:pt>
                <c:pt idx="9597">
                  <c:v>159.95000000000002</c:v>
                </c:pt>
                <c:pt idx="9598">
                  <c:v>159.966667</c:v>
                </c:pt>
                <c:pt idx="9599">
                  <c:v>159.98333400000001</c:v>
                </c:pt>
                <c:pt idx="9600">
                  <c:v>160</c:v>
                </c:pt>
                <c:pt idx="9601">
                  <c:v>160.01666700000001</c:v>
                </c:pt>
                <c:pt idx="9602">
                  <c:v>160.033334</c:v>
                </c:pt>
                <c:pt idx="9603">
                  <c:v>160.05000000000001</c:v>
                </c:pt>
                <c:pt idx="9604">
                  <c:v>160.066667</c:v>
                </c:pt>
                <c:pt idx="9605">
                  <c:v>160.08333400000001</c:v>
                </c:pt>
                <c:pt idx="9606">
                  <c:v>160.1</c:v>
                </c:pt>
                <c:pt idx="9607">
                  <c:v>160.11666700000001</c:v>
                </c:pt>
                <c:pt idx="9608">
                  <c:v>160.13333400000002</c:v>
                </c:pt>
                <c:pt idx="9609">
                  <c:v>160.15</c:v>
                </c:pt>
                <c:pt idx="9610">
                  <c:v>160.16666700000002</c:v>
                </c:pt>
                <c:pt idx="9611">
                  <c:v>160.183334</c:v>
                </c:pt>
                <c:pt idx="9612">
                  <c:v>160.20000000000002</c:v>
                </c:pt>
                <c:pt idx="9613">
                  <c:v>160.216667</c:v>
                </c:pt>
                <c:pt idx="9614">
                  <c:v>160.23333400000001</c:v>
                </c:pt>
                <c:pt idx="9615">
                  <c:v>160.25</c:v>
                </c:pt>
                <c:pt idx="9616">
                  <c:v>160.26666700000001</c:v>
                </c:pt>
                <c:pt idx="9617">
                  <c:v>160.283334</c:v>
                </c:pt>
                <c:pt idx="9618">
                  <c:v>160.30000000000001</c:v>
                </c:pt>
                <c:pt idx="9619">
                  <c:v>160.316667</c:v>
                </c:pt>
                <c:pt idx="9620">
                  <c:v>160.33333400000001</c:v>
                </c:pt>
                <c:pt idx="9621">
                  <c:v>160.35</c:v>
                </c:pt>
                <c:pt idx="9622">
                  <c:v>160.36666700000001</c:v>
                </c:pt>
                <c:pt idx="9623">
                  <c:v>160.38333400000002</c:v>
                </c:pt>
                <c:pt idx="9624">
                  <c:v>160.4</c:v>
                </c:pt>
                <c:pt idx="9625">
                  <c:v>160.41666700000002</c:v>
                </c:pt>
                <c:pt idx="9626">
                  <c:v>160.433334</c:v>
                </c:pt>
                <c:pt idx="9627">
                  <c:v>160.45000000000002</c:v>
                </c:pt>
                <c:pt idx="9628">
                  <c:v>160.466667</c:v>
                </c:pt>
                <c:pt idx="9629">
                  <c:v>160.48333400000001</c:v>
                </c:pt>
                <c:pt idx="9630">
                  <c:v>160.5</c:v>
                </c:pt>
                <c:pt idx="9631">
                  <c:v>160.51666700000001</c:v>
                </c:pt>
                <c:pt idx="9632">
                  <c:v>160.533334</c:v>
                </c:pt>
                <c:pt idx="9633">
                  <c:v>160.55000000000001</c:v>
                </c:pt>
                <c:pt idx="9634">
                  <c:v>160.566667</c:v>
                </c:pt>
                <c:pt idx="9635">
                  <c:v>160.58333400000001</c:v>
                </c:pt>
                <c:pt idx="9636">
                  <c:v>160.6</c:v>
                </c:pt>
                <c:pt idx="9637">
                  <c:v>160.61666700000001</c:v>
                </c:pt>
                <c:pt idx="9638">
                  <c:v>160.63333400000002</c:v>
                </c:pt>
                <c:pt idx="9639">
                  <c:v>160.65</c:v>
                </c:pt>
                <c:pt idx="9640">
                  <c:v>160.66666700000002</c:v>
                </c:pt>
                <c:pt idx="9641">
                  <c:v>160.683334</c:v>
                </c:pt>
                <c:pt idx="9642">
                  <c:v>160.70000000000002</c:v>
                </c:pt>
                <c:pt idx="9643">
                  <c:v>160.716667</c:v>
                </c:pt>
                <c:pt idx="9644">
                  <c:v>160.73333400000001</c:v>
                </c:pt>
                <c:pt idx="9645">
                  <c:v>160.75</c:v>
                </c:pt>
                <c:pt idx="9646">
                  <c:v>160.76666700000001</c:v>
                </c:pt>
                <c:pt idx="9647">
                  <c:v>160.783334</c:v>
                </c:pt>
                <c:pt idx="9648">
                  <c:v>160.80000000000001</c:v>
                </c:pt>
                <c:pt idx="9649">
                  <c:v>160.816667</c:v>
                </c:pt>
                <c:pt idx="9650">
                  <c:v>160.83333400000001</c:v>
                </c:pt>
                <c:pt idx="9651">
                  <c:v>160.85</c:v>
                </c:pt>
                <c:pt idx="9652">
                  <c:v>160.86666700000001</c:v>
                </c:pt>
                <c:pt idx="9653">
                  <c:v>160.88333400000002</c:v>
                </c:pt>
                <c:pt idx="9654">
                  <c:v>160.9</c:v>
                </c:pt>
                <c:pt idx="9655">
                  <c:v>160.91666700000002</c:v>
                </c:pt>
                <c:pt idx="9656">
                  <c:v>160.933334</c:v>
                </c:pt>
                <c:pt idx="9657">
                  <c:v>160.95000000000002</c:v>
                </c:pt>
                <c:pt idx="9658">
                  <c:v>160.966667</c:v>
                </c:pt>
                <c:pt idx="9659">
                  <c:v>160.98333400000001</c:v>
                </c:pt>
                <c:pt idx="9660">
                  <c:v>161</c:v>
                </c:pt>
                <c:pt idx="9661">
                  <c:v>161.01666700000001</c:v>
                </c:pt>
                <c:pt idx="9662">
                  <c:v>161.033334</c:v>
                </c:pt>
                <c:pt idx="9663">
                  <c:v>161.05000000000001</c:v>
                </c:pt>
                <c:pt idx="9664">
                  <c:v>161.066667</c:v>
                </c:pt>
                <c:pt idx="9665">
                  <c:v>161.08333400000001</c:v>
                </c:pt>
                <c:pt idx="9666">
                  <c:v>161.1</c:v>
                </c:pt>
                <c:pt idx="9667">
                  <c:v>161.11666700000001</c:v>
                </c:pt>
                <c:pt idx="9668">
                  <c:v>161.13333400000002</c:v>
                </c:pt>
                <c:pt idx="9669">
                  <c:v>161.15</c:v>
                </c:pt>
                <c:pt idx="9670">
                  <c:v>161.16666700000002</c:v>
                </c:pt>
                <c:pt idx="9671">
                  <c:v>161.183334</c:v>
                </c:pt>
                <c:pt idx="9672">
                  <c:v>161.20000000000002</c:v>
                </c:pt>
                <c:pt idx="9673">
                  <c:v>161.216667</c:v>
                </c:pt>
                <c:pt idx="9674">
                  <c:v>161.23333400000001</c:v>
                </c:pt>
                <c:pt idx="9675">
                  <c:v>161.25</c:v>
                </c:pt>
                <c:pt idx="9676">
                  <c:v>161.26666700000001</c:v>
                </c:pt>
                <c:pt idx="9677">
                  <c:v>161.283334</c:v>
                </c:pt>
                <c:pt idx="9678">
                  <c:v>161.30000000000001</c:v>
                </c:pt>
                <c:pt idx="9679">
                  <c:v>161.316667</c:v>
                </c:pt>
                <c:pt idx="9680">
                  <c:v>161.33333400000001</c:v>
                </c:pt>
                <c:pt idx="9681">
                  <c:v>161.35</c:v>
                </c:pt>
                <c:pt idx="9682">
                  <c:v>161.36666700000001</c:v>
                </c:pt>
                <c:pt idx="9683">
                  <c:v>161.38333400000002</c:v>
                </c:pt>
                <c:pt idx="9684">
                  <c:v>161.4</c:v>
                </c:pt>
                <c:pt idx="9685">
                  <c:v>161.41666700000002</c:v>
                </c:pt>
                <c:pt idx="9686">
                  <c:v>161.433334</c:v>
                </c:pt>
                <c:pt idx="9687">
                  <c:v>161.45000000000002</c:v>
                </c:pt>
                <c:pt idx="9688">
                  <c:v>161.466667</c:v>
                </c:pt>
                <c:pt idx="9689">
                  <c:v>161.48333400000001</c:v>
                </c:pt>
                <c:pt idx="9690">
                  <c:v>161.5</c:v>
                </c:pt>
                <c:pt idx="9691">
                  <c:v>161.51666700000001</c:v>
                </c:pt>
                <c:pt idx="9692">
                  <c:v>161.533334</c:v>
                </c:pt>
                <c:pt idx="9693">
                  <c:v>161.55000000000001</c:v>
                </c:pt>
                <c:pt idx="9694">
                  <c:v>161.566667</c:v>
                </c:pt>
                <c:pt idx="9695">
                  <c:v>161.58333400000001</c:v>
                </c:pt>
                <c:pt idx="9696">
                  <c:v>161.6</c:v>
                </c:pt>
                <c:pt idx="9697">
                  <c:v>161.61666700000001</c:v>
                </c:pt>
                <c:pt idx="9698">
                  <c:v>161.63333400000002</c:v>
                </c:pt>
                <c:pt idx="9699">
                  <c:v>161.65</c:v>
                </c:pt>
                <c:pt idx="9700">
                  <c:v>161.66666700000002</c:v>
                </c:pt>
                <c:pt idx="9701">
                  <c:v>161.683334</c:v>
                </c:pt>
                <c:pt idx="9702">
                  <c:v>161.70000000000002</c:v>
                </c:pt>
                <c:pt idx="9703">
                  <c:v>161.716667</c:v>
                </c:pt>
                <c:pt idx="9704">
                  <c:v>161.73333400000001</c:v>
                </c:pt>
                <c:pt idx="9705">
                  <c:v>161.75</c:v>
                </c:pt>
                <c:pt idx="9706">
                  <c:v>161.76666700000001</c:v>
                </c:pt>
                <c:pt idx="9707">
                  <c:v>161.783334</c:v>
                </c:pt>
                <c:pt idx="9708">
                  <c:v>161.80000000000001</c:v>
                </c:pt>
                <c:pt idx="9709">
                  <c:v>161.816667</c:v>
                </c:pt>
                <c:pt idx="9710">
                  <c:v>161.83333400000001</c:v>
                </c:pt>
                <c:pt idx="9711">
                  <c:v>161.85</c:v>
                </c:pt>
                <c:pt idx="9712">
                  <c:v>161.86666700000001</c:v>
                </c:pt>
                <c:pt idx="9713">
                  <c:v>161.88333400000002</c:v>
                </c:pt>
                <c:pt idx="9714">
                  <c:v>161.9</c:v>
                </c:pt>
                <c:pt idx="9715">
                  <c:v>161.91666700000002</c:v>
                </c:pt>
                <c:pt idx="9716">
                  <c:v>161.933334</c:v>
                </c:pt>
                <c:pt idx="9717">
                  <c:v>161.95000000000002</c:v>
                </c:pt>
                <c:pt idx="9718">
                  <c:v>161.966667</c:v>
                </c:pt>
                <c:pt idx="9719">
                  <c:v>161.98333400000001</c:v>
                </c:pt>
                <c:pt idx="9720">
                  <c:v>162</c:v>
                </c:pt>
                <c:pt idx="9721">
                  <c:v>162.01666700000001</c:v>
                </c:pt>
                <c:pt idx="9722">
                  <c:v>162.033334</c:v>
                </c:pt>
                <c:pt idx="9723">
                  <c:v>162.05000000000001</c:v>
                </c:pt>
                <c:pt idx="9724">
                  <c:v>162.066667</c:v>
                </c:pt>
                <c:pt idx="9725">
                  <c:v>162.08333400000001</c:v>
                </c:pt>
                <c:pt idx="9726">
                  <c:v>162.1</c:v>
                </c:pt>
                <c:pt idx="9727">
                  <c:v>162.11666700000001</c:v>
                </c:pt>
                <c:pt idx="9728">
                  <c:v>162.13333400000002</c:v>
                </c:pt>
                <c:pt idx="9729">
                  <c:v>162.15</c:v>
                </c:pt>
                <c:pt idx="9730">
                  <c:v>162.16666700000002</c:v>
                </c:pt>
                <c:pt idx="9731">
                  <c:v>162.183334</c:v>
                </c:pt>
                <c:pt idx="9732">
                  <c:v>162.20000000000002</c:v>
                </c:pt>
                <c:pt idx="9733">
                  <c:v>162.216667</c:v>
                </c:pt>
                <c:pt idx="9734">
                  <c:v>162.23333400000001</c:v>
                </c:pt>
                <c:pt idx="9735">
                  <c:v>162.25</c:v>
                </c:pt>
                <c:pt idx="9736">
                  <c:v>162.26666700000001</c:v>
                </c:pt>
                <c:pt idx="9737">
                  <c:v>162.283334</c:v>
                </c:pt>
                <c:pt idx="9738">
                  <c:v>162.30000000000001</c:v>
                </c:pt>
                <c:pt idx="9739">
                  <c:v>162.316667</c:v>
                </c:pt>
                <c:pt idx="9740">
                  <c:v>162.33333400000001</c:v>
                </c:pt>
                <c:pt idx="9741">
                  <c:v>162.35</c:v>
                </c:pt>
                <c:pt idx="9742">
                  <c:v>162.36666700000001</c:v>
                </c:pt>
                <c:pt idx="9743">
                  <c:v>162.38333400000002</c:v>
                </c:pt>
                <c:pt idx="9744">
                  <c:v>162.4</c:v>
                </c:pt>
                <c:pt idx="9745">
                  <c:v>162.41666700000002</c:v>
                </c:pt>
                <c:pt idx="9746">
                  <c:v>162.433334</c:v>
                </c:pt>
                <c:pt idx="9747">
                  <c:v>162.45000000000002</c:v>
                </c:pt>
                <c:pt idx="9748">
                  <c:v>162.466667</c:v>
                </c:pt>
                <c:pt idx="9749">
                  <c:v>162.48333400000001</c:v>
                </c:pt>
                <c:pt idx="9750">
                  <c:v>162.5</c:v>
                </c:pt>
                <c:pt idx="9751">
                  <c:v>162.51666700000001</c:v>
                </c:pt>
                <c:pt idx="9752">
                  <c:v>162.533334</c:v>
                </c:pt>
                <c:pt idx="9753">
                  <c:v>162.55000000000001</c:v>
                </c:pt>
                <c:pt idx="9754">
                  <c:v>162.566667</c:v>
                </c:pt>
                <c:pt idx="9755">
                  <c:v>162.58333400000001</c:v>
                </c:pt>
                <c:pt idx="9756">
                  <c:v>162.6</c:v>
                </c:pt>
                <c:pt idx="9757">
                  <c:v>162.61666700000001</c:v>
                </c:pt>
                <c:pt idx="9758">
                  <c:v>162.63333400000002</c:v>
                </c:pt>
                <c:pt idx="9759">
                  <c:v>162.65</c:v>
                </c:pt>
                <c:pt idx="9760">
                  <c:v>162.66666700000002</c:v>
                </c:pt>
                <c:pt idx="9761">
                  <c:v>162.683334</c:v>
                </c:pt>
                <c:pt idx="9762">
                  <c:v>162.70000000000002</c:v>
                </c:pt>
                <c:pt idx="9763">
                  <c:v>162.716667</c:v>
                </c:pt>
                <c:pt idx="9764">
                  <c:v>162.73333400000001</c:v>
                </c:pt>
                <c:pt idx="9765">
                  <c:v>162.75</c:v>
                </c:pt>
                <c:pt idx="9766">
                  <c:v>162.76666700000001</c:v>
                </c:pt>
                <c:pt idx="9767">
                  <c:v>162.783334</c:v>
                </c:pt>
                <c:pt idx="9768">
                  <c:v>162.80000000000001</c:v>
                </c:pt>
                <c:pt idx="9769">
                  <c:v>162.816667</c:v>
                </c:pt>
                <c:pt idx="9770">
                  <c:v>162.83333400000001</c:v>
                </c:pt>
                <c:pt idx="9771">
                  <c:v>162.85</c:v>
                </c:pt>
                <c:pt idx="9772">
                  <c:v>162.86666700000001</c:v>
                </c:pt>
                <c:pt idx="9773">
                  <c:v>162.88333400000002</c:v>
                </c:pt>
                <c:pt idx="9774">
                  <c:v>162.9</c:v>
                </c:pt>
                <c:pt idx="9775">
                  <c:v>162.91666700000002</c:v>
                </c:pt>
                <c:pt idx="9776">
                  <c:v>162.933334</c:v>
                </c:pt>
                <c:pt idx="9777">
                  <c:v>162.95000000000002</c:v>
                </c:pt>
                <c:pt idx="9778">
                  <c:v>162.966667</c:v>
                </c:pt>
                <c:pt idx="9779">
                  <c:v>162.98333400000001</c:v>
                </c:pt>
                <c:pt idx="9780">
                  <c:v>163</c:v>
                </c:pt>
                <c:pt idx="9781">
                  <c:v>163.01666700000001</c:v>
                </c:pt>
                <c:pt idx="9782">
                  <c:v>163.033334</c:v>
                </c:pt>
                <c:pt idx="9783">
                  <c:v>163.05000000000001</c:v>
                </c:pt>
                <c:pt idx="9784">
                  <c:v>163.066667</c:v>
                </c:pt>
                <c:pt idx="9785">
                  <c:v>163.08333400000001</c:v>
                </c:pt>
                <c:pt idx="9786">
                  <c:v>163.1</c:v>
                </c:pt>
                <c:pt idx="9787">
                  <c:v>163.11666700000001</c:v>
                </c:pt>
                <c:pt idx="9788">
                  <c:v>163.13333400000002</c:v>
                </c:pt>
                <c:pt idx="9789">
                  <c:v>163.15</c:v>
                </c:pt>
                <c:pt idx="9790">
                  <c:v>163.16666700000002</c:v>
                </c:pt>
                <c:pt idx="9791">
                  <c:v>163.183334</c:v>
                </c:pt>
                <c:pt idx="9792">
                  <c:v>163.20000000000002</c:v>
                </c:pt>
                <c:pt idx="9793">
                  <c:v>163.216667</c:v>
                </c:pt>
                <c:pt idx="9794">
                  <c:v>163.23333400000001</c:v>
                </c:pt>
                <c:pt idx="9795">
                  <c:v>163.25</c:v>
                </c:pt>
                <c:pt idx="9796">
                  <c:v>163.26666700000001</c:v>
                </c:pt>
                <c:pt idx="9797">
                  <c:v>163.283334</c:v>
                </c:pt>
                <c:pt idx="9798">
                  <c:v>163.30000000000001</c:v>
                </c:pt>
                <c:pt idx="9799">
                  <c:v>163.316667</c:v>
                </c:pt>
                <c:pt idx="9800">
                  <c:v>163.33333400000001</c:v>
                </c:pt>
                <c:pt idx="9801">
                  <c:v>163.35</c:v>
                </c:pt>
                <c:pt idx="9802">
                  <c:v>163.36666700000001</c:v>
                </c:pt>
                <c:pt idx="9803">
                  <c:v>163.38333400000002</c:v>
                </c:pt>
                <c:pt idx="9804">
                  <c:v>163.4</c:v>
                </c:pt>
                <c:pt idx="9805">
                  <c:v>163.41666700000002</c:v>
                </c:pt>
                <c:pt idx="9806">
                  <c:v>163.433334</c:v>
                </c:pt>
                <c:pt idx="9807">
                  <c:v>163.45000000000002</c:v>
                </c:pt>
                <c:pt idx="9808">
                  <c:v>163.466667</c:v>
                </c:pt>
                <c:pt idx="9809">
                  <c:v>163.48333400000001</c:v>
                </c:pt>
                <c:pt idx="9810">
                  <c:v>163.5</c:v>
                </c:pt>
                <c:pt idx="9811">
                  <c:v>163.51666700000001</c:v>
                </c:pt>
                <c:pt idx="9812">
                  <c:v>163.533334</c:v>
                </c:pt>
                <c:pt idx="9813">
                  <c:v>163.55000000000001</c:v>
                </c:pt>
                <c:pt idx="9814">
                  <c:v>163.566667</c:v>
                </c:pt>
                <c:pt idx="9815">
                  <c:v>163.58333400000001</c:v>
                </c:pt>
                <c:pt idx="9816">
                  <c:v>163.6</c:v>
                </c:pt>
                <c:pt idx="9817">
                  <c:v>163.61666700000001</c:v>
                </c:pt>
                <c:pt idx="9818">
                  <c:v>163.63333400000002</c:v>
                </c:pt>
                <c:pt idx="9819">
                  <c:v>163.65</c:v>
                </c:pt>
                <c:pt idx="9820">
                  <c:v>163.66666700000002</c:v>
                </c:pt>
                <c:pt idx="9821">
                  <c:v>163.683334</c:v>
                </c:pt>
                <c:pt idx="9822">
                  <c:v>163.70000000000002</c:v>
                </c:pt>
                <c:pt idx="9823">
                  <c:v>163.716667</c:v>
                </c:pt>
                <c:pt idx="9824">
                  <c:v>163.73333400000001</c:v>
                </c:pt>
                <c:pt idx="9825">
                  <c:v>163.75</c:v>
                </c:pt>
                <c:pt idx="9826">
                  <c:v>163.76666700000001</c:v>
                </c:pt>
                <c:pt idx="9827">
                  <c:v>163.783334</c:v>
                </c:pt>
                <c:pt idx="9828">
                  <c:v>163.80000000000001</c:v>
                </c:pt>
                <c:pt idx="9829">
                  <c:v>163.816667</c:v>
                </c:pt>
                <c:pt idx="9830">
                  <c:v>163.83333400000001</c:v>
                </c:pt>
                <c:pt idx="9831">
                  <c:v>163.85</c:v>
                </c:pt>
                <c:pt idx="9832">
                  <c:v>163.86666700000001</c:v>
                </c:pt>
                <c:pt idx="9833">
                  <c:v>163.88333400000002</c:v>
                </c:pt>
                <c:pt idx="9834">
                  <c:v>163.9</c:v>
                </c:pt>
                <c:pt idx="9835">
                  <c:v>163.91666700000002</c:v>
                </c:pt>
                <c:pt idx="9836">
                  <c:v>163.933334</c:v>
                </c:pt>
                <c:pt idx="9837">
                  <c:v>163.95000000000002</c:v>
                </c:pt>
                <c:pt idx="9838">
                  <c:v>163.966667</c:v>
                </c:pt>
                <c:pt idx="9839">
                  <c:v>163.98333400000001</c:v>
                </c:pt>
                <c:pt idx="9840">
                  <c:v>164</c:v>
                </c:pt>
                <c:pt idx="9841">
                  <c:v>164.01666700000001</c:v>
                </c:pt>
                <c:pt idx="9842">
                  <c:v>164.033334</c:v>
                </c:pt>
                <c:pt idx="9843">
                  <c:v>164.05</c:v>
                </c:pt>
                <c:pt idx="9844">
                  <c:v>164.066667</c:v>
                </c:pt>
                <c:pt idx="9845">
                  <c:v>164.08333400000001</c:v>
                </c:pt>
                <c:pt idx="9846">
                  <c:v>164.1</c:v>
                </c:pt>
                <c:pt idx="9847">
                  <c:v>164.11666700000001</c:v>
                </c:pt>
                <c:pt idx="9848">
                  <c:v>164.13333400000002</c:v>
                </c:pt>
                <c:pt idx="9849">
                  <c:v>164.15</c:v>
                </c:pt>
                <c:pt idx="9850">
                  <c:v>164.16666700000002</c:v>
                </c:pt>
                <c:pt idx="9851">
                  <c:v>164.183334</c:v>
                </c:pt>
                <c:pt idx="9852">
                  <c:v>164.20000000000002</c:v>
                </c:pt>
                <c:pt idx="9853">
                  <c:v>164.216667</c:v>
                </c:pt>
                <c:pt idx="9854">
                  <c:v>164.23333400000001</c:v>
                </c:pt>
                <c:pt idx="9855">
                  <c:v>164.25</c:v>
                </c:pt>
                <c:pt idx="9856">
                  <c:v>164.26666700000001</c:v>
                </c:pt>
                <c:pt idx="9857">
                  <c:v>164.283334</c:v>
                </c:pt>
                <c:pt idx="9858">
                  <c:v>164.3</c:v>
                </c:pt>
                <c:pt idx="9859">
                  <c:v>164.316667</c:v>
                </c:pt>
                <c:pt idx="9860">
                  <c:v>164.33333400000001</c:v>
                </c:pt>
                <c:pt idx="9861">
                  <c:v>164.35</c:v>
                </c:pt>
                <c:pt idx="9862">
                  <c:v>164.36666700000001</c:v>
                </c:pt>
                <c:pt idx="9863">
                  <c:v>164.38333400000002</c:v>
                </c:pt>
                <c:pt idx="9864">
                  <c:v>164.4</c:v>
                </c:pt>
                <c:pt idx="9865">
                  <c:v>164.41666700000002</c:v>
                </c:pt>
                <c:pt idx="9866">
                  <c:v>164.433334</c:v>
                </c:pt>
                <c:pt idx="9867">
                  <c:v>164.45000000000002</c:v>
                </c:pt>
                <c:pt idx="9868">
                  <c:v>164.466667</c:v>
                </c:pt>
                <c:pt idx="9869">
                  <c:v>164.48333400000001</c:v>
                </c:pt>
                <c:pt idx="9870">
                  <c:v>164.5</c:v>
                </c:pt>
                <c:pt idx="9871">
                  <c:v>164.51666700000001</c:v>
                </c:pt>
                <c:pt idx="9872">
                  <c:v>164.533334</c:v>
                </c:pt>
                <c:pt idx="9873">
                  <c:v>164.55</c:v>
                </c:pt>
                <c:pt idx="9874">
                  <c:v>164.566667</c:v>
                </c:pt>
                <c:pt idx="9875">
                  <c:v>164.58333400000001</c:v>
                </c:pt>
                <c:pt idx="9876">
                  <c:v>164.6</c:v>
                </c:pt>
                <c:pt idx="9877">
                  <c:v>164.61666700000001</c:v>
                </c:pt>
                <c:pt idx="9878">
                  <c:v>164.63333400000002</c:v>
                </c:pt>
                <c:pt idx="9879">
                  <c:v>164.65</c:v>
                </c:pt>
                <c:pt idx="9880">
                  <c:v>164.66666700000002</c:v>
                </c:pt>
                <c:pt idx="9881">
                  <c:v>164.683334</c:v>
                </c:pt>
                <c:pt idx="9882">
                  <c:v>164.70000000000002</c:v>
                </c:pt>
                <c:pt idx="9883">
                  <c:v>164.716667</c:v>
                </c:pt>
                <c:pt idx="9884">
                  <c:v>164.73333400000001</c:v>
                </c:pt>
                <c:pt idx="9885">
                  <c:v>164.75</c:v>
                </c:pt>
                <c:pt idx="9886">
                  <c:v>164.76666700000001</c:v>
                </c:pt>
                <c:pt idx="9887">
                  <c:v>164.783334</c:v>
                </c:pt>
                <c:pt idx="9888">
                  <c:v>164.8</c:v>
                </c:pt>
                <c:pt idx="9889">
                  <c:v>164.816667</c:v>
                </c:pt>
                <c:pt idx="9890">
                  <c:v>164.83333400000001</c:v>
                </c:pt>
                <c:pt idx="9891">
                  <c:v>164.85</c:v>
                </c:pt>
                <c:pt idx="9892">
                  <c:v>164.86666700000001</c:v>
                </c:pt>
                <c:pt idx="9893">
                  <c:v>164.88333400000002</c:v>
                </c:pt>
                <c:pt idx="9894">
                  <c:v>164.9</c:v>
                </c:pt>
                <c:pt idx="9895">
                  <c:v>164.91666700000002</c:v>
                </c:pt>
                <c:pt idx="9896">
                  <c:v>164.933334</c:v>
                </c:pt>
                <c:pt idx="9897">
                  <c:v>164.95000000000002</c:v>
                </c:pt>
                <c:pt idx="9898">
                  <c:v>164.966667</c:v>
                </c:pt>
                <c:pt idx="9899">
                  <c:v>164.98333400000001</c:v>
                </c:pt>
                <c:pt idx="9900">
                  <c:v>165</c:v>
                </c:pt>
                <c:pt idx="9901">
                  <c:v>165.01666700000001</c:v>
                </c:pt>
                <c:pt idx="9902">
                  <c:v>165.033334</c:v>
                </c:pt>
                <c:pt idx="9903">
                  <c:v>165.05</c:v>
                </c:pt>
                <c:pt idx="9904">
                  <c:v>165.066667</c:v>
                </c:pt>
                <c:pt idx="9905">
                  <c:v>165.08333400000001</c:v>
                </c:pt>
                <c:pt idx="9906">
                  <c:v>165.1</c:v>
                </c:pt>
                <c:pt idx="9907">
                  <c:v>165.11666700000001</c:v>
                </c:pt>
                <c:pt idx="9908">
                  <c:v>165.13333400000002</c:v>
                </c:pt>
                <c:pt idx="9909">
                  <c:v>165.15</c:v>
                </c:pt>
                <c:pt idx="9910">
                  <c:v>165.16666700000002</c:v>
                </c:pt>
                <c:pt idx="9911">
                  <c:v>165.183334</c:v>
                </c:pt>
                <c:pt idx="9912">
                  <c:v>165.20000000000002</c:v>
                </c:pt>
                <c:pt idx="9913">
                  <c:v>165.216667</c:v>
                </c:pt>
                <c:pt idx="9914">
                  <c:v>165.23333400000001</c:v>
                </c:pt>
                <c:pt idx="9915">
                  <c:v>165.25</c:v>
                </c:pt>
                <c:pt idx="9916">
                  <c:v>165.26666700000001</c:v>
                </c:pt>
                <c:pt idx="9917">
                  <c:v>165.283334</c:v>
                </c:pt>
                <c:pt idx="9918">
                  <c:v>165.3</c:v>
                </c:pt>
                <c:pt idx="9919">
                  <c:v>165.316667</c:v>
                </c:pt>
                <c:pt idx="9920">
                  <c:v>165.33333400000001</c:v>
                </c:pt>
                <c:pt idx="9921">
                  <c:v>165.35</c:v>
                </c:pt>
                <c:pt idx="9922">
                  <c:v>165.36666700000001</c:v>
                </c:pt>
                <c:pt idx="9923">
                  <c:v>165.38333400000002</c:v>
                </c:pt>
                <c:pt idx="9924">
                  <c:v>165.4</c:v>
                </c:pt>
                <c:pt idx="9925">
                  <c:v>165.41666700000002</c:v>
                </c:pt>
                <c:pt idx="9926">
                  <c:v>165.433334</c:v>
                </c:pt>
                <c:pt idx="9927">
                  <c:v>165.45000000000002</c:v>
                </c:pt>
                <c:pt idx="9928">
                  <c:v>165.466667</c:v>
                </c:pt>
                <c:pt idx="9929">
                  <c:v>165.48333400000001</c:v>
                </c:pt>
                <c:pt idx="9930">
                  <c:v>165.5</c:v>
                </c:pt>
                <c:pt idx="9931">
                  <c:v>165.51666700000001</c:v>
                </c:pt>
                <c:pt idx="9932">
                  <c:v>165.533334</c:v>
                </c:pt>
                <c:pt idx="9933">
                  <c:v>165.55</c:v>
                </c:pt>
                <c:pt idx="9934">
                  <c:v>165.566667</c:v>
                </c:pt>
                <c:pt idx="9935">
                  <c:v>165.58333400000001</c:v>
                </c:pt>
                <c:pt idx="9936">
                  <c:v>165.6</c:v>
                </c:pt>
                <c:pt idx="9937">
                  <c:v>165.61666700000001</c:v>
                </c:pt>
                <c:pt idx="9938">
                  <c:v>165.63333400000002</c:v>
                </c:pt>
                <c:pt idx="9939">
                  <c:v>165.65</c:v>
                </c:pt>
                <c:pt idx="9940">
                  <c:v>165.66666700000002</c:v>
                </c:pt>
                <c:pt idx="9941">
                  <c:v>165.683334</c:v>
                </c:pt>
                <c:pt idx="9942">
                  <c:v>165.70000000000002</c:v>
                </c:pt>
                <c:pt idx="9943">
                  <c:v>165.716667</c:v>
                </c:pt>
                <c:pt idx="9944">
                  <c:v>165.73333400000001</c:v>
                </c:pt>
                <c:pt idx="9945">
                  <c:v>165.75</c:v>
                </c:pt>
                <c:pt idx="9946">
                  <c:v>165.76666700000001</c:v>
                </c:pt>
                <c:pt idx="9947">
                  <c:v>165.783334</c:v>
                </c:pt>
                <c:pt idx="9948">
                  <c:v>165.8</c:v>
                </c:pt>
                <c:pt idx="9949">
                  <c:v>165.816667</c:v>
                </c:pt>
                <c:pt idx="9950">
                  <c:v>165.83333400000001</c:v>
                </c:pt>
                <c:pt idx="9951">
                  <c:v>165.85</c:v>
                </c:pt>
                <c:pt idx="9952">
                  <c:v>165.86666700000001</c:v>
                </c:pt>
                <c:pt idx="9953">
                  <c:v>165.88333400000002</c:v>
                </c:pt>
                <c:pt idx="9954">
                  <c:v>165.9</c:v>
                </c:pt>
                <c:pt idx="9955">
                  <c:v>165.91666700000002</c:v>
                </c:pt>
                <c:pt idx="9956">
                  <c:v>165.933334</c:v>
                </c:pt>
                <c:pt idx="9957">
                  <c:v>165.95000000000002</c:v>
                </c:pt>
                <c:pt idx="9958">
                  <c:v>165.966667</c:v>
                </c:pt>
                <c:pt idx="9959">
                  <c:v>165.98333400000001</c:v>
                </c:pt>
                <c:pt idx="9960">
                  <c:v>166</c:v>
                </c:pt>
                <c:pt idx="9961">
                  <c:v>166.01666700000001</c:v>
                </c:pt>
                <c:pt idx="9962">
                  <c:v>166.033334</c:v>
                </c:pt>
                <c:pt idx="9963">
                  <c:v>166.05</c:v>
                </c:pt>
                <c:pt idx="9964">
                  <c:v>166.066667</c:v>
                </c:pt>
                <c:pt idx="9965">
                  <c:v>166.08333400000001</c:v>
                </c:pt>
                <c:pt idx="9966">
                  <c:v>166.1</c:v>
                </c:pt>
                <c:pt idx="9967">
                  <c:v>166.11666700000001</c:v>
                </c:pt>
                <c:pt idx="9968">
                  <c:v>166.13333400000002</c:v>
                </c:pt>
                <c:pt idx="9969">
                  <c:v>166.15</c:v>
                </c:pt>
                <c:pt idx="9970">
                  <c:v>166.16666700000002</c:v>
                </c:pt>
                <c:pt idx="9971">
                  <c:v>166.183334</c:v>
                </c:pt>
                <c:pt idx="9972">
                  <c:v>166.20000000000002</c:v>
                </c:pt>
                <c:pt idx="9973">
                  <c:v>166.216667</c:v>
                </c:pt>
                <c:pt idx="9974">
                  <c:v>166.23333400000001</c:v>
                </c:pt>
                <c:pt idx="9975">
                  <c:v>166.25</c:v>
                </c:pt>
                <c:pt idx="9976">
                  <c:v>166.26666700000001</c:v>
                </c:pt>
                <c:pt idx="9977">
                  <c:v>166.283334</c:v>
                </c:pt>
                <c:pt idx="9978">
                  <c:v>166.3</c:v>
                </c:pt>
                <c:pt idx="9979">
                  <c:v>166.316667</c:v>
                </c:pt>
                <c:pt idx="9980">
                  <c:v>166.33333400000001</c:v>
                </c:pt>
                <c:pt idx="9981">
                  <c:v>166.35</c:v>
                </c:pt>
                <c:pt idx="9982">
                  <c:v>166.36666700000001</c:v>
                </c:pt>
                <c:pt idx="9983">
                  <c:v>166.38333400000002</c:v>
                </c:pt>
                <c:pt idx="9984">
                  <c:v>166.4</c:v>
                </c:pt>
                <c:pt idx="9985">
                  <c:v>166.41666700000002</c:v>
                </c:pt>
                <c:pt idx="9986">
                  <c:v>166.433334</c:v>
                </c:pt>
                <c:pt idx="9987">
                  <c:v>166.45000000000002</c:v>
                </c:pt>
                <c:pt idx="9988">
                  <c:v>166.466667</c:v>
                </c:pt>
                <c:pt idx="9989">
                  <c:v>166.48333400000001</c:v>
                </c:pt>
                <c:pt idx="9990">
                  <c:v>166.5</c:v>
                </c:pt>
                <c:pt idx="9991">
                  <c:v>166.51666700000001</c:v>
                </c:pt>
                <c:pt idx="9992">
                  <c:v>166.533334</c:v>
                </c:pt>
                <c:pt idx="9993">
                  <c:v>166.55</c:v>
                </c:pt>
                <c:pt idx="9994">
                  <c:v>166.566667</c:v>
                </c:pt>
                <c:pt idx="9995">
                  <c:v>166.58333400000001</c:v>
                </c:pt>
                <c:pt idx="9996">
                  <c:v>166.6</c:v>
                </c:pt>
                <c:pt idx="9997">
                  <c:v>166.61666700000001</c:v>
                </c:pt>
                <c:pt idx="9998">
                  <c:v>166.63333400000002</c:v>
                </c:pt>
                <c:pt idx="9999">
                  <c:v>166.65</c:v>
                </c:pt>
                <c:pt idx="10000">
                  <c:v>166.66666700000002</c:v>
                </c:pt>
                <c:pt idx="10001">
                  <c:v>166.683334</c:v>
                </c:pt>
                <c:pt idx="10002">
                  <c:v>166.70000000000002</c:v>
                </c:pt>
                <c:pt idx="10003">
                  <c:v>166.716667</c:v>
                </c:pt>
                <c:pt idx="10004">
                  <c:v>166.73333400000001</c:v>
                </c:pt>
                <c:pt idx="10005">
                  <c:v>166.75</c:v>
                </c:pt>
                <c:pt idx="10006">
                  <c:v>166.76666700000001</c:v>
                </c:pt>
                <c:pt idx="10007">
                  <c:v>166.783334</c:v>
                </c:pt>
                <c:pt idx="10008">
                  <c:v>166.8</c:v>
                </c:pt>
                <c:pt idx="10009">
                  <c:v>166.816667</c:v>
                </c:pt>
                <c:pt idx="10010">
                  <c:v>166.83333400000001</c:v>
                </c:pt>
                <c:pt idx="10011">
                  <c:v>166.85</c:v>
                </c:pt>
                <c:pt idx="10012">
                  <c:v>166.86666700000001</c:v>
                </c:pt>
                <c:pt idx="10013">
                  <c:v>166.88333400000002</c:v>
                </c:pt>
                <c:pt idx="10014">
                  <c:v>166.9</c:v>
                </c:pt>
                <c:pt idx="10015">
                  <c:v>166.91666700000002</c:v>
                </c:pt>
                <c:pt idx="10016">
                  <c:v>166.933334</c:v>
                </c:pt>
                <c:pt idx="10017">
                  <c:v>166.95000000000002</c:v>
                </c:pt>
                <c:pt idx="10018">
                  <c:v>166.966667</c:v>
                </c:pt>
                <c:pt idx="10019">
                  <c:v>166.98333400000001</c:v>
                </c:pt>
                <c:pt idx="10020">
                  <c:v>167</c:v>
                </c:pt>
                <c:pt idx="10021">
                  <c:v>167.01666700000001</c:v>
                </c:pt>
                <c:pt idx="10022">
                  <c:v>167.033334</c:v>
                </c:pt>
                <c:pt idx="10023">
                  <c:v>167.05</c:v>
                </c:pt>
                <c:pt idx="10024">
                  <c:v>167.066667</c:v>
                </c:pt>
                <c:pt idx="10025">
                  <c:v>167.08333400000001</c:v>
                </c:pt>
                <c:pt idx="10026">
                  <c:v>167.1</c:v>
                </c:pt>
                <c:pt idx="10027">
                  <c:v>167.11666700000001</c:v>
                </c:pt>
                <c:pt idx="10028">
                  <c:v>167.13333400000002</c:v>
                </c:pt>
                <c:pt idx="10029">
                  <c:v>167.15</c:v>
                </c:pt>
                <c:pt idx="10030">
                  <c:v>167.16666700000002</c:v>
                </c:pt>
                <c:pt idx="10031">
                  <c:v>167.183334</c:v>
                </c:pt>
                <c:pt idx="10032">
                  <c:v>167.20000000000002</c:v>
                </c:pt>
                <c:pt idx="10033">
                  <c:v>167.216667</c:v>
                </c:pt>
                <c:pt idx="10034">
                  <c:v>167.23333400000001</c:v>
                </c:pt>
                <c:pt idx="10035">
                  <c:v>167.25</c:v>
                </c:pt>
                <c:pt idx="10036">
                  <c:v>167.26666700000001</c:v>
                </c:pt>
                <c:pt idx="10037">
                  <c:v>167.283334</c:v>
                </c:pt>
                <c:pt idx="10038">
                  <c:v>167.3</c:v>
                </c:pt>
                <c:pt idx="10039">
                  <c:v>167.316667</c:v>
                </c:pt>
                <c:pt idx="10040">
                  <c:v>167.33333400000001</c:v>
                </c:pt>
                <c:pt idx="10041">
                  <c:v>167.35</c:v>
                </c:pt>
                <c:pt idx="10042">
                  <c:v>167.36666700000001</c:v>
                </c:pt>
                <c:pt idx="10043">
                  <c:v>167.38333400000002</c:v>
                </c:pt>
                <c:pt idx="10044">
                  <c:v>167.4</c:v>
                </c:pt>
                <c:pt idx="10045">
                  <c:v>167.41666700000002</c:v>
                </c:pt>
                <c:pt idx="10046">
                  <c:v>167.433334</c:v>
                </c:pt>
                <c:pt idx="10047">
                  <c:v>167.45000000000002</c:v>
                </c:pt>
                <c:pt idx="10048">
                  <c:v>167.466667</c:v>
                </c:pt>
                <c:pt idx="10049">
                  <c:v>167.48333400000001</c:v>
                </c:pt>
                <c:pt idx="10050">
                  <c:v>167.5</c:v>
                </c:pt>
                <c:pt idx="10051">
                  <c:v>167.51666700000001</c:v>
                </c:pt>
                <c:pt idx="10052">
                  <c:v>167.533334</c:v>
                </c:pt>
                <c:pt idx="10053">
                  <c:v>167.55</c:v>
                </c:pt>
                <c:pt idx="10054">
                  <c:v>167.566667</c:v>
                </c:pt>
                <c:pt idx="10055">
                  <c:v>167.58333400000001</c:v>
                </c:pt>
                <c:pt idx="10056">
                  <c:v>167.6</c:v>
                </c:pt>
                <c:pt idx="10057">
                  <c:v>167.61666700000001</c:v>
                </c:pt>
                <c:pt idx="10058">
                  <c:v>167.63333400000002</c:v>
                </c:pt>
                <c:pt idx="10059">
                  <c:v>167.65</c:v>
                </c:pt>
                <c:pt idx="10060">
                  <c:v>167.66666700000002</c:v>
                </c:pt>
                <c:pt idx="10061">
                  <c:v>167.683334</c:v>
                </c:pt>
                <c:pt idx="10062">
                  <c:v>167.70000000000002</c:v>
                </c:pt>
                <c:pt idx="10063">
                  <c:v>167.716667</c:v>
                </c:pt>
                <c:pt idx="10064">
                  <c:v>167.73333400000001</c:v>
                </c:pt>
                <c:pt idx="10065">
                  <c:v>167.75</c:v>
                </c:pt>
                <c:pt idx="10066">
                  <c:v>167.76666700000001</c:v>
                </c:pt>
                <c:pt idx="10067">
                  <c:v>167.783334</c:v>
                </c:pt>
                <c:pt idx="10068">
                  <c:v>167.8</c:v>
                </c:pt>
                <c:pt idx="10069">
                  <c:v>167.816667</c:v>
                </c:pt>
                <c:pt idx="10070">
                  <c:v>167.83333400000001</c:v>
                </c:pt>
                <c:pt idx="10071">
                  <c:v>167.85</c:v>
                </c:pt>
                <c:pt idx="10072">
                  <c:v>167.86666700000001</c:v>
                </c:pt>
                <c:pt idx="10073">
                  <c:v>167.88333400000002</c:v>
                </c:pt>
                <c:pt idx="10074">
                  <c:v>167.9</c:v>
                </c:pt>
                <c:pt idx="10075">
                  <c:v>167.91666700000002</c:v>
                </c:pt>
                <c:pt idx="10076">
                  <c:v>167.933334</c:v>
                </c:pt>
                <c:pt idx="10077">
                  <c:v>167.95000000000002</c:v>
                </c:pt>
                <c:pt idx="10078">
                  <c:v>167.966667</c:v>
                </c:pt>
                <c:pt idx="10079">
                  <c:v>167.98333400000001</c:v>
                </c:pt>
                <c:pt idx="10080">
                  <c:v>168</c:v>
                </c:pt>
                <c:pt idx="10081">
                  <c:v>168.01666700000001</c:v>
                </c:pt>
                <c:pt idx="10082">
                  <c:v>168.033334</c:v>
                </c:pt>
                <c:pt idx="10083">
                  <c:v>168.05</c:v>
                </c:pt>
                <c:pt idx="10084">
                  <c:v>168.066667</c:v>
                </c:pt>
                <c:pt idx="10085">
                  <c:v>168.08333400000001</c:v>
                </c:pt>
                <c:pt idx="10086">
                  <c:v>168.1</c:v>
                </c:pt>
                <c:pt idx="10087">
                  <c:v>168.11666700000001</c:v>
                </c:pt>
                <c:pt idx="10088">
                  <c:v>168.13333400000002</c:v>
                </c:pt>
                <c:pt idx="10089">
                  <c:v>168.15</c:v>
                </c:pt>
                <c:pt idx="10090">
                  <c:v>168.16666700000002</c:v>
                </c:pt>
                <c:pt idx="10091">
                  <c:v>168.183334</c:v>
                </c:pt>
                <c:pt idx="10092">
                  <c:v>168.20000000000002</c:v>
                </c:pt>
                <c:pt idx="10093">
                  <c:v>168.216667</c:v>
                </c:pt>
                <c:pt idx="10094">
                  <c:v>168.23333400000001</c:v>
                </c:pt>
                <c:pt idx="10095">
                  <c:v>168.25</c:v>
                </c:pt>
                <c:pt idx="10096">
                  <c:v>168.26666700000001</c:v>
                </c:pt>
                <c:pt idx="10097">
                  <c:v>168.283334</c:v>
                </c:pt>
                <c:pt idx="10098">
                  <c:v>168.3</c:v>
                </c:pt>
                <c:pt idx="10099">
                  <c:v>168.316667</c:v>
                </c:pt>
                <c:pt idx="10100">
                  <c:v>168.33333400000001</c:v>
                </c:pt>
                <c:pt idx="10101">
                  <c:v>168.35</c:v>
                </c:pt>
                <c:pt idx="10102">
                  <c:v>168.36666700000001</c:v>
                </c:pt>
                <c:pt idx="10103">
                  <c:v>168.38333400000002</c:v>
                </c:pt>
                <c:pt idx="10104">
                  <c:v>168.4</c:v>
                </c:pt>
                <c:pt idx="10105">
                  <c:v>168.41666700000002</c:v>
                </c:pt>
                <c:pt idx="10106">
                  <c:v>168.433334</c:v>
                </c:pt>
                <c:pt idx="10107">
                  <c:v>168.45000000000002</c:v>
                </c:pt>
                <c:pt idx="10108">
                  <c:v>168.466667</c:v>
                </c:pt>
                <c:pt idx="10109">
                  <c:v>168.48333400000001</c:v>
                </c:pt>
                <c:pt idx="10110">
                  <c:v>168.5</c:v>
                </c:pt>
                <c:pt idx="10111">
                  <c:v>168.51666700000001</c:v>
                </c:pt>
                <c:pt idx="10112">
                  <c:v>168.533334</c:v>
                </c:pt>
                <c:pt idx="10113">
                  <c:v>168.55</c:v>
                </c:pt>
                <c:pt idx="10114">
                  <c:v>168.566667</c:v>
                </c:pt>
                <c:pt idx="10115">
                  <c:v>168.58333400000001</c:v>
                </c:pt>
                <c:pt idx="10116">
                  <c:v>168.6</c:v>
                </c:pt>
                <c:pt idx="10117">
                  <c:v>168.61666700000001</c:v>
                </c:pt>
                <c:pt idx="10118">
                  <c:v>168.63333400000002</c:v>
                </c:pt>
                <c:pt idx="10119">
                  <c:v>168.65</c:v>
                </c:pt>
                <c:pt idx="10120">
                  <c:v>168.66666700000002</c:v>
                </c:pt>
                <c:pt idx="10121">
                  <c:v>168.683334</c:v>
                </c:pt>
                <c:pt idx="10122">
                  <c:v>168.70000000000002</c:v>
                </c:pt>
                <c:pt idx="10123">
                  <c:v>168.716667</c:v>
                </c:pt>
                <c:pt idx="10124">
                  <c:v>168.73333400000001</c:v>
                </c:pt>
                <c:pt idx="10125">
                  <c:v>168.75</c:v>
                </c:pt>
                <c:pt idx="10126">
                  <c:v>168.76666700000001</c:v>
                </c:pt>
                <c:pt idx="10127">
                  <c:v>168.783334</c:v>
                </c:pt>
                <c:pt idx="10128">
                  <c:v>168.8</c:v>
                </c:pt>
                <c:pt idx="10129">
                  <c:v>168.816667</c:v>
                </c:pt>
                <c:pt idx="10130">
                  <c:v>168.83333400000001</c:v>
                </c:pt>
                <c:pt idx="10131">
                  <c:v>168.85</c:v>
                </c:pt>
                <c:pt idx="10132">
                  <c:v>168.86666700000001</c:v>
                </c:pt>
                <c:pt idx="10133">
                  <c:v>168.88333400000002</c:v>
                </c:pt>
                <c:pt idx="10134">
                  <c:v>168.9</c:v>
                </c:pt>
                <c:pt idx="10135">
                  <c:v>168.91666700000002</c:v>
                </c:pt>
                <c:pt idx="10136">
                  <c:v>168.933334</c:v>
                </c:pt>
                <c:pt idx="10137">
                  <c:v>168.95000000000002</c:v>
                </c:pt>
                <c:pt idx="10138">
                  <c:v>168.966667</c:v>
                </c:pt>
                <c:pt idx="10139">
                  <c:v>168.98333400000001</c:v>
                </c:pt>
                <c:pt idx="10140">
                  <c:v>169</c:v>
                </c:pt>
                <c:pt idx="10141">
                  <c:v>169.01666700000001</c:v>
                </c:pt>
                <c:pt idx="10142">
                  <c:v>169.033334</c:v>
                </c:pt>
                <c:pt idx="10143">
                  <c:v>169.05</c:v>
                </c:pt>
                <c:pt idx="10144">
                  <c:v>169.066667</c:v>
                </c:pt>
                <c:pt idx="10145">
                  <c:v>169.08333400000001</c:v>
                </c:pt>
                <c:pt idx="10146">
                  <c:v>169.1</c:v>
                </c:pt>
                <c:pt idx="10147">
                  <c:v>169.11666700000001</c:v>
                </c:pt>
                <c:pt idx="10148">
                  <c:v>169.13333400000002</c:v>
                </c:pt>
                <c:pt idx="10149">
                  <c:v>169.15</c:v>
                </c:pt>
                <c:pt idx="10150">
                  <c:v>169.16666700000002</c:v>
                </c:pt>
                <c:pt idx="10151">
                  <c:v>169.183334</c:v>
                </c:pt>
                <c:pt idx="10152">
                  <c:v>169.20000000000002</c:v>
                </c:pt>
                <c:pt idx="10153">
                  <c:v>169.216667</c:v>
                </c:pt>
                <c:pt idx="10154">
                  <c:v>169.23333400000001</c:v>
                </c:pt>
                <c:pt idx="10155">
                  <c:v>169.25</c:v>
                </c:pt>
                <c:pt idx="10156">
                  <c:v>169.26666700000001</c:v>
                </c:pt>
                <c:pt idx="10157">
                  <c:v>169.283334</c:v>
                </c:pt>
                <c:pt idx="10158">
                  <c:v>169.3</c:v>
                </c:pt>
                <c:pt idx="10159">
                  <c:v>169.316667</c:v>
                </c:pt>
                <c:pt idx="10160">
                  <c:v>169.33333400000001</c:v>
                </c:pt>
                <c:pt idx="10161">
                  <c:v>169.35</c:v>
                </c:pt>
                <c:pt idx="10162">
                  <c:v>169.36666700000001</c:v>
                </c:pt>
                <c:pt idx="10163">
                  <c:v>169.38333400000002</c:v>
                </c:pt>
                <c:pt idx="10164">
                  <c:v>169.4</c:v>
                </c:pt>
                <c:pt idx="10165">
                  <c:v>169.41666700000002</c:v>
                </c:pt>
                <c:pt idx="10166">
                  <c:v>169.433334</c:v>
                </c:pt>
                <c:pt idx="10167">
                  <c:v>169.45000000000002</c:v>
                </c:pt>
                <c:pt idx="10168">
                  <c:v>169.466667</c:v>
                </c:pt>
                <c:pt idx="10169">
                  <c:v>169.48333400000001</c:v>
                </c:pt>
                <c:pt idx="10170">
                  <c:v>169.5</c:v>
                </c:pt>
                <c:pt idx="10171">
                  <c:v>169.51666700000001</c:v>
                </c:pt>
                <c:pt idx="10172">
                  <c:v>169.533334</c:v>
                </c:pt>
                <c:pt idx="10173">
                  <c:v>169.55</c:v>
                </c:pt>
                <c:pt idx="10174">
                  <c:v>169.566667</c:v>
                </c:pt>
                <c:pt idx="10175">
                  <c:v>169.58333400000001</c:v>
                </c:pt>
                <c:pt idx="10176">
                  <c:v>169.6</c:v>
                </c:pt>
                <c:pt idx="10177">
                  <c:v>169.61666700000001</c:v>
                </c:pt>
                <c:pt idx="10178">
                  <c:v>169.63333400000002</c:v>
                </c:pt>
                <c:pt idx="10179">
                  <c:v>169.65</c:v>
                </c:pt>
                <c:pt idx="10180">
                  <c:v>169.66666700000002</c:v>
                </c:pt>
                <c:pt idx="10181">
                  <c:v>169.683334</c:v>
                </c:pt>
                <c:pt idx="10182">
                  <c:v>169.70000000000002</c:v>
                </c:pt>
                <c:pt idx="10183">
                  <c:v>169.716667</c:v>
                </c:pt>
                <c:pt idx="10184">
                  <c:v>169.73333400000001</c:v>
                </c:pt>
                <c:pt idx="10185">
                  <c:v>169.75</c:v>
                </c:pt>
                <c:pt idx="10186">
                  <c:v>169.76666700000001</c:v>
                </c:pt>
                <c:pt idx="10187">
                  <c:v>169.783334</c:v>
                </c:pt>
                <c:pt idx="10188">
                  <c:v>169.8</c:v>
                </c:pt>
                <c:pt idx="10189">
                  <c:v>169.816667</c:v>
                </c:pt>
                <c:pt idx="10190">
                  <c:v>169.83333400000001</c:v>
                </c:pt>
                <c:pt idx="10191">
                  <c:v>169.85</c:v>
                </c:pt>
                <c:pt idx="10192">
                  <c:v>169.86666700000001</c:v>
                </c:pt>
                <c:pt idx="10193">
                  <c:v>169.88333400000002</c:v>
                </c:pt>
                <c:pt idx="10194">
                  <c:v>169.9</c:v>
                </c:pt>
                <c:pt idx="10195">
                  <c:v>169.91666700000002</c:v>
                </c:pt>
                <c:pt idx="10196">
                  <c:v>169.933334</c:v>
                </c:pt>
                <c:pt idx="10197">
                  <c:v>169.95000000000002</c:v>
                </c:pt>
                <c:pt idx="10198">
                  <c:v>169.966667</c:v>
                </c:pt>
                <c:pt idx="10199">
                  <c:v>169.98333400000001</c:v>
                </c:pt>
                <c:pt idx="10200">
                  <c:v>170</c:v>
                </c:pt>
                <c:pt idx="10201">
                  <c:v>170.01666700000001</c:v>
                </c:pt>
                <c:pt idx="10202">
                  <c:v>170.033334</c:v>
                </c:pt>
                <c:pt idx="10203">
                  <c:v>170.05</c:v>
                </c:pt>
                <c:pt idx="10204">
                  <c:v>170.066667</c:v>
                </c:pt>
                <c:pt idx="10205">
                  <c:v>170.08333400000001</c:v>
                </c:pt>
                <c:pt idx="10206">
                  <c:v>170.1</c:v>
                </c:pt>
                <c:pt idx="10207">
                  <c:v>170.11666700000001</c:v>
                </c:pt>
                <c:pt idx="10208">
                  <c:v>170.13333399999999</c:v>
                </c:pt>
                <c:pt idx="10209">
                  <c:v>170.15000000000003</c:v>
                </c:pt>
                <c:pt idx="10210">
                  <c:v>170.16666700000002</c:v>
                </c:pt>
                <c:pt idx="10211">
                  <c:v>170.183334</c:v>
                </c:pt>
                <c:pt idx="10212">
                  <c:v>170.2</c:v>
                </c:pt>
                <c:pt idx="10213">
                  <c:v>170.21666700000003</c:v>
                </c:pt>
                <c:pt idx="10214">
                  <c:v>170.23333400000001</c:v>
                </c:pt>
                <c:pt idx="10215">
                  <c:v>170.25</c:v>
                </c:pt>
                <c:pt idx="10216">
                  <c:v>170.26666699999998</c:v>
                </c:pt>
                <c:pt idx="10217">
                  <c:v>170.28333400000002</c:v>
                </c:pt>
                <c:pt idx="10218">
                  <c:v>170.3</c:v>
                </c:pt>
                <c:pt idx="10219">
                  <c:v>170.316667</c:v>
                </c:pt>
                <c:pt idx="10220">
                  <c:v>170.33333399999998</c:v>
                </c:pt>
                <c:pt idx="10221">
                  <c:v>170.35000000000002</c:v>
                </c:pt>
                <c:pt idx="10222">
                  <c:v>170.36666700000001</c:v>
                </c:pt>
                <c:pt idx="10223">
                  <c:v>170.38333399999999</c:v>
                </c:pt>
                <c:pt idx="10224">
                  <c:v>170.40000000000003</c:v>
                </c:pt>
                <c:pt idx="10225">
                  <c:v>170.41666700000002</c:v>
                </c:pt>
                <c:pt idx="10226">
                  <c:v>170.433334</c:v>
                </c:pt>
                <c:pt idx="10227">
                  <c:v>170.45</c:v>
                </c:pt>
                <c:pt idx="10228">
                  <c:v>170.46666700000003</c:v>
                </c:pt>
                <c:pt idx="10229">
                  <c:v>170.48333400000001</c:v>
                </c:pt>
                <c:pt idx="10230">
                  <c:v>170.5</c:v>
                </c:pt>
                <c:pt idx="10231">
                  <c:v>170.51666699999998</c:v>
                </c:pt>
                <c:pt idx="10232">
                  <c:v>170.53333400000002</c:v>
                </c:pt>
                <c:pt idx="10233">
                  <c:v>170.55</c:v>
                </c:pt>
                <c:pt idx="10234">
                  <c:v>170.566667</c:v>
                </c:pt>
                <c:pt idx="10235">
                  <c:v>170.58333399999998</c:v>
                </c:pt>
                <c:pt idx="10236">
                  <c:v>170.60000000000002</c:v>
                </c:pt>
                <c:pt idx="10237">
                  <c:v>170.61666700000001</c:v>
                </c:pt>
                <c:pt idx="10238">
                  <c:v>170.63333399999999</c:v>
                </c:pt>
                <c:pt idx="10239">
                  <c:v>170.65000000000003</c:v>
                </c:pt>
                <c:pt idx="10240">
                  <c:v>170.66666700000002</c:v>
                </c:pt>
                <c:pt idx="10241">
                  <c:v>170.683334</c:v>
                </c:pt>
                <c:pt idx="10242">
                  <c:v>170.7</c:v>
                </c:pt>
                <c:pt idx="10243">
                  <c:v>170.71666700000003</c:v>
                </c:pt>
                <c:pt idx="10244">
                  <c:v>170.73333400000001</c:v>
                </c:pt>
                <c:pt idx="10245">
                  <c:v>170.75</c:v>
                </c:pt>
                <c:pt idx="10246">
                  <c:v>170.76666699999998</c:v>
                </c:pt>
                <c:pt idx="10247">
                  <c:v>170.78333400000002</c:v>
                </c:pt>
                <c:pt idx="10248">
                  <c:v>170.8</c:v>
                </c:pt>
                <c:pt idx="10249">
                  <c:v>170.816667</c:v>
                </c:pt>
                <c:pt idx="10250">
                  <c:v>170.83333399999998</c:v>
                </c:pt>
                <c:pt idx="10251">
                  <c:v>170.85000000000002</c:v>
                </c:pt>
                <c:pt idx="10252">
                  <c:v>170.86666700000001</c:v>
                </c:pt>
                <c:pt idx="10253">
                  <c:v>170.88333399999999</c:v>
                </c:pt>
                <c:pt idx="10254">
                  <c:v>170.90000000000003</c:v>
                </c:pt>
                <c:pt idx="10255">
                  <c:v>170.91666700000002</c:v>
                </c:pt>
                <c:pt idx="10256">
                  <c:v>170.933334</c:v>
                </c:pt>
                <c:pt idx="10257">
                  <c:v>170.95</c:v>
                </c:pt>
                <c:pt idx="10258">
                  <c:v>170.96666700000003</c:v>
                </c:pt>
                <c:pt idx="10259">
                  <c:v>170.98333400000001</c:v>
                </c:pt>
                <c:pt idx="10260">
                  <c:v>171</c:v>
                </c:pt>
                <c:pt idx="10261">
                  <c:v>171.01666699999998</c:v>
                </c:pt>
                <c:pt idx="10262">
                  <c:v>171.03333400000002</c:v>
                </c:pt>
                <c:pt idx="10263">
                  <c:v>171.05</c:v>
                </c:pt>
                <c:pt idx="10264">
                  <c:v>171.066667</c:v>
                </c:pt>
                <c:pt idx="10265">
                  <c:v>171.08333399999998</c:v>
                </c:pt>
                <c:pt idx="10266">
                  <c:v>171.10000000000002</c:v>
                </c:pt>
                <c:pt idx="10267">
                  <c:v>171.11666700000001</c:v>
                </c:pt>
                <c:pt idx="10268">
                  <c:v>171.13333399999999</c:v>
                </c:pt>
                <c:pt idx="10269">
                  <c:v>171.15000000000003</c:v>
                </c:pt>
                <c:pt idx="10270">
                  <c:v>171.16666700000002</c:v>
                </c:pt>
                <c:pt idx="10271">
                  <c:v>171.183334</c:v>
                </c:pt>
                <c:pt idx="10272">
                  <c:v>171.2</c:v>
                </c:pt>
                <c:pt idx="10273">
                  <c:v>171.21666700000003</c:v>
                </c:pt>
                <c:pt idx="10274">
                  <c:v>171.23333400000001</c:v>
                </c:pt>
                <c:pt idx="10275">
                  <c:v>171.25</c:v>
                </c:pt>
                <c:pt idx="10276">
                  <c:v>171.26666699999998</c:v>
                </c:pt>
                <c:pt idx="10277">
                  <c:v>171.28333400000002</c:v>
                </c:pt>
                <c:pt idx="10278">
                  <c:v>171.3</c:v>
                </c:pt>
                <c:pt idx="10279">
                  <c:v>171.316667</c:v>
                </c:pt>
                <c:pt idx="10280">
                  <c:v>171.33333399999998</c:v>
                </c:pt>
                <c:pt idx="10281">
                  <c:v>171.35000000000002</c:v>
                </c:pt>
                <c:pt idx="10282">
                  <c:v>171.36666700000001</c:v>
                </c:pt>
                <c:pt idx="10283">
                  <c:v>171.38333399999999</c:v>
                </c:pt>
                <c:pt idx="10284">
                  <c:v>171.40000000000003</c:v>
                </c:pt>
                <c:pt idx="10285">
                  <c:v>171.41666700000002</c:v>
                </c:pt>
                <c:pt idx="10286">
                  <c:v>171.433334</c:v>
                </c:pt>
                <c:pt idx="10287">
                  <c:v>171.45</c:v>
                </c:pt>
                <c:pt idx="10288">
                  <c:v>171.46666700000003</c:v>
                </c:pt>
                <c:pt idx="10289">
                  <c:v>171.48333400000001</c:v>
                </c:pt>
                <c:pt idx="10290">
                  <c:v>171.5</c:v>
                </c:pt>
                <c:pt idx="10291">
                  <c:v>171.51666699999998</c:v>
                </c:pt>
                <c:pt idx="10292">
                  <c:v>171.53333400000002</c:v>
                </c:pt>
                <c:pt idx="10293">
                  <c:v>171.55</c:v>
                </c:pt>
                <c:pt idx="10294">
                  <c:v>171.566667</c:v>
                </c:pt>
                <c:pt idx="10295">
                  <c:v>171.58333399999998</c:v>
                </c:pt>
                <c:pt idx="10296">
                  <c:v>171.60000000000002</c:v>
                </c:pt>
                <c:pt idx="10297">
                  <c:v>171.61666700000001</c:v>
                </c:pt>
                <c:pt idx="10298">
                  <c:v>171.63333399999999</c:v>
                </c:pt>
                <c:pt idx="10299">
                  <c:v>171.65000000000003</c:v>
                </c:pt>
                <c:pt idx="10300">
                  <c:v>171.66666700000002</c:v>
                </c:pt>
                <c:pt idx="10301">
                  <c:v>171.683334</c:v>
                </c:pt>
                <c:pt idx="10302">
                  <c:v>171.7</c:v>
                </c:pt>
                <c:pt idx="10303">
                  <c:v>171.71666700000003</c:v>
                </c:pt>
                <c:pt idx="10304">
                  <c:v>171.73333400000001</c:v>
                </c:pt>
                <c:pt idx="10305">
                  <c:v>171.75</c:v>
                </c:pt>
                <c:pt idx="10306">
                  <c:v>171.76666699999998</c:v>
                </c:pt>
                <c:pt idx="10307">
                  <c:v>171.78333400000002</c:v>
                </c:pt>
                <c:pt idx="10308">
                  <c:v>171.8</c:v>
                </c:pt>
                <c:pt idx="10309">
                  <c:v>171.816667</c:v>
                </c:pt>
                <c:pt idx="10310">
                  <c:v>171.83333399999998</c:v>
                </c:pt>
                <c:pt idx="10311">
                  <c:v>171.85000000000002</c:v>
                </c:pt>
                <c:pt idx="10312">
                  <c:v>171.86666700000001</c:v>
                </c:pt>
                <c:pt idx="10313">
                  <c:v>171.88333399999999</c:v>
                </c:pt>
                <c:pt idx="10314">
                  <c:v>171.90000000000003</c:v>
                </c:pt>
                <c:pt idx="10315">
                  <c:v>171.91666700000002</c:v>
                </c:pt>
                <c:pt idx="10316">
                  <c:v>171.933334</c:v>
                </c:pt>
                <c:pt idx="10317">
                  <c:v>171.95</c:v>
                </c:pt>
                <c:pt idx="10318">
                  <c:v>171.96666700000003</c:v>
                </c:pt>
                <c:pt idx="10319">
                  <c:v>171.98333400000001</c:v>
                </c:pt>
                <c:pt idx="10320">
                  <c:v>172</c:v>
                </c:pt>
                <c:pt idx="10321">
                  <c:v>172.01666699999998</c:v>
                </c:pt>
                <c:pt idx="10322">
                  <c:v>172.03333400000002</c:v>
                </c:pt>
                <c:pt idx="10323">
                  <c:v>172.05</c:v>
                </c:pt>
                <c:pt idx="10324">
                  <c:v>172.066667</c:v>
                </c:pt>
                <c:pt idx="10325">
                  <c:v>172.08333399999998</c:v>
                </c:pt>
                <c:pt idx="10326">
                  <c:v>172.10000000000002</c:v>
                </c:pt>
                <c:pt idx="10327">
                  <c:v>172.11666700000001</c:v>
                </c:pt>
                <c:pt idx="10328">
                  <c:v>172.13333399999999</c:v>
                </c:pt>
                <c:pt idx="10329">
                  <c:v>172.15000000000003</c:v>
                </c:pt>
                <c:pt idx="10330">
                  <c:v>172.16666700000002</c:v>
                </c:pt>
                <c:pt idx="10331">
                  <c:v>172.183334</c:v>
                </c:pt>
                <c:pt idx="10332">
                  <c:v>172.2</c:v>
                </c:pt>
                <c:pt idx="10333">
                  <c:v>172.21666700000003</c:v>
                </c:pt>
                <c:pt idx="10334">
                  <c:v>172.23333400000001</c:v>
                </c:pt>
                <c:pt idx="10335">
                  <c:v>172.25</c:v>
                </c:pt>
                <c:pt idx="10336">
                  <c:v>172.26666699999998</c:v>
                </c:pt>
                <c:pt idx="10337">
                  <c:v>172.28333400000002</c:v>
                </c:pt>
                <c:pt idx="10338">
                  <c:v>172.3</c:v>
                </c:pt>
                <c:pt idx="10339">
                  <c:v>172.316667</c:v>
                </c:pt>
                <c:pt idx="10340">
                  <c:v>172.33333399999998</c:v>
                </c:pt>
                <c:pt idx="10341">
                  <c:v>172.35000000000002</c:v>
                </c:pt>
                <c:pt idx="10342">
                  <c:v>172.36666700000001</c:v>
                </c:pt>
                <c:pt idx="10343">
                  <c:v>172.38333399999999</c:v>
                </c:pt>
                <c:pt idx="10344">
                  <c:v>172.40000000000003</c:v>
                </c:pt>
                <c:pt idx="10345">
                  <c:v>172.41666700000002</c:v>
                </c:pt>
                <c:pt idx="10346">
                  <c:v>172.433334</c:v>
                </c:pt>
                <c:pt idx="10347">
                  <c:v>172.45</c:v>
                </c:pt>
                <c:pt idx="10348">
                  <c:v>172.46666700000003</c:v>
                </c:pt>
                <c:pt idx="10349">
                  <c:v>172.48333400000001</c:v>
                </c:pt>
                <c:pt idx="10350">
                  <c:v>172.5</c:v>
                </c:pt>
                <c:pt idx="10351">
                  <c:v>172.51666699999998</c:v>
                </c:pt>
                <c:pt idx="10352">
                  <c:v>172.53333400000002</c:v>
                </c:pt>
                <c:pt idx="10353">
                  <c:v>172.55</c:v>
                </c:pt>
                <c:pt idx="10354">
                  <c:v>172.566667</c:v>
                </c:pt>
                <c:pt idx="10355">
                  <c:v>172.58333399999998</c:v>
                </c:pt>
                <c:pt idx="10356">
                  <c:v>172.60000000000002</c:v>
                </c:pt>
                <c:pt idx="10357">
                  <c:v>172.61666700000001</c:v>
                </c:pt>
                <c:pt idx="10358">
                  <c:v>172.63333399999999</c:v>
                </c:pt>
                <c:pt idx="10359">
                  <c:v>172.65000000000003</c:v>
                </c:pt>
                <c:pt idx="10360">
                  <c:v>172.66666700000002</c:v>
                </c:pt>
                <c:pt idx="10361">
                  <c:v>172.683334</c:v>
                </c:pt>
                <c:pt idx="10362">
                  <c:v>172.7</c:v>
                </c:pt>
                <c:pt idx="10363">
                  <c:v>172.71666700000003</c:v>
                </c:pt>
                <c:pt idx="10364">
                  <c:v>172.73333400000001</c:v>
                </c:pt>
                <c:pt idx="10365">
                  <c:v>172.75</c:v>
                </c:pt>
                <c:pt idx="10366">
                  <c:v>172.76666699999998</c:v>
                </c:pt>
                <c:pt idx="10367">
                  <c:v>172.78333400000002</c:v>
                </c:pt>
                <c:pt idx="10368">
                  <c:v>172.8</c:v>
                </c:pt>
                <c:pt idx="10369">
                  <c:v>172.816667</c:v>
                </c:pt>
                <c:pt idx="10370">
                  <c:v>172.83333399999998</c:v>
                </c:pt>
                <c:pt idx="10371">
                  <c:v>172.85000000000002</c:v>
                </c:pt>
                <c:pt idx="10372">
                  <c:v>172.86666700000001</c:v>
                </c:pt>
                <c:pt idx="10373">
                  <c:v>172.88333399999999</c:v>
                </c:pt>
                <c:pt idx="10374">
                  <c:v>172.90000000000003</c:v>
                </c:pt>
                <c:pt idx="10375">
                  <c:v>172.91666700000002</c:v>
                </c:pt>
                <c:pt idx="10376">
                  <c:v>172.933334</c:v>
                </c:pt>
                <c:pt idx="10377">
                  <c:v>172.95</c:v>
                </c:pt>
                <c:pt idx="10378">
                  <c:v>172.96666700000003</c:v>
                </c:pt>
                <c:pt idx="10379">
                  <c:v>172.98333400000001</c:v>
                </c:pt>
                <c:pt idx="10380">
                  <c:v>173</c:v>
                </c:pt>
                <c:pt idx="10381">
                  <c:v>173.01666699999998</c:v>
                </c:pt>
                <c:pt idx="10382">
                  <c:v>173.03333400000002</c:v>
                </c:pt>
                <c:pt idx="10383">
                  <c:v>173.05</c:v>
                </c:pt>
                <c:pt idx="10384">
                  <c:v>173.066667</c:v>
                </c:pt>
                <c:pt idx="10385">
                  <c:v>173.08333399999998</c:v>
                </c:pt>
                <c:pt idx="10386">
                  <c:v>173.10000000000002</c:v>
                </c:pt>
                <c:pt idx="10387">
                  <c:v>173.11666700000001</c:v>
                </c:pt>
                <c:pt idx="10388">
                  <c:v>173.13333399999999</c:v>
                </c:pt>
                <c:pt idx="10389">
                  <c:v>173.15000000000003</c:v>
                </c:pt>
                <c:pt idx="10390">
                  <c:v>173.16666700000002</c:v>
                </c:pt>
                <c:pt idx="10391">
                  <c:v>173.183334</c:v>
                </c:pt>
                <c:pt idx="10392">
                  <c:v>173.2</c:v>
                </c:pt>
                <c:pt idx="10393">
                  <c:v>173.21666700000003</c:v>
                </c:pt>
                <c:pt idx="10394">
                  <c:v>173.23333400000001</c:v>
                </c:pt>
                <c:pt idx="10395">
                  <c:v>173.25</c:v>
                </c:pt>
                <c:pt idx="10396">
                  <c:v>173.26666699999998</c:v>
                </c:pt>
                <c:pt idx="10397">
                  <c:v>173.28333400000002</c:v>
                </c:pt>
                <c:pt idx="10398">
                  <c:v>173.3</c:v>
                </c:pt>
                <c:pt idx="10399">
                  <c:v>173.316667</c:v>
                </c:pt>
                <c:pt idx="10400">
                  <c:v>173.33333399999998</c:v>
                </c:pt>
                <c:pt idx="10401">
                  <c:v>173.35000000000002</c:v>
                </c:pt>
                <c:pt idx="10402">
                  <c:v>173.36666700000001</c:v>
                </c:pt>
                <c:pt idx="10403">
                  <c:v>173.38333399999999</c:v>
                </c:pt>
                <c:pt idx="10404">
                  <c:v>173.40000000000003</c:v>
                </c:pt>
                <c:pt idx="10405">
                  <c:v>173.41666700000002</c:v>
                </c:pt>
                <c:pt idx="10406">
                  <c:v>173.433334</c:v>
                </c:pt>
                <c:pt idx="10407">
                  <c:v>173.45</c:v>
                </c:pt>
                <c:pt idx="10408">
                  <c:v>173.46666700000003</c:v>
                </c:pt>
                <c:pt idx="10409">
                  <c:v>173.48333400000001</c:v>
                </c:pt>
                <c:pt idx="10410">
                  <c:v>173.5</c:v>
                </c:pt>
                <c:pt idx="10411">
                  <c:v>173.51666699999998</c:v>
                </c:pt>
                <c:pt idx="10412">
                  <c:v>173.53333400000002</c:v>
                </c:pt>
                <c:pt idx="10413">
                  <c:v>173.55</c:v>
                </c:pt>
                <c:pt idx="10414">
                  <c:v>173.566667</c:v>
                </c:pt>
                <c:pt idx="10415">
                  <c:v>173.58333399999998</c:v>
                </c:pt>
                <c:pt idx="10416">
                  <c:v>173.60000000000002</c:v>
                </c:pt>
                <c:pt idx="10417">
                  <c:v>173.61666700000001</c:v>
                </c:pt>
                <c:pt idx="10418">
                  <c:v>173.63333399999999</c:v>
                </c:pt>
                <c:pt idx="10419">
                  <c:v>173.65000000000003</c:v>
                </c:pt>
                <c:pt idx="10420">
                  <c:v>173.66666700000002</c:v>
                </c:pt>
                <c:pt idx="10421">
                  <c:v>173.683334</c:v>
                </c:pt>
                <c:pt idx="10422">
                  <c:v>173.7</c:v>
                </c:pt>
                <c:pt idx="10423">
                  <c:v>173.71666700000003</c:v>
                </c:pt>
                <c:pt idx="10424">
                  <c:v>173.73333400000001</c:v>
                </c:pt>
                <c:pt idx="10425">
                  <c:v>173.75</c:v>
                </c:pt>
                <c:pt idx="10426">
                  <c:v>173.76666699999998</c:v>
                </c:pt>
                <c:pt idx="10427">
                  <c:v>173.78333400000002</c:v>
                </c:pt>
                <c:pt idx="10428">
                  <c:v>173.8</c:v>
                </c:pt>
                <c:pt idx="10429">
                  <c:v>173.816667</c:v>
                </c:pt>
                <c:pt idx="10430">
                  <c:v>173.83333399999998</c:v>
                </c:pt>
                <c:pt idx="10431">
                  <c:v>173.85000000000002</c:v>
                </c:pt>
                <c:pt idx="10432">
                  <c:v>173.86666700000001</c:v>
                </c:pt>
                <c:pt idx="10433">
                  <c:v>173.88333399999999</c:v>
                </c:pt>
                <c:pt idx="10434">
                  <c:v>173.90000000000003</c:v>
                </c:pt>
                <c:pt idx="10435">
                  <c:v>173.91666700000002</c:v>
                </c:pt>
                <c:pt idx="10436">
                  <c:v>173.933334</c:v>
                </c:pt>
                <c:pt idx="10437">
                  <c:v>173.95</c:v>
                </c:pt>
                <c:pt idx="10438">
                  <c:v>173.96666700000003</c:v>
                </c:pt>
                <c:pt idx="10439">
                  <c:v>173.98333400000001</c:v>
                </c:pt>
                <c:pt idx="10440">
                  <c:v>174</c:v>
                </c:pt>
                <c:pt idx="10441">
                  <c:v>174.01666699999998</c:v>
                </c:pt>
                <c:pt idx="10442">
                  <c:v>174.03333400000002</c:v>
                </c:pt>
                <c:pt idx="10443">
                  <c:v>174.05</c:v>
                </c:pt>
                <c:pt idx="10444">
                  <c:v>174.066667</c:v>
                </c:pt>
                <c:pt idx="10445">
                  <c:v>174.08333399999998</c:v>
                </c:pt>
                <c:pt idx="10446">
                  <c:v>174.10000000000002</c:v>
                </c:pt>
                <c:pt idx="10447">
                  <c:v>174.11666700000001</c:v>
                </c:pt>
                <c:pt idx="10448">
                  <c:v>174.13333399999999</c:v>
                </c:pt>
                <c:pt idx="10449">
                  <c:v>174.15000000000003</c:v>
                </c:pt>
                <c:pt idx="10450">
                  <c:v>174.16666700000002</c:v>
                </c:pt>
                <c:pt idx="10451">
                  <c:v>174.183334</c:v>
                </c:pt>
                <c:pt idx="10452">
                  <c:v>174.2</c:v>
                </c:pt>
                <c:pt idx="10453">
                  <c:v>174.21666700000003</c:v>
                </c:pt>
                <c:pt idx="10454">
                  <c:v>174.23333400000001</c:v>
                </c:pt>
                <c:pt idx="10455">
                  <c:v>174.25</c:v>
                </c:pt>
                <c:pt idx="10456">
                  <c:v>174.26666699999998</c:v>
                </c:pt>
                <c:pt idx="10457">
                  <c:v>174.28333400000002</c:v>
                </c:pt>
                <c:pt idx="10458">
                  <c:v>174.3</c:v>
                </c:pt>
                <c:pt idx="10459">
                  <c:v>174.316667</c:v>
                </c:pt>
                <c:pt idx="10460">
                  <c:v>174.33333399999998</c:v>
                </c:pt>
                <c:pt idx="10461">
                  <c:v>174.35000000000002</c:v>
                </c:pt>
                <c:pt idx="10462">
                  <c:v>174.36666700000001</c:v>
                </c:pt>
                <c:pt idx="10463">
                  <c:v>174.38333399999999</c:v>
                </c:pt>
                <c:pt idx="10464">
                  <c:v>174.40000000000003</c:v>
                </c:pt>
                <c:pt idx="10465">
                  <c:v>174.41666700000002</c:v>
                </c:pt>
                <c:pt idx="10466">
                  <c:v>174.433334</c:v>
                </c:pt>
                <c:pt idx="10467">
                  <c:v>174.45</c:v>
                </c:pt>
                <c:pt idx="10468">
                  <c:v>174.46666700000003</c:v>
                </c:pt>
                <c:pt idx="10469">
                  <c:v>174.48333400000001</c:v>
                </c:pt>
                <c:pt idx="10470">
                  <c:v>174.5</c:v>
                </c:pt>
                <c:pt idx="10471">
                  <c:v>174.51666699999998</c:v>
                </c:pt>
                <c:pt idx="10472">
                  <c:v>174.53333400000002</c:v>
                </c:pt>
                <c:pt idx="10473">
                  <c:v>174.55</c:v>
                </c:pt>
                <c:pt idx="10474">
                  <c:v>174.566667</c:v>
                </c:pt>
                <c:pt idx="10475">
                  <c:v>174.58333399999998</c:v>
                </c:pt>
                <c:pt idx="10476">
                  <c:v>174.60000000000002</c:v>
                </c:pt>
                <c:pt idx="10477">
                  <c:v>174.61666700000001</c:v>
                </c:pt>
                <c:pt idx="10478">
                  <c:v>174.63333399999999</c:v>
                </c:pt>
                <c:pt idx="10479">
                  <c:v>174.65000000000003</c:v>
                </c:pt>
                <c:pt idx="10480">
                  <c:v>174.66666700000002</c:v>
                </c:pt>
                <c:pt idx="10481">
                  <c:v>174.683334</c:v>
                </c:pt>
                <c:pt idx="10482">
                  <c:v>174.7</c:v>
                </c:pt>
                <c:pt idx="10483">
                  <c:v>174.71666700000003</c:v>
                </c:pt>
                <c:pt idx="10484">
                  <c:v>174.73333400000001</c:v>
                </c:pt>
                <c:pt idx="10485">
                  <c:v>174.75</c:v>
                </c:pt>
                <c:pt idx="10486">
                  <c:v>174.76666699999998</c:v>
                </c:pt>
                <c:pt idx="10487">
                  <c:v>174.78333400000002</c:v>
                </c:pt>
                <c:pt idx="10488">
                  <c:v>174.8</c:v>
                </c:pt>
                <c:pt idx="10489">
                  <c:v>174.816667</c:v>
                </c:pt>
                <c:pt idx="10490">
                  <c:v>174.83333399999998</c:v>
                </c:pt>
                <c:pt idx="10491">
                  <c:v>174.85000000000002</c:v>
                </c:pt>
                <c:pt idx="10492">
                  <c:v>174.86666700000001</c:v>
                </c:pt>
                <c:pt idx="10493">
                  <c:v>174.88333399999999</c:v>
                </c:pt>
                <c:pt idx="10494">
                  <c:v>174.90000000000003</c:v>
                </c:pt>
                <c:pt idx="10495">
                  <c:v>174.91666700000002</c:v>
                </c:pt>
                <c:pt idx="10496">
                  <c:v>174.933334</c:v>
                </c:pt>
                <c:pt idx="10497">
                  <c:v>174.95</c:v>
                </c:pt>
                <c:pt idx="10498">
                  <c:v>174.96666700000003</c:v>
                </c:pt>
                <c:pt idx="10499">
                  <c:v>174.98333400000001</c:v>
                </c:pt>
                <c:pt idx="10500">
                  <c:v>175</c:v>
                </c:pt>
                <c:pt idx="10501">
                  <c:v>175.01666699999998</c:v>
                </c:pt>
                <c:pt idx="10502">
                  <c:v>175.03333400000002</c:v>
                </c:pt>
                <c:pt idx="10503">
                  <c:v>175.05</c:v>
                </c:pt>
                <c:pt idx="10504">
                  <c:v>175.066667</c:v>
                </c:pt>
                <c:pt idx="10505">
                  <c:v>175.08333399999998</c:v>
                </c:pt>
                <c:pt idx="10506">
                  <c:v>175.10000000000002</c:v>
                </c:pt>
                <c:pt idx="10507">
                  <c:v>175.11666700000001</c:v>
                </c:pt>
                <c:pt idx="10508">
                  <c:v>175.13333399999999</c:v>
                </c:pt>
                <c:pt idx="10509">
                  <c:v>175.15000000000003</c:v>
                </c:pt>
                <c:pt idx="10510">
                  <c:v>175.16666700000002</c:v>
                </c:pt>
                <c:pt idx="10511">
                  <c:v>175.183334</c:v>
                </c:pt>
                <c:pt idx="10512">
                  <c:v>175.2</c:v>
                </c:pt>
                <c:pt idx="10513">
                  <c:v>175.21666700000003</c:v>
                </c:pt>
                <c:pt idx="10514">
                  <c:v>175.23333400000001</c:v>
                </c:pt>
                <c:pt idx="10515">
                  <c:v>175.25</c:v>
                </c:pt>
                <c:pt idx="10516">
                  <c:v>175.26666699999998</c:v>
                </c:pt>
                <c:pt idx="10517">
                  <c:v>175.28333400000002</c:v>
                </c:pt>
                <c:pt idx="10518">
                  <c:v>175.3</c:v>
                </c:pt>
                <c:pt idx="10519">
                  <c:v>175.316667</c:v>
                </c:pt>
                <c:pt idx="10520">
                  <c:v>175.33333399999998</c:v>
                </c:pt>
                <c:pt idx="10521">
                  <c:v>175.35000000000002</c:v>
                </c:pt>
                <c:pt idx="10522">
                  <c:v>175.36666700000001</c:v>
                </c:pt>
                <c:pt idx="10523">
                  <c:v>175.38333399999999</c:v>
                </c:pt>
                <c:pt idx="10524">
                  <c:v>175.40000000000003</c:v>
                </c:pt>
                <c:pt idx="10525">
                  <c:v>175.41666700000002</c:v>
                </c:pt>
                <c:pt idx="10526">
                  <c:v>175.433334</c:v>
                </c:pt>
                <c:pt idx="10527">
                  <c:v>175.45</c:v>
                </c:pt>
                <c:pt idx="10528">
                  <c:v>175.46666700000003</c:v>
                </c:pt>
                <c:pt idx="10529">
                  <c:v>175.48333400000001</c:v>
                </c:pt>
                <c:pt idx="10530">
                  <c:v>175.5</c:v>
                </c:pt>
                <c:pt idx="10531">
                  <c:v>175.51666699999998</c:v>
                </c:pt>
                <c:pt idx="10532">
                  <c:v>175.53333400000002</c:v>
                </c:pt>
                <c:pt idx="10533">
                  <c:v>175.55</c:v>
                </c:pt>
                <c:pt idx="10534">
                  <c:v>175.566667</c:v>
                </c:pt>
                <c:pt idx="10535">
                  <c:v>175.58333399999998</c:v>
                </c:pt>
                <c:pt idx="10536">
                  <c:v>175.60000000000002</c:v>
                </c:pt>
                <c:pt idx="10537">
                  <c:v>175.61666700000001</c:v>
                </c:pt>
                <c:pt idx="10538">
                  <c:v>175.63333399999999</c:v>
                </c:pt>
                <c:pt idx="10539">
                  <c:v>175.65000000000003</c:v>
                </c:pt>
                <c:pt idx="10540">
                  <c:v>175.66666700000002</c:v>
                </c:pt>
                <c:pt idx="10541">
                  <c:v>175.683334</c:v>
                </c:pt>
                <c:pt idx="10542">
                  <c:v>175.7</c:v>
                </c:pt>
                <c:pt idx="10543">
                  <c:v>175.71666700000003</c:v>
                </c:pt>
                <c:pt idx="10544">
                  <c:v>175.73333400000001</c:v>
                </c:pt>
                <c:pt idx="10545">
                  <c:v>175.75</c:v>
                </c:pt>
                <c:pt idx="10546">
                  <c:v>175.76666699999998</c:v>
                </c:pt>
                <c:pt idx="10547">
                  <c:v>175.78333400000002</c:v>
                </c:pt>
                <c:pt idx="10548">
                  <c:v>175.8</c:v>
                </c:pt>
                <c:pt idx="10549">
                  <c:v>175.816667</c:v>
                </c:pt>
                <c:pt idx="10550">
                  <c:v>175.83333399999998</c:v>
                </c:pt>
                <c:pt idx="10551">
                  <c:v>175.85000000000002</c:v>
                </c:pt>
                <c:pt idx="10552">
                  <c:v>175.86666700000001</c:v>
                </c:pt>
                <c:pt idx="10553">
                  <c:v>175.88333399999999</c:v>
                </c:pt>
                <c:pt idx="10554">
                  <c:v>175.90000000000003</c:v>
                </c:pt>
                <c:pt idx="10555">
                  <c:v>175.91666700000002</c:v>
                </c:pt>
                <c:pt idx="10556">
                  <c:v>175.933334</c:v>
                </c:pt>
                <c:pt idx="10557">
                  <c:v>175.95</c:v>
                </c:pt>
                <c:pt idx="10558">
                  <c:v>175.96666700000003</c:v>
                </c:pt>
                <c:pt idx="10559">
                  <c:v>175.98333400000001</c:v>
                </c:pt>
                <c:pt idx="10560">
                  <c:v>176</c:v>
                </c:pt>
                <c:pt idx="10561">
                  <c:v>176.01666699999998</c:v>
                </c:pt>
                <c:pt idx="10562">
                  <c:v>176.03333400000002</c:v>
                </c:pt>
                <c:pt idx="10563">
                  <c:v>176.05</c:v>
                </c:pt>
                <c:pt idx="10564">
                  <c:v>176.066667</c:v>
                </c:pt>
                <c:pt idx="10565">
                  <c:v>176.08333399999998</c:v>
                </c:pt>
                <c:pt idx="10566">
                  <c:v>176.10000000000002</c:v>
                </c:pt>
                <c:pt idx="10567">
                  <c:v>176.11666700000001</c:v>
                </c:pt>
                <c:pt idx="10568">
                  <c:v>176.13333399999999</c:v>
                </c:pt>
                <c:pt idx="10569">
                  <c:v>176.15000000000003</c:v>
                </c:pt>
                <c:pt idx="10570">
                  <c:v>176.16666700000002</c:v>
                </c:pt>
                <c:pt idx="10571">
                  <c:v>176.183334</c:v>
                </c:pt>
                <c:pt idx="10572">
                  <c:v>176.2</c:v>
                </c:pt>
                <c:pt idx="10573">
                  <c:v>176.21666700000003</c:v>
                </c:pt>
                <c:pt idx="10574">
                  <c:v>176.23333400000001</c:v>
                </c:pt>
                <c:pt idx="10575">
                  <c:v>176.25</c:v>
                </c:pt>
                <c:pt idx="10576">
                  <c:v>176.26666699999998</c:v>
                </c:pt>
                <c:pt idx="10577">
                  <c:v>176.28333400000002</c:v>
                </c:pt>
                <c:pt idx="10578">
                  <c:v>176.3</c:v>
                </c:pt>
                <c:pt idx="10579">
                  <c:v>176.316667</c:v>
                </c:pt>
                <c:pt idx="10580">
                  <c:v>176.33333399999998</c:v>
                </c:pt>
                <c:pt idx="10581">
                  <c:v>176.35000000000002</c:v>
                </c:pt>
                <c:pt idx="10582">
                  <c:v>176.36666700000001</c:v>
                </c:pt>
                <c:pt idx="10583">
                  <c:v>176.38333399999999</c:v>
                </c:pt>
                <c:pt idx="10584">
                  <c:v>176.40000000000003</c:v>
                </c:pt>
                <c:pt idx="10585">
                  <c:v>176.41666700000002</c:v>
                </c:pt>
                <c:pt idx="10586">
                  <c:v>176.433334</c:v>
                </c:pt>
                <c:pt idx="10587">
                  <c:v>176.45</c:v>
                </c:pt>
                <c:pt idx="10588">
                  <c:v>176.46666700000003</c:v>
                </c:pt>
                <c:pt idx="10589">
                  <c:v>176.48333400000001</c:v>
                </c:pt>
                <c:pt idx="10590">
                  <c:v>176.5</c:v>
                </c:pt>
                <c:pt idx="10591">
                  <c:v>176.51666699999998</c:v>
                </c:pt>
                <c:pt idx="10592">
                  <c:v>176.53333400000002</c:v>
                </c:pt>
                <c:pt idx="10593">
                  <c:v>176.55</c:v>
                </c:pt>
                <c:pt idx="10594">
                  <c:v>176.566667</c:v>
                </c:pt>
                <c:pt idx="10595">
                  <c:v>176.58333399999998</c:v>
                </c:pt>
                <c:pt idx="10596">
                  <c:v>176.60000000000002</c:v>
                </c:pt>
                <c:pt idx="10597">
                  <c:v>176.61666700000001</c:v>
                </c:pt>
                <c:pt idx="10598">
                  <c:v>176.63333399999999</c:v>
                </c:pt>
                <c:pt idx="10599">
                  <c:v>176.65000000000003</c:v>
                </c:pt>
                <c:pt idx="10600">
                  <c:v>176.66666700000002</c:v>
                </c:pt>
                <c:pt idx="10601">
                  <c:v>176.683334</c:v>
                </c:pt>
                <c:pt idx="10602">
                  <c:v>176.7</c:v>
                </c:pt>
                <c:pt idx="10603">
                  <c:v>176.71666700000003</c:v>
                </c:pt>
                <c:pt idx="10604">
                  <c:v>176.73333400000001</c:v>
                </c:pt>
                <c:pt idx="10605">
                  <c:v>176.75</c:v>
                </c:pt>
                <c:pt idx="10606">
                  <c:v>176.76666699999998</c:v>
                </c:pt>
                <c:pt idx="10607">
                  <c:v>176.78333400000002</c:v>
                </c:pt>
                <c:pt idx="10608">
                  <c:v>176.8</c:v>
                </c:pt>
                <c:pt idx="10609">
                  <c:v>176.816667</c:v>
                </c:pt>
                <c:pt idx="10610">
                  <c:v>176.83333399999998</c:v>
                </c:pt>
                <c:pt idx="10611">
                  <c:v>176.85000000000002</c:v>
                </c:pt>
                <c:pt idx="10612">
                  <c:v>176.86666700000001</c:v>
                </c:pt>
                <c:pt idx="10613">
                  <c:v>176.88333399999999</c:v>
                </c:pt>
                <c:pt idx="10614">
                  <c:v>176.90000000000003</c:v>
                </c:pt>
                <c:pt idx="10615">
                  <c:v>176.91666700000002</c:v>
                </c:pt>
                <c:pt idx="10616">
                  <c:v>176.933334</c:v>
                </c:pt>
                <c:pt idx="10617">
                  <c:v>176.95</c:v>
                </c:pt>
                <c:pt idx="10618">
                  <c:v>176.96666700000003</c:v>
                </c:pt>
                <c:pt idx="10619">
                  <c:v>176.98333400000001</c:v>
                </c:pt>
                <c:pt idx="10620">
                  <c:v>177</c:v>
                </c:pt>
                <c:pt idx="10621">
                  <c:v>177.01666699999998</c:v>
                </c:pt>
                <c:pt idx="10622">
                  <c:v>177.03333400000002</c:v>
                </c:pt>
                <c:pt idx="10623">
                  <c:v>177.05</c:v>
                </c:pt>
                <c:pt idx="10624">
                  <c:v>177.066667</c:v>
                </c:pt>
                <c:pt idx="10625">
                  <c:v>177.08333399999998</c:v>
                </c:pt>
                <c:pt idx="10626">
                  <c:v>177.10000000000002</c:v>
                </c:pt>
                <c:pt idx="10627">
                  <c:v>177.11666700000001</c:v>
                </c:pt>
                <c:pt idx="10628">
                  <c:v>177.13333399999999</c:v>
                </c:pt>
                <c:pt idx="10629">
                  <c:v>177.15000000000003</c:v>
                </c:pt>
                <c:pt idx="10630">
                  <c:v>177.16666700000002</c:v>
                </c:pt>
                <c:pt idx="10631">
                  <c:v>177.183334</c:v>
                </c:pt>
                <c:pt idx="10632">
                  <c:v>177.2</c:v>
                </c:pt>
                <c:pt idx="10633">
                  <c:v>177.21666700000003</c:v>
                </c:pt>
                <c:pt idx="10634">
                  <c:v>177.23333400000001</c:v>
                </c:pt>
                <c:pt idx="10635">
                  <c:v>177.25</c:v>
                </c:pt>
                <c:pt idx="10636">
                  <c:v>177.26666699999998</c:v>
                </c:pt>
                <c:pt idx="10637">
                  <c:v>177.28333400000002</c:v>
                </c:pt>
                <c:pt idx="10638">
                  <c:v>177.3</c:v>
                </c:pt>
                <c:pt idx="10639">
                  <c:v>177.316667</c:v>
                </c:pt>
                <c:pt idx="10640">
                  <c:v>177.33333399999998</c:v>
                </c:pt>
                <c:pt idx="10641">
                  <c:v>177.35000000000002</c:v>
                </c:pt>
                <c:pt idx="10642">
                  <c:v>177.36666700000001</c:v>
                </c:pt>
                <c:pt idx="10643">
                  <c:v>177.38333399999999</c:v>
                </c:pt>
                <c:pt idx="10644">
                  <c:v>177.40000000000003</c:v>
                </c:pt>
                <c:pt idx="10645">
                  <c:v>177.41666700000002</c:v>
                </c:pt>
                <c:pt idx="10646">
                  <c:v>177.433334</c:v>
                </c:pt>
                <c:pt idx="10647">
                  <c:v>177.45</c:v>
                </c:pt>
                <c:pt idx="10648">
                  <c:v>177.46666700000003</c:v>
                </c:pt>
                <c:pt idx="10649">
                  <c:v>177.48333400000001</c:v>
                </c:pt>
                <c:pt idx="10650">
                  <c:v>177.5</c:v>
                </c:pt>
                <c:pt idx="10651">
                  <c:v>177.51666699999998</c:v>
                </c:pt>
                <c:pt idx="10652">
                  <c:v>177.53333400000002</c:v>
                </c:pt>
                <c:pt idx="10653">
                  <c:v>177.55</c:v>
                </c:pt>
                <c:pt idx="10654">
                  <c:v>177.566667</c:v>
                </c:pt>
                <c:pt idx="10655">
                  <c:v>177.58333399999998</c:v>
                </c:pt>
                <c:pt idx="10656">
                  <c:v>177.60000000000002</c:v>
                </c:pt>
                <c:pt idx="10657">
                  <c:v>177.61666700000001</c:v>
                </c:pt>
                <c:pt idx="10658">
                  <c:v>177.63333399999999</c:v>
                </c:pt>
                <c:pt idx="10659">
                  <c:v>177.65000000000003</c:v>
                </c:pt>
                <c:pt idx="10660">
                  <c:v>177.66666700000002</c:v>
                </c:pt>
                <c:pt idx="10661">
                  <c:v>177.683334</c:v>
                </c:pt>
                <c:pt idx="10662">
                  <c:v>177.7</c:v>
                </c:pt>
                <c:pt idx="10663">
                  <c:v>177.71666700000003</c:v>
                </c:pt>
                <c:pt idx="10664">
                  <c:v>177.73333400000001</c:v>
                </c:pt>
                <c:pt idx="10665">
                  <c:v>177.75</c:v>
                </c:pt>
                <c:pt idx="10666">
                  <c:v>177.76666699999998</c:v>
                </c:pt>
                <c:pt idx="10667">
                  <c:v>177.78333400000002</c:v>
                </c:pt>
                <c:pt idx="10668">
                  <c:v>177.8</c:v>
                </c:pt>
                <c:pt idx="10669">
                  <c:v>177.816667</c:v>
                </c:pt>
                <c:pt idx="10670">
                  <c:v>177.83333399999998</c:v>
                </c:pt>
                <c:pt idx="10671">
                  <c:v>177.85000000000002</c:v>
                </c:pt>
                <c:pt idx="10672">
                  <c:v>177.86666700000001</c:v>
                </c:pt>
                <c:pt idx="10673">
                  <c:v>177.88333399999999</c:v>
                </c:pt>
                <c:pt idx="10674">
                  <c:v>177.90000000000003</c:v>
                </c:pt>
                <c:pt idx="10675">
                  <c:v>177.91666700000002</c:v>
                </c:pt>
                <c:pt idx="10676">
                  <c:v>177.933334</c:v>
                </c:pt>
                <c:pt idx="10677">
                  <c:v>177.95</c:v>
                </c:pt>
                <c:pt idx="10678">
                  <c:v>177.96666700000003</c:v>
                </c:pt>
                <c:pt idx="10679">
                  <c:v>177.98333400000001</c:v>
                </c:pt>
                <c:pt idx="10680">
                  <c:v>178</c:v>
                </c:pt>
                <c:pt idx="10681">
                  <c:v>178.01666699999998</c:v>
                </c:pt>
                <c:pt idx="10682">
                  <c:v>178.03333400000002</c:v>
                </c:pt>
                <c:pt idx="10683">
                  <c:v>178.05</c:v>
                </c:pt>
                <c:pt idx="10684">
                  <c:v>178.066667</c:v>
                </c:pt>
                <c:pt idx="10685">
                  <c:v>178.08333399999998</c:v>
                </c:pt>
                <c:pt idx="10686">
                  <c:v>178.10000000000002</c:v>
                </c:pt>
                <c:pt idx="10687">
                  <c:v>178.11666700000001</c:v>
                </c:pt>
                <c:pt idx="10688">
                  <c:v>178.13333399999999</c:v>
                </c:pt>
                <c:pt idx="10689">
                  <c:v>178.15000000000003</c:v>
                </c:pt>
                <c:pt idx="10690">
                  <c:v>178.16666700000002</c:v>
                </c:pt>
                <c:pt idx="10691">
                  <c:v>178.183334</c:v>
                </c:pt>
                <c:pt idx="10692">
                  <c:v>178.2</c:v>
                </c:pt>
                <c:pt idx="10693">
                  <c:v>178.21666700000003</c:v>
                </c:pt>
                <c:pt idx="10694">
                  <c:v>178.23333400000001</c:v>
                </c:pt>
                <c:pt idx="10695">
                  <c:v>178.25</c:v>
                </c:pt>
                <c:pt idx="10696">
                  <c:v>178.26666699999998</c:v>
                </c:pt>
                <c:pt idx="10697">
                  <c:v>178.28333400000002</c:v>
                </c:pt>
                <c:pt idx="10698">
                  <c:v>178.3</c:v>
                </c:pt>
                <c:pt idx="10699">
                  <c:v>178.316667</c:v>
                </c:pt>
                <c:pt idx="10700">
                  <c:v>178.33333399999998</c:v>
                </c:pt>
                <c:pt idx="10701">
                  <c:v>178.35000000000002</c:v>
                </c:pt>
                <c:pt idx="10702">
                  <c:v>178.36666700000001</c:v>
                </c:pt>
                <c:pt idx="10703">
                  <c:v>178.38333399999999</c:v>
                </c:pt>
                <c:pt idx="10704">
                  <c:v>178.40000000000003</c:v>
                </c:pt>
                <c:pt idx="10705">
                  <c:v>178.41666700000002</c:v>
                </c:pt>
                <c:pt idx="10706">
                  <c:v>178.433334</c:v>
                </c:pt>
                <c:pt idx="10707">
                  <c:v>178.45</c:v>
                </c:pt>
                <c:pt idx="10708">
                  <c:v>178.46666700000003</c:v>
                </c:pt>
                <c:pt idx="10709">
                  <c:v>178.48333400000001</c:v>
                </c:pt>
                <c:pt idx="10710">
                  <c:v>178.5</c:v>
                </c:pt>
                <c:pt idx="10711">
                  <c:v>178.51666699999998</c:v>
                </c:pt>
                <c:pt idx="10712">
                  <c:v>178.53333400000002</c:v>
                </c:pt>
                <c:pt idx="10713">
                  <c:v>178.55</c:v>
                </c:pt>
                <c:pt idx="10714">
                  <c:v>178.566667</c:v>
                </c:pt>
                <c:pt idx="10715">
                  <c:v>178.58333399999998</c:v>
                </c:pt>
                <c:pt idx="10716">
                  <c:v>178.60000000000002</c:v>
                </c:pt>
                <c:pt idx="10717">
                  <c:v>178.61666700000001</c:v>
                </c:pt>
                <c:pt idx="10718">
                  <c:v>178.63333399999999</c:v>
                </c:pt>
                <c:pt idx="10719">
                  <c:v>178.65000000000003</c:v>
                </c:pt>
                <c:pt idx="10720">
                  <c:v>178.66666700000002</c:v>
                </c:pt>
                <c:pt idx="10721">
                  <c:v>178.683334</c:v>
                </c:pt>
                <c:pt idx="10722">
                  <c:v>178.7</c:v>
                </c:pt>
                <c:pt idx="10723">
                  <c:v>178.71666700000003</c:v>
                </c:pt>
                <c:pt idx="10724">
                  <c:v>178.73333400000001</c:v>
                </c:pt>
                <c:pt idx="10725">
                  <c:v>178.75</c:v>
                </c:pt>
                <c:pt idx="10726">
                  <c:v>178.76666699999998</c:v>
                </c:pt>
                <c:pt idx="10727">
                  <c:v>178.78333400000002</c:v>
                </c:pt>
                <c:pt idx="10728">
                  <c:v>178.8</c:v>
                </c:pt>
                <c:pt idx="10729">
                  <c:v>178.816667</c:v>
                </c:pt>
                <c:pt idx="10730">
                  <c:v>178.83333399999998</c:v>
                </c:pt>
                <c:pt idx="10731">
                  <c:v>178.85000000000002</c:v>
                </c:pt>
                <c:pt idx="10732">
                  <c:v>178.86666700000001</c:v>
                </c:pt>
                <c:pt idx="10733">
                  <c:v>178.88333399999999</c:v>
                </c:pt>
                <c:pt idx="10734">
                  <c:v>178.90000000000003</c:v>
                </c:pt>
                <c:pt idx="10735">
                  <c:v>178.91666700000002</c:v>
                </c:pt>
                <c:pt idx="10736">
                  <c:v>178.933334</c:v>
                </c:pt>
                <c:pt idx="10737">
                  <c:v>178.95</c:v>
                </c:pt>
                <c:pt idx="10738">
                  <c:v>178.96666700000003</c:v>
                </c:pt>
                <c:pt idx="10739">
                  <c:v>178.98333400000001</c:v>
                </c:pt>
                <c:pt idx="10740">
                  <c:v>179</c:v>
                </c:pt>
                <c:pt idx="10741">
                  <c:v>179.01666699999998</c:v>
                </c:pt>
                <c:pt idx="10742">
                  <c:v>179.03333400000002</c:v>
                </c:pt>
                <c:pt idx="10743">
                  <c:v>179.05</c:v>
                </c:pt>
                <c:pt idx="10744">
                  <c:v>179.066667</c:v>
                </c:pt>
                <c:pt idx="10745">
                  <c:v>179.08333399999998</c:v>
                </c:pt>
                <c:pt idx="10746">
                  <c:v>179.10000000000002</c:v>
                </c:pt>
                <c:pt idx="10747">
                  <c:v>179.11666700000001</c:v>
                </c:pt>
                <c:pt idx="10748">
                  <c:v>179.13333399999999</c:v>
                </c:pt>
                <c:pt idx="10749">
                  <c:v>179.15000000000003</c:v>
                </c:pt>
                <c:pt idx="10750">
                  <c:v>179.16666700000002</c:v>
                </c:pt>
                <c:pt idx="10751">
                  <c:v>179.183334</c:v>
                </c:pt>
                <c:pt idx="10752">
                  <c:v>179.2</c:v>
                </c:pt>
                <c:pt idx="10753">
                  <c:v>179.21666700000003</c:v>
                </c:pt>
                <c:pt idx="10754">
                  <c:v>179.23333400000001</c:v>
                </c:pt>
                <c:pt idx="10755">
                  <c:v>179.25</c:v>
                </c:pt>
                <c:pt idx="10756">
                  <c:v>179.26666699999998</c:v>
                </c:pt>
                <c:pt idx="10757">
                  <c:v>179.28333400000002</c:v>
                </c:pt>
                <c:pt idx="10758">
                  <c:v>179.3</c:v>
                </c:pt>
                <c:pt idx="10759">
                  <c:v>179.316667</c:v>
                </c:pt>
                <c:pt idx="10760">
                  <c:v>179.33333399999998</c:v>
                </c:pt>
                <c:pt idx="10761">
                  <c:v>179.35000000000002</c:v>
                </c:pt>
                <c:pt idx="10762">
                  <c:v>179.36666700000001</c:v>
                </c:pt>
                <c:pt idx="10763">
                  <c:v>179.38333399999999</c:v>
                </c:pt>
                <c:pt idx="10764">
                  <c:v>179.40000000000003</c:v>
                </c:pt>
                <c:pt idx="10765">
                  <c:v>179.41666700000002</c:v>
                </c:pt>
                <c:pt idx="10766">
                  <c:v>179.433334</c:v>
                </c:pt>
                <c:pt idx="10767">
                  <c:v>179.45</c:v>
                </c:pt>
                <c:pt idx="10768">
                  <c:v>179.46666700000003</c:v>
                </c:pt>
                <c:pt idx="10769">
                  <c:v>179.48333400000001</c:v>
                </c:pt>
                <c:pt idx="10770">
                  <c:v>179.5</c:v>
                </c:pt>
                <c:pt idx="10771">
                  <c:v>179.51666699999998</c:v>
                </c:pt>
                <c:pt idx="10772">
                  <c:v>179.53333400000002</c:v>
                </c:pt>
                <c:pt idx="10773">
                  <c:v>179.55</c:v>
                </c:pt>
                <c:pt idx="10774">
                  <c:v>179.566667</c:v>
                </c:pt>
                <c:pt idx="10775">
                  <c:v>179.58333399999998</c:v>
                </c:pt>
                <c:pt idx="10776">
                  <c:v>179.60000000000002</c:v>
                </c:pt>
                <c:pt idx="10777">
                  <c:v>179.61666700000001</c:v>
                </c:pt>
                <c:pt idx="10778">
                  <c:v>179.63333399999999</c:v>
                </c:pt>
                <c:pt idx="10779">
                  <c:v>179.65000000000003</c:v>
                </c:pt>
                <c:pt idx="10780">
                  <c:v>179.66666700000002</c:v>
                </c:pt>
                <c:pt idx="10781">
                  <c:v>179.683334</c:v>
                </c:pt>
                <c:pt idx="10782">
                  <c:v>179.7</c:v>
                </c:pt>
                <c:pt idx="10783">
                  <c:v>179.71666700000003</c:v>
                </c:pt>
                <c:pt idx="10784">
                  <c:v>179.73333400000001</c:v>
                </c:pt>
                <c:pt idx="10785">
                  <c:v>179.75</c:v>
                </c:pt>
                <c:pt idx="10786">
                  <c:v>179.76666699999998</c:v>
                </c:pt>
                <c:pt idx="10787">
                  <c:v>179.78333400000002</c:v>
                </c:pt>
                <c:pt idx="10788">
                  <c:v>179.8</c:v>
                </c:pt>
                <c:pt idx="10789">
                  <c:v>179.816667</c:v>
                </c:pt>
                <c:pt idx="10790">
                  <c:v>179.83333399999998</c:v>
                </c:pt>
                <c:pt idx="10791">
                  <c:v>179.85000000000002</c:v>
                </c:pt>
                <c:pt idx="10792">
                  <c:v>179.86666700000001</c:v>
                </c:pt>
                <c:pt idx="10793">
                  <c:v>179.88333399999999</c:v>
                </c:pt>
                <c:pt idx="10794">
                  <c:v>179.90000000000003</c:v>
                </c:pt>
                <c:pt idx="10795">
                  <c:v>179.91666700000002</c:v>
                </c:pt>
                <c:pt idx="10796">
                  <c:v>179.933334</c:v>
                </c:pt>
                <c:pt idx="10797">
                  <c:v>179.95</c:v>
                </c:pt>
                <c:pt idx="10798">
                  <c:v>179.96666700000003</c:v>
                </c:pt>
                <c:pt idx="10799">
                  <c:v>179.98333400000001</c:v>
                </c:pt>
                <c:pt idx="10800">
                  <c:v>180</c:v>
                </c:pt>
                <c:pt idx="10801">
                  <c:v>180.01666699999998</c:v>
                </c:pt>
                <c:pt idx="10802">
                  <c:v>180.03333400000002</c:v>
                </c:pt>
                <c:pt idx="10803">
                  <c:v>180.05</c:v>
                </c:pt>
                <c:pt idx="10804">
                  <c:v>180.066667</c:v>
                </c:pt>
                <c:pt idx="10805">
                  <c:v>180.08333399999998</c:v>
                </c:pt>
                <c:pt idx="10806">
                  <c:v>180.10000000000002</c:v>
                </c:pt>
                <c:pt idx="10807">
                  <c:v>180.11666700000001</c:v>
                </c:pt>
                <c:pt idx="10808">
                  <c:v>180.13333399999999</c:v>
                </c:pt>
                <c:pt idx="10809">
                  <c:v>180.15000000000003</c:v>
                </c:pt>
                <c:pt idx="10810">
                  <c:v>180.16666700000002</c:v>
                </c:pt>
                <c:pt idx="10811">
                  <c:v>180.183334</c:v>
                </c:pt>
                <c:pt idx="10812">
                  <c:v>180.2</c:v>
                </c:pt>
                <c:pt idx="10813">
                  <c:v>180.21666700000003</c:v>
                </c:pt>
                <c:pt idx="10814">
                  <c:v>180.23333400000001</c:v>
                </c:pt>
                <c:pt idx="10815">
                  <c:v>180.25</c:v>
                </c:pt>
                <c:pt idx="10816">
                  <c:v>180.26666699999998</c:v>
                </c:pt>
                <c:pt idx="10817">
                  <c:v>180.28333400000002</c:v>
                </c:pt>
                <c:pt idx="10818">
                  <c:v>180.3</c:v>
                </c:pt>
                <c:pt idx="10819">
                  <c:v>180.316667</c:v>
                </c:pt>
                <c:pt idx="10820">
                  <c:v>180.33333399999998</c:v>
                </c:pt>
                <c:pt idx="10821">
                  <c:v>180.35000000000002</c:v>
                </c:pt>
                <c:pt idx="10822">
                  <c:v>180.36666700000001</c:v>
                </c:pt>
                <c:pt idx="10823">
                  <c:v>180.38333399999999</c:v>
                </c:pt>
                <c:pt idx="10824">
                  <c:v>180.40000000000003</c:v>
                </c:pt>
                <c:pt idx="10825">
                  <c:v>180.41666700000002</c:v>
                </c:pt>
                <c:pt idx="10826">
                  <c:v>180.433334</c:v>
                </c:pt>
                <c:pt idx="10827">
                  <c:v>180.45</c:v>
                </c:pt>
                <c:pt idx="10828">
                  <c:v>180.46666700000003</c:v>
                </c:pt>
                <c:pt idx="10829">
                  <c:v>180.48333400000001</c:v>
                </c:pt>
                <c:pt idx="10830">
                  <c:v>180.5</c:v>
                </c:pt>
                <c:pt idx="10831">
                  <c:v>180.51666699999998</c:v>
                </c:pt>
                <c:pt idx="10832">
                  <c:v>180.53333400000002</c:v>
                </c:pt>
                <c:pt idx="10833">
                  <c:v>180.55</c:v>
                </c:pt>
                <c:pt idx="10834">
                  <c:v>180.566667</c:v>
                </c:pt>
                <c:pt idx="10835">
                  <c:v>180.58333399999998</c:v>
                </c:pt>
                <c:pt idx="10836">
                  <c:v>180.60000000000002</c:v>
                </c:pt>
                <c:pt idx="10837">
                  <c:v>180.61666700000001</c:v>
                </c:pt>
                <c:pt idx="10838">
                  <c:v>180.63333399999999</c:v>
                </c:pt>
                <c:pt idx="10839">
                  <c:v>180.65000000000003</c:v>
                </c:pt>
                <c:pt idx="10840">
                  <c:v>180.66666700000002</c:v>
                </c:pt>
                <c:pt idx="10841">
                  <c:v>180.683334</c:v>
                </c:pt>
                <c:pt idx="10842">
                  <c:v>180.7</c:v>
                </c:pt>
                <c:pt idx="10843">
                  <c:v>180.71666700000003</c:v>
                </c:pt>
                <c:pt idx="10844">
                  <c:v>180.73333400000001</c:v>
                </c:pt>
                <c:pt idx="10845">
                  <c:v>180.75</c:v>
                </c:pt>
                <c:pt idx="10846">
                  <c:v>180.76666699999998</c:v>
                </c:pt>
                <c:pt idx="10847">
                  <c:v>180.78333400000002</c:v>
                </c:pt>
                <c:pt idx="10848">
                  <c:v>180.8</c:v>
                </c:pt>
                <c:pt idx="10849">
                  <c:v>180.816667</c:v>
                </c:pt>
                <c:pt idx="10850">
                  <c:v>180.83333399999998</c:v>
                </c:pt>
                <c:pt idx="10851">
                  <c:v>180.85000000000002</c:v>
                </c:pt>
                <c:pt idx="10852">
                  <c:v>180.86666700000001</c:v>
                </c:pt>
                <c:pt idx="10853">
                  <c:v>180.88333399999999</c:v>
                </c:pt>
                <c:pt idx="10854">
                  <c:v>180.90000000000003</c:v>
                </c:pt>
                <c:pt idx="10855">
                  <c:v>180.91666700000002</c:v>
                </c:pt>
                <c:pt idx="10856">
                  <c:v>180.933334</c:v>
                </c:pt>
                <c:pt idx="10857">
                  <c:v>180.95</c:v>
                </c:pt>
                <c:pt idx="10858">
                  <c:v>180.96666700000003</c:v>
                </c:pt>
                <c:pt idx="10859">
                  <c:v>180.98333400000001</c:v>
                </c:pt>
                <c:pt idx="10860">
                  <c:v>181</c:v>
                </c:pt>
                <c:pt idx="10861">
                  <c:v>181.01666699999998</c:v>
                </c:pt>
                <c:pt idx="10862">
                  <c:v>181.03333400000002</c:v>
                </c:pt>
                <c:pt idx="10863">
                  <c:v>181.05</c:v>
                </c:pt>
                <c:pt idx="10864">
                  <c:v>181.066667</c:v>
                </c:pt>
                <c:pt idx="10865">
                  <c:v>181.08333399999998</c:v>
                </c:pt>
                <c:pt idx="10866">
                  <c:v>181.10000000000002</c:v>
                </c:pt>
                <c:pt idx="10867">
                  <c:v>181.11666700000001</c:v>
                </c:pt>
                <c:pt idx="10868">
                  <c:v>181.13333399999999</c:v>
                </c:pt>
                <c:pt idx="10869">
                  <c:v>181.15000000000003</c:v>
                </c:pt>
                <c:pt idx="10870">
                  <c:v>181.16666700000002</c:v>
                </c:pt>
                <c:pt idx="10871">
                  <c:v>181.183334</c:v>
                </c:pt>
                <c:pt idx="10872">
                  <c:v>181.2</c:v>
                </c:pt>
                <c:pt idx="10873">
                  <c:v>181.21666700000003</c:v>
                </c:pt>
                <c:pt idx="10874">
                  <c:v>181.23333400000001</c:v>
                </c:pt>
                <c:pt idx="10875">
                  <c:v>181.25</c:v>
                </c:pt>
                <c:pt idx="10876">
                  <c:v>181.26666699999998</c:v>
                </c:pt>
                <c:pt idx="10877">
                  <c:v>181.28333400000002</c:v>
                </c:pt>
                <c:pt idx="10878">
                  <c:v>181.3</c:v>
                </c:pt>
                <c:pt idx="10879">
                  <c:v>181.316667</c:v>
                </c:pt>
                <c:pt idx="10880">
                  <c:v>181.33333399999998</c:v>
                </c:pt>
                <c:pt idx="10881">
                  <c:v>181.35000000000002</c:v>
                </c:pt>
                <c:pt idx="10882">
                  <c:v>181.36666700000001</c:v>
                </c:pt>
                <c:pt idx="10883">
                  <c:v>181.38333399999999</c:v>
                </c:pt>
                <c:pt idx="10884">
                  <c:v>181.40000000000003</c:v>
                </c:pt>
                <c:pt idx="10885">
                  <c:v>181.41666700000002</c:v>
                </c:pt>
                <c:pt idx="10886">
                  <c:v>181.433334</c:v>
                </c:pt>
                <c:pt idx="10887">
                  <c:v>181.45</c:v>
                </c:pt>
                <c:pt idx="10888">
                  <c:v>181.46666700000003</c:v>
                </c:pt>
                <c:pt idx="10889">
                  <c:v>181.48333400000001</c:v>
                </c:pt>
                <c:pt idx="10890">
                  <c:v>181.5</c:v>
                </c:pt>
                <c:pt idx="10891">
                  <c:v>181.51666699999998</c:v>
                </c:pt>
                <c:pt idx="10892">
                  <c:v>181.53333400000002</c:v>
                </c:pt>
                <c:pt idx="10893">
                  <c:v>181.55</c:v>
                </c:pt>
                <c:pt idx="10894">
                  <c:v>181.566667</c:v>
                </c:pt>
                <c:pt idx="10895">
                  <c:v>181.58333399999998</c:v>
                </c:pt>
                <c:pt idx="10896">
                  <c:v>181.60000000000002</c:v>
                </c:pt>
                <c:pt idx="10897">
                  <c:v>181.61666700000001</c:v>
                </c:pt>
                <c:pt idx="10898">
                  <c:v>181.63333399999999</c:v>
                </c:pt>
                <c:pt idx="10899">
                  <c:v>181.65000000000003</c:v>
                </c:pt>
                <c:pt idx="10900">
                  <c:v>181.66666700000002</c:v>
                </c:pt>
                <c:pt idx="10901">
                  <c:v>181.683334</c:v>
                </c:pt>
                <c:pt idx="10902">
                  <c:v>181.7</c:v>
                </c:pt>
                <c:pt idx="10903">
                  <c:v>181.71666700000003</c:v>
                </c:pt>
                <c:pt idx="10904">
                  <c:v>181.73333400000001</c:v>
                </c:pt>
                <c:pt idx="10905">
                  <c:v>181.75</c:v>
                </c:pt>
                <c:pt idx="10906">
                  <c:v>181.76666699999998</c:v>
                </c:pt>
                <c:pt idx="10907">
                  <c:v>181.78333400000002</c:v>
                </c:pt>
                <c:pt idx="10908">
                  <c:v>181.8</c:v>
                </c:pt>
                <c:pt idx="10909">
                  <c:v>181.816667</c:v>
                </c:pt>
                <c:pt idx="10910">
                  <c:v>181.83333399999998</c:v>
                </c:pt>
                <c:pt idx="10911">
                  <c:v>181.85000000000002</c:v>
                </c:pt>
                <c:pt idx="10912">
                  <c:v>181.86666700000001</c:v>
                </c:pt>
                <c:pt idx="10913">
                  <c:v>181.88333399999999</c:v>
                </c:pt>
                <c:pt idx="10914">
                  <c:v>181.90000000000003</c:v>
                </c:pt>
                <c:pt idx="10915">
                  <c:v>181.91666700000002</c:v>
                </c:pt>
                <c:pt idx="10916">
                  <c:v>181.933334</c:v>
                </c:pt>
                <c:pt idx="10917">
                  <c:v>181.95</c:v>
                </c:pt>
                <c:pt idx="10918">
                  <c:v>181.96666700000003</c:v>
                </c:pt>
                <c:pt idx="10919">
                  <c:v>181.98333400000001</c:v>
                </c:pt>
                <c:pt idx="10920">
                  <c:v>182</c:v>
                </c:pt>
                <c:pt idx="10921">
                  <c:v>182.01666699999998</c:v>
                </c:pt>
                <c:pt idx="10922">
                  <c:v>182.03333400000002</c:v>
                </c:pt>
                <c:pt idx="10923">
                  <c:v>182.05</c:v>
                </c:pt>
                <c:pt idx="10924">
                  <c:v>182.066667</c:v>
                </c:pt>
                <c:pt idx="10925">
                  <c:v>182.08333399999998</c:v>
                </c:pt>
                <c:pt idx="10926">
                  <c:v>182.10000000000002</c:v>
                </c:pt>
                <c:pt idx="10927">
                  <c:v>182.11666700000001</c:v>
                </c:pt>
                <c:pt idx="10928">
                  <c:v>182.13333399999999</c:v>
                </c:pt>
                <c:pt idx="10929">
                  <c:v>182.15000000000003</c:v>
                </c:pt>
                <c:pt idx="10930">
                  <c:v>182.16666700000002</c:v>
                </c:pt>
                <c:pt idx="10931">
                  <c:v>182.183334</c:v>
                </c:pt>
                <c:pt idx="10932">
                  <c:v>182.2</c:v>
                </c:pt>
                <c:pt idx="10933">
                  <c:v>182.21666700000003</c:v>
                </c:pt>
                <c:pt idx="10934">
                  <c:v>182.23333400000001</c:v>
                </c:pt>
                <c:pt idx="10935">
                  <c:v>182.25</c:v>
                </c:pt>
                <c:pt idx="10936">
                  <c:v>182.26666699999998</c:v>
                </c:pt>
                <c:pt idx="10937">
                  <c:v>182.28333400000002</c:v>
                </c:pt>
                <c:pt idx="10938">
                  <c:v>182.3</c:v>
                </c:pt>
                <c:pt idx="10939">
                  <c:v>182.316667</c:v>
                </c:pt>
                <c:pt idx="10940">
                  <c:v>182.33333399999998</c:v>
                </c:pt>
                <c:pt idx="10941">
                  <c:v>182.35000000000002</c:v>
                </c:pt>
                <c:pt idx="10942">
                  <c:v>182.36666700000001</c:v>
                </c:pt>
                <c:pt idx="10943">
                  <c:v>182.38333399999999</c:v>
                </c:pt>
                <c:pt idx="10944">
                  <c:v>182.40000000000003</c:v>
                </c:pt>
                <c:pt idx="10945">
                  <c:v>182.41666700000002</c:v>
                </c:pt>
                <c:pt idx="10946">
                  <c:v>182.433334</c:v>
                </c:pt>
                <c:pt idx="10947">
                  <c:v>182.45</c:v>
                </c:pt>
                <c:pt idx="10948">
                  <c:v>182.46666700000003</c:v>
                </c:pt>
                <c:pt idx="10949">
                  <c:v>182.48333400000001</c:v>
                </c:pt>
                <c:pt idx="10950">
                  <c:v>182.5</c:v>
                </c:pt>
                <c:pt idx="10951">
                  <c:v>182.51666699999998</c:v>
                </c:pt>
                <c:pt idx="10952">
                  <c:v>182.53333400000002</c:v>
                </c:pt>
                <c:pt idx="10953">
                  <c:v>182.55</c:v>
                </c:pt>
                <c:pt idx="10954">
                  <c:v>182.566667</c:v>
                </c:pt>
                <c:pt idx="10955">
                  <c:v>182.58333399999998</c:v>
                </c:pt>
                <c:pt idx="10956">
                  <c:v>182.60000000000002</c:v>
                </c:pt>
                <c:pt idx="10957">
                  <c:v>182.61666700000001</c:v>
                </c:pt>
                <c:pt idx="10958">
                  <c:v>182.63333399999999</c:v>
                </c:pt>
                <c:pt idx="10959">
                  <c:v>182.65000000000003</c:v>
                </c:pt>
                <c:pt idx="10960">
                  <c:v>182.66666700000002</c:v>
                </c:pt>
                <c:pt idx="10961">
                  <c:v>182.683334</c:v>
                </c:pt>
                <c:pt idx="10962">
                  <c:v>182.7</c:v>
                </c:pt>
                <c:pt idx="10963">
                  <c:v>182.71666700000003</c:v>
                </c:pt>
                <c:pt idx="10964">
                  <c:v>182.73333400000001</c:v>
                </c:pt>
                <c:pt idx="10965">
                  <c:v>182.75</c:v>
                </c:pt>
                <c:pt idx="10966">
                  <c:v>182.76666699999998</c:v>
                </c:pt>
                <c:pt idx="10967">
                  <c:v>182.78333400000002</c:v>
                </c:pt>
                <c:pt idx="10968">
                  <c:v>182.8</c:v>
                </c:pt>
                <c:pt idx="10969">
                  <c:v>182.816667</c:v>
                </c:pt>
                <c:pt idx="10970">
                  <c:v>182.83333399999998</c:v>
                </c:pt>
                <c:pt idx="10971">
                  <c:v>182.85000000000002</c:v>
                </c:pt>
                <c:pt idx="10972">
                  <c:v>182.86666700000001</c:v>
                </c:pt>
                <c:pt idx="10973">
                  <c:v>182.88333399999999</c:v>
                </c:pt>
                <c:pt idx="10974">
                  <c:v>182.90000000000003</c:v>
                </c:pt>
                <c:pt idx="10975">
                  <c:v>182.91666700000002</c:v>
                </c:pt>
                <c:pt idx="10976">
                  <c:v>182.933334</c:v>
                </c:pt>
                <c:pt idx="10977">
                  <c:v>182.95</c:v>
                </c:pt>
                <c:pt idx="10978">
                  <c:v>182.96666700000003</c:v>
                </c:pt>
                <c:pt idx="10979">
                  <c:v>182.98333400000001</c:v>
                </c:pt>
                <c:pt idx="10980">
                  <c:v>183</c:v>
                </c:pt>
                <c:pt idx="10981">
                  <c:v>183.01666699999998</c:v>
                </c:pt>
                <c:pt idx="10982">
                  <c:v>183.03333400000002</c:v>
                </c:pt>
                <c:pt idx="10983">
                  <c:v>183.05</c:v>
                </c:pt>
                <c:pt idx="10984">
                  <c:v>183.066667</c:v>
                </c:pt>
                <c:pt idx="10985">
                  <c:v>183.08333399999998</c:v>
                </c:pt>
                <c:pt idx="10986">
                  <c:v>183.10000000000002</c:v>
                </c:pt>
                <c:pt idx="10987">
                  <c:v>183.11666700000001</c:v>
                </c:pt>
                <c:pt idx="10988">
                  <c:v>183.13333399999999</c:v>
                </c:pt>
                <c:pt idx="10989">
                  <c:v>183.15000000000003</c:v>
                </c:pt>
                <c:pt idx="10990">
                  <c:v>183.16666700000002</c:v>
                </c:pt>
                <c:pt idx="10991">
                  <c:v>183.183334</c:v>
                </c:pt>
                <c:pt idx="10992">
                  <c:v>183.2</c:v>
                </c:pt>
                <c:pt idx="10993">
                  <c:v>183.21666700000003</c:v>
                </c:pt>
                <c:pt idx="10994">
                  <c:v>183.23333400000001</c:v>
                </c:pt>
                <c:pt idx="10995">
                  <c:v>183.25</c:v>
                </c:pt>
                <c:pt idx="10996">
                  <c:v>183.26666699999998</c:v>
                </c:pt>
                <c:pt idx="10997">
                  <c:v>183.28333400000002</c:v>
                </c:pt>
                <c:pt idx="10998">
                  <c:v>183.3</c:v>
                </c:pt>
                <c:pt idx="10999">
                  <c:v>183.316667</c:v>
                </c:pt>
                <c:pt idx="11000">
                  <c:v>183.33333399999998</c:v>
                </c:pt>
                <c:pt idx="11001">
                  <c:v>183.35000000000002</c:v>
                </c:pt>
                <c:pt idx="11002">
                  <c:v>183.36666700000001</c:v>
                </c:pt>
                <c:pt idx="11003">
                  <c:v>183.38333399999999</c:v>
                </c:pt>
                <c:pt idx="11004">
                  <c:v>183.40000000000003</c:v>
                </c:pt>
                <c:pt idx="11005">
                  <c:v>183.41666700000002</c:v>
                </c:pt>
                <c:pt idx="11006">
                  <c:v>183.433334</c:v>
                </c:pt>
                <c:pt idx="11007">
                  <c:v>183.45</c:v>
                </c:pt>
                <c:pt idx="11008">
                  <c:v>183.46666700000003</c:v>
                </c:pt>
                <c:pt idx="11009">
                  <c:v>183.48333400000001</c:v>
                </c:pt>
                <c:pt idx="11010">
                  <c:v>183.5</c:v>
                </c:pt>
                <c:pt idx="11011">
                  <c:v>183.51666699999998</c:v>
                </c:pt>
                <c:pt idx="11012">
                  <c:v>183.53333400000002</c:v>
                </c:pt>
                <c:pt idx="11013">
                  <c:v>183.55</c:v>
                </c:pt>
                <c:pt idx="11014">
                  <c:v>183.566667</c:v>
                </c:pt>
                <c:pt idx="11015">
                  <c:v>183.58333399999998</c:v>
                </c:pt>
                <c:pt idx="11016">
                  <c:v>183.60000000000002</c:v>
                </c:pt>
                <c:pt idx="11017">
                  <c:v>183.61666700000001</c:v>
                </c:pt>
                <c:pt idx="11018">
                  <c:v>183.63333399999999</c:v>
                </c:pt>
                <c:pt idx="11019">
                  <c:v>183.65000000000003</c:v>
                </c:pt>
                <c:pt idx="11020">
                  <c:v>183.66666700000002</c:v>
                </c:pt>
                <c:pt idx="11021">
                  <c:v>183.683334</c:v>
                </c:pt>
                <c:pt idx="11022">
                  <c:v>183.7</c:v>
                </c:pt>
                <c:pt idx="11023">
                  <c:v>183.71666700000003</c:v>
                </c:pt>
                <c:pt idx="11024">
                  <c:v>183.73333400000001</c:v>
                </c:pt>
                <c:pt idx="11025">
                  <c:v>183.75</c:v>
                </c:pt>
                <c:pt idx="11026">
                  <c:v>183.76666699999998</c:v>
                </c:pt>
                <c:pt idx="11027">
                  <c:v>183.78333400000002</c:v>
                </c:pt>
                <c:pt idx="11028">
                  <c:v>183.8</c:v>
                </c:pt>
                <c:pt idx="11029">
                  <c:v>183.816667</c:v>
                </c:pt>
                <c:pt idx="11030">
                  <c:v>183.83333399999998</c:v>
                </c:pt>
                <c:pt idx="11031">
                  <c:v>183.85000000000002</c:v>
                </c:pt>
                <c:pt idx="11032">
                  <c:v>183.86666700000001</c:v>
                </c:pt>
                <c:pt idx="11033">
                  <c:v>183.88333399999999</c:v>
                </c:pt>
                <c:pt idx="11034">
                  <c:v>183.90000000000003</c:v>
                </c:pt>
                <c:pt idx="11035">
                  <c:v>183.91666700000002</c:v>
                </c:pt>
                <c:pt idx="11036">
                  <c:v>183.933334</c:v>
                </c:pt>
                <c:pt idx="11037">
                  <c:v>183.95</c:v>
                </c:pt>
                <c:pt idx="11038">
                  <c:v>183.96666700000003</c:v>
                </c:pt>
                <c:pt idx="11039">
                  <c:v>183.98333400000001</c:v>
                </c:pt>
                <c:pt idx="11040">
                  <c:v>184</c:v>
                </c:pt>
                <c:pt idx="11041">
                  <c:v>184.01666699999998</c:v>
                </c:pt>
                <c:pt idx="11042">
                  <c:v>184.03333400000002</c:v>
                </c:pt>
                <c:pt idx="11043">
                  <c:v>184.05</c:v>
                </c:pt>
                <c:pt idx="11044">
                  <c:v>184.066667</c:v>
                </c:pt>
                <c:pt idx="11045">
                  <c:v>184.08333399999998</c:v>
                </c:pt>
                <c:pt idx="11046">
                  <c:v>184.10000000000002</c:v>
                </c:pt>
                <c:pt idx="11047">
                  <c:v>184.11666700000001</c:v>
                </c:pt>
                <c:pt idx="11048">
                  <c:v>184.13333399999999</c:v>
                </c:pt>
                <c:pt idx="11049">
                  <c:v>184.15000000000003</c:v>
                </c:pt>
                <c:pt idx="11050">
                  <c:v>184.16666700000002</c:v>
                </c:pt>
                <c:pt idx="11051">
                  <c:v>184.183334</c:v>
                </c:pt>
                <c:pt idx="11052">
                  <c:v>184.2</c:v>
                </c:pt>
                <c:pt idx="11053">
                  <c:v>184.21666700000003</c:v>
                </c:pt>
                <c:pt idx="11054">
                  <c:v>184.23333400000001</c:v>
                </c:pt>
                <c:pt idx="11055">
                  <c:v>184.25</c:v>
                </c:pt>
                <c:pt idx="11056">
                  <c:v>184.26666699999998</c:v>
                </c:pt>
                <c:pt idx="11057">
                  <c:v>184.28333400000002</c:v>
                </c:pt>
                <c:pt idx="11058">
                  <c:v>184.3</c:v>
                </c:pt>
                <c:pt idx="11059">
                  <c:v>184.316667</c:v>
                </c:pt>
                <c:pt idx="11060">
                  <c:v>184.33333399999998</c:v>
                </c:pt>
                <c:pt idx="11061">
                  <c:v>184.35000000000002</c:v>
                </c:pt>
                <c:pt idx="11062">
                  <c:v>184.36666700000001</c:v>
                </c:pt>
                <c:pt idx="11063">
                  <c:v>184.38333399999999</c:v>
                </c:pt>
                <c:pt idx="11064">
                  <c:v>184.40000000000003</c:v>
                </c:pt>
                <c:pt idx="11065">
                  <c:v>184.41666700000002</c:v>
                </c:pt>
                <c:pt idx="11066">
                  <c:v>184.433334</c:v>
                </c:pt>
                <c:pt idx="11067">
                  <c:v>184.45</c:v>
                </c:pt>
                <c:pt idx="11068">
                  <c:v>184.46666700000003</c:v>
                </c:pt>
                <c:pt idx="11069">
                  <c:v>184.48333400000001</c:v>
                </c:pt>
                <c:pt idx="11070">
                  <c:v>184.5</c:v>
                </c:pt>
                <c:pt idx="11071">
                  <c:v>184.51666699999998</c:v>
                </c:pt>
                <c:pt idx="11072">
                  <c:v>184.53333400000002</c:v>
                </c:pt>
                <c:pt idx="11073">
                  <c:v>184.55</c:v>
                </c:pt>
                <c:pt idx="11074">
                  <c:v>184.566667</c:v>
                </c:pt>
                <c:pt idx="11075">
                  <c:v>184.58333399999998</c:v>
                </c:pt>
                <c:pt idx="11076">
                  <c:v>184.60000000000002</c:v>
                </c:pt>
                <c:pt idx="11077">
                  <c:v>184.61666700000001</c:v>
                </c:pt>
                <c:pt idx="11078">
                  <c:v>184.63333399999999</c:v>
                </c:pt>
                <c:pt idx="11079">
                  <c:v>184.65000000000003</c:v>
                </c:pt>
                <c:pt idx="11080">
                  <c:v>184.66666700000002</c:v>
                </c:pt>
                <c:pt idx="11081">
                  <c:v>184.683334</c:v>
                </c:pt>
                <c:pt idx="11082">
                  <c:v>184.7</c:v>
                </c:pt>
                <c:pt idx="11083">
                  <c:v>184.71666700000003</c:v>
                </c:pt>
                <c:pt idx="11084">
                  <c:v>184.73333400000001</c:v>
                </c:pt>
                <c:pt idx="11085">
                  <c:v>184.75</c:v>
                </c:pt>
                <c:pt idx="11086">
                  <c:v>184.76666699999998</c:v>
                </c:pt>
                <c:pt idx="11087">
                  <c:v>184.78333400000002</c:v>
                </c:pt>
                <c:pt idx="11088">
                  <c:v>184.8</c:v>
                </c:pt>
                <c:pt idx="11089">
                  <c:v>184.816667</c:v>
                </c:pt>
                <c:pt idx="11090">
                  <c:v>184.83333399999998</c:v>
                </c:pt>
                <c:pt idx="11091">
                  <c:v>184.85000000000002</c:v>
                </c:pt>
                <c:pt idx="11092">
                  <c:v>184.86666700000001</c:v>
                </c:pt>
                <c:pt idx="11093">
                  <c:v>184.88333399999999</c:v>
                </c:pt>
                <c:pt idx="11094">
                  <c:v>184.90000000000003</c:v>
                </c:pt>
                <c:pt idx="11095">
                  <c:v>184.91666700000002</c:v>
                </c:pt>
                <c:pt idx="11096">
                  <c:v>184.933334</c:v>
                </c:pt>
                <c:pt idx="11097">
                  <c:v>184.95</c:v>
                </c:pt>
                <c:pt idx="11098">
                  <c:v>184.96666700000003</c:v>
                </c:pt>
                <c:pt idx="11099">
                  <c:v>184.98333400000001</c:v>
                </c:pt>
                <c:pt idx="11100">
                  <c:v>185</c:v>
                </c:pt>
                <c:pt idx="11101">
                  <c:v>185.01666699999998</c:v>
                </c:pt>
                <c:pt idx="11102">
                  <c:v>185.03333400000002</c:v>
                </c:pt>
                <c:pt idx="11103">
                  <c:v>185.05</c:v>
                </c:pt>
                <c:pt idx="11104">
                  <c:v>185.066667</c:v>
                </c:pt>
                <c:pt idx="11105">
                  <c:v>185.08333399999998</c:v>
                </c:pt>
                <c:pt idx="11106">
                  <c:v>185.10000000000002</c:v>
                </c:pt>
                <c:pt idx="11107">
                  <c:v>185.11666700000001</c:v>
                </c:pt>
                <c:pt idx="11108">
                  <c:v>185.13333399999999</c:v>
                </c:pt>
                <c:pt idx="11109">
                  <c:v>185.15000000000003</c:v>
                </c:pt>
                <c:pt idx="11110">
                  <c:v>185.16666700000002</c:v>
                </c:pt>
                <c:pt idx="11111">
                  <c:v>185.183334</c:v>
                </c:pt>
                <c:pt idx="11112">
                  <c:v>185.2</c:v>
                </c:pt>
                <c:pt idx="11113">
                  <c:v>185.21666700000003</c:v>
                </c:pt>
                <c:pt idx="11114">
                  <c:v>185.23333400000001</c:v>
                </c:pt>
                <c:pt idx="11115">
                  <c:v>185.25</c:v>
                </c:pt>
                <c:pt idx="11116">
                  <c:v>185.26666699999998</c:v>
                </c:pt>
                <c:pt idx="11117">
                  <c:v>185.28333400000002</c:v>
                </c:pt>
                <c:pt idx="11118">
                  <c:v>185.3</c:v>
                </c:pt>
                <c:pt idx="11119">
                  <c:v>185.316667</c:v>
                </c:pt>
                <c:pt idx="11120">
                  <c:v>185.33333399999998</c:v>
                </c:pt>
                <c:pt idx="11121">
                  <c:v>185.35000000000002</c:v>
                </c:pt>
                <c:pt idx="11122">
                  <c:v>185.36666700000001</c:v>
                </c:pt>
                <c:pt idx="11123">
                  <c:v>185.38333399999999</c:v>
                </c:pt>
                <c:pt idx="11124">
                  <c:v>185.40000000000003</c:v>
                </c:pt>
                <c:pt idx="11125">
                  <c:v>185.41666700000002</c:v>
                </c:pt>
                <c:pt idx="11126">
                  <c:v>185.433334</c:v>
                </c:pt>
                <c:pt idx="11127">
                  <c:v>185.45</c:v>
                </c:pt>
                <c:pt idx="11128">
                  <c:v>185.46666700000003</c:v>
                </c:pt>
                <c:pt idx="11129">
                  <c:v>185.48333400000001</c:v>
                </c:pt>
                <c:pt idx="11130">
                  <c:v>185.5</c:v>
                </c:pt>
                <c:pt idx="11131">
                  <c:v>185.51666699999998</c:v>
                </c:pt>
                <c:pt idx="11132">
                  <c:v>185.53333400000002</c:v>
                </c:pt>
                <c:pt idx="11133">
                  <c:v>185.55</c:v>
                </c:pt>
                <c:pt idx="11134">
                  <c:v>185.566667</c:v>
                </c:pt>
                <c:pt idx="11135">
                  <c:v>185.58333399999998</c:v>
                </c:pt>
                <c:pt idx="11136">
                  <c:v>185.60000000000002</c:v>
                </c:pt>
                <c:pt idx="11137">
                  <c:v>185.61666700000001</c:v>
                </c:pt>
                <c:pt idx="11138">
                  <c:v>185.63333399999999</c:v>
                </c:pt>
                <c:pt idx="11139">
                  <c:v>185.65000000000003</c:v>
                </c:pt>
                <c:pt idx="11140">
                  <c:v>185.66666700000002</c:v>
                </c:pt>
                <c:pt idx="11141">
                  <c:v>185.683334</c:v>
                </c:pt>
                <c:pt idx="11142">
                  <c:v>185.7</c:v>
                </c:pt>
                <c:pt idx="11143">
                  <c:v>185.71666700000003</c:v>
                </c:pt>
                <c:pt idx="11144">
                  <c:v>185.73333400000001</c:v>
                </c:pt>
                <c:pt idx="11145">
                  <c:v>185.75</c:v>
                </c:pt>
                <c:pt idx="11146">
                  <c:v>185.76666699999998</c:v>
                </c:pt>
                <c:pt idx="11147">
                  <c:v>185.78333400000002</c:v>
                </c:pt>
                <c:pt idx="11148">
                  <c:v>185.8</c:v>
                </c:pt>
                <c:pt idx="11149">
                  <c:v>185.816667</c:v>
                </c:pt>
                <c:pt idx="11150">
                  <c:v>185.83333399999998</c:v>
                </c:pt>
                <c:pt idx="11151">
                  <c:v>185.85000000000002</c:v>
                </c:pt>
                <c:pt idx="11152">
                  <c:v>185.86666700000001</c:v>
                </c:pt>
                <c:pt idx="11153">
                  <c:v>185.88333399999999</c:v>
                </c:pt>
                <c:pt idx="11154">
                  <c:v>185.90000000000003</c:v>
                </c:pt>
                <c:pt idx="11155">
                  <c:v>185.91666700000002</c:v>
                </c:pt>
                <c:pt idx="11156">
                  <c:v>185.933334</c:v>
                </c:pt>
                <c:pt idx="11157">
                  <c:v>185.95</c:v>
                </c:pt>
                <c:pt idx="11158">
                  <c:v>185.96666700000003</c:v>
                </c:pt>
                <c:pt idx="11159">
                  <c:v>185.98333400000001</c:v>
                </c:pt>
                <c:pt idx="11160">
                  <c:v>186</c:v>
                </c:pt>
                <c:pt idx="11161">
                  <c:v>186.01666699999998</c:v>
                </c:pt>
                <c:pt idx="11162">
                  <c:v>186.03333400000002</c:v>
                </c:pt>
                <c:pt idx="11163">
                  <c:v>186.05</c:v>
                </c:pt>
                <c:pt idx="11164">
                  <c:v>186.066667</c:v>
                </c:pt>
                <c:pt idx="11165">
                  <c:v>186.08333399999998</c:v>
                </c:pt>
                <c:pt idx="11166">
                  <c:v>186.10000000000002</c:v>
                </c:pt>
                <c:pt idx="11167">
                  <c:v>186.11666700000001</c:v>
                </c:pt>
                <c:pt idx="11168">
                  <c:v>186.13333399999999</c:v>
                </c:pt>
                <c:pt idx="11169">
                  <c:v>186.15000000000003</c:v>
                </c:pt>
                <c:pt idx="11170">
                  <c:v>186.16666700000002</c:v>
                </c:pt>
                <c:pt idx="11171">
                  <c:v>186.183334</c:v>
                </c:pt>
                <c:pt idx="11172">
                  <c:v>186.2</c:v>
                </c:pt>
                <c:pt idx="11173">
                  <c:v>186.21666700000003</c:v>
                </c:pt>
                <c:pt idx="11174">
                  <c:v>186.23333400000001</c:v>
                </c:pt>
                <c:pt idx="11175">
                  <c:v>186.25</c:v>
                </c:pt>
                <c:pt idx="11176">
                  <c:v>186.26666699999998</c:v>
                </c:pt>
                <c:pt idx="11177">
                  <c:v>186.28333400000002</c:v>
                </c:pt>
                <c:pt idx="11178">
                  <c:v>186.3</c:v>
                </c:pt>
                <c:pt idx="11179">
                  <c:v>186.316667</c:v>
                </c:pt>
                <c:pt idx="11180">
                  <c:v>186.33333399999998</c:v>
                </c:pt>
                <c:pt idx="11181">
                  <c:v>186.35000000000002</c:v>
                </c:pt>
                <c:pt idx="11182">
                  <c:v>186.36666700000001</c:v>
                </c:pt>
                <c:pt idx="11183">
                  <c:v>186.38333399999999</c:v>
                </c:pt>
                <c:pt idx="11184">
                  <c:v>186.40000000000003</c:v>
                </c:pt>
                <c:pt idx="11185">
                  <c:v>186.41666700000002</c:v>
                </c:pt>
                <c:pt idx="11186">
                  <c:v>186.433334</c:v>
                </c:pt>
                <c:pt idx="11187">
                  <c:v>186.45</c:v>
                </c:pt>
                <c:pt idx="11188">
                  <c:v>186.46666700000003</c:v>
                </c:pt>
                <c:pt idx="11189">
                  <c:v>186.48333400000001</c:v>
                </c:pt>
                <c:pt idx="11190">
                  <c:v>186.5</c:v>
                </c:pt>
                <c:pt idx="11191">
                  <c:v>186.51666699999998</c:v>
                </c:pt>
                <c:pt idx="11192">
                  <c:v>186.53333400000002</c:v>
                </c:pt>
                <c:pt idx="11193">
                  <c:v>186.55</c:v>
                </c:pt>
                <c:pt idx="11194">
                  <c:v>186.566667</c:v>
                </c:pt>
                <c:pt idx="11195">
                  <c:v>186.58333399999998</c:v>
                </c:pt>
                <c:pt idx="11196">
                  <c:v>186.60000000000002</c:v>
                </c:pt>
                <c:pt idx="11197">
                  <c:v>186.61666700000001</c:v>
                </c:pt>
                <c:pt idx="11198">
                  <c:v>186.63333399999999</c:v>
                </c:pt>
                <c:pt idx="11199">
                  <c:v>186.65000000000003</c:v>
                </c:pt>
                <c:pt idx="11200">
                  <c:v>186.66666700000002</c:v>
                </c:pt>
                <c:pt idx="11201">
                  <c:v>186.683334</c:v>
                </c:pt>
                <c:pt idx="11202">
                  <c:v>186.7</c:v>
                </c:pt>
                <c:pt idx="11203">
                  <c:v>186.71666700000003</c:v>
                </c:pt>
                <c:pt idx="11204">
                  <c:v>186.73333400000001</c:v>
                </c:pt>
                <c:pt idx="11205">
                  <c:v>186.75</c:v>
                </c:pt>
                <c:pt idx="11206">
                  <c:v>186.76666699999998</c:v>
                </c:pt>
                <c:pt idx="11207">
                  <c:v>186.78333400000002</c:v>
                </c:pt>
                <c:pt idx="11208">
                  <c:v>186.8</c:v>
                </c:pt>
                <c:pt idx="11209">
                  <c:v>186.816667</c:v>
                </c:pt>
                <c:pt idx="11210">
                  <c:v>186.83333399999998</c:v>
                </c:pt>
                <c:pt idx="11211">
                  <c:v>186.85000000000002</c:v>
                </c:pt>
                <c:pt idx="11212">
                  <c:v>186.86666700000001</c:v>
                </c:pt>
                <c:pt idx="11213">
                  <c:v>186.88333399999999</c:v>
                </c:pt>
                <c:pt idx="11214">
                  <c:v>186.90000000000003</c:v>
                </c:pt>
                <c:pt idx="11215">
                  <c:v>186.91666700000002</c:v>
                </c:pt>
                <c:pt idx="11216">
                  <c:v>186.933334</c:v>
                </c:pt>
                <c:pt idx="11217">
                  <c:v>186.95</c:v>
                </c:pt>
                <c:pt idx="11218">
                  <c:v>186.96666700000003</c:v>
                </c:pt>
                <c:pt idx="11219">
                  <c:v>186.98333400000001</c:v>
                </c:pt>
                <c:pt idx="11220">
                  <c:v>187</c:v>
                </c:pt>
                <c:pt idx="11221">
                  <c:v>187.01666699999998</c:v>
                </c:pt>
                <c:pt idx="11222">
                  <c:v>187.03333400000002</c:v>
                </c:pt>
                <c:pt idx="11223">
                  <c:v>187.05</c:v>
                </c:pt>
                <c:pt idx="11224">
                  <c:v>187.066667</c:v>
                </c:pt>
                <c:pt idx="11225">
                  <c:v>187.08333399999998</c:v>
                </c:pt>
                <c:pt idx="11226">
                  <c:v>187.10000000000002</c:v>
                </c:pt>
                <c:pt idx="11227">
                  <c:v>187.11666700000001</c:v>
                </c:pt>
                <c:pt idx="11228">
                  <c:v>187.13333399999999</c:v>
                </c:pt>
                <c:pt idx="11229">
                  <c:v>187.15000000000003</c:v>
                </c:pt>
                <c:pt idx="11230">
                  <c:v>187.16666700000002</c:v>
                </c:pt>
                <c:pt idx="11231">
                  <c:v>187.183334</c:v>
                </c:pt>
                <c:pt idx="11232">
                  <c:v>187.2</c:v>
                </c:pt>
                <c:pt idx="11233">
                  <c:v>187.21666700000003</c:v>
                </c:pt>
                <c:pt idx="11234">
                  <c:v>187.23333400000001</c:v>
                </c:pt>
                <c:pt idx="11235">
                  <c:v>187.25</c:v>
                </c:pt>
                <c:pt idx="11236">
                  <c:v>187.26666699999998</c:v>
                </c:pt>
                <c:pt idx="11237">
                  <c:v>187.28333400000002</c:v>
                </c:pt>
                <c:pt idx="11238">
                  <c:v>187.3</c:v>
                </c:pt>
                <c:pt idx="11239">
                  <c:v>187.316667</c:v>
                </c:pt>
                <c:pt idx="11240">
                  <c:v>187.33333399999998</c:v>
                </c:pt>
                <c:pt idx="11241">
                  <c:v>187.35000000000002</c:v>
                </c:pt>
                <c:pt idx="11242">
                  <c:v>187.36666700000001</c:v>
                </c:pt>
                <c:pt idx="11243">
                  <c:v>187.38333399999999</c:v>
                </c:pt>
                <c:pt idx="11244">
                  <c:v>187.40000000000003</c:v>
                </c:pt>
                <c:pt idx="11245">
                  <c:v>187.41666700000002</c:v>
                </c:pt>
                <c:pt idx="11246">
                  <c:v>187.433334</c:v>
                </c:pt>
                <c:pt idx="11247">
                  <c:v>187.45</c:v>
                </c:pt>
                <c:pt idx="11248">
                  <c:v>187.46666700000003</c:v>
                </c:pt>
                <c:pt idx="11249">
                  <c:v>187.48333400000001</c:v>
                </c:pt>
                <c:pt idx="11250">
                  <c:v>187.5</c:v>
                </c:pt>
                <c:pt idx="11251">
                  <c:v>187.51666699999998</c:v>
                </c:pt>
                <c:pt idx="11252">
                  <c:v>187.53333400000002</c:v>
                </c:pt>
                <c:pt idx="11253">
                  <c:v>187.55</c:v>
                </c:pt>
                <c:pt idx="11254">
                  <c:v>187.566667</c:v>
                </c:pt>
                <c:pt idx="11255">
                  <c:v>187.58333399999998</c:v>
                </c:pt>
                <c:pt idx="11256">
                  <c:v>187.60000000000002</c:v>
                </c:pt>
                <c:pt idx="11257">
                  <c:v>187.61666700000001</c:v>
                </c:pt>
                <c:pt idx="11258">
                  <c:v>187.63333399999999</c:v>
                </c:pt>
                <c:pt idx="11259">
                  <c:v>187.65000000000003</c:v>
                </c:pt>
                <c:pt idx="11260">
                  <c:v>187.66666700000002</c:v>
                </c:pt>
                <c:pt idx="11261">
                  <c:v>187.683334</c:v>
                </c:pt>
                <c:pt idx="11262">
                  <c:v>187.7</c:v>
                </c:pt>
                <c:pt idx="11263">
                  <c:v>187.71666700000003</c:v>
                </c:pt>
                <c:pt idx="11264">
                  <c:v>187.73333400000001</c:v>
                </c:pt>
                <c:pt idx="11265">
                  <c:v>187.75</c:v>
                </c:pt>
                <c:pt idx="11266">
                  <c:v>187.76666699999998</c:v>
                </c:pt>
                <c:pt idx="11267">
                  <c:v>187.78333400000002</c:v>
                </c:pt>
                <c:pt idx="11268">
                  <c:v>187.8</c:v>
                </c:pt>
                <c:pt idx="11269">
                  <c:v>187.816667</c:v>
                </c:pt>
                <c:pt idx="11270">
                  <c:v>187.83333399999998</c:v>
                </c:pt>
                <c:pt idx="11271">
                  <c:v>187.85000000000002</c:v>
                </c:pt>
                <c:pt idx="11272">
                  <c:v>187.86666700000001</c:v>
                </c:pt>
                <c:pt idx="11273">
                  <c:v>187.88333399999999</c:v>
                </c:pt>
                <c:pt idx="11274">
                  <c:v>187.90000000000003</c:v>
                </c:pt>
                <c:pt idx="11275">
                  <c:v>187.91666700000002</c:v>
                </c:pt>
                <c:pt idx="11276">
                  <c:v>187.933334</c:v>
                </c:pt>
                <c:pt idx="11277">
                  <c:v>187.95</c:v>
                </c:pt>
                <c:pt idx="11278">
                  <c:v>187.96666700000003</c:v>
                </c:pt>
                <c:pt idx="11279">
                  <c:v>187.98333400000001</c:v>
                </c:pt>
                <c:pt idx="11280">
                  <c:v>188</c:v>
                </c:pt>
                <c:pt idx="11281">
                  <c:v>188.01666699999998</c:v>
                </c:pt>
                <c:pt idx="11282">
                  <c:v>188.03333400000002</c:v>
                </c:pt>
                <c:pt idx="11283">
                  <c:v>188.05</c:v>
                </c:pt>
                <c:pt idx="11284">
                  <c:v>188.066667</c:v>
                </c:pt>
                <c:pt idx="11285">
                  <c:v>188.08333399999998</c:v>
                </c:pt>
                <c:pt idx="11286">
                  <c:v>188.10000000000002</c:v>
                </c:pt>
                <c:pt idx="11287">
                  <c:v>188.11666700000001</c:v>
                </c:pt>
                <c:pt idx="11288">
                  <c:v>188.13333399999999</c:v>
                </c:pt>
                <c:pt idx="11289">
                  <c:v>188.15000000000003</c:v>
                </c:pt>
                <c:pt idx="11290">
                  <c:v>188.16666700000002</c:v>
                </c:pt>
                <c:pt idx="11291">
                  <c:v>188.183334</c:v>
                </c:pt>
                <c:pt idx="11292">
                  <c:v>188.2</c:v>
                </c:pt>
                <c:pt idx="11293">
                  <c:v>188.21666700000003</c:v>
                </c:pt>
                <c:pt idx="11294">
                  <c:v>188.23333400000001</c:v>
                </c:pt>
                <c:pt idx="11295">
                  <c:v>188.25</c:v>
                </c:pt>
                <c:pt idx="11296">
                  <c:v>188.26666699999998</c:v>
                </c:pt>
                <c:pt idx="11297">
                  <c:v>188.28333400000002</c:v>
                </c:pt>
                <c:pt idx="11298">
                  <c:v>188.3</c:v>
                </c:pt>
                <c:pt idx="11299">
                  <c:v>188.316667</c:v>
                </c:pt>
                <c:pt idx="11300">
                  <c:v>188.33333399999998</c:v>
                </c:pt>
                <c:pt idx="11301">
                  <c:v>188.35000000000002</c:v>
                </c:pt>
                <c:pt idx="11302">
                  <c:v>188.36666700000001</c:v>
                </c:pt>
                <c:pt idx="11303">
                  <c:v>188.38333399999999</c:v>
                </c:pt>
                <c:pt idx="11304">
                  <c:v>188.40000000000003</c:v>
                </c:pt>
                <c:pt idx="11305">
                  <c:v>188.41666700000002</c:v>
                </c:pt>
                <c:pt idx="11306">
                  <c:v>188.433334</c:v>
                </c:pt>
                <c:pt idx="11307">
                  <c:v>188.45</c:v>
                </c:pt>
                <c:pt idx="11308">
                  <c:v>188.46666700000003</c:v>
                </c:pt>
                <c:pt idx="11309">
                  <c:v>188.48333400000001</c:v>
                </c:pt>
                <c:pt idx="11310">
                  <c:v>188.5</c:v>
                </c:pt>
                <c:pt idx="11311">
                  <c:v>188.51666699999998</c:v>
                </c:pt>
                <c:pt idx="11312">
                  <c:v>188.53333400000002</c:v>
                </c:pt>
                <c:pt idx="11313">
                  <c:v>188.55</c:v>
                </c:pt>
                <c:pt idx="11314">
                  <c:v>188.566667</c:v>
                </c:pt>
                <c:pt idx="11315">
                  <c:v>188.58333399999998</c:v>
                </c:pt>
                <c:pt idx="11316">
                  <c:v>188.60000000000002</c:v>
                </c:pt>
                <c:pt idx="11317">
                  <c:v>188.61666700000001</c:v>
                </c:pt>
                <c:pt idx="11318">
                  <c:v>188.63333399999999</c:v>
                </c:pt>
                <c:pt idx="11319">
                  <c:v>188.65000000000003</c:v>
                </c:pt>
                <c:pt idx="11320">
                  <c:v>188.66666700000002</c:v>
                </c:pt>
                <c:pt idx="11321">
                  <c:v>188.683334</c:v>
                </c:pt>
                <c:pt idx="11322">
                  <c:v>188.7</c:v>
                </c:pt>
                <c:pt idx="11323">
                  <c:v>188.71666700000003</c:v>
                </c:pt>
                <c:pt idx="11324">
                  <c:v>188.73333400000001</c:v>
                </c:pt>
                <c:pt idx="11325">
                  <c:v>188.75</c:v>
                </c:pt>
                <c:pt idx="11326">
                  <c:v>188.76666699999998</c:v>
                </c:pt>
                <c:pt idx="11327">
                  <c:v>188.78333400000002</c:v>
                </c:pt>
                <c:pt idx="11328">
                  <c:v>188.8</c:v>
                </c:pt>
                <c:pt idx="11329">
                  <c:v>188.816667</c:v>
                </c:pt>
                <c:pt idx="11330">
                  <c:v>188.83333399999998</c:v>
                </c:pt>
                <c:pt idx="11331">
                  <c:v>188.85000000000002</c:v>
                </c:pt>
                <c:pt idx="11332">
                  <c:v>188.86666700000001</c:v>
                </c:pt>
                <c:pt idx="11333">
                  <c:v>188.88333399999999</c:v>
                </c:pt>
                <c:pt idx="11334">
                  <c:v>188.90000000000003</c:v>
                </c:pt>
                <c:pt idx="11335">
                  <c:v>188.91666700000002</c:v>
                </c:pt>
                <c:pt idx="11336">
                  <c:v>188.933334</c:v>
                </c:pt>
                <c:pt idx="11337">
                  <c:v>188.95</c:v>
                </c:pt>
                <c:pt idx="11338">
                  <c:v>188.96666700000003</c:v>
                </c:pt>
                <c:pt idx="11339">
                  <c:v>188.98333400000001</c:v>
                </c:pt>
                <c:pt idx="11340">
                  <c:v>189</c:v>
                </c:pt>
                <c:pt idx="11341">
                  <c:v>189.01666699999998</c:v>
                </c:pt>
                <c:pt idx="11342">
                  <c:v>189.03333400000002</c:v>
                </c:pt>
                <c:pt idx="11343">
                  <c:v>189.05</c:v>
                </c:pt>
                <c:pt idx="11344">
                  <c:v>189.066667</c:v>
                </c:pt>
                <c:pt idx="11345">
                  <c:v>189.08333399999998</c:v>
                </c:pt>
                <c:pt idx="11346">
                  <c:v>189.10000000000002</c:v>
                </c:pt>
                <c:pt idx="11347">
                  <c:v>189.11666700000001</c:v>
                </c:pt>
                <c:pt idx="11348">
                  <c:v>189.13333399999999</c:v>
                </c:pt>
                <c:pt idx="11349">
                  <c:v>189.15000000000003</c:v>
                </c:pt>
                <c:pt idx="11350">
                  <c:v>189.16666700000002</c:v>
                </c:pt>
                <c:pt idx="11351">
                  <c:v>189.183334</c:v>
                </c:pt>
                <c:pt idx="11352">
                  <c:v>189.2</c:v>
                </c:pt>
                <c:pt idx="11353">
                  <c:v>189.21666700000003</c:v>
                </c:pt>
                <c:pt idx="11354">
                  <c:v>189.23333400000001</c:v>
                </c:pt>
                <c:pt idx="11355">
                  <c:v>189.25</c:v>
                </c:pt>
                <c:pt idx="11356">
                  <c:v>189.26666699999998</c:v>
                </c:pt>
                <c:pt idx="11357">
                  <c:v>189.28333400000002</c:v>
                </c:pt>
                <c:pt idx="11358">
                  <c:v>189.3</c:v>
                </c:pt>
                <c:pt idx="11359">
                  <c:v>189.316667</c:v>
                </c:pt>
                <c:pt idx="11360">
                  <c:v>189.33333399999998</c:v>
                </c:pt>
                <c:pt idx="11361">
                  <c:v>189.35000000000002</c:v>
                </c:pt>
                <c:pt idx="11362">
                  <c:v>189.36666700000001</c:v>
                </c:pt>
                <c:pt idx="11363">
                  <c:v>189.38333399999999</c:v>
                </c:pt>
                <c:pt idx="11364">
                  <c:v>189.40000000000003</c:v>
                </c:pt>
                <c:pt idx="11365">
                  <c:v>189.41666700000002</c:v>
                </c:pt>
                <c:pt idx="11366">
                  <c:v>189.433334</c:v>
                </c:pt>
                <c:pt idx="11367">
                  <c:v>189.45</c:v>
                </c:pt>
                <c:pt idx="11368">
                  <c:v>189.46666700000003</c:v>
                </c:pt>
                <c:pt idx="11369">
                  <c:v>189.48333400000001</c:v>
                </c:pt>
                <c:pt idx="11370">
                  <c:v>189.5</c:v>
                </c:pt>
                <c:pt idx="11371">
                  <c:v>189.51666699999998</c:v>
                </c:pt>
                <c:pt idx="11372">
                  <c:v>189.53333400000002</c:v>
                </c:pt>
                <c:pt idx="11373">
                  <c:v>189.55</c:v>
                </c:pt>
                <c:pt idx="11374">
                  <c:v>189.566667</c:v>
                </c:pt>
                <c:pt idx="11375">
                  <c:v>189.58333399999998</c:v>
                </c:pt>
                <c:pt idx="11376">
                  <c:v>189.60000000000002</c:v>
                </c:pt>
                <c:pt idx="11377">
                  <c:v>189.61666700000001</c:v>
                </c:pt>
                <c:pt idx="11378">
                  <c:v>189.63333399999999</c:v>
                </c:pt>
                <c:pt idx="11379">
                  <c:v>189.65000000000003</c:v>
                </c:pt>
                <c:pt idx="11380">
                  <c:v>189.66666700000002</c:v>
                </c:pt>
                <c:pt idx="11381">
                  <c:v>189.683334</c:v>
                </c:pt>
                <c:pt idx="11382">
                  <c:v>189.7</c:v>
                </c:pt>
                <c:pt idx="11383">
                  <c:v>189.71666700000003</c:v>
                </c:pt>
                <c:pt idx="11384">
                  <c:v>189.73333400000001</c:v>
                </c:pt>
                <c:pt idx="11385">
                  <c:v>189.75</c:v>
                </c:pt>
                <c:pt idx="11386">
                  <c:v>189.76666699999998</c:v>
                </c:pt>
                <c:pt idx="11387">
                  <c:v>189.78333400000002</c:v>
                </c:pt>
                <c:pt idx="11388">
                  <c:v>189.8</c:v>
                </c:pt>
                <c:pt idx="11389">
                  <c:v>189.816667</c:v>
                </c:pt>
                <c:pt idx="11390">
                  <c:v>189.83333399999998</c:v>
                </c:pt>
                <c:pt idx="11391">
                  <c:v>189.85000000000002</c:v>
                </c:pt>
                <c:pt idx="11392">
                  <c:v>189.86666700000001</c:v>
                </c:pt>
                <c:pt idx="11393">
                  <c:v>189.88333399999999</c:v>
                </c:pt>
                <c:pt idx="11394">
                  <c:v>189.90000000000003</c:v>
                </c:pt>
                <c:pt idx="11395">
                  <c:v>189.91666700000002</c:v>
                </c:pt>
                <c:pt idx="11396">
                  <c:v>189.933334</c:v>
                </c:pt>
                <c:pt idx="11397">
                  <c:v>189.95</c:v>
                </c:pt>
                <c:pt idx="11398">
                  <c:v>189.96666700000003</c:v>
                </c:pt>
                <c:pt idx="11399">
                  <c:v>189.98333400000001</c:v>
                </c:pt>
                <c:pt idx="11400">
                  <c:v>190</c:v>
                </c:pt>
                <c:pt idx="11401">
                  <c:v>190.01666699999998</c:v>
                </c:pt>
                <c:pt idx="11402">
                  <c:v>190.03333400000002</c:v>
                </c:pt>
                <c:pt idx="11403">
                  <c:v>190.05</c:v>
                </c:pt>
                <c:pt idx="11404">
                  <c:v>190.066667</c:v>
                </c:pt>
                <c:pt idx="11405">
                  <c:v>190.08333399999998</c:v>
                </c:pt>
                <c:pt idx="11406">
                  <c:v>190.10000000000002</c:v>
                </c:pt>
                <c:pt idx="11407">
                  <c:v>190.11666700000001</c:v>
                </c:pt>
                <c:pt idx="11408">
                  <c:v>190.13333399999999</c:v>
                </c:pt>
                <c:pt idx="11409">
                  <c:v>190.15000000000003</c:v>
                </c:pt>
                <c:pt idx="11410">
                  <c:v>190.16666700000002</c:v>
                </c:pt>
                <c:pt idx="11411">
                  <c:v>190.183334</c:v>
                </c:pt>
                <c:pt idx="11412">
                  <c:v>190.2</c:v>
                </c:pt>
                <c:pt idx="11413">
                  <c:v>190.21666700000003</c:v>
                </c:pt>
                <c:pt idx="11414">
                  <c:v>190.23333400000001</c:v>
                </c:pt>
                <c:pt idx="11415">
                  <c:v>190.25</c:v>
                </c:pt>
                <c:pt idx="11416">
                  <c:v>190.26666699999998</c:v>
                </c:pt>
                <c:pt idx="11417">
                  <c:v>190.28333400000002</c:v>
                </c:pt>
                <c:pt idx="11418">
                  <c:v>190.3</c:v>
                </c:pt>
                <c:pt idx="11419">
                  <c:v>190.316667</c:v>
                </c:pt>
                <c:pt idx="11420">
                  <c:v>190.33333399999998</c:v>
                </c:pt>
                <c:pt idx="11421">
                  <c:v>190.35000000000002</c:v>
                </c:pt>
                <c:pt idx="11422">
                  <c:v>190.36666700000001</c:v>
                </c:pt>
                <c:pt idx="11423">
                  <c:v>190.38333399999999</c:v>
                </c:pt>
                <c:pt idx="11424">
                  <c:v>190.40000000000003</c:v>
                </c:pt>
                <c:pt idx="11425">
                  <c:v>190.41666700000002</c:v>
                </c:pt>
                <c:pt idx="11426">
                  <c:v>190.433334</c:v>
                </c:pt>
                <c:pt idx="11427">
                  <c:v>190.45</c:v>
                </c:pt>
                <c:pt idx="11428">
                  <c:v>190.46666700000003</c:v>
                </c:pt>
                <c:pt idx="11429">
                  <c:v>190.48333400000001</c:v>
                </c:pt>
                <c:pt idx="11430">
                  <c:v>190.5</c:v>
                </c:pt>
                <c:pt idx="11431">
                  <c:v>190.51666699999998</c:v>
                </c:pt>
                <c:pt idx="11432">
                  <c:v>190.53333400000002</c:v>
                </c:pt>
                <c:pt idx="11433">
                  <c:v>190.55</c:v>
                </c:pt>
                <c:pt idx="11434">
                  <c:v>190.566667</c:v>
                </c:pt>
                <c:pt idx="11435">
                  <c:v>190.58333399999998</c:v>
                </c:pt>
                <c:pt idx="11436">
                  <c:v>190.60000000000002</c:v>
                </c:pt>
                <c:pt idx="11437">
                  <c:v>190.61666700000001</c:v>
                </c:pt>
                <c:pt idx="11438">
                  <c:v>190.63333399999999</c:v>
                </c:pt>
                <c:pt idx="11439">
                  <c:v>190.65000000000003</c:v>
                </c:pt>
                <c:pt idx="11440">
                  <c:v>190.66666700000002</c:v>
                </c:pt>
                <c:pt idx="11441">
                  <c:v>190.683334</c:v>
                </c:pt>
                <c:pt idx="11442">
                  <c:v>190.7</c:v>
                </c:pt>
                <c:pt idx="11443">
                  <c:v>190.71666700000003</c:v>
                </c:pt>
                <c:pt idx="11444">
                  <c:v>190.73333400000001</c:v>
                </c:pt>
                <c:pt idx="11445">
                  <c:v>190.75</c:v>
                </c:pt>
                <c:pt idx="11446">
                  <c:v>190.76666699999998</c:v>
                </c:pt>
                <c:pt idx="11447">
                  <c:v>190.78333400000002</c:v>
                </c:pt>
                <c:pt idx="11448">
                  <c:v>190.8</c:v>
                </c:pt>
                <c:pt idx="11449">
                  <c:v>190.816667</c:v>
                </c:pt>
                <c:pt idx="11450">
                  <c:v>190.83333399999998</c:v>
                </c:pt>
                <c:pt idx="11451">
                  <c:v>190.85000000000002</c:v>
                </c:pt>
                <c:pt idx="11452">
                  <c:v>190.86666700000001</c:v>
                </c:pt>
                <c:pt idx="11453">
                  <c:v>190.88333399999999</c:v>
                </c:pt>
                <c:pt idx="11454">
                  <c:v>190.90000000000003</c:v>
                </c:pt>
                <c:pt idx="11455">
                  <c:v>190.91666700000002</c:v>
                </c:pt>
                <c:pt idx="11456">
                  <c:v>190.933334</c:v>
                </c:pt>
                <c:pt idx="11457">
                  <c:v>190.95</c:v>
                </c:pt>
                <c:pt idx="11458">
                  <c:v>190.96666700000003</c:v>
                </c:pt>
                <c:pt idx="11459">
                  <c:v>190.98333400000001</c:v>
                </c:pt>
                <c:pt idx="11460">
                  <c:v>191</c:v>
                </c:pt>
                <c:pt idx="11461">
                  <c:v>191.01666699999998</c:v>
                </c:pt>
                <c:pt idx="11462">
                  <c:v>191.03333400000002</c:v>
                </c:pt>
                <c:pt idx="11463">
                  <c:v>191.05</c:v>
                </c:pt>
                <c:pt idx="11464">
                  <c:v>191.066667</c:v>
                </c:pt>
                <c:pt idx="11465">
                  <c:v>191.08333399999998</c:v>
                </c:pt>
                <c:pt idx="11466">
                  <c:v>191.10000000000002</c:v>
                </c:pt>
                <c:pt idx="11467">
                  <c:v>191.11666700000001</c:v>
                </c:pt>
                <c:pt idx="11468">
                  <c:v>191.13333399999999</c:v>
                </c:pt>
                <c:pt idx="11469">
                  <c:v>191.15000000000003</c:v>
                </c:pt>
                <c:pt idx="11470">
                  <c:v>191.16666700000002</c:v>
                </c:pt>
                <c:pt idx="11471">
                  <c:v>191.183334</c:v>
                </c:pt>
                <c:pt idx="11472">
                  <c:v>191.2</c:v>
                </c:pt>
                <c:pt idx="11473">
                  <c:v>191.21666700000003</c:v>
                </c:pt>
                <c:pt idx="11474">
                  <c:v>191.23333400000001</c:v>
                </c:pt>
                <c:pt idx="11475">
                  <c:v>191.25</c:v>
                </c:pt>
                <c:pt idx="11476">
                  <c:v>191.26666699999998</c:v>
                </c:pt>
                <c:pt idx="11477">
                  <c:v>191.28333400000002</c:v>
                </c:pt>
                <c:pt idx="11478">
                  <c:v>191.3</c:v>
                </c:pt>
                <c:pt idx="11479">
                  <c:v>191.316667</c:v>
                </c:pt>
                <c:pt idx="11480">
                  <c:v>191.33333399999998</c:v>
                </c:pt>
                <c:pt idx="11481">
                  <c:v>191.35000000000002</c:v>
                </c:pt>
                <c:pt idx="11482">
                  <c:v>191.36666700000001</c:v>
                </c:pt>
                <c:pt idx="11483">
                  <c:v>191.38333399999999</c:v>
                </c:pt>
                <c:pt idx="11484">
                  <c:v>191.40000000000003</c:v>
                </c:pt>
                <c:pt idx="11485">
                  <c:v>191.41666700000002</c:v>
                </c:pt>
                <c:pt idx="11486">
                  <c:v>191.433334</c:v>
                </c:pt>
                <c:pt idx="11487">
                  <c:v>191.45</c:v>
                </c:pt>
                <c:pt idx="11488">
                  <c:v>191.46666700000003</c:v>
                </c:pt>
                <c:pt idx="11489">
                  <c:v>191.48333400000001</c:v>
                </c:pt>
                <c:pt idx="11490">
                  <c:v>191.5</c:v>
                </c:pt>
                <c:pt idx="11491">
                  <c:v>191.51666699999998</c:v>
                </c:pt>
                <c:pt idx="11492">
                  <c:v>191.53333400000002</c:v>
                </c:pt>
                <c:pt idx="11493">
                  <c:v>191.55</c:v>
                </c:pt>
                <c:pt idx="11494">
                  <c:v>191.566667</c:v>
                </c:pt>
                <c:pt idx="11495">
                  <c:v>191.58333399999998</c:v>
                </c:pt>
                <c:pt idx="11496">
                  <c:v>191.60000000000002</c:v>
                </c:pt>
                <c:pt idx="11497">
                  <c:v>191.61666700000001</c:v>
                </c:pt>
                <c:pt idx="11498">
                  <c:v>191.63333399999999</c:v>
                </c:pt>
                <c:pt idx="11499">
                  <c:v>191.65000000000003</c:v>
                </c:pt>
                <c:pt idx="11500">
                  <c:v>191.66666700000002</c:v>
                </c:pt>
                <c:pt idx="11501">
                  <c:v>191.683334</c:v>
                </c:pt>
                <c:pt idx="11502">
                  <c:v>191.7</c:v>
                </c:pt>
                <c:pt idx="11503">
                  <c:v>191.71666700000003</c:v>
                </c:pt>
                <c:pt idx="11504">
                  <c:v>191.73333400000001</c:v>
                </c:pt>
                <c:pt idx="11505">
                  <c:v>191.75</c:v>
                </c:pt>
                <c:pt idx="11506">
                  <c:v>191.76666699999998</c:v>
                </c:pt>
                <c:pt idx="11507">
                  <c:v>191.78333400000002</c:v>
                </c:pt>
                <c:pt idx="11508">
                  <c:v>191.8</c:v>
                </c:pt>
                <c:pt idx="11509">
                  <c:v>191.816667</c:v>
                </c:pt>
                <c:pt idx="11510">
                  <c:v>191.83333399999998</c:v>
                </c:pt>
                <c:pt idx="11511">
                  <c:v>191.85000000000002</c:v>
                </c:pt>
                <c:pt idx="11512">
                  <c:v>191.86666700000001</c:v>
                </c:pt>
                <c:pt idx="11513">
                  <c:v>191.88333399999999</c:v>
                </c:pt>
                <c:pt idx="11514">
                  <c:v>191.90000000000003</c:v>
                </c:pt>
                <c:pt idx="11515">
                  <c:v>191.91666700000002</c:v>
                </c:pt>
                <c:pt idx="11516">
                  <c:v>191.933334</c:v>
                </c:pt>
                <c:pt idx="11517">
                  <c:v>191.95</c:v>
                </c:pt>
                <c:pt idx="11518">
                  <c:v>191.96666700000003</c:v>
                </c:pt>
                <c:pt idx="11519">
                  <c:v>191.98333400000001</c:v>
                </c:pt>
                <c:pt idx="11520">
                  <c:v>192</c:v>
                </c:pt>
                <c:pt idx="11521">
                  <c:v>192.01666699999998</c:v>
                </c:pt>
                <c:pt idx="11522">
                  <c:v>192.03333400000002</c:v>
                </c:pt>
                <c:pt idx="11523">
                  <c:v>192.05</c:v>
                </c:pt>
                <c:pt idx="11524">
                  <c:v>192.066667</c:v>
                </c:pt>
                <c:pt idx="11525">
                  <c:v>192.08333399999998</c:v>
                </c:pt>
                <c:pt idx="11526">
                  <c:v>192.10000000000002</c:v>
                </c:pt>
                <c:pt idx="11527">
                  <c:v>192.11666700000001</c:v>
                </c:pt>
                <c:pt idx="11528">
                  <c:v>192.13333399999999</c:v>
                </c:pt>
                <c:pt idx="11529">
                  <c:v>192.15000000000003</c:v>
                </c:pt>
                <c:pt idx="11530">
                  <c:v>192.16666700000002</c:v>
                </c:pt>
                <c:pt idx="11531">
                  <c:v>192.183334</c:v>
                </c:pt>
                <c:pt idx="11532">
                  <c:v>192.2</c:v>
                </c:pt>
                <c:pt idx="11533">
                  <c:v>192.21666700000003</c:v>
                </c:pt>
                <c:pt idx="11534">
                  <c:v>192.23333400000001</c:v>
                </c:pt>
                <c:pt idx="11535">
                  <c:v>192.25</c:v>
                </c:pt>
                <c:pt idx="11536">
                  <c:v>192.26666699999998</c:v>
                </c:pt>
                <c:pt idx="11537">
                  <c:v>192.28333400000002</c:v>
                </c:pt>
                <c:pt idx="11538">
                  <c:v>192.3</c:v>
                </c:pt>
                <c:pt idx="11539">
                  <c:v>192.316667</c:v>
                </c:pt>
                <c:pt idx="11540">
                  <c:v>192.33333399999998</c:v>
                </c:pt>
                <c:pt idx="11541">
                  <c:v>192.35000000000002</c:v>
                </c:pt>
                <c:pt idx="11542">
                  <c:v>192.36666700000001</c:v>
                </c:pt>
                <c:pt idx="11543">
                  <c:v>192.38333399999999</c:v>
                </c:pt>
                <c:pt idx="11544">
                  <c:v>192.40000000000003</c:v>
                </c:pt>
                <c:pt idx="11545">
                  <c:v>192.41666700000002</c:v>
                </c:pt>
                <c:pt idx="11546">
                  <c:v>192.433334</c:v>
                </c:pt>
                <c:pt idx="11547">
                  <c:v>192.45</c:v>
                </c:pt>
                <c:pt idx="11548">
                  <c:v>192.46666700000003</c:v>
                </c:pt>
                <c:pt idx="11549">
                  <c:v>192.48333400000001</c:v>
                </c:pt>
                <c:pt idx="11550">
                  <c:v>192.5</c:v>
                </c:pt>
                <c:pt idx="11551">
                  <c:v>192.51666699999998</c:v>
                </c:pt>
                <c:pt idx="11552">
                  <c:v>192.53333400000002</c:v>
                </c:pt>
                <c:pt idx="11553">
                  <c:v>192.55</c:v>
                </c:pt>
                <c:pt idx="11554">
                  <c:v>192.566667</c:v>
                </c:pt>
                <c:pt idx="11555">
                  <c:v>192.58333399999998</c:v>
                </c:pt>
                <c:pt idx="11556">
                  <c:v>192.60000000000002</c:v>
                </c:pt>
                <c:pt idx="11557">
                  <c:v>192.61666700000001</c:v>
                </c:pt>
                <c:pt idx="11558">
                  <c:v>192.63333399999999</c:v>
                </c:pt>
                <c:pt idx="11559">
                  <c:v>192.65000000000003</c:v>
                </c:pt>
                <c:pt idx="11560">
                  <c:v>192.66666700000002</c:v>
                </c:pt>
                <c:pt idx="11561">
                  <c:v>192.683334</c:v>
                </c:pt>
                <c:pt idx="11562">
                  <c:v>192.7</c:v>
                </c:pt>
                <c:pt idx="11563">
                  <c:v>192.71666700000003</c:v>
                </c:pt>
                <c:pt idx="11564">
                  <c:v>192.73333400000001</c:v>
                </c:pt>
                <c:pt idx="11565">
                  <c:v>192.75</c:v>
                </c:pt>
                <c:pt idx="11566">
                  <c:v>192.76666699999998</c:v>
                </c:pt>
                <c:pt idx="11567">
                  <c:v>192.78333400000002</c:v>
                </c:pt>
                <c:pt idx="11568">
                  <c:v>192.8</c:v>
                </c:pt>
                <c:pt idx="11569">
                  <c:v>192.816667</c:v>
                </c:pt>
                <c:pt idx="11570">
                  <c:v>192.83333399999998</c:v>
                </c:pt>
                <c:pt idx="11571">
                  <c:v>192.85000000000002</c:v>
                </c:pt>
                <c:pt idx="11572">
                  <c:v>192.86666700000001</c:v>
                </c:pt>
                <c:pt idx="11573">
                  <c:v>192.88333399999999</c:v>
                </c:pt>
                <c:pt idx="11574">
                  <c:v>192.90000000000003</c:v>
                </c:pt>
                <c:pt idx="11575">
                  <c:v>192.91666700000002</c:v>
                </c:pt>
                <c:pt idx="11576">
                  <c:v>192.933334</c:v>
                </c:pt>
                <c:pt idx="11577">
                  <c:v>192.95</c:v>
                </c:pt>
                <c:pt idx="11578">
                  <c:v>192.96666700000003</c:v>
                </c:pt>
                <c:pt idx="11579">
                  <c:v>192.98333400000001</c:v>
                </c:pt>
                <c:pt idx="11580">
                  <c:v>193</c:v>
                </c:pt>
                <c:pt idx="11581">
                  <c:v>193.01666699999998</c:v>
                </c:pt>
                <c:pt idx="11582">
                  <c:v>193.03333400000002</c:v>
                </c:pt>
                <c:pt idx="11583">
                  <c:v>193.05</c:v>
                </c:pt>
                <c:pt idx="11584">
                  <c:v>193.066667</c:v>
                </c:pt>
                <c:pt idx="11585">
                  <c:v>193.08333399999998</c:v>
                </c:pt>
                <c:pt idx="11586">
                  <c:v>193.10000000000002</c:v>
                </c:pt>
                <c:pt idx="11587">
                  <c:v>193.11666700000001</c:v>
                </c:pt>
                <c:pt idx="11588">
                  <c:v>193.13333399999999</c:v>
                </c:pt>
                <c:pt idx="11589">
                  <c:v>193.15000000000003</c:v>
                </c:pt>
                <c:pt idx="11590">
                  <c:v>193.16666700000002</c:v>
                </c:pt>
                <c:pt idx="11591">
                  <c:v>193.183334</c:v>
                </c:pt>
                <c:pt idx="11592">
                  <c:v>193.2</c:v>
                </c:pt>
                <c:pt idx="11593">
                  <c:v>193.21666700000003</c:v>
                </c:pt>
                <c:pt idx="11594">
                  <c:v>193.23333400000001</c:v>
                </c:pt>
                <c:pt idx="11595">
                  <c:v>193.25</c:v>
                </c:pt>
                <c:pt idx="11596">
                  <c:v>193.26666699999998</c:v>
                </c:pt>
                <c:pt idx="11597">
                  <c:v>193.28333400000002</c:v>
                </c:pt>
                <c:pt idx="11598">
                  <c:v>193.3</c:v>
                </c:pt>
                <c:pt idx="11599">
                  <c:v>193.316667</c:v>
                </c:pt>
                <c:pt idx="11600">
                  <c:v>193.33333399999998</c:v>
                </c:pt>
                <c:pt idx="11601">
                  <c:v>193.35000000000002</c:v>
                </c:pt>
                <c:pt idx="11602">
                  <c:v>193.36666700000001</c:v>
                </c:pt>
                <c:pt idx="11603">
                  <c:v>193.38333399999999</c:v>
                </c:pt>
                <c:pt idx="11604">
                  <c:v>193.40000000000003</c:v>
                </c:pt>
                <c:pt idx="11605">
                  <c:v>193.41666700000002</c:v>
                </c:pt>
                <c:pt idx="11606">
                  <c:v>193.433334</c:v>
                </c:pt>
                <c:pt idx="11607">
                  <c:v>193.45</c:v>
                </c:pt>
                <c:pt idx="11608">
                  <c:v>193.46666700000003</c:v>
                </c:pt>
                <c:pt idx="11609">
                  <c:v>193.48333400000001</c:v>
                </c:pt>
                <c:pt idx="11610">
                  <c:v>193.5</c:v>
                </c:pt>
                <c:pt idx="11611">
                  <c:v>193.51666699999998</c:v>
                </c:pt>
                <c:pt idx="11612">
                  <c:v>193.53333400000002</c:v>
                </c:pt>
                <c:pt idx="11613">
                  <c:v>193.55</c:v>
                </c:pt>
                <c:pt idx="11614">
                  <c:v>193.566667</c:v>
                </c:pt>
                <c:pt idx="11615">
                  <c:v>193.58333399999998</c:v>
                </c:pt>
                <c:pt idx="11616">
                  <c:v>193.60000000000002</c:v>
                </c:pt>
                <c:pt idx="11617">
                  <c:v>193.61666700000001</c:v>
                </c:pt>
                <c:pt idx="11618">
                  <c:v>193.63333399999999</c:v>
                </c:pt>
                <c:pt idx="11619">
                  <c:v>193.65000000000003</c:v>
                </c:pt>
                <c:pt idx="11620">
                  <c:v>193.66666700000002</c:v>
                </c:pt>
                <c:pt idx="11621">
                  <c:v>193.683334</c:v>
                </c:pt>
                <c:pt idx="11622">
                  <c:v>193.7</c:v>
                </c:pt>
                <c:pt idx="11623">
                  <c:v>193.71666700000003</c:v>
                </c:pt>
                <c:pt idx="11624">
                  <c:v>193.73333400000001</c:v>
                </c:pt>
                <c:pt idx="11625">
                  <c:v>193.75</c:v>
                </c:pt>
                <c:pt idx="11626">
                  <c:v>193.76666699999998</c:v>
                </c:pt>
                <c:pt idx="11627">
                  <c:v>193.78333400000002</c:v>
                </c:pt>
                <c:pt idx="11628">
                  <c:v>193.8</c:v>
                </c:pt>
                <c:pt idx="11629">
                  <c:v>193.816667</c:v>
                </c:pt>
                <c:pt idx="11630">
                  <c:v>193.83333399999998</c:v>
                </c:pt>
                <c:pt idx="11631">
                  <c:v>193.85000000000002</c:v>
                </c:pt>
                <c:pt idx="11632">
                  <c:v>193.86666700000001</c:v>
                </c:pt>
                <c:pt idx="11633">
                  <c:v>193.88333399999999</c:v>
                </c:pt>
                <c:pt idx="11634">
                  <c:v>193.90000000000003</c:v>
                </c:pt>
                <c:pt idx="11635">
                  <c:v>193.91666700000002</c:v>
                </c:pt>
                <c:pt idx="11636">
                  <c:v>193.933334</c:v>
                </c:pt>
                <c:pt idx="11637">
                  <c:v>193.95</c:v>
                </c:pt>
                <c:pt idx="11638">
                  <c:v>193.96666700000003</c:v>
                </c:pt>
                <c:pt idx="11639">
                  <c:v>193.98333400000001</c:v>
                </c:pt>
                <c:pt idx="11640">
                  <c:v>194</c:v>
                </c:pt>
                <c:pt idx="11641">
                  <c:v>194.01666699999998</c:v>
                </c:pt>
                <c:pt idx="11642">
                  <c:v>194.03333400000002</c:v>
                </c:pt>
                <c:pt idx="11643">
                  <c:v>194.05</c:v>
                </c:pt>
                <c:pt idx="11644">
                  <c:v>194.066667</c:v>
                </c:pt>
                <c:pt idx="11645">
                  <c:v>194.08333399999998</c:v>
                </c:pt>
                <c:pt idx="11646">
                  <c:v>194.10000000000002</c:v>
                </c:pt>
                <c:pt idx="11647">
                  <c:v>194.11666700000001</c:v>
                </c:pt>
                <c:pt idx="11648">
                  <c:v>194.13333399999999</c:v>
                </c:pt>
                <c:pt idx="11649">
                  <c:v>194.15000000000003</c:v>
                </c:pt>
                <c:pt idx="11650">
                  <c:v>194.16666700000002</c:v>
                </c:pt>
                <c:pt idx="11651">
                  <c:v>194.183334</c:v>
                </c:pt>
                <c:pt idx="11652">
                  <c:v>194.2</c:v>
                </c:pt>
                <c:pt idx="11653">
                  <c:v>194.21666700000003</c:v>
                </c:pt>
                <c:pt idx="11654">
                  <c:v>194.23333400000001</c:v>
                </c:pt>
                <c:pt idx="11655">
                  <c:v>194.25</c:v>
                </c:pt>
                <c:pt idx="11656">
                  <c:v>194.26666699999998</c:v>
                </c:pt>
                <c:pt idx="11657">
                  <c:v>194.28333400000002</c:v>
                </c:pt>
                <c:pt idx="11658">
                  <c:v>194.3</c:v>
                </c:pt>
                <c:pt idx="11659">
                  <c:v>194.316667</c:v>
                </c:pt>
                <c:pt idx="11660">
                  <c:v>194.33333399999998</c:v>
                </c:pt>
                <c:pt idx="11661">
                  <c:v>194.35000000000002</c:v>
                </c:pt>
                <c:pt idx="11662">
                  <c:v>194.36666700000001</c:v>
                </c:pt>
                <c:pt idx="11663">
                  <c:v>194.38333399999999</c:v>
                </c:pt>
                <c:pt idx="11664">
                  <c:v>194.40000000000003</c:v>
                </c:pt>
                <c:pt idx="11665">
                  <c:v>194.41666700000002</c:v>
                </c:pt>
                <c:pt idx="11666">
                  <c:v>194.433334</c:v>
                </c:pt>
                <c:pt idx="11667">
                  <c:v>194.45</c:v>
                </c:pt>
                <c:pt idx="11668">
                  <c:v>194.46666700000003</c:v>
                </c:pt>
                <c:pt idx="11669">
                  <c:v>194.48333400000001</c:v>
                </c:pt>
                <c:pt idx="11670">
                  <c:v>194.5</c:v>
                </c:pt>
                <c:pt idx="11671">
                  <c:v>194.51666699999998</c:v>
                </c:pt>
                <c:pt idx="11672">
                  <c:v>194.53333400000002</c:v>
                </c:pt>
                <c:pt idx="11673">
                  <c:v>194.55</c:v>
                </c:pt>
                <c:pt idx="11674">
                  <c:v>194.566667</c:v>
                </c:pt>
                <c:pt idx="11675">
                  <c:v>194.58333399999998</c:v>
                </c:pt>
                <c:pt idx="11676">
                  <c:v>194.60000000000002</c:v>
                </c:pt>
                <c:pt idx="11677">
                  <c:v>194.61666700000001</c:v>
                </c:pt>
                <c:pt idx="11678">
                  <c:v>194.63333399999999</c:v>
                </c:pt>
                <c:pt idx="11679">
                  <c:v>194.65000000000003</c:v>
                </c:pt>
                <c:pt idx="11680">
                  <c:v>194.66666700000002</c:v>
                </c:pt>
                <c:pt idx="11681">
                  <c:v>194.683334</c:v>
                </c:pt>
                <c:pt idx="11682">
                  <c:v>194.7</c:v>
                </c:pt>
                <c:pt idx="11683">
                  <c:v>194.71666700000003</c:v>
                </c:pt>
                <c:pt idx="11684">
                  <c:v>194.73333400000001</c:v>
                </c:pt>
                <c:pt idx="11685">
                  <c:v>194.75</c:v>
                </c:pt>
                <c:pt idx="11686">
                  <c:v>194.76666699999998</c:v>
                </c:pt>
                <c:pt idx="11687">
                  <c:v>194.78333400000002</c:v>
                </c:pt>
                <c:pt idx="11688">
                  <c:v>194.8</c:v>
                </c:pt>
                <c:pt idx="11689">
                  <c:v>194.816667</c:v>
                </c:pt>
                <c:pt idx="11690">
                  <c:v>194.83333399999998</c:v>
                </c:pt>
                <c:pt idx="11691">
                  <c:v>194.85000000000002</c:v>
                </c:pt>
                <c:pt idx="11692">
                  <c:v>194.86666700000001</c:v>
                </c:pt>
                <c:pt idx="11693">
                  <c:v>194.88333399999999</c:v>
                </c:pt>
                <c:pt idx="11694">
                  <c:v>194.90000000000003</c:v>
                </c:pt>
                <c:pt idx="11695">
                  <c:v>194.91666700000002</c:v>
                </c:pt>
                <c:pt idx="11696">
                  <c:v>194.933334</c:v>
                </c:pt>
                <c:pt idx="11697">
                  <c:v>194.95</c:v>
                </c:pt>
                <c:pt idx="11698">
                  <c:v>194.96666700000003</c:v>
                </c:pt>
                <c:pt idx="11699">
                  <c:v>194.98333400000001</c:v>
                </c:pt>
                <c:pt idx="11700">
                  <c:v>195</c:v>
                </c:pt>
                <c:pt idx="11701">
                  <c:v>195.01666699999998</c:v>
                </c:pt>
                <c:pt idx="11702">
                  <c:v>195.03333400000002</c:v>
                </c:pt>
                <c:pt idx="11703">
                  <c:v>195.05</c:v>
                </c:pt>
                <c:pt idx="11704">
                  <c:v>195.066667</c:v>
                </c:pt>
                <c:pt idx="11705">
                  <c:v>195.08333399999998</c:v>
                </c:pt>
                <c:pt idx="11706">
                  <c:v>195.10000000000002</c:v>
                </c:pt>
                <c:pt idx="11707">
                  <c:v>195.11666700000001</c:v>
                </c:pt>
                <c:pt idx="11708">
                  <c:v>195.13333399999999</c:v>
                </c:pt>
                <c:pt idx="11709">
                  <c:v>195.15000000000003</c:v>
                </c:pt>
                <c:pt idx="11710">
                  <c:v>195.16666700000002</c:v>
                </c:pt>
                <c:pt idx="11711">
                  <c:v>195.183334</c:v>
                </c:pt>
                <c:pt idx="11712">
                  <c:v>195.2</c:v>
                </c:pt>
                <c:pt idx="11713">
                  <c:v>195.21666700000003</c:v>
                </c:pt>
                <c:pt idx="11714">
                  <c:v>195.23333400000001</c:v>
                </c:pt>
                <c:pt idx="11715">
                  <c:v>195.25</c:v>
                </c:pt>
                <c:pt idx="11716">
                  <c:v>195.26666699999998</c:v>
                </c:pt>
                <c:pt idx="11717">
                  <c:v>195.28333400000002</c:v>
                </c:pt>
                <c:pt idx="11718">
                  <c:v>195.3</c:v>
                </c:pt>
                <c:pt idx="11719">
                  <c:v>195.316667</c:v>
                </c:pt>
                <c:pt idx="11720">
                  <c:v>195.33333399999998</c:v>
                </c:pt>
                <c:pt idx="11721">
                  <c:v>195.35000000000002</c:v>
                </c:pt>
                <c:pt idx="11722">
                  <c:v>195.36666700000001</c:v>
                </c:pt>
                <c:pt idx="11723">
                  <c:v>195.38333399999999</c:v>
                </c:pt>
                <c:pt idx="11724">
                  <c:v>195.40000000000003</c:v>
                </c:pt>
                <c:pt idx="11725">
                  <c:v>195.41666700000002</c:v>
                </c:pt>
                <c:pt idx="11726">
                  <c:v>195.433334</c:v>
                </c:pt>
                <c:pt idx="11727">
                  <c:v>195.45</c:v>
                </c:pt>
                <c:pt idx="11728">
                  <c:v>195.46666700000003</c:v>
                </c:pt>
                <c:pt idx="11729">
                  <c:v>195.48333400000001</c:v>
                </c:pt>
                <c:pt idx="11730">
                  <c:v>195.5</c:v>
                </c:pt>
                <c:pt idx="11731">
                  <c:v>195.51666699999998</c:v>
                </c:pt>
                <c:pt idx="11732">
                  <c:v>195.53333400000002</c:v>
                </c:pt>
                <c:pt idx="11733">
                  <c:v>195.55</c:v>
                </c:pt>
                <c:pt idx="11734">
                  <c:v>195.566667</c:v>
                </c:pt>
                <c:pt idx="11735">
                  <c:v>195.58333399999998</c:v>
                </c:pt>
                <c:pt idx="11736">
                  <c:v>195.60000000000002</c:v>
                </c:pt>
                <c:pt idx="11737">
                  <c:v>195.61666700000001</c:v>
                </c:pt>
                <c:pt idx="11738">
                  <c:v>195.63333399999999</c:v>
                </c:pt>
                <c:pt idx="11739">
                  <c:v>195.65000000000003</c:v>
                </c:pt>
                <c:pt idx="11740">
                  <c:v>195.66666700000002</c:v>
                </c:pt>
                <c:pt idx="11741">
                  <c:v>195.683334</c:v>
                </c:pt>
                <c:pt idx="11742">
                  <c:v>195.7</c:v>
                </c:pt>
                <c:pt idx="11743">
                  <c:v>195.71666700000003</c:v>
                </c:pt>
                <c:pt idx="11744">
                  <c:v>195.73333400000001</c:v>
                </c:pt>
                <c:pt idx="11745">
                  <c:v>195.75</c:v>
                </c:pt>
                <c:pt idx="11746">
                  <c:v>195.76666699999998</c:v>
                </c:pt>
                <c:pt idx="11747">
                  <c:v>195.78333400000002</c:v>
                </c:pt>
                <c:pt idx="11748">
                  <c:v>195.8</c:v>
                </c:pt>
                <c:pt idx="11749">
                  <c:v>195.816667</c:v>
                </c:pt>
                <c:pt idx="11750">
                  <c:v>195.83333399999998</c:v>
                </c:pt>
                <c:pt idx="11751">
                  <c:v>195.85000000000002</c:v>
                </c:pt>
                <c:pt idx="11752">
                  <c:v>195.86666700000001</c:v>
                </c:pt>
                <c:pt idx="11753">
                  <c:v>195.88333399999999</c:v>
                </c:pt>
                <c:pt idx="11754">
                  <c:v>195.90000000000003</c:v>
                </c:pt>
                <c:pt idx="11755">
                  <c:v>195.91666700000002</c:v>
                </c:pt>
                <c:pt idx="11756">
                  <c:v>195.933334</c:v>
                </c:pt>
                <c:pt idx="11757">
                  <c:v>195.95</c:v>
                </c:pt>
                <c:pt idx="11758">
                  <c:v>195.96666700000003</c:v>
                </c:pt>
                <c:pt idx="11759">
                  <c:v>195.98333400000001</c:v>
                </c:pt>
                <c:pt idx="11760">
                  <c:v>196</c:v>
                </c:pt>
                <c:pt idx="11761">
                  <c:v>196.01666699999998</c:v>
                </c:pt>
                <c:pt idx="11762">
                  <c:v>196.03333400000002</c:v>
                </c:pt>
                <c:pt idx="11763">
                  <c:v>196.05</c:v>
                </c:pt>
                <c:pt idx="11764">
                  <c:v>196.066667</c:v>
                </c:pt>
                <c:pt idx="11765">
                  <c:v>196.08333399999998</c:v>
                </c:pt>
                <c:pt idx="11766">
                  <c:v>196.10000000000002</c:v>
                </c:pt>
                <c:pt idx="11767">
                  <c:v>196.11666700000001</c:v>
                </c:pt>
                <c:pt idx="11768">
                  <c:v>196.13333399999999</c:v>
                </c:pt>
                <c:pt idx="11769">
                  <c:v>196.15000000000003</c:v>
                </c:pt>
                <c:pt idx="11770">
                  <c:v>196.16666700000002</c:v>
                </c:pt>
                <c:pt idx="11771">
                  <c:v>196.183334</c:v>
                </c:pt>
                <c:pt idx="11772">
                  <c:v>196.2</c:v>
                </c:pt>
                <c:pt idx="11773">
                  <c:v>196.21666700000003</c:v>
                </c:pt>
                <c:pt idx="11774">
                  <c:v>196.23333400000001</c:v>
                </c:pt>
                <c:pt idx="11775">
                  <c:v>196.25</c:v>
                </c:pt>
                <c:pt idx="11776">
                  <c:v>196.26666699999998</c:v>
                </c:pt>
                <c:pt idx="11777">
                  <c:v>196.28333400000002</c:v>
                </c:pt>
                <c:pt idx="11778">
                  <c:v>196.3</c:v>
                </c:pt>
                <c:pt idx="11779">
                  <c:v>196.316667</c:v>
                </c:pt>
                <c:pt idx="11780">
                  <c:v>196.33333399999998</c:v>
                </c:pt>
                <c:pt idx="11781">
                  <c:v>196.35000000000002</c:v>
                </c:pt>
                <c:pt idx="11782">
                  <c:v>196.36666700000001</c:v>
                </c:pt>
                <c:pt idx="11783">
                  <c:v>196.38333399999999</c:v>
                </c:pt>
                <c:pt idx="11784">
                  <c:v>196.40000000000003</c:v>
                </c:pt>
                <c:pt idx="11785">
                  <c:v>196.41666700000002</c:v>
                </c:pt>
                <c:pt idx="11786">
                  <c:v>196.433334</c:v>
                </c:pt>
                <c:pt idx="11787">
                  <c:v>196.45</c:v>
                </c:pt>
                <c:pt idx="11788">
                  <c:v>196.46666700000003</c:v>
                </c:pt>
                <c:pt idx="11789">
                  <c:v>196.48333400000001</c:v>
                </c:pt>
                <c:pt idx="11790">
                  <c:v>196.5</c:v>
                </c:pt>
                <c:pt idx="11791">
                  <c:v>196.51666699999998</c:v>
                </c:pt>
                <c:pt idx="11792">
                  <c:v>196.53333400000002</c:v>
                </c:pt>
                <c:pt idx="11793">
                  <c:v>196.55</c:v>
                </c:pt>
                <c:pt idx="11794">
                  <c:v>196.566667</c:v>
                </c:pt>
                <c:pt idx="11795">
                  <c:v>196.58333399999998</c:v>
                </c:pt>
                <c:pt idx="11796">
                  <c:v>196.60000000000002</c:v>
                </c:pt>
                <c:pt idx="11797">
                  <c:v>196.61666700000001</c:v>
                </c:pt>
                <c:pt idx="11798">
                  <c:v>196.63333399999999</c:v>
                </c:pt>
                <c:pt idx="11799">
                  <c:v>196.65000000000003</c:v>
                </c:pt>
                <c:pt idx="11800">
                  <c:v>196.66666700000002</c:v>
                </c:pt>
                <c:pt idx="11801">
                  <c:v>196.683334</c:v>
                </c:pt>
                <c:pt idx="11802">
                  <c:v>196.7</c:v>
                </c:pt>
                <c:pt idx="11803">
                  <c:v>196.71666700000003</c:v>
                </c:pt>
                <c:pt idx="11804">
                  <c:v>196.73333400000001</c:v>
                </c:pt>
                <c:pt idx="11805">
                  <c:v>196.75</c:v>
                </c:pt>
                <c:pt idx="11806">
                  <c:v>196.76666699999998</c:v>
                </c:pt>
                <c:pt idx="11807">
                  <c:v>196.78333400000002</c:v>
                </c:pt>
                <c:pt idx="11808">
                  <c:v>196.8</c:v>
                </c:pt>
                <c:pt idx="11809">
                  <c:v>196.816667</c:v>
                </c:pt>
                <c:pt idx="11810">
                  <c:v>196.83333399999998</c:v>
                </c:pt>
                <c:pt idx="11811">
                  <c:v>196.85000000000002</c:v>
                </c:pt>
                <c:pt idx="11812">
                  <c:v>196.86666700000001</c:v>
                </c:pt>
                <c:pt idx="11813">
                  <c:v>196.88333399999999</c:v>
                </c:pt>
                <c:pt idx="11814">
                  <c:v>196.90000000000003</c:v>
                </c:pt>
                <c:pt idx="11815">
                  <c:v>196.91666700000002</c:v>
                </c:pt>
                <c:pt idx="11816">
                  <c:v>196.933334</c:v>
                </c:pt>
                <c:pt idx="11817">
                  <c:v>196.95</c:v>
                </c:pt>
                <c:pt idx="11818">
                  <c:v>196.96666700000003</c:v>
                </c:pt>
                <c:pt idx="11819">
                  <c:v>196.98333400000001</c:v>
                </c:pt>
                <c:pt idx="11820">
                  <c:v>197</c:v>
                </c:pt>
                <c:pt idx="11821">
                  <c:v>197.01666699999998</c:v>
                </c:pt>
                <c:pt idx="11822">
                  <c:v>197.03333400000002</c:v>
                </c:pt>
                <c:pt idx="11823">
                  <c:v>197.05</c:v>
                </c:pt>
                <c:pt idx="11824">
                  <c:v>197.066667</c:v>
                </c:pt>
                <c:pt idx="11825">
                  <c:v>197.08333399999998</c:v>
                </c:pt>
                <c:pt idx="11826">
                  <c:v>197.10000000000002</c:v>
                </c:pt>
                <c:pt idx="11827">
                  <c:v>197.11666700000001</c:v>
                </c:pt>
                <c:pt idx="11828">
                  <c:v>197.13333399999999</c:v>
                </c:pt>
                <c:pt idx="11829">
                  <c:v>197.15000000000003</c:v>
                </c:pt>
                <c:pt idx="11830">
                  <c:v>197.16666700000002</c:v>
                </c:pt>
                <c:pt idx="11831">
                  <c:v>197.183334</c:v>
                </c:pt>
                <c:pt idx="11832">
                  <c:v>197.2</c:v>
                </c:pt>
                <c:pt idx="11833">
                  <c:v>197.21666700000003</c:v>
                </c:pt>
                <c:pt idx="11834">
                  <c:v>197.23333400000001</c:v>
                </c:pt>
                <c:pt idx="11835">
                  <c:v>197.25</c:v>
                </c:pt>
                <c:pt idx="11836">
                  <c:v>197.26666699999998</c:v>
                </c:pt>
                <c:pt idx="11837">
                  <c:v>197.28333400000002</c:v>
                </c:pt>
                <c:pt idx="11838">
                  <c:v>197.3</c:v>
                </c:pt>
                <c:pt idx="11839">
                  <c:v>197.316667</c:v>
                </c:pt>
                <c:pt idx="11840">
                  <c:v>197.33333399999998</c:v>
                </c:pt>
                <c:pt idx="11841">
                  <c:v>197.35000000000002</c:v>
                </c:pt>
                <c:pt idx="11842">
                  <c:v>197.36666700000001</c:v>
                </c:pt>
                <c:pt idx="11843">
                  <c:v>197.38333399999999</c:v>
                </c:pt>
                <c:pt idx="11844">
                  <c:v>197.40000000000003</c:v>
                </c:pt>
                <c:pt idx="11845">
                  <c:v>197.41666700000002</c:v>
                </c:pt>
                <c:pt idx="11846">
                  <c:v>197.433334</c:v>
                </c:pt>
                <c:pt idx="11847">
                  <c:v>197.45</c:v>
                </c:pt>
                <c:pt idx="11848">
                  <c:v>197.46666700000003</c:v>
                </c:pt>
                <c:pt idx="11849">
                  <c:v>197.48333400000001</c:v>
                </c:pt>
                <c:pt idx="11850">
                  <c:v>197.5</c:v>
                </c:pt>
                <c:pt idx="11851">
                  <c:v>197.51666699999998</c:v>
                </c:pt>
                <c:pt idx="11852">
                  <c:v>197.53333400000002</c:v>
                </c:pt>
                <c:pt idx="11853">
                  <c:v>197.55</c:v>
                </c:pt>
                <c:pt idx="11854">
                  <c:v>197.566667</c:v>
                </c:pt>
                <c:pt idx="11855">
                  <c:v>197.58333399999998</c:v>
                </c:pt>
                <c:pt idx="11856">
                  <c:v>197.60000000000002</c:v>
                </c:pt>
                <c:pt idx="11857">
                  <c:v>197.61666700000001</c:v>
                </c:pt>
                <c:pt idx="11858">
                  <c:v>197.63333399999999</c:v>
                </c:pt>
                <c:pt idx="11859">
                  <c:v>197.65000000000003</c:v>
                </c:pt>
                <c:pt idx="11860">
                  <c:v>197.66666700000002</c:v>
                </c:pt>
                <c:pt idx="11861">
                  <c:v>197.683334</c:v>
                </c:pt>
                <c:pt idx="11862">
                  <c:v>197.7</c:v>
                </c:pt>
                <c:pt idx="11863">
                  <c:v>197.71666700000003</c:v>
                </c:pt>
                <c:pt idx="11864">
                  <c:v>197.73333400000001</c:v>
                </c:pt>
                <c:pt idx="11865">
                  <c:v>197.75</c:v>
                </c:pt>
                <c:pt idx="11866">
                  <c:v>197.76666699999998</c:v>
                </c:pt>
                <c:pt idx="11867">
                  <c:v>197.78333400000002</c:v>
                </c:pt>
                <c:pt idx="11868">
                  <c:v>197.8</c:v>
                </c:pt>
                <c:pt idx="11869">
                  <c:v>197.816667</c:v>
                </c:pt>
                <c:pt idx="11870">
                  <c:v>197.83333399999998</c:v>
                </c:pt>
                <c:pt idx="11871">
                  <c:v>197.85000000000002</c:v>
                </c:pt>
                <c:pt idx="11872">
                  <c:v>197.86666700000001</c:v>
                </c:pt>
                <c:pt idx="11873">
                  <c:v>197.88333399999999</c:v>
                </c:pt>
                <c:pt idx="11874">
                  <c:v>197.90000000000003</c:v>
                </c:pt>
                <c:pt idx="11875">
                  <c:v>197.91666700000002</c:v>
                </c:pt>
                <c:pt idx="11876">
                  <c:v>197.933334</c:v>
                </c:pt>
                <c:pt idx="11877">
                  <c:v>197.95</c:v>
                </c:pt>
                <c:pt idx="11878">
                  <c:v>197.96666700000003</c:v>
                </c:pt>
                <c:pt idx="11879">
                  <c:v>197.98333400000001</c:v>
                </c:pt>
                <c:pt idx="11880">
                  <c:v>198</c:v>
                </c:pt>
                <c:pt idx="11881">
                  <c:v>198.01666699999998</c:v>
                </c:pt>
                <c:pt idx="11882">
                  <c:v>198.03333400000002</c:v>
                </c:pt>
                <c:pt idx="11883">
                  <c:v>198.05</c:v>
                </c:pt>
                <c:pt idx="11884">
                  <c:v>198.066667</c:v>
                </c:pt>
                <c:pt idx="11885">
                  <c:v>198.08333399999998</c:v>
                </c:pt>
                <c:pt idx="11886">
                  <c:v>198.10000000000002</c:v>
                </c:pt>
                <c:pt idx="11887">
                  <c:v>198.11666700000001</c:v>
                </c:pt>
                <c:pt idx="11888">
                  <c:v>198.13333399999999</c:v>
                </c:pt>
                <c:pt idx="11889">
                  <c:v>198.15000000000003</c:v>
                </c:pt>
                <c:pt idx="11890">
                  <c:v>198.16666700000002</c:v>
                </c:pt>
                <c:pt idx="11891">
                  <c:v>198.183334</c:v>
                </c:pt>
                <c:pt idx="11892">
                  <c:v>198.2</c:v>
                </c:pt>
                <c:pt idx="11893">
                  <c:v>198.21666700000003</c:v>
                </c:pt>
                <c:pt idx="11894">
                  <c:v>198.23333400000001</c:v>
                </c:pt>
                <c:pt idx="11895">
                  <c:v>198.25</c:v>
                </c:pt>
                <c:pt idx="11896">
                  <c:v>198.26666699999998</c:v>
                </c:pt>
                <c:pt idx="11897">
                  <c:v>198.28333400000002</c:v>
                </c:pt>
                <c:pt idx="11898">
                  <c:v>198.3</c:v>
                </c:pt>
                <c:pt idx="11899">
                  <c:v>198.316667</c:v>
                </c:pt>
                <c:pt idx="11900">
                  <c:v>198.33333399999998</c:v>
                </c:pt>
                <c:pt idx="11901">
                  <c:v>198.35000000000002</c:v>
                </c:pt>
                <c:pt idx="11902">
                  <c:v>198.36666700000001</c:v>
                </c:pt>
                <c:pt idx="11903">
                  <c:v>198.38333399999999</c:v>
                </c:pt>
                <c:pt idx="11904">
                  <c:v>198.40000000000003</c:v>
                </c:pt>
                <c:pt idx="11905">
                  <c:v>198.41666700000002</c:v>
                </c:pt>
                <c:pt idx="11906">
                  <c:v>198.433334</c:v>
                </c:pt>
                <c:pt idx="11907">
                  <c:v>198.45</c:v>
                </c:pt>
                <c:pt idx="11908">
                  <c:v>198.46666700000003</c:v>
                </c:pt>
                <c:pt idx="11909">
                  <c:v>198.48333400000001</c:v>
                </c:pt>
                <c:pt idx="11910">
                  <c:v>198.5</c:v>
                </c:pt>
                <c:pt idx="11911">
                  <c:v>198.51666699999998</c:v>
                </c:pt>
                <c:pt idx="11912">
                  <c:v>198.53333400000002</c:v>
                </c:pt>
                <c:pt idx="11913">
                  <c:v>198.55</c:v>
                </c:pt>
                <c:pt idx="11914">
                  <c:v>198.566667</c:v>
                </c:pt>
                <c:pt idx="11915">
                  <c:v>198.58333399999998</c:v>
                </c:pt>
                <c:pt idx="11916">
                  <c:v>198.60000000000002</c:v>
                </c:pt>
                <c:pt idx="11917">
                  <c:v>198.61666700000001</c:v>
                </c:pt>
                <c:pt idx="11918">
                  <c:v>198.63333399999999</c:v>
                </c:pt>
                <c:pt idx="11919">
                  <c:v>198.65000000000003</c:v>
                </c:pt>
                <c:pt idx="11920">
                  <c:v>198.66666700000002</c:v>
                </c:pt>
                <c:pt idx="11921">
                  <c:v>198.683334</c:v>
                </c:pt>
                <c:pt idx="11922">
                  <c:v>198.7</c:v>
                </c:pt>
                <c:pt idx="11923">
                  <c:v>198.71666700000003</c:v>
                </c:pt>
                <c:pt idx="11924">
                  <c:v>198.73333400000001</c:v>
                </c:pt>
                <c:pt idx="11925">
                  <c:v>198.75</c:v>
                </c:pt>
                <c:pt idx="11926">
                  <c:v>198.76666699999998</c:v>
                </c:pt>
                <c:pt idx="11927">
                  <c:v>198.78333400000002</c:v>
                </c:pt>
                <c:pt idx="11928">
                  <c:v>198.8</c:v>
                </c:pt>
                <c:pt idx="11929">
                  <c:v>198.816667</c:v>
                </c:pt>
                <c:pt idx="11930">
                  <c:v>198.83333399999998</c:v>
                </c:pt>
                <c:pt idx="11931">
                  <c:v>198.85000000000002</c:v>
                </c:pt>
                <c:pt idx="11932">
                  <c:v>198.86666700000001</c:v>
                </c:pt>
                <c:pt idx="11933">
                  <c:v>198.88333399999999</c:v>
                </c:pt>
                <c:pt idx="11934">
                  <c:v>198.90000000000003</c:v>
                </c:pt>
                <c:pt idx="11935">
                  <c:v>198.91666700000002</c:v>
                </c:pt>
                <c:pt idx="11936">
                  <c:v>198.933334</c:v>
                </c:pt>
                <c:pt idx="11937">
                  <c:v>198.95</c:v>
                </c:pt>
                <c:pt idx="11938">
                  <c:v>198.96666700000003</c:v>
                </c:pt>
                <c:pt idx="11939">
                  <c:v>198.98333400000001</c:v>
                </c:pt>
                <c:pt idx="11940">
                  <c:v>199</c:v>
                </c:pt>
                <c:pt idx="11941">
                  <c:v>199.01666699999998</c:v>
                </c:pt>
                <c:pt idx="11942">
                  <c:v>199.03333400000002</c:v>
                </c:pt>
                <c:pt idx="11943">
                  <c:v>199.05</c:v>
                </c:pt>
                <c:pt idx="11944">
                  <c:v>199.066667</c:v>
                </c:pt>
                <c:pt idx="11945">
                  <c:v>199.08333399999998</c:v>
                </c:pt>
                <c:pt idx="11946">
                  <c:v>199.10000000000002</c:v>
                </c:pt>
                <c:pt idx="11947">
                  <c:v>199.11666700000001</c:v>
                </c:pt>
                <c:pt idx="11948">
                  <c:v>199.13333399999999</c:v>
                </c:pt>
                <c:pt idx="11949">
                  <c:v>199.15000000000003</c:v>
                </c:pt>
                <c:pt idx="11950">
                  <c:v>199.16666700000002</c:v>
                </c:pt>
                <c:pt idx="11951">
                  <c:v>199.183334</c:v>
                </c:pt>
                <c:pt idx="11952">
                  <c:v>199.2</c:v>
                </c:pt>
                <c:pt idx="11953">
                  <c:v>199.21666700000003</c:v>
                </c:pt>
                <c:pt idx="11954">
                  <c:v>199.23333400000001</c:v>
                </c:pt>
                <c:pt idx="11955">
                  <c:v>199.25</c:v>
                </c:pt>
                <c:pt idx="11956">
                  <c:v>199.26666699999998</c:v>
                </c:pt>
                <c:pt idx="11957">
                  <c:v>199.28333400000002</c:v>
                </c:pt>
                <c:pt idx="11958">
                  <c:v>199.3</c:v>
                </c:pt>
                <c:pt idx="11959">
                  <c:v>199.316667</c:v>
                </c:pt>
                <c:pt idx="11960">
                  <c:v>199.33333399999998</c:v>
                </c:pt>
                <c:pt idx="11961">
                  <c:v>199.35000000000002</c:v>
                </c:pt>
                <c:pt idx="11962">
                  <c:v>199.36666700000001</c:v>
                </c:pt>
                <c:pt idx="11963">
                  <c:v>199.38333399999999</c:v>
                </c:pt>
                <c:pt idx="11964">
                  <c:v>199.40000000000003</c:v>
                </c:pt>
                <c:pt idx="11965">
                  <c:v>199.41666700000002</c:v>
                </c:pt>
                <c:pt idx="11966">
                  <c:v>199.433334</c:v>
                </c:pt>
                <c:pt idx="11967">
                  <c:v>199.45</c:v>
                </c:pt>
                <c:pt idx="11968">
                  <c:v>199.46666700000003</c:v>
                </c:pt>
                <c:pt idx="11969">
                  <c:v>199.48333400000001</c:v>
                </c:pt>
                <c:pt idx="11970">
                  <c:v>199.5</c:v>
                </c:pt>
                <c:pt idx="11971">
                  <c:v>199.51666699999998</c:v>
                </c:pt>
                <c:pt idx="11972">
                  <c:v>199.53333400000002</c:v>
                </c:pt>
                <c:pt idx="11973">
                  <c:v>199.55</c:v>
                </c:pt>
                <c:pt idx="11974">
                  <c:v>199.566667</c:v>
                </c:pt>
                <c:pt idx="11975">
                  <c:v>199.58333399999998</c:v>
                </c:pt>
                <c:pt idx="11976">
                  <c:v>199.60000000000002</c:v>
                </c:pt>
                <c:pt idx="11977">
                  <c:v>199.61666700000001</c:v>
                </c:pt>
                <c:pt idx="11978">
                  <c:v>199.63333399999999</c:v>
                </c:pt>
                <c:pt idx="11979">
                  <c:v>199.65000000000003</c:v>
                </c:pt>
                <c:pt idx="11980">
                  <c:v>199.66666700000002</c:v>
                </c:pt>
                <c:pt idx="11981">
                  <c:v>199.683334</c:v>
                </c:pt>
                <c:pt idx="11982">
                  <c:v>199.7</c:v>
                </c:pt>
                <c:pt idx="11983">
                  <c:v>199.71666700000003</c:v>
                </c:pt>
                <c:pt idx="11984">
                  <c:v>199.73333400000001</c:v>
                </c:pt>
                <c:pt idx="11985">
                  <c:v>199.75</c:v>
                </c:pt>
                <c:pt idx="11986">
                  <c:v>199.76666699999998</c:v>
                </c:pt>
                <c:pt idx="11987">
                  <c:v>199.78333400000002</c:v>
                </c:pt>
                <c:pt idx="11988">
                  <c:v>199.8</c:v>
                </c:pt>
                <c:pt idx="11989">
                  <c:v>199.816667</c:v>
                </c:pt>
                <c:pt idx="11990">
                  <c:v>199.83333399999998</c:v>
                </c:pt>
                <c:pt idx="11991">
                  <c:v>199.85000000000002</c:v>
                </c:pt>
                <c:pt idx="11992">
                  <c:v>199.86666700000001</c:v>
                </c:pt>
                <c:pt idx="11993">
                  <c:v>199.88333399999999</c:v>
                </c:pt>
                <c:pt idx="11994">
                  <c:v>199.90000000000003</c:v>
                </c:pt>
                <c:pt idx="11995">
                  <c:v>199.91666700000002</c:v>
                </c:pt>
                <c:pt idx="11996">
                  <c:v>199.933334</c:v>
                </c:pt>
                <c:pt idx="11997">
                  <c:v>199.95</c:v>
                </c:pt>
                <c:pt idx="11998">
                  <c:v>199.96666700000003</c:v>
                </c:pt>
                <c:pt idx="11999">
                  <c:v>199.98333400000001</c:v>
                </c:pt>
                <c:pt idx="12000">
                  <c:v>200</c:v>
                </c:pt>
                <c:pt idx="12001">
                  <c:v>200.01666699999998</c:v>
                </c:pt>
                <c:pt idx="12002">
                  <c:v>200.03333400000002</c:v>
                </c:pt>
                <c:pt idx="12003">
                  <c:v>200.05</c:v>
                </c:pt>
                <c:pt idx="12004">
                  <c:v>200.066667</c:v>
                </c:pt>
                <c:pt idx="12005">
                  <c:v>200.08333399999998</c:v>
                </c:pt>
                <c:pt idx="12006">
                  <c:v>200.10000000000002</c:v>
                </c:pt>
                <c:pt idx="12007">
                  <c:v>200.11666700000001</c:v>
                </c:pt>
                <c:pt idx="12008">
                  <c:v>200.13333399999999</c:v>
                </c:pt>
                <c:pt idx="12009">
                  <c:v>200.15000000000003</c:v>
                </c:pt>
                <c:pt idx="12010">
                  <c:v>200.16666700000002</c:v>
                </c:pt>
                <c:pt idx="12011">
                  <c:v>200.183334</c:v>
                </c:pt>
                <c:pt idx="12012">
                  <c:v>200.2</c:v>
                </c:pt>
                <c:pt idx="12013">
                  <c:v>200.21666700000003</c:v>
                </c:pt>
                <c:pt idx="12014">
                  <c:v>200.23333400000001</c:v>
                </c:pt>
                <c:pt idx="12015">
                  <c:v>200.25</c:v>
                </c:pt>
                <c:pt idx="12016">
                  <c:v>200.26666699999998</c:v>
                </c:pt>
                <c:pt idx="12017">
                  <c:v>200.28333400000002</c:v>
                </c:pt>
                <c:pt idx="12018">
                  <c:v>200.3</c:v>
                </c:pt>
                <c:pt idx="12019">
                  <c:v>200.316667</c:v>
                </c:pt>
                <c:pt idx="12020">
                  <c:v>200.33333399999998</c:v>
                </c:pt>
                <c:pt idx="12021">
                  <c:v>200.35000000000002</c:v>
                </c:pt>
                <c:pt idx="12022">
                  <c:v>200.36666700000001</c:v>
                </c:pt>
                <c:pt idx="12023">
                  <c:v>200.38333399999999</c:v>
                </c:pt>
                <c:pt idx="12024">
                  <c:v>200.40000000000003</c:v>
                </c:pt>
                <c:pt idx="12025">
                  <c:v>200.41666700000002</c:v>
                </c:pt>
                <c:pt idx="12026">
                  <c:v>200.433334</c:v>
                </c:pt>
                <c:pt idx="12027">
                  <c:v>200.45</c:v>
                </c:pt>
                <c:pt idx="12028">
                  <c:v>200.46666700000003</c:v>
                </c:pt>
                <c:pt idx="12029">
                  <c:v>200.48333400000001</c:v>
                </c:pt>
                <c:pt idx="12030">
                  <c:v>200.5</c:v>
                </c:pt>
                <c:pt idx="12031">
                  <c:v>200.51666699999998</c:v>
                </c:pt>
                <c:pt idx="12032">
                  <c:v>200.53333400000002</c:v>
                </c:pt>
                <c:pt idx="12033">
                  <c:v>200.55</c:v>
                </c:pt>
                <c:pt idx="12034">
                  <c:v>200.566667</c:v>
                </c:pt>
                <c:pt idx="12035">
                  <c:v>200.58333399999998</c:v>
                </c:pt>
                <c:pt idx="12036">
                  <c:v>200.60000000000002</c:v>
                </c:pt>
                <c:pt idx="12037">
                  <c:v>200.61666700000001</c:v>
                </c:pt>
                <c:pt idx="12038">
                  <c:v>200.63333399999999</c:v>
                </c:pt>
                <c:pt idx="12039">
                  <c:v>200.65000000000003</c:v>
                </c:pt>
                <c:pt idx="12040">
                  <c:v>200.66666700000002</c:v>
                </c:pt>
                <c:pt idx="12041">
                  <c:v>200.683334</c:v>
                </c:pt>
                <c:pt idx="12042">
                  <c:v>200.7</c:v>
                </c:pt>
                <c:pt idx="12043">
                  <c:v>200.71666700000003</c:v>
                </c:pt>
                <c:pt idx="12044">
                  <c:v>200.73333400000001</c:v>
                </c:pt>
                <c:pt idx="12045">
                  <c:v>200.75</c:v>
                </c:pt>
                <c:pt idx="12046">
                  <c:v>200.76666699999998</c:v>
                </c:pt>
                <c:pt idx="12047">
                  <c:v>200.78333400000002</c:v>
                </c:pt>
                <c:pt idx="12048">
                  <c:v>200.8</c:v>
                </c:pt>
                <c:pt idx="12049">
                  <c:v>200.816667</c:v>
                </c:pt>
                <c:pt idx="12050">
                  <c:v>200.83333399999998</c:v>
                </c:pt>
                <c:pt idx="12051">
                  <c:v>200.85000000000002</c:v>
                </c:pt>
                <c:pt idx="12052">
                  <c:v>200.86666700000001</c:v>
                </c:pt>
                <c:pt idx="12053">
                  <c:v>200.88333399999999</c:v>
                </c:pt>
                <c:pt idx="12054">
                  <c:v>200.90000000000003</c:v>
                </c:pt>
                <c:pt idx="12055">
                  <c:v>200.91666700000002</c:v>
                </c:pt>
                <c:pt idx="12056">
                  <c:v>200.933334</c:v>
                </c:pt>
                <c:pt idx="12057">
                  <c:v>200.95</c:v>
                </c:pt>
                <c:pt idx="12058">
                  <c:v>200.96666700000003</c:v>
                </c:pt>
                <c:pt idx="12059">
                  <c:v>200.98333400000001</c:v>
                </c:pt>
                <c:pt idx="12060">
                  <c:v>201</c:v>
                </c:pt>
                <c:pt idx="12061">
                  <c:v>201.01666699999998</c:v>
                </c:pt>
                <c:pt idx="12062">
                  <c:v>201.03333400000002</c:v>
                </c:pt>
                <c:pt idx="12063">
                  <c:v>201.05</c:v>
                </c:pt>
                <c:pt idx="12064">
                  <c:v>201.066667</c:v>
                </c:pt>
                <c:pt idx="12065">
                  <c:v>201.08333399999998</c:v>
                </c:pt>
                <c:pt idx="12066">
                  <c:v>201.10000000000002</c:v>
                </c:pt>
                <c:pt idx="12067">
                  <c:v>201.11666700000001</c:v>
                </c:pt>
                <c:pt idx="12068">
                  <c:v>201.13333399999999</c:v>
                </c:pt>
                <c:pt idx="12069">
                  <c:v>201.15000000000003</c:v>
                </c:pt>
                <c:pt idx="12070">
                  <c:v>201.16666700000002</c:v>
                </c:pt>
                <c:pt idx="12071">
                  <c:v>201.183334</c:v>
                </c:pt>
                <c:pt idx="12072">
                  <c:v>201.2</c:v>
                </c:pt>
                <c:pt idx="12073">
                  <c:v>201.21666700000003</c:v>
                </c:pt>
                <c:pt idx="12074">
                  <c:v>201.23333400000001</c:v>
                </c:pt>
                <c:pt idx="12075">
                  <c:v>201.25</c:v>
                </c:pt>
                <c:pt idx="12076">
                  <c:v>201.26666699999998</c:v>
                </c:pt>
                <c:pt idx="12077">
                  <c:v>201.28333400000002</c:v>
                </c:pt>
                <c:pt idx="12078">
                  <c:v>201.3</c:v>
                </c:pt>
                <c:pt idx="12079">
                  <c:v>201.316667</c:v>
                </c:pt>
                <c:pt idx="12080">
                  <c:v>201.33333399999998</c:v>
                </c:pt>
                <c:pt idx="12081">
                  <c:v>201.35000000000002</c:v>
                </c:pt>
                <c:pt idx="12082">
                  <c:v>201.36666700000001</c:v>
                </c:pt>
                <c:pt idx="12083">
                  <c:v>201.38333399999999</c:v>
                </c:pt>
                <c:pt idx="12084">
                  <c:v>201.40000000000003</c:v>
                </c:pt>
                <c:pt idx="12085">
                  <c:v>201.41666700000002</c:v>
                </c:pt>
                <c:pt idx="12086">
                  <c:v>201.433334</c:v>
                </c:pt>
                <c:pt idx="12087">
                  <c:v>201.45</c:v>
                </c:pt>
                <c:pt idx="12088">
                  <c:v>201.46666700000003</c:v>
                </c:pt>
                <c:pt idx="12089">
                  <c:v>201.48333400000001</c:v>
                </c:pt>
                <c:pt idx="12090">
                  <c:v>201.5</c:v>
                </c:pt>
                <c:pt idx="12091">
                  <c:v>201.51666699999998</c:v>
                </c:pt>
                <c:pt idx="12092">
                  <c:v>201.53333400000002</c:v>
                </c:pt>
                <c:pt idx="12093">
                  <c:v>201.55</c:v>
                </c:pt>
                <c:pt idx="12094">
                  <c:v>201.566667</c:v>
                </c:pt>
                <c:pt idx="12095">
                  <c:v>201.58333399999998</c:v>
                </c:pt>
                <c:pt idx="12096">
                  <c:v>201.60000000000002</c:v>
                </c:pt>
                <c:pt idx="12097">
                  <c:v>201.61666700000001</c:v>
                </c:pt>
                <c:pt idx="12098">
                  <c:v>201.63333399999999</c:v>
                </c:pt>
                <c:pt idx="12099">
                  <c:v>201.65000000000003</c:v>
                </c:pt>
                <c:pt idx="12100">
                  <c:v>201.66666700000002</c:v>
                </c:pt>
                <c:pt idx="12101">
                  <c:v>201.683334</c:v>
                </c:pt>
                <c:pt idx="12102">
                  <c:v>201.7</c:v>
                </c:pt>
                <c:pt idx="12103">
                  <c:v>201.71666700000003</c:v>
                </c:pt>
                <c:pt idx="12104">
                  <c:v>201.73333400000001</c:v>
                </c:pt>
                <c:pt idx="12105">
                  <c:v>201.75</c:v>
                </c:pt>
                <c:pt idx="12106">
                  <c:v>201.76666699999998</c:v>
                </c:pt>
                <c:pt idx="12107">
                  <c:v>201.78333400000002</c:v>
                </c:pt>
                <c:pt idx="12108">
                  <c:v>201.8</c:v>
                </c:pt>
                <c:pt idx="12109">
                  <c:v>201.816667</c:v>
                </c:pt>
                <c:pt idx="12110">
                  <c:v>201.83333399999998</c:v>
                </c:pt>
                <c:pt idx="12111">
                  <c:v>201.85000000000002</c:v>
                </c:pt>
                <c:pt idx="12112">
                  <c:v>201.86666700000001</c:v>
                </c:pt>
                <c:pt idx="12113">
                  <c:v>201.88333399999999</c:v>
                </c:pt>
                <c:pt idx="12114">
                  <c:v>201.90000000000003</c:v>
                </c:pt>
                <c:pt idx="12115">
                  <c:v>201.91666700000002</c:v>
                </c:pt>
                <c:pt idx="12116">
                  <c:v>201.933334</c:v>
                </c:pt>
                <c:pt idx="12117">
                  <c:v>201.95</c:v>
                </c:pt>
                <c:pt idx="12118">
                  <c:v>201.96666700000003</c:v>
                </c:pt>
                <c:pt idx="12119">
                  <c:v>201.98333400000001</c:v>
                </c:pt>
                <c:pt idx="12120">
                  <c:v>202</c:v>
                </c:pt>
                <c:pt idx="12121">
                  <c:v>202.01666699999998</c:v>
                </c:pt>
                <c:pt idx="12122">
                  <c:v>202.03333400000002</c:v>
                </c:pt>
                <c:pt idx="12123">
                  <c:v>202.05</c:v>
                </c:pt>
                <c:pt idx="12124">
                  <c:v>202.066667</c:v>
                </c:pt>
                <c:pt idx="12125">
                  <c:v>202.08333399999998</c:v>
                </c:pt>
                <c:pt idx="12126">
                  <c:v>202.10000000000002</c:v>
                </c:pt>
                <c:pt idx="12127">
                  <c:v>202.11666700000001</c:v>
                </c:pt>
                <c:pt idx="12128">
                  <c:v>202.13333399999999</c:v>
                </c:pt>
                <c:pt idx="12129">
                  <c:v>202.15000000000003</c:v>
                </c:pt>
                <c:pt idx="12130">
                  <c:v>202.16666700000002</c:v>
                </c:pt>
                <c:pt idx="12131">
                  <c:v>202.183334</c:v>
                </c:pt>
                <c:pt idx="12132">
                  <c:v>202.2</c:v>
                </c:pt>
                <c:pt idx="12133">
                  <c:v>202.21666700000003</c:v>
                </c:pt>
                <c:pt idx="12134">
                  <c:v>202.23333400000001</c:v>
                </c:pt>
                <c:pt idx="12135">
                  <c:v>202.25</c:v>
                </c:pt>
                <c:pt idx="12136">
                  <c:v>202.26666699999998</c:v>
                </c:pt>
                <c:pt idx="12137">
                  <c:v>202.28333400000002</c:v>
                </c:pt>
                <c:pt idx="12138">
                  <c:v>202.3</c:v>
                </c:pt>
                <c:pt idx="12139">
                  <c:v>202.316667</c:v>
                </c:pt>
                <c:pt idx="12140">
                  <c:v>202.33333399999998</c:v>
                </c:pt>
                <c:pt idx="12141">
                  <c:v>202.35000000000002</c:v>
                </c:pt>
                <c:pt idx="12142">
                  <c:v>202.36666700000001</c:v>
                </c:pt>
                <c:pt idx="12143">
                  <c:v>202.38333399999999</c:v>
                </c:pt>
                <c:pt idx="12144">
                  <c:v>202.40000000000003</c:v>
                </c:pt>
                <c:pt idx="12145">
                  <c:v>202.41666700000002</c:v>
                </c:pt>
                <c:pt idx="12146">
                  <c:v>202.433334</c:v>
                </c:pt>
                <c:pt idx="12147">
                  <c:v>202.45</c:v>
                </c:pt>
                <c:pt idx="12148">
                  <c:v>202.46666700000003</c:v>
                </c:pt>
                <c:pt idx="12149">
                  <c:v>202.48333400000001</c:v>
                </c:pt>
                <c:pt idx="12150">
                  <c:v>202.5</c:v>
                </c:pt>
                <c:pt idx="12151">
                  <c:v>202.51666699999998</c:v>
                </c:pt>
                <c:pt idx="12152">
                  <c:v>202.53333400000002</c:v>
                </c:pt>
                <c:pt idx="12153">
                  <c:v>202.55</c:v>
                </c:pt>
                <c:pt idx="12154">
                  <c:v>202.566667</c:v>
                </c:pt>
                <c:pt idx="12155">
                  <c:v>202.58333399999998</c:v>
                </c:pt>
                <c:pt idx="12156">
                  <c:v>202.60000000000002</c:v>
                </c:pt>
                <c:pt idx="12157">
                  <c:v>202.61666700000001</c:v>
                </c:pt>
                <c:pt idx="12158">
                  <c:v>202.63333399999999</c:v>
                </c:pt>
                <c:pt idx="12159">
                  <c:v>202.65000000000003</c:v>
                </c:pt>
                <c:pt idx="12160">
                  <c:v>202.66666700000002</c:v>
                </c:pt>
                <c:pt idx="12161">
                  <c:v>202.683334</c:v>
                </c:pt>
                <c:pt idx="12162">
                  <c:v>202.7</c:v>
                </c:pt>
                <c:pt idx="12163">
                  <c:v>202.71666700000003</c:v>
                </c:pt>
                <c:pt idx="12164">
                  <c:v>202.73333400000001</c:v>
                </c:pt>
                <c:pt idx="12165">
                  <c:v>202.75</c:v>
                </c:pt>
                <c:pt idx="12166">
                  <c:v>202.76666699999998</c:v>
                </c:pt>
                <c:pt idx="12167">
                  <c:v>202.78333400000002</c:v>
                </c:pt>
                <c:pt idx="12168">
                  <c:v>202.8</c:v>
                </c:pt>
                <c:pt idx="12169">
                  <c:v>202.816667</c:v>
                </c:pt>
                <c:pt idx="12170">
                  <c:v>202.83333399999998</c:v>
                </c:pt>
                <c:pt idx="12171">
                  <c:v>202.85000000000002</c:v>
                </c:pt>
                <c:pt idx="12172">
                  <c:v>202.86666700000001</c:v>
                </c:pt>
                <c:pt idx="12173">
                  <c:v>202.88333399999999</c:v>
                </c:pt>
                <c:pt idx="12174">
                  <c:v>202.90000000000003</c:v>
                </c:pt>
                <c:pt idx="12175">
                  <c:v>202.91666700000002</c:v>
                </c:pt>
                <c:pt idx="12176">
                  <c:v>202.933334</c:v>
                </c:pt>
                <c:pt idx="12177">
                  <c:v>202.95</c:v>
                </c:pt>
                <c:pt idx="12178">
                  <c:v>202.96666700000003</c:v>
                </c:pt>
                <c:pt idx="12179">
                  <c:v>202.98333400000001</c:v>
                </c:pt>
                <c:pt idx="12180">
                  <c:v>203</c:v>
                </c:pt>
                <c:pt idx="12181">
                  <c:v>203.01666699999998</c:v>
                </c:pt>
                <c:pt idx="12182">
                  <c:v>203.03333400000002</c:v>
                </c:pt>
                <c:pt idx="12183">
                  <c:v>203.05</c:v>
                </c:pt>
                <c:pt idx="12184">
                  <c:v>203.066667</c:v>
                </c:pt>
                <c:pt idx="12185">
                  <c:v>203.08333399999998</c:v>
                </c:pt>
                <c:pt idx="12186">
                  <c:v>203.10000000000002</c:v>
                </c:pt>
                <c:pt idx="12187">
                  <c:v>203.11666700000001</c:v>
                </c:pt>
                <c:pt idx="12188">
                  <c:v>203.13333399999999</c:v>
                </c:pt>
                <c:pt idx="12189">
                  <c:v>203.15000000000003</c:v>
                </c:pt>
                <c:pt idx="12190">
                  <c:v>203.16666700000002</c:v>
                </c:pt>
                <c:pt idx="12191">
                  <c:v>203.183334</c:v>
                </c:pt>
                <c:pt idx="12192">
                  <c:v>203.2</c:v>
                </c:pt>
                <c:pt idx="12193">
                  <c:v>203.21666700000003</c:v>
                </c:pt>
                <c:pt idx="12194">
                  <c:v>203.23333400000001</c:v>
                </c:pt>
                <c:pt idx="12195">
                  <c:v>203.25</c:v>
                </c:pt>
                <c:pt idx="12196">
                  <c:v>203.26666699999998</c:v>
                </c:pt>
                <c:pt idx="12197">
                  <c:v>203.28333400000002</c:v>
                </c:pt>
                <c:pt idx="12198">
                  <c:v>203.3</c:v>
                </c:pt>
                <c:pt idx="12199">
                  <c:v>203.316667</c:v>
                </c:pt>
                <c:pt idx="12200">
                  <c:v>203.33333399999998</c:v>
                </c:pt>
                <c:pt idx="12201">
                  <c:v>203.35000000000002</c:v>
                </c:pt>
                <c:pt idx="12202">
                  <c:v>203.36666700000001</c:v>
                </c:pt>
                <c:pt idx="12203">
                  <c:v>203.38333399999999</c:v>
                </c:pt>
                <c:pt idx="12204">
                  <c:v>203.40000000000003</c:v>
                </c:pt>
                <c:pt idx="12205">
                  <c:v>203.41666700000002</c:v>
                </c:pt>
                <c:pt idx="12206">
                  <c:v>203.433334</c:v>
                </c:pt>
                <c:pt idx="12207">
                  <c:v>203.45</c:v>
                </c:pt>
                <c:pt idx="12208">
                  <c:v>203.46666700000003</c:v>
                </c:pt>
                <c:pt idx="12209">
                  <c:v>203.48333400000001</c:v>
                </c:pt>
                <c:pt idx="12210">
                  <c:v>203.5</c:v>
                </c:pt>
                <c:pt idx="12211">
                  <c:v>203.51666699999998</c:v>
                </c:pt>
                <c:pt idx="12212">
                  <c:v>203.53333400000002</c:v>
                </c:pt>
                <c:pt idx="12213">
                  <c:v>203.55</c:v>
                </c:pt>
                <c:pt idx="12214">
                  <c:v>203.566667</c:v>
                </c:pt>
                <c:pt idx="12215">
                  <c:v>203.58333399999998</c:v>
                </c:pt>
                <c:pt idx="12216">
                  <c:v>203.60000000000002</c:v>
                </c:pt>
                <c:pt idx="12217">
                  <c:v>203.61666700000001</c:v>
                </c:pt>
                <c:pt idx="12218">
                  <c:v>203.63333399999999</c:v>
                </c:pt>
                <c:pt idx="12219">
                  <c:v>203.65000000000003</c:v>
                </c:pt>
                <c:pt idx="12220">
                  <c:v>203.66666700000002</c:v>
                </c:pt>
                <c:pt idx="12221">
                  <c:v>203.683334</c:v>
                </c:pt>
                <c:pt idx="12222">
                  <c:v>203.7</c:v>
                </c:pt>
                <c:pt idx="12223">
                  <c:v>203.71666700000003</c:v>
                </c:pt>
                <c:pt idx="12224">
                  <c:v>203.73333400000001</c:v>
                </c:pt>
                <c:pt idx="12225">
                  <c:v>203.75</c:v>
                </c:pt>
                <c:pt idx="12226">
                  <c:v>203.76666699999998</c:v>
                </c:pt>
                <c:pt idx="12227">
                  <c:v>203.78333400000002</c:v>
                </c:pt>
                <c:pt idx="12228">
                  <c:v>203.8</c:v>
                </c:pt>
                <c:pt idx="12229">
                  <c:v>203.816667</c:v>
                </c:pt>
                <c:pt idx="12230">
                  <c:v>203.83333399999998</c:v>
                </c:pt>
                <c:pt idx="12231">
                  <c:v>203.85000000000002</c:v>
                </c:pt>
                <c:pt idx="12232">
                  <c:v>203.86666700000001</c:v>
                </c:pt>
                <c:pt idx="12233">
                  <c:v>203.88333399999999</c:v>
                </c:pt>
                <c:pt idx="12234">
                  <c:v>203.90000000000003</c:v>
                </c:pt>
                <c:pt idx="12235">
                  <c:v>203.91666700000002</c:v>
                </c:pt>
                <c:pt idx="12236">
                  <c:v>203.933334</c:v>
                </c:pt>
                <c:pt idx="12237">
                  <c:v>203.95</c:v>
                </c:pt>
                <c:pt idx="12238">
                  <c:v>203.96666700000003</c:v>
                </c:pt>
                <c:pt idx="12239">
                  <c:v>203.98333400000001</c:v>
                </c:pt>
                <c:pt idx="12240">
                  <c:v>204</c:v>
                </c:pt>
                <c:pt idx="12241">
                  <c:v>204.01666699999998</c:v>
                </c:pt>
                <c:pt idx="12242">
                  <c:v>204.03333400000002</c:v>
                </c:pt>
                <c:pt idx="12243">
                  <c:v>204.05</c:v>
                </c:pt>
                <c:pt idx="12244">
                  <c:v>204.066667</c:v>
                </c:pt>
                <c:pt idx="12245">
                  <c:v>204.08333399999998</c:v>
                </c:pt>
                <c:pt idx="12246">
                  <c:v>204.10000000000002</c:v>
                </c:pt>
                <c:pt idx="12247">
                  <c:v>204.11666700000001</c:v>
                </c:pt>
                <c:pt idx="12248">
                  <c:v>204.13333399999999</c:v>
                </c:pt>
                <c:pt idx="12249">
                  <c:v>204.15000000000003</c:v>
                </c:pt>
                <c:pt idx="12250">
                  <c:v>204.16666700000002</c:v>
                </c:pt>
                <c:pt idx="12251">
                  <c:v>204.183334</c:v>
                </c:pt>
                <c:pt idx="12252">
                  <c:v>204.2</c:v>
                </c:pt>
                <c:pt idx="12253">
                  <c:v>204.21666700000003</c:v>
                </c:pt>
                <c:pt idx="12254">
                  <c:v>204.23333400000001</c:v>
                </c:pt>
                <c:pt idx="12255">
                  <c:v>204.25</c:v>
                </c:pt>
                <c:pt idx="12256">
                  <c:v>204.26666699999998</c:v>
                </c:pt>
                <c:pt idx="12257">
                  <c:v>204.28333400000002</c:v>
                </c:pt>
                <c:pt idx="12258">
                  <c:v>204.3</c:v>
                </c:pt>
                <c:pt idx="12259">
                  <c:v>204.316667</c:v>
                </c:pt>
                <c:pt idx="12260">
                  <c:v>204.33333399999998</c:v>
                </c:pt>
                <c:pt idx="12261">
                  <c:v>204.35000000000002</c:v>
                </c:pt>
                <c:pt idx="12262">
                  <c:v>204.36666700000001</c:v>
                </c:pt>
                <c:pt idx="12263">
                  <c:v>204.38333399999999</c:v>
                </c:pt>
                <c:pt idx="12264">
                  <c:v>204.40000000000003</c:v>
                </c:pt>
                <c:pt idx="12265">
                  <c:v>204.41666700000002</c:v>
                </c:pt>
                <c:pt idx="12266">
                  <c:v>204.433334</c:v>
                </c:pt>
                <c:pt idx="12267">
                  <c:v>204.45</c:v>
                </c:pt>
                <c:pt idx="12268">
                  <c:v>204.46666700000003</c:v>
                </c:pt>
                <c:pt idx="12269">
                  <c:v>204.48333400000001</c:v>
                </c:pt>
                <c:pt idx="12270">
                  <c:v>204.5</c:v>
                </c:pt>
                <c:pt idx="12271">
                  <c:v>204.51666699999998</c:v>
                </c:pt>
                <c:pt idx="12272">
                  <c:v>204.53333400000002</c:v>
                </c:pt>
                <c:pt idx="12273">
                  <c:v>204.55</c:v>
                </c:pt>
                <c:pt idx="12274">
                  <c:v>204.566667</c:v>
                </c:pt>
                <c:pt idx="12275">
                  <c:v>204.58333399999998</c:v>
                </c:pt>
                <c:pt idx="12276">
                  <c:v>204.60000000000002</c:v>
                </c:pt>
                <c:pt idx="12277">
                  <c:v>204.61666700000001</c:v>
                </c:pt>
                <c:pt idx="12278">
                  <c:v>204.63333399999999</c:v>
                </c:pt>
                <c:pt idx="12279">
                  <c:v>204.65000000000003</c:v>
                </c:pt>
                <c:pt idx="12280">
                  <c:v>204.66666700000002</c:v>
                </c:pt>
                <c:pt idx="12281">
                  <c:v>204.683334</c:v>
                </c:pt>
                <c:pt idx="12282">
                  <c:v>204.7</c:v>
                </c:pt>
                <c:pt idx="12283">
                  <c:v>204.71666700000003</c:v>
                </c:pt>
                <c:pt idx="12284">
                  <c:v>204.73333400000001</c:v>
                </c:pt>
                <c:pt idx="12285">
                  <c:v>204.75</c:v>
                </c:pt>
                <c:pt idx="12286">
                  <c:v>204.76666699999998</c:v>
                </c:pt>
                <c:pt idx="12287">
                  <c:v>204.78333400000002</c:v>
                </c:pt>
                <c:pt idx="12288">
                  <c:v>204.8</c:v>
                </c:pt>
                <c:pt idx="12289">
                  <c:v>204.816667</c:v>
                </c:pt>
                <c:pt idx="12290">
                  <c:v>204.83333399999998</c:v>
                </c:pt>
                <c:pt idx="12291">
                  <c:v>204.85000000000002</c:v>
                </c:pt>
                <c:pt idx="12292">
                  <c:v>204.86666700000001</c:v>
                </c:pt>
                <c:pt idx="12293">
                  <c:v>204.88333399999999</c:v>
                </c:pt>
                <c:pt idx="12294">
                  <c:v>204.90000000000003</c:v>
                </c:pt>
                <c:pt idx="12295">
                  <c:v>204.91666700000002</c:v>
                </c:pt>
                <c:pt idx="12296">
                  <c:v>204.933334</c:v>
                </c:pt>
                <c:pt idx="12297">
                  <c:v>204.95</c:v>
                </c:pt>
                <c:pt idx="12298">
                  <c:v>204.96666700000003</c:v>
                </c:pt>
                <c:pt idx="12299">
                  <c:v>204.98333400000001</c:v>
                </c:pt>
                <c:pt idx="12300">
                  <c:v>205</c:v>
                </c:pt>
                <c:pt idx="12301">
                  <c:v>205.01666699999998</c:v>
                </c:pt>
                <c:pt idx="12302">
                  <c:v>205.03333400000002</c:v>
                </c:pt>
                <c:pt idx="12303">
                  <c:v>205.05</c:v>
                </c:pt>
                <c:pt idx="12304">
                  <c:v>205.066667</c:v>
                </c:pt>
                <c:pt idx="12305">
                  <c:v>205.08333399999998</c:v>
                </c:pt>
                <c:pt idx="12306">
                  <c:v>205.10000000000002</c:v>
                </c:pt>
                <c:pt idx="12307">
                  <c:v>205.11666700000001</c:v>
                </c:pt>
                <c:pt idx="12308">
                  <c:v>205.13333399999999</c:v>
                </c:pt>
                <c:pt idx="12309">
                  <c:v>205.15000000000003</c:v>
                </c:pt>
                <c:pt idx="12310">
                  <c:v>205.16666700000002</c:v>
                </c:pt>
                <c:pt idx="12311">
                  <c:v>205.183334</c:v>
                </c:pt>
                <c:pt idx="12312">
                  <c:v>205.2</c:v>
                </c:pt>
                <c:pt idx="12313">
                  <c:v>205.21666700000003</c:v>
                </c:pt>
                <c:pt idx="12314">
                  <c:v>205.23333400000001</c:v>
                </c:pt>
                <c:pt idx="12315">
                  <c:v>205.25</c:v>
                </c:pt>
                <c:pt idx="12316">
                  <c:v>205.26666699999998</c:v>
                </c:pt>
                <c:pt idx="12317">
                  <c:v>205.28333400000002</c:v>
                </c:pt>
                <c:pt idx="12318">
                  <c:v>205.3</c:v>
                </c:pt>
                <c:pt idx="12319">
                  <c:v>205.316667</c:v>
                </c:pt>
                <c:pt idx="12320">
                  <c:v>205.33333399999998</c:v>
                </c:pt>
                <c:pt idx="12321">
                  <c:v>205.35000000000002</c:v>
                </c:pt>
                <c:pt idx="12322">
                  <c:v>205.36666700000001</c:v>
                </c:pt>
                <c:pt idx="12323">
                  <c:v>205.38333399999999</c:v>
                </c:pt>
                <c:pt idx="12324">
                  <c:v>205.40000000000003</c:v>
                </c:pt>
                <c:pt idx="12325">
                  <c:v>205.41666700000002</c:v>
                </c:pt>
                <c:pt idx="12326">
                  <c:v>205.433334</c:v>
                </c:pt>
                <c:pt idx="12327">
                  <c:v>205.45</c:v>
                </c:pt>
                <c:pt idx="12328">
                  <c:v>205.46666700000003</c:v>
                </c:pt>
                <c:pt idx="12329">
                  <c:v>205.48333400000001</c:v>
                </c:pt>
                <c:pt idx="12330">
                  <c:v>205.5</c:v>
                </c:pt>
                <c:pt idx="12331">
                  <c:v>205.51666699999998</c:v>
                </c:pt>
                <c:pt idx="12332">
                  <c:v>205.53333400000002</c:v>
                </c:pt>
                <c:pt idx="12333">
                  <c:v>205.55</c:v>
                </c:pt>
                <c:pt idx="12334">
                  <c:v>205.566667</c:v>
                </c:pt>
                <c:pt idx="12335">
                  <c:v>205.58333399999998</c:v>
                </c:pt>
                <c:pt idx="12336">
                  <c:v>205.60000000000002</c:v>
                </c:pt>
                <c:pt idx="12337">
                  <c:v>205.61666700000001</c:v>
                </c:pt>
                <c:pt idx="12338">
                  <c:v>205.63333399999999</c:v>
                </c:pt>
                <c:pt idx="12339">
                  <c:v>205.65000000000003</c:v>
                </c:pt>
                <c:pt idx="12340">
                  <c:v>205.66666700000002</c:v>
                </c:pt>
                <c:pt idx="12341">
                  <c:v>205.683334</c:v>
                </c:pt>
                <c:pt idx="12342">
                  <c:v>205.7</c:v>
                </c:pt>
                <c:pt idx="12343">
                  <c:v>205.71666700000003</c:v>
                </c:pt>
                <c:pt idx="12344">
                  <c:v>205.73333400000001</c:v>
                </c:pt>
                <c:pt idx="12345">
                  <c:v>205.75</c:v>
                </c:pt>
                <c:pt idx="12346">
                  <c:v>205.76666699999998</c:v>
                </c:pt>
                <c:pt idx="12347">
                  <c:v>205.78333400000002</c:v>
                </c:pt>
                <c:pt idx="12348">
                  <c:v>205.8</c:v>
                </c:pt>
                <c:pt idx="12349">
                  <c:v>205.816667</c:v>
                </c:pt>
                <c:pt idx="12350">
                  <c:v>205.83333399999998</c:v>
                </c:pt>
                <c:pt idx="12351">
                  <c:v>205.85000000000002</c:v>
                </c:pt>
                <c:pt idx="12352">
                  <c:v>205.86666700000001</c:v>
                </c:pt>
                <c:pt idx="12353">
                  <c:v>205.88333399999999</c:v>
                </c:pt>
                <c:pt idx="12354">
                  <c:v>205.90000000000003</c:v>
                </c:pt>
                <c:pt idx="12355">
                  <c:v>205.91666700000002</c:v>
                </c:pt>
                <c:pt idx="12356">
                  <c:v>205.933334</c:v>
                </c:pt>
                <c:pt idx="12357">
                  <c:v>205.95</c:v>
                </c:pt>
                <c:pt idx="12358">
                  <c:v>205.96666700000003</c:v>
                </c:pt>
                <c:pt idx="12359">
                  <c:v>205.98333400000001</c:v>
                </c:pt>
                <c:pt idx="12360">
                  <c:v>206</c:v>
                </c:pt>
                <c:pt idx="12361">
                  <c:v>206.01666699999998</c:v>
                </c:pt>
                <c:pt idx="12362">
                  <c:v>206.03333400000002</c:v>
                </c:pt>
                <c:pt idx="12363">
                  <c:v>206.05</c:v>
                </c:pt>
                <c:pt idx="12364">
                  <c:v>206.066667</c:v>
                </c:pt>
                <c:pt idx="12365">
                  <c:v>206.08333399999998</c:v>
                </c:pt>
                <c:pt idx="12366">
                  <c:v>206.10000000000002</c:v>
                </c:pt>
                <c:pt idx="12367">
                  <c:v>206.11666700000001</c:v>
                </c:pt>
                <c:pt idx="12368">
                  <c:v>206.13333399999999</c:v>
                </c:pt>
                <c:pt idx="12369">
                  <c:v>206.15000000000003</c:v>
                </c:pt>
                <c:pt idx="12370">
                  <c:v>206.16666700000002</c:v>
                </c:pt>
                <c:pt idx="12371">
                  <c:v>206.183334</c:v>
                </c:pt>
                <c:pt idx="12372">
                  <c:v>206.2</c:v>
                </c:pt>
                <c:pt idx="12373">
                  <c:v>206.21666700000003</c:v>
                </c:pt>
                <c:pt idx="12374">
                  <c:v>206.23333400000001</c:v>
                </c:pt>
                <c:pt idx="12375">
                  <c:v>206.25</c:v>
                </c:pt>
                <c:pt idx="12376">
                  <c:v>206.26666699999998</c:v>
                </c:pt>
                <c:pt idx="12377">
                  <c:v>206.28333400000002</c:v>
                </c:pt>
                <c:pt idx="12378">
                  <c:v>206.3</c:v>
                </c:pt>
                <c:pt idx="12379">
                  <c:v>206.316667</c:v>
                </c:pt>
                <c:pt idx="12380">
                  <c:v>206.33333399999998</c:v>
                </c:pt>
                <c:pt idx="12381">
                  <c:v>206.35000000000002</c:v>
                </c:pt>
                <c:pt idx="12382">
                  <c:v>206.36666700000001</c:v>
                </c:pt>
                <c:pt idx="12383">
                  <c:v>206.38333399999999</c:v>
                </c:pt>
                <c:pt idx="12384">
                  <c:v>206.40000000000003</c:v>
                </c:pt>
                <c:pt idx="12385">
                  <c:v>206.41666700000002</c:v>
                </c:pt>
                <c:pt idx="12386">
                  <c:v>206.433334</c:v>
                </c:pt>
                <c:pt idx="12387">
                  <c:v>206.45</c:v>
                </c:pt>
                <c:pt idx="12388">
                  <c:v>206.46666700000003</c:v>
                </c:pt>
                <c:pt idx="12389">
                  <c:v>206.48333400000001</c:v>
                </c:pt>
                <c:pt idx="12390">
                  <c:v>206.5</c:v>
                </c:pt>
                <c:pt idx="12391">
                  <c:v>206.51666699999998</c:v>
                </c:pt>
                <c:pt idx="12392">
                  <c:v>206.53333400000002</c:v>
                </c:pt>
                <c:pt idx="12393">
                  <c:v>206.55</c:v>
                </c:pt>
                <c:pt idx="12394">
                  <c:v>206.566667</c:v>
                </c:pt>
                <c:pt idx="12395">
                  <c:v>206.58333399999998</c:v>
                </c:pt>
                <c:pt idx="12396">
                  <c:v>206.60000000000002</c:v>
                </c:pt>
                <c:pt idx="12397">
                  <c:v>206.61666700000001</c:v>
                </c:pt>
                <c:pt idx="12398">
                  <c:v>206.63333399999999</c:v>
                </c:pt>
                <c:pt idx="12399">
                  <c:v>206.65000000000003</c:v>
                </c:pt>
                <c:pt idx="12400">
                  <c:v>206.66666700000002</c:v>
                </c:pt>
                <c:pt idx="12401">
                  <c:v>206.683334</c:v>
                </c:pt>
                <c:pt idx="12402">
                  <c:v>206.7</c:v>
                </c:pt>
                <c:pt idx="12403">
                  <c:v>206.71666700000003</c:v>
                </c:pt>
                <c:pt idx="12404">
                  <c:v>206.73333400000001</c:v>
                </c:pt>
                <c:pt idx="12405">
                  <c:v>206.75</c:v>
                </c:pt>
                <c:pt idx="12406">
                  <c:v>206.76666699999998</c:v>
                </c:pt>
                <c:pt idx="12407">
                  <c:v>206.78333400000002</c:v>
                </c:pt>
                <c:pt idx="12408">
                  <c:v>206.8</c:v>
                </c:pt>
                <c:pt idx="12409">
                  <c:v>206.816667</c:v>
                </c:pt>
                <c:pt idx="12410">
                  <c:v>206.83333399999998</c:v>
                </c:pt>
                <c:pt idx="12411">
                  <c:v>206.85000000000002</c:v>
                </c:pt>
                <c:pt idx="12412">
                  <c:v>206.86666700000001</c:v>
                </c:pt>
                <c:pt idx="12413">
                  <c:v>206.88333399999999</c:v>
                </c:pt>
                <c:pt idx="12414">
                  <c:v>206.90000000000003</c:v>
                </c:pt>
                <c:pt idx="12415">
                  <c:v>206.91666700000002</c:v>
                </c:pt>
                <c:pt idx="12416">
                  <c:v>206.933334</c:v>
                </c:pt>
                <c:pt idx="12417">
                  <c:v>206.95</c:v>
                </c:pt>
                <c:pt idx="12418">
                  <c:v>206.96666700000003</c:v>
                </c:pt>
                <c:pt idx="12419">
                  <c:v>206.98333400000001</c:v>
                </c:pt>
                <c:pt idx="12420">
                  <c:v>207</c:v>
                </c:pt>
                <c:pt idx="12421">
                  <c:v>207.01666699999998</c:v>
                </c:pt>
                <c:pt idx="12422">
                  <c:v>207.03333400000002</c:v>
                </c:pt>
                <c:pt idx="12423">
                  <c:v>207.05</c:v>
                </c:pt>
                <c:pt idx="12424">
                  <c:v>207.066667</c:v>
                </c:pt>
                <c:pt idx="12425">
                  <c:v>207.08333399999998</c:v>
                </c:pt>
                <c:pt idx="12426">
                  <c:v>207.10000000000002</c:v>
                </c:pt>
                <c:pt idx="12427">
                  <c:v>207.11666700000001</c:v>
                </c:pt>
                <c:pt idx="12428">
                  <c:v>207.13333399999999</c:v>
                </c:pt>
                <c:pt idx="12429">
                  <c:v>207.15000000000003</c:v>
                </c:pt>
                <c:pt idx="12430">
                  <c:v>207.16666700000002</c:v>
                </c:pt>
                <c:pt idx="12431">
                  <c:v>207.183334</c:v>
                </c:pt>
                <c:pt idx="12432">
                  <c:v>207.2</c:v>
                </c:pt>
                <c:pt idx="12433">
                  <c:v>207.21666700000003</c:v>
                </c:pt>
                <c:pt idx="12434">
                  <c:v>207.23333400000001</c:v>
                </c:pt>
                <c:pt idx="12435">
                  <c:v>207.25</c:v>
                </c:pt>
                <c:pt idx="12436">
                  <c:v>207.26666699999998</c:v>
                </c:pt>
                <c:pt idx="12437">
                  <c:v>207.28333400000002</c:v>
                </c:pt>
                <c:pt idx="12438">
                  <c:v>207.3</c:v>
                </c:pt>
                <c:pt idx="12439">
                  <c:v>207.316667</c:v>
                </c:pt>
                <c:pt idx="12440">
                  <c:v>207.33333399999998</c:v>
                </c:pt>
                <c:pt idx="12441">
                  <c:v>207.35000000000002</c:v>
                </c:pt>
                <c:pt idx="12442">
                  <c:v>207.36666700000001</c:v>
                </c:pt>
                <c:pt idx="12443">
                  <c:v>207.38333399999999</c:v>
                </c:pt>
                <c:pt idx="12444">
                  <c:v>207.40000000000003</c:v>
                </c:pt>
                <c:pt idx="12445">
                  <c:v>207.41666700000002</c:v>
                </c:pt>
                <c:pt idx="12446">
                  <c:v>207.433334</c:v>
                </c:pt>
                <c:pt idx="12447">
                  <c:v>207.45</c:v>
                </c:pt>
                <c:pt idx="12448">
                  <c:v>207.46666700000003</c:v>
                </c:pt>
                <c:pt idx="12449">
                  <c:v>207.48333400000001</c:v>
                </c:pt>
                <c:pt idx="12450">
                  <c:v>207.5</c:v>
                </c:pt>
                <c:pt idx="12451">
                  <c:v>207.51666699999998</c:v>
                </c:pt>
                <c:pt idx="12452">
                  <c:v>207.53333400000002</c:v>
                </c:pt>
                <c:pt idx="12453">
                  <c:v>207.55</c:v>
                </c:pt>
                <c:pt idx="12454">
                  <c:v>207.566667</c:v>
                </c:pt>
                <c:pt idx="12455">
                  <c:v>207.58333399999998</c:v>
                </c:pt>
                <c:pt idx="12456">
                  <c:v>207.60000000000002</c:v>
                </c:pt>
                <c:pt idx="12457">
                  <c:v>207.61666700000001</c:v>
                </c:pt>
                <c:pt idx="12458">
                  <c:v>207.63333399999999</c:v>
                </c:pt>
                <c:pt idx="12459">
                  <c:v>207.65000000000003</c:v>
                </c:pt>
                <c:pt idx="12460">
                  <c:v>207.66666700000002</c:v>
                </c:pt>
                <c:pt idx="12461">
                  <c:v>207.683334</c:v>
                </c:pt>
                <c:pt idx="12462">
                  <c:v>207.7</c:v>
                </c:pt>
                <c:pt idx="12463">
                  <c:v>207.71666700000003</c:v>
                </c:pt>
                <c:pt idx="12464">
                  <c:v>207.73333400000001</c:v>
                </c:pt>
                <c:pt idx="12465">
                  <c:v>207.75</c:v>
                </c:pt>
                <c:pt idx="12466">
                  <c:v>207.76666699999998</c:v>
                </c:pt>
                <c:pt idx="12467">
                  <c:v>207.78333400000002</c:v>
                </c:pt>
                <c:pt idx="12468">
                  <c:v>207.8</c:v>
                </c:pt>
                <c:pt idx="12469">
                  <c:v>207.816667</c:v>
                </c:pt>
                <c:pt idx="12470">
                  <c:v>207.83333399999998</c:v>
                </c:pt>
                <c:pt idx="12471">
                  <c:v>207.85000000000002</c:v>
                </c:pt>
                <c:pt idx="12472">
                  <c:v>207.86666700000001</c:v>
                </c:pt>
                <c:pt idx="12473">
                  <c:v>207.88333399999999</c:v>
                </c:pt>
                <c:pt idx="12474">
                  <c:v>207.90000000000003</c:v>
                </c:pt>
                <c:pt idx="12475">
                  <c:v>207.91666700000002</c:v>
                </c:pt>
                <c:pt idx="12476">
                  <c:v>207.933334</c:v>
                </c:pt>
                <c:pt idx="12477">
                  <c:v>207.95</c:v>
                </c:pt>
                <c:pt idx="12478">
                  <c:v>207.96666700000003</c:v>
                </c:pt>
                <c:pt idx="12479">
                  <c:v>207.98333400000001</c:v>
                </c:pt>
                <c:pt idx="12480">
                  <c:v>208</c:v>
                </c:pt>
                <c:pt idx="12481">
                  <c:v>208.01666699999998</c:v>
                </c:pt>
                <c:pt idx="12482">
                  <c:v>208.03333400000002</c:v>
                </c:pt>
                <c:pt idx="12483">
                  <c:v>208.05</c:v>
                </c:pt>
                <c:pt idx="12484">
                  <c:v>208.066667</c:v>
                </c:pt>
                <c:pt idx="12485">
                  <c:v>208.08333399999998</c:v>
                </c:pt>
                <c:pt idx="12486">
                  <c:v>208.10000000000002</c:v>
                </c:pt>
                <c:pt idx="12487">
                  <c:v>208.11666700000001</c:v>
                </c:pt>
                <c:pt idx="12488">
                  <c:v>208.13333399999999</c:v>
                </c:pt>
                <c:pt idx="12489">
                  <c:v>208.15000000000003</c:v>
                </c:pt>
                <c:pt idx="12490">
                  <c:v>208.16666700000002</c:v>
                </c:pt>
                <c:pt idx="12491">
                  <c:v>208.183334</c:v>
                </c:pt>
                <c:pt idx="12492">
                  <c:v>208.2</c:v>
                </c:pt>
                <c:pt idx="12493">
                  <c:v>208.21666700000003</c:v>
                </c:pt>
                <c:pt idx="12494">
                  <c:v>208.23333400000001</c:v>
                </c:pt>
                <c:pt idx="12495">
                  <c:v>208.25</c:v>
                </c:pt>
                <c:pt idx="12496">
                  <c:v>208.26666699999998</c:v>
                </c:pt>
                <c:pt idx="12497">
                  <c:v>208.28333400000002</c:v>
                </c:pt>
                <c:pt idx="12498">
                  <c:v>208.3</c:v>
                </c:pt>
                <c:pt idx="12499">
                  <c:v>208.316667</c:v>
                </c:pt>
                <c:pt idx="12500">
                  <c:v>208.33333399999998</c:v>
                </c:pt>
                <c:pt idx="12501">
                  <c:v>208.35000000000002</c:v>
                </c:pt>
                <c:pt idx="12502">
                  <c:v>208.36666700000001</c:v>
                </c:pt>
                <c:pt idx="12503">
                  <c:v>208.38333399999999</c:v>
                </c:pt>
                <c:pt idx="12504">
                  <c:v>208.40000000000003</c:v>
                </c:pt>
                <c:pt idx="12505">
                  <c:v>208.41666700000002</c:v>
                </c:pt>
                <c:pt idx="12506">
                  <c:v>208.433334</c:v>
                </c:pt>
                <c:pt idx="12507">
                  <c:v>208.45</c:v>
                </c:pt>
                <c:pt idx="12508">
                  <c:v>208.46666700000003</c:v>
                </c:pt>
                <c:pt idx="12509">
                  <c:v>208.48333400000001</c:v>
                </c:pt>
                <c:pt idx="12510">
                  <c:v>208.5</c:v>
                </c:pt>
                <c:pt idx="12511">
                  <c:v>208.51666699999998</c:v>
                </c:pt>
                <c:pt idx="12512">
                  <c:v>208.53333400000002</c:v>
                </c:pt>
                <c:pt idx="12513">
                  <c:v>208.55</c:v>
                </c:pt>
                <c:pt idx="12514">
                  <c:v>208.566667</c:v>
                </c:pt>
                <c:pt idx="12515">
                  <c:v>208.58333399999998</c:v>
                </c:pt>
                <c:pt idx="12516">
                  <c:v>208.60000000000002</c:v>
                </c:pt>
                <c:pt idx="12517">
                  <c:v>208.61666700000001</c:v>
                </c:pt>
                <c:pt idx="12518">
                  <c:v>208.63333399999999</c:v>
                </c:pt>
                <c:pt idx="12519">
                  <c:v>208.65000000000003</c:v>
                </c:pt>
                <c:pt idx="12520">
                  <c:v>208.66666700000002</c:v>
                </c:pt>
                <c:pt idx="12521">
                  <c:v>208.683334</c:v>
                </c:pt>
                <c:pt idx="12522">
                  <c:v>208.7</c:v>
                </c:pt>
                <c:pt idx="12523">
                  <c:v>208.71666700000003</c:v>
                </c:pt>
                <c:pt idx="12524">
                  <c:v>208.73333400000001</c:v>
                </c:pt>
                <c:pt idx="12525">
                  <c:v>208.75</c:v>
                </c:pt>
                <c:pt idx="12526">
                  <c:v>208.76666699999998</c:v>
                </c:pt>
                <c:pt idx="12527">
                  <c:v>208.78333400000002</c:v>
                </c:pt>
                <c:pt idx="12528">
                  <c:v>208.8</c:v>
                </c:pt>
                <c:pt idx="12529">
                  <c:v>208.816667</c:v>
                </c:pt>
                <c:pt idx="12530">
                  <c:v>208.83333399999998</c:v>
                </c:pt>
                <c:pt idx="12531">
                  <c:v>208.85000000000002</c:v>
                </c:pt>
                <c:pt idx="12532">
                  <c:v>208.86666700000001</c:v>
                </c:pt>
                <c:pt idx="12533">
                  <c:v>208.88333399999999</c:v>
                </c:pt>
                <c:pt idx="12534">
                  <c:v>208.90000000000003</c:v>
                </c:pt>
                <c:pt idx="12535">
                  <c:v>208.91666700000002</c:v>
                </c:pt>
                <c:pt idx="12536">
                  <c:v>208.933334</c:v>
                </c:pt>
                <c:pt idx="12537">
                  <c:v>208.95</c:v>
                </c:pt>
                <c:pt idx="12538">
                  <c:v>208.96666700000003</c:v>
                </c:pt>
                <c:pt idx="12539">
                  <c:v>208.98333400000001</c:v>
                </c:pt>
                <c:pt idx="12540">
                  <c:v>209</c:v>
                </c:pt>
                <c:pt idx="12541">
                  <c:v>209.01666699999998</c:v>
                </c:pt>
                <c:pt idx="12542">
                  <c:v>209.03333400000002</c:v>
                </c:pt>
                <c:pt idx="12543">
                  <c:v>209.05</c:v>
                </c:pt>
                <c:pt idx="12544">
                  <c:v>209.066667</c:v>
                </c:pt>
                <c:pt idx="12545">
                  <c:v>209.08333399999998</c:v>
                </c:pt>
                <c:pt idx="12546">
                  <c:v>209.10000000000002</c:v>
                </c:pt>
                <c:pt idx="12547">
                  <c:v>209.11666700000001</c:v>
                </c:pt>
                <c:pt idx="12548">
                  <c:v>209.13333399999999</c:v>
                </c:pt>
                <c:pt idx="12549">
                  <c:v>209.15000000000003</c:v>
                </c:pt>
                <c:pt idx="12550">
                  <c:v>209.16666700000002</c:v>
                </c:pt>
                <c:pt idx="12551">
                  <c:v>209.183334</c:v>
                </c:pt>
                <c:pt idx="12552">
                  <c:v>209.2</c:v>
                </c:pt>
                <c:pt idx="12553">
                  <c:v>209.21666700000003</c:v>
                </c:pt>
                <c:pt idx="12554">
                  <c:v>209.23333400000001</c:v>
                </c:pt>
                <c:pt idx="12555">
                  <c:v>209.25</c:v>
                </c:pt>
                <c:pt idx="12556">
                  <c:v>209.26666699999998</c:v>
                </c:pt>
                <c:pt idx="12557">
                  <c:v>209.28333400000002</c:v>
                </c:pt>
                <c:pt idx="12558">
                  <c:v>209.3</c:v>
                </c:pt>
                <c:pt idx="12559">
                  <c:v>209.316667</c:v>
                </c:pt>
                <c:pt idx="12560">
                  <c:v>209.33333399999998</c:v>
                </c:pt>
                <c:pt idx="12561">
                  <c:v>209.35000000000002</c:v>
                </c:pt>
                <c:pt idx="12562">
                  <c:v>209.36666700000001</c:v>
                </c:pt>
                <c:pt idx="12563">
                  <c:v>209.38333399999999</c:v>
                </c:pt>
                <c:pt idx="12564">
                  <c:v>209.40000000000003</c:v>
                </c:pt>
                <c:pt idx="12565">
                  <c:v>209.41666700000002</c:v>
                </c:pt>
                <c:pt idx="12566">
                  <c:v>209.433334</c:v>
                </c:pt>
                <c:pt idx="12567">
                  <c:v>209.45</c:v>
                </c:pt>
                <c:pt idx="12568">
                  <c:v>209.46666700000003</c:v>
                </c:pt>
                <c:pt idx="12569">
                  <c:v>209.48333400000001</c:v>
                </c:pt>
                <c:pt idx="12570">
                  <c:v>209.5</c:v>
                </c:pt>
                <c:pt idx="12571">
                  <c:v>209.51666699999998</c:v>
                </c:pt>
                <c:pt idx="12572">
                  <c:v>209.53333400000002</c:v>
                </c:pt>
                <c:pt idx="12573">
                  <c:v>209.55</c:v>
                </c:pt>
                <c:pt idx="12574">
                  <c:v>209.566667</c:v>
                </c:pt>
                <c:pt idx="12575">
                  <c:v>209.58333399999998</c:v>
                </c:pt>
                <c:pt idx="12576">
                  <c:v>209.60000000000002</c:v>
                </c:pt>
                <c:pt idx="12577">
                  <c:v>209.61666700000001</c:v>
                </c:pt>
                <c:pt idx="12578">
                  <c:v>209.63333399999999</c:v>
                </c:pt>
                <c:pt idx="12579">
                  <c:v>209.65000000000003</c:v>
                </c:pt>
                <c:pt idx="12580">
                  <c:v>209.66666700000002</c:v>
                </c:pt>
                <c:pt idx="12581">
                  <c:v>209.683334</c:v>
                </c:pt>
                <c:pt idx="12582">
                  <c:v>209.7</c:v>
                </c:pt>
                <c:pt idx="12583">
                  <c:v>209.71666700000003</c:v>
                </c:pt>
                <c:pt idx="12584">
                  <c:v>209.73333400000001</c:v>
                </c:pt>
                <c:pt idx="12585">
                  <c:v>209.75</c:v>
                </c:pt>
                <c:pt idx="12586">
                  <c:v>209.76666699999998</c:v>
                </c:pt>
                <c:pt idx="12587">
                  <c:v>209.78333400000002</c:v>
                </c:pt>
                <c:pt idx="12588">
                  <c:v>209.8</c:v>
                </c:pt>
                <c:pt idx="12589">
                  <c:v>209.816667</c:v>
                </c:pt>
                <c:pt idx="12590">
                  <c:v>209.83333399999998</c:v>
                </c:pt>
                <c:pt idx="12591">
                  <c:v>209.85000000000002</c:v>
                </c:pt>
                <c:pt idx="12592">
                  <c:v>209.86666700000001</c:v>
                </c:pt>
                <c:pt idx="12593">
                  <c:v>209.88333399999999</c:v>
                </c:pt>
                <c:pt idx="12594">
                  <c:v>209.90000000000003</c:v>
                </c:pt>
                <c:pt idx="12595">
                  <c:v>209.91666700000002</c:v>
                </c:pt>
                <c:pt idx="12596">
                  <c:v>209.933334</c:v>
                </c:pt>
                <c:pt idx="12597">
                  <c:v>209.95</c:v>
                </c:pt>
                <c:pt idx="12598">
                  <c:v>209.96666700000003</c:v>
                </c:pt>
                <c:pt idx="12599">
                  <c:v>209.98333400000001</c:v>
                </c:pt>
                <c:pt idx="12600">
                  <c:v>210</c:v>
                </c:pt>
                <c:pt idx="12601">
                  <c:v>210.01666699999998</c:v>
                </c:pt>
                <c:pt idx="12602">
                  <c:v>210.03333400000002</c:v>
                </c:pt>
                <c:pt idx="12603">
                  <c:v>210.05</c:v>
                </c:pt>
                <c:pt idx="12604">
                  <c:v>210.066667</c:v>
                </c:pt>
                <c:pt idx="12605">
                  <c:v>210.08333399999998</c:v>
                </c:pt>
                <c:pt idx="12606">
                  <c:v>210.10000000000002</c:v>
                </c:pt>
                <c:pt idx="12607">
                  <c:v>210.11666700000001</c:v>
                </c:pt>
                <c:pt idx="12608">
                  <c:v>210.13333399999999</c:v>
                </c:pt>
                <c:pt idx="12609">
                  <c:v>210.15000000000003</c:v>
                </c:pt>
                <c:pt idx="12610">
                  <c:v>210.16666700000002</c:v>
                </c:pt>
                <c:pt idx="12611">
                  <c:v>210.183334</c:v>
                </c:pt>
                <c:pt idx="12612">
                  <c:v>210.2</c:v>
                </c:pt>
                <c:pt idx="12613">
                  <c:v>210.21666700000003</c:v>
                </c:pt>
                <c:pt idx="12614">
                  <c:v>210.23333400000001</c:v>
                </c:pt>
                <c:pt idx="12615">
                  <c:v>210.25</c:v>
                </c:pt>
                <c:pt idx="12616">
                  <c:v>210.26666699999998</c:v>
                </c:pt>
                <c:pt idx="12617">
                  <c:v>210.28333400000002</c:v>
                </c:pt>
                <c:pt idx="12618">
                  <c:v>210.3</c:v>
                </c:pt>
                <c:pt idx="12619">
                  <c:v>210.316667</c:v>
                </c:pt>
                <c:pt idx="12620">
                  <c:v>210.33333399999998</c:v>
                </c:pt>
                <c:pt idx="12621">
                  <c:v>210.35000000000002</c:v>
                </c:pt>
                <c:pt idx="12622">
                  <c:v>210.36666700000001</c:v>
                </c:pt>
                <c:pt idx="12623">
                  <c:v>210.38333399999999</c:v>
                </c:pt>
                <c:pt idx="12624">
                  <c:v>210.40000000000003</c:v>
                </c:pt>
                <c:pt idx="12625">
                  <c:v>210.41666700000002</c:v>
                </c:pt>
                <c:pt idx="12626">
                  <c:v>210.433334</c:v>
                </c:pt>
                <c:pt idx="12627">
                  <c:v>210.45</c:v>
                </c:pt>
                <c:pt idx="12628">
                  <c:v>210.46666700000003</c:v>
                </c:pt>
                <c:pt idx="12629">
                  <c:v>210.48333400000001</c:v>
                </c:pt>
                <c:pt idx="12630">
                  <c:v>210.5</c:v>
                </c:pt>
                <c:pt idx="12631">
                  <c:v>210.51666699999998</c:v>
                </c:pt>
                <c:pt idx="12632">
                  <c:v>210.53333400000002</c:v>
                </c:pt>
                <c:pt idx="12633">
                  <c:v>210.55</c:v>
                </c:pt>
                <c:pt idx="12634">
                  <c:v>210.566667</c:v>
                </c:pt>
                <c:pt idx="12635">
                  <c:v>210.58333399999998</c:v>
                </c:pt>
                <c:pt idx="12636">
                  <c:v>210.60000000000002</c:v>
                </c:pt>
                <c:pt idx="12637">
                  <c:v>210.61666700000001</c:v>
                </c:pt>
                <c:pt idx="12638">
                  <c:v>210.63333399999999</c:v>
                </c:pt>
                <c:pt idx="12639">
                  <c:v>210.65000000000003</c:v>
                </c:pt>
                <c:pt idx="12640">
                  <c:v>210.66666700000002</c:v>
                </c:pt>
                <c:pt idx="12641">
                  <c:v>210.683334</c:v>
                </c:pt>
                <c:pt idx="12642">
                  <c:v>210.7</c:v>
                </c:pt>
                <c:pt idx="12643">
                  <c:v>210.71666700000003</c:v>
                </c:pt>
                <c:pt idx="12644">
                  <c:v>210.73333400000001</c:v>
                </c:pt>
                <c:pt idx="12645">
                  <c:v>210.75</c:v>
                </c:pt>
                <c:pt idx="12646">
                  <c:v>210.76666699999998</c:v>
                </c:pt>
                <c:pt idx="12647">
                  <c:v>210.78333400000002</c:v>
                </c:pt>
                <c:pt idx="12648">
                  <c:v>210.8</c:v>
                </c:pt>
                <c:pt idx="12649">
                  <c:v>210.816667</c:v>
                </c:pt>
                <c:pt idx="12650">
                  <c:v>210.83333399999998</c:v>
                </c:pt>
                <c:pt idx="12651">
                  <c:v>210.85000000000002</c:v>
                </c:pt>
                <c:pt idx="12652">
                  <c:v>210.86666700000001</c:v>
                </c:pt>
                <c:pt idx="12653">
                  <c:v>210.88333399999999</c:v>
                </c:pt>
                <c:pt idx="12654">
                  <c:v>210.90000000000003</c:v>
                </c:pt>
                <c:pt idx="12655">
                  <c:v>210.91666700000002</c:v>
                </c:pt>
                <c:pt idx="12656">
                  <c:v>210.933334</c:v>
                </c:pt>
                <c:pt idx="12657">
                  <c:v>210.95</c:v>
                </c:pt>
                <c:pt idx="12658">
                  <c:v>210.96666700000003</c:v>
                </c:pt>
                <c:pt idx="12659">
                  <c:v>210.98333400000001</c:v>
                </c:pt>
                <c:pt idx="12660">
                  <c:v>211</c:v>
                </c:pt>
                <c:pt idx="12661">
                  <c:v>211.01666699999998</c:v>
                </c:pt>
                <c:pt idx="12662">
                  <c:v>211.03333400000002</c:v>
                </c:pt>
                <c:pt idx="12663">
                  <c:v>211.05</c:v>
                </c:pt>
                <c:pt idx="12664">
                  <c:v>211.066667</c:v>
                </c:pt>
                <c:pt idx="12665">
                  <c:v>211.08333399999998</c:v>
                </c:pt>
                <c:pt idx="12666">
                  <c:v>211.10000000000002</c:v>
                </c:pt>
                <c:pt idx="12667">
                  <c:v>211.11666700000001</c:v>
                </c:pt>
                <c:pt idx="12668">
                  <c:v>211.13333399999999</c:v>
                </c:pt>
                <c:pt idx="12669">
                  <c:v>211.15000000000003</c:v>
                </c:pt>
                <c:pt idx="12670">
                  <c:v>211.16666700000002</c:v>
                </c:pt>
                <c:pt idx="12671">
                  <c:v>211.183334</c:v>
                </c:pt>
                <c:pt idx="12672">
                  <c:v>211.2</c:v>
                </c:pt>
                <c:pt idx="12673">
                  <c:v>211.21666700000003</c:v>
                </c:pt>
                <c:pt idx="12674">
                  <c:v>211.23333400000001</c:v>
                </c:pt>
                <c:pt idx="12675">
                  <c:v>211.25</c:v>
                </c:pt>
                <c:pt idx="12676">
                  <c:v>211.26666699999998</c:v>
                </c:pt>
                <c:pt idx="12677">
                  <c:v>211.28333400000002</c:v>
                </c:pt>
                <c:pt idx="12678">
                  <c:v>211.3</c:v>
                </c:pt>
                <c:pt idx="12679">
                  <c:v>211.316667</c:v>
                </c:pt>
                <c:pt idx="12680">
                  <c:v>211.33333399999998</c:v>
                </c:pt>
                <c:pt idx="12681">
                  <c:v>211.35000000000002</c:v>
                </c:pt>
                <c:pt idx="12682">
                  <c:v>211.36666700000001</c:v>
                </c:pt>
                <c:pt idx="12683">
                  <c:v>211.38333399999999</c:v>
                </c:pt>
                <c:pt idx="12684">
                  <c:v>211.40000000000003</c:v>
                </c:pt>
                <c:pt idx="12685">
                  <c:v>211.41666700000002</c:v>
                </c:pt>
                <c:pt idx="12686">
                  <c:v>211.433334</c:v>
                </c:pt>
                <c:pt idx="12687">
                  <c:v>211.45</c:v>
                </c:pt>
                <c:pt idx="12688">
                  <c:v>211.46666700000003</c:v>
                </c:pt>
                <c:pt idx="12689">
                  <c:v>211.48333400000001</c:v>
                </c:pt>
                <c:pt idx="12690">
                  <c:v>211.5</c:v>
                </c:pt>
                <c:pt idx="12691">
                  <c:v>211.51666699999998</c:v>
                </c:pt>
                <c:pt idx="12692">
                  <c:v>211.53333400000002</c:v>
                </c:pt>
                <c:pt idx="12693">
                  <c:v>211.55</c:v>
                </c:pt>
                <c:pt idx="12694">
                  <c:v>211.566667</c:v>
                </c:pt>
                <c:pt idx="12695">
                  <c:v>211.58333399999998</c:v>
                </c:pt>
                <c:pt idx="12696">
                  <c:v>211.60000000000002</c:v>
                </c:pt>
                <c:pt idx="12697">
                  <c:v>211.61666700000001</c:v>
                </c:pt>
                <c:pt idx="12698">
                  <c:v>211.63333399999999</c:v>
                </c:pt>
                <c:pt idx="12699">
                  <c:v>211.65000000000003</c:v>
                </c:pt>
                <c:pt idx="12700">
                  <c:v>211.66666700000002</c:v>
                </c:pt>
                <c:pt idx="12701">
                  <c:v>211.683334</c:v>
                </c:pt>
                <c:pt idx="12702">
                  <c:v>211.7</c:v>
                </c:pt>
                <c:pt idx="12703">
                  <c:v>211.71666700000003</c:v>
                </c:pt>
                <c:pt idx="12704">
                  <c:v>211.73333400000001</c:v>
                </c:pt>
                <c:pt idx="12705">
                  <c:v>211.75</c:v>
                </c:pt>
                <c:pt idx="12706">
                  <c:v>211.76666699999998</c:v>
                </c:pt>
                <c:pt idx="12707">
                  <c:v>211.78333400000002</c:v>
                </c:pt>
                <c:pt idx="12708">
                  <c:v>211.8</c:v>
                </c:pt>
                <c:pt idx="12709">
                  <c:v>211.816667</c:v>
                </c:pt>
                <c:pt idx="12710">
                  <c:v>211.83333399999998</c:v>
                </c:pt>
                <c:pt idx="12711">
                  <c:v>211.85000000000002</c:v>
                </c:pt>
                <c:pt idx="12712">
                  <c:v>211.86666700000001</c:v>
                </c:pt>
                <c:pt idx="12713">
                  <c:v>211.88333399999999</c:v>
                </c:pt>
                <c:pt idx="12714">
                  <c:v>211.90000000000003</c:v>
                </c:pt>
                <c:pt idx="12715">
                  <c:v>211.91666700000002</c:v>
                </c:pt>
                <c:pt idx="12716">
                  <c:v>211.933334</c:v>
                </c:pt>
                <c:pt idx="12717">
                  <c:v>211.95</c:v>
                </c:pt>
                <c:pt idx="12718">
                  <c:v>211.96666700000003</c:v>
                </c:pt>
                <c:pt idx="12719">
                  <c:v>211.98333400000001</c:v>
                </c:pt>
                <c:pt idx="12720">
                  <c:v>212</c:v>
                </c:pt>
                <c:pt idx="12721">
                  <c:v>212.01666699999998</c:v>
                </c:pt>
                <c:pt idx="12722">
                  <c:v>212.03333400000002</c:v>
                </c:pt>
                <c:pt idx="12723">
                  <c:v>212.05</c:v>
                </c:pt>
                <c:pt idx="12724">
                  <c:v>212.066667</c:v>
                </c:pt>
                <c:pt idx="12725">
                  <c:v>212.08333399999998</c:v>
                </c:pt>
                <c:pt idx="12726">
                  <c:v>212.10000000000002</c:v>
                </c:pt>
                <c:pt idx="12727">
                  <c:v>212.11666700000001</c:v>
                </c:pt>
                <c:pt idx="12728">
                  <c:v>212.13333399999999</c:v>
                </c:pt>
                <c:pt idx="12729">
                  <c:v>212.15000000000003</c:v>
                </c:pt>
                <c:pt idx="12730">
                  <c:v>212.16666700000002</c:v>
                </c:pt>
                <c:pt idx="12731">
                  <c:v>212.183334</c:v>
                </c:pt>
                <c:pt idx="12732">
                  <c:v>212.2</c:v>
                </c:pt>
                <c:pt idx="12733">
                  <c:v>212.21666700000003</c:v>
                </c:pt>
                <c:pt idx="12734">
                  <c:v>212.23333400000001</c:v>
                </c:pt>
                <c:pt idx="12735">
                  <c:v>212.25</c:v>
                </c:pt>
                <c:pt idx="12736">
                  <c:v>212.26666699999998</c:v>
                </c:pt>
                <c:pt idx="12737">
                  <c:v>212.28333400000002</c:v>
                </c:pt>
                <c:pt idx="12738">
                  <c:v>212.3</c:v>
                </c:pt>
                <c:pt idx="12739">
                  <c:v>212.316667</c:v>
                </c:pt>
                <c:pt idx="12740">
                  <c:v>212.33333399999998</c:v>
                </c:pt>
                <c:pt idx="12741">
                  <c:v>212.35000000000002</c:v>
                </c:pt>
                <c:pt idx="12742">
                  <c:v>212.36666700000001</c:v>
                </c:pt>
                <c:pt idx="12743">
                  <c:v>212.38333399999999</c:v>
                </c:pt>
                <c:pt idx="12744">
                  <c:v>212.40000000000003</c:v>
                </c:pt>
                <c:pt idx="12745">
                  <c:v>212.41666700000002</c:v>
                </c:pt>
                <c:pt idx="12746">
                  <c:v>212.433334</c:v>
                </c:pt>
                <c:pt idx="12747">
                  <c:v>212.45</c:v>
                </c:pt>
                <c:pt idx="12748">
                  <c:v>212.46666700000003</c:v>
                </c:pt>
                <c:pt idx="12749">
                  <c:v>212.48333400000001</c:v>
                </c:pt>
                <c:pt idx="12750">
                  <c:v>212.5</c:v>
                </c:pt>
                <c:pt idx="12751">
                  <c:v>212.51666699999998</c:v>
                </c:pt>
                <c:pt idx="12752">
                  <c:v>212.53333400000002</c:v>
                </c:pt>
                <c:pt idx="12753">
                  <c:v>212.55</c:v>
                </c:pt>
                <c:pt idx="12754">
                  <c:v>212.566667</c:v>
                </c:pt>
                <c:pt idx="12755">
                  <c:v>212.58333399999998</c:v>
                </c:pt>
                <c:pt idx="12756">
                  <c:v>212.60000000000002</c:v>
                </c:pt>
                <c:pt idx="12757">
                  <c:v>212.61666700000001</c:v>
                </c:pt>
                <c:pt idx="12758">
                  <c:v>212.63333399999999</c:v>
                </c:pt>
                <c:pt idx="12759">
                  <c:v>212.65000000000003</c:v>
                </c:pt>
                <c:pt idx="12760">
                  <c:v>212.66666700000002</c:v>
                </c:pt>
                <c:pt idx="12761">
                  <c:v>212.683334</c:v>
                </c:pt>
                <c:pt idx="12762">
                  <c:v>212.7</c:v>
                </c:pt>
                <c:pt idx="12763">
                  <c:v>212.71666700000003</c:v>
                </c:pt>
                <c:pt idx="12764">
                  <c:v>212.73333400000001</c:v>
                </c:pt>
                <c:pt idx="12765">
                  <c:v>212.75</c:v>
                </c:pt>
                <c:pt idx="12766">
                  <c:v>212.76666699999998</c:v>
                </c:pt>
                <c:pt idx="12767">
                  <c:v>212.78333400000002</c:v>
                </c:pt>
                <c:pt idx="12768">
                  <c:v>212.8</c:v>
                </c:pt>
                <c:pt idx="12769">
                  <c:v>212.816667</c:v>
                </c:pt>
                <c:pt idx="12770">
                  <c:v>212.83333399999998</c:v>
                </c:pt>
                <c:pt idx="12771">
                  <c:v>212.85000000000002</c:v>
                </c:pt>
                <c:pt idx="12772">
                  <c:v>212.86666700000001</c:v>
                </c:pt>
                <c:pt idx="12773">
                  <c:v>212.88333399999999</c:v>
                </c:pt>
                <c:pt idx="12774">
                  <c:v>212.90000000000003</c:v>
                </c:pt>
                <c:pt idx="12775">
                  <c:v>212.91666700000002</c:v>
                </c:pt>
                <c:pt idx="12776">
                  <c:v>212.933334</c:v>
                </c:pt>
                <c:pt idx="12777">
                  <c:v>212.95</c:v>
                </c:pt>
                <c:pt idx="12778">
                  <c:v>212.96666700000003</c:v>
                </c:pt>
                <c:pt idx="12779">
                  <c:v>212.98333400000001</c:v>
                </c:pt>
                <c:pt idx="12780">
                  <c:v>213</c:v>
                </c:pt>
                <c:pt idx="12781">
                  <c:v>213.01666699999998</c:v>
                </c:pt>
                <c:pt idx="12782">
                  <c:v>213.03333400000002</c:v>
                </c:pt>
                <c:pt idx="12783">
                  <c:v>213.05</c:v>
                </c:pt>
                <c:pt idx="12784">
                  <c:v>213.066667</c:v>
                </c:pt>
                <c:pt idx="12785">
                  <c:v>213.08333399999998</c:v>
                </c:pt>
                <c:pt idx="12786">
                  <c:v>213.10000000000002</c:v>
                </c:pt>
                <c:pt idx="12787">
                  <c:v>213.11666700000001</c:v>
                </c:pt>
                <c:pt idx="12788">
                  <c:v>213.13333399999999</c:v>
                </c:pt>
                <c:pt idx="12789">
                  <c:v>213.15000000000003</c:v>
                </c:pt>
                <c:pt idx="12790">
                  <c:v>213.16666700000002</c:v>
                </c:pt>
                <c:pt idx="12791">
                  <c:v>213.183334</c:v>
                </c:pt>
                <c:pt idx="12792">
                  <c:v>213.2</c:v>
                </c:pt>
                <c:pt idx="12793">
                  <c:v>213.21666700000003</c:v>
                </c:pt>
                <c:pt idx="12794">
                  <c:v>213.23333400000001</c:v>
                </c:pt>
                <c:pt idx="12795">
                  <c:v>213.25</c:v>
                </c:pt>
                <c:pt idx="12796">
                  <c:v>213.26666699999998</c:v>
                </c:pt>
                <c:pt idx="12797">
                  <c:v>213.28333400000002</c:v>
                </c:pt>
                <c:pt idx="12798">
                  <c:v>213.3</c:v>
                </c:pt>
                <c:pt idx="12799">
                  <c:v>213.316667</c:v>
                </c:pt>
                <c:pt idx="12800">
                  <c:v>213.33333399999998</c:v>
                </c:pt>
                <c:pt idx="12801">
                  <c:v>213.35000000000002</c:v>
                </c:pt>
                <c:pt idx="12802">
                  <c:v>213.36666700000001</c:v>
                </c:pt>
                <c:pt idx="12803">
                  <c:v>213.38333399999999</c:v>
                </c:pt>
                <c:pt idx="12804">
                  <c:v>213.40000000000003</c:v>
                </c:pt>
                <c:pt idx="12805">
                  <c:v>213.41666700000002</c:v>
                </c:pt>
                <c:pt idx="12806">
                  <c:v>213.433334</c:v>
                </c:pt>
                <c:pt idx="12807">
                  <c:v>213.45</c:v>
                </c:pt>
                <c:pt idx="12808">
                  <c:v>213.46666700000003</c:v>
                </c:pt>
                <c:pt idx="12809">
                  <c:v>213.48333400000001</c:v>
                </c:pt>
                <c:pt idx="12810">
                  <c:v>213.5</c:v>
                </c:pt>
                <c:pt idx="12811">
                  <c:v>213.51666699999998</c:v>
                </c:pt>
                <c:pt idx="12812">
                  <c:v>213.53333400000002</c:v>
                </c:pt>
                <c:pt idx="12813">
                  <c:v>213.55</c:v>
                </c:pt>
                <c:pt idx="12814">
                  <c:v>213.566667</c:v>
                </c:pt>
                <c:pt idx="12815">
                  <c:v>213.58333399999998</c:v>
                </c:pt>
                <c:pt idx="12816">
                  <c:v>213.60000000000002</c:v>
                </c:pt>
                <c:pt idx="12817">
                  <c:v>213.61666700000001</c:v>
                </c:pt>
                <c:pt idx="12818">
                  <c:v>213.63333399999999</c:v>
                </c:pt>
                <c:pt idx="12819">
                  <c:v>213.65000000000003</c:v>
                </c:pt>
                <c:pt idx="12820">
                  <c:v>213.66666700000002</c:v>
                </c:pt>
                <c:pt idx="12821">
                  <c:v>213.683334</c:v>
                </c:pt>
                <c:pt idx="12822">
                  <c:v>213.7</c:v>
                </c:pt>
                <c:pt idx="12823">
                  <c:v>213.71666700000003</c:v>
                </c:pt>
                <c:pt idx="12824">
                  <c:v>213.73333400000001</c:v>
                </c:pt>
                <c:pt idx="12825">
                  <c:v>213.75</c:v>
                </c:pt>
                <c:pt idx="12826">
                  <c:v>213.76666699999998</c:v>
                </c:pt>
                <c:pt idx="12827">
                  <c:v>213.78333400000002</c:v>
                </c:pt>
                <c:pt idx="12828">
                  <c:v>213.8</c:v>
                </c:pt>
                <c:pt idx="12829">
                  <c:v>213.816667</c:v>
                </c:pt>
                <c:pt idx="12830">
                  <c:v>213.83333399999998</c:v>
                </c:pt>
                <c:pt idx="12831">
                  <c:v>213.85000000000002</c:v>
                </c:pt>
                <c:pt idx="12832">
                  <c:v>213.86666700000001</c:v>
                </c:pt>
                <c:pt idx="12833">
                  <c:v>213.88333399999999</c:v>
                </c:pt>
                <c:pt idx="12834">
                  <c:v>213.90000000000003</c:v>
                </c:pt>
                <c:pt idx="12835">
                  <c:v>213.91666700000002</c:v>
                </c:pt>
                <c:pt idx="12836">
                  <c:v>213.933334</c:v>
                </c:pt>
                <c:pt idx="12837">
                  <c:v>213.95</c:v>
                </c:pt>
                <c:pt idx="12838">
                  <c:v>213.96666700000003</c:v>
                </c:pt>
                <c:pt idx="12839">
                  <c:v>213.98333400000001</c:v>
                </c:pt>
                <c:pt idx="12840">
                  <c:v>214</c:v>
                </c:pt>
                <c:pt idx="12841">
                  <c:v>214.01666699999998</c:v>
                </c:pt>
                <c:pt idx="12842">
                  <c:v>214.03333400000002</c:v>
                </c:pt>
                <c:pt idx="12843">
                  <c:v>214.05</c:v>
                </c:pt>
                <c:pt idx="12844">
                  <c:v>214.066667</c:v>
                </c:pt>
                <c:pt idx="12845">
                  <c:v>214.08333399999998</c:v>
                </c:pt>
                <c:pt idx="12846">
                  <c:v>214.10000000000002</c:v>
                </c:pt>
                <c:pt idx="12847">
                  <c:v>214.11666700000001</c:v>
                </c:pt>
                <c:pt idx="12848">
                  <c:v>214.13333399999999</c:v>
                </c:pt>
                <c:pt idx="12849">
                  <c:v>214.15000000000003</c:v>
                </c:pt>
                <c:pt idx="12850">
                  <c:v>214.16666700000002</c:v>
                </c:pt>
                <c:pt idx="12851">
                  <c:v>214.183334</c:v>
                </c:pt>
                <c:pt idx="12852">
                  <c:v>214.2</c:v>
                </c:pt>
                <c:pt idx="12853">
                  <c:v>214.21666700000003</c:v>
                </c:pt>
                <c:pt idx="12854">
                  <c:v>214.23333400000001</c:v>
                </c:pt>
                <c:pt idx="12855">
                  <c:v>214.25</c:v>
                </c:pt>
                <c:pt idx="12856">
                  <c:v>214.26666699999998</c:v>
                </c:pt>
                <c:pt idx="12857">
                  <c:v>214.28333400000002</c:v>
                </c:pt>
                <c:pt idx="12858">
                  <c:v>214.3</c:v>
                </c:pt>
                <c:pt idx="12859">
                  <c:v>214.316667</c:v>
                </c:pt>
                <c:pt idx="12860">
                  <c:v>214.33333399999998</c:v>
                </c:pt>
                <c:pt idx="12861">
                  <c:v>214.35000000000002</c:v>
                </c:pt>
                <c:pt idx="12862">
                  <c:v>214.36666700000001</c:v>
                </c:pt>
                <c:pt idx="12863">
                  <c:v>214.38333399999999</c:v>
                </c:pt>
                <c:pt idx="12864">
                  <c:v>214.40000000000003</c:v>
                </c:pt>
                <c:pt idx="12865">
                  <c:v>214.41666700000002</c:v>
                </c:pt>
                <c:pt idx="12866">
                  <c:v>214.433334</c:v>
                </c:pt>
                <c:pt idx="12867">
                  <c:v>214.45</c:v>
                </c:pt>
                <c:pt idx="12868">
                  <c:v>214.46666700000003</c:v>
                </c:pt>
                <c:pt idx="12869">
                  <c:v>214.48333400000001</c:v>
                </c:pt>
                <c:pt idx="12870">
                  <c:v>214.5</c:v>
                </c:pt>
                <c:pt idx="12871">
                  <c:v>214.51666699999998</c:v>
                </c:pt>
                <c:pt idx="12872">
                  <c:v>214.53333400000002</c:v>
                </c:pt>
                <c:pt idx="12873">
                  <c:v>214.55</c:v>
                </c:pt>
                <c:pt idx="12874">
                  <c:v>214.566667</c:v>
                </c:pt>
                <c:pt idx="12875">
                  <c:v>214.58333399999998</c:v>
                </c:pt>
                <c:pt idx="12876">
                  <c:v>214.60000000000002</c:v>
                </c:pt>
                <c:pt idx="12877">
                  <c:v>214.61666700000001</c:v>
                </c:pt>
                <c:pt idx="12878">
                  <c:v>214.63333399999999</c:v>
                </c:pt>
                <c:pt idx="12879">
                  <c:v>214.65000000000003</c:v>
                </c:pt>
                <c:pt idx="12880">
                  <c:v>214.66666700000002</c:v>
                </c:pt>
                <c:pt idx="12881">
                  <c:v>214.683334</c:v>
                </c:pt>
                <c:pt idx="12882">
                  <c:v>214.7</c:v>
                </c:pt>
                <c:pt idx="12883">
                  <c:v>214.71666700000003</c:v>
                </c:pt>
                <c:pt idx="12884">
                  <c:v>214.73333400000001</c:v>
                </c:pt>
                <c:pt idx="12885">
                  <c:v>214.75</c:v>
                </c:pt>
                <c:pt idx="12886">
                  <c:v>214.76666699999998</c:v>
                </c:pt>
                <c:pt idx="12887">
                  <c:v>214.78333400000002</c:v>
                </c:pt>
                <c:pt idx="12888">
                  <c:v>214.8</c:v>
                </c:pt>
                <c:pt idx="12889">
                  <c:v>214.816667</c:v>
                </c:pt>
                <c:pt idx="12890">
                  <c:v>214.83333399999998</c:v>
                </c:pt>
                <c:pt idx="12891">
                  <c:v>214.85000000000002</c:v>
                </c:pt>
                <c:pt idx="12892">
                  <c:v>214.86666700000001</c:v>
                </c:pt>
                <c:pt idx="12893">
                  <c:v>214.88333399999999</c:v>
                </c:pt>
                <c:pt idx="12894">
                  <c:v>214.90000000000003</c:v>
                </c:pt>
                <c:pt idx="12895">
                  <c:v>214.91666700000002</c:v>
                </c:pt>
                <c:pt idx="12896">
                  <c:v>214.933334</c:v>
                </c:pt>
                <c:pt idx="12897">
                  <c:v>214.95</c:v>
                </c:pt>
                <c:pt idx="12898">
                  <c:v>214.96666700000003</c:v>
                </c:pt>
                <c:pt idx="12899">
                  <c:v>214.98333400000001</c:v>
                </c:pt>
                <c:pt idx="12900">
                  <c:v>215</c:v>
                </c:pt>
                <c:pt idx="12901">
                  <c:v>215.01666699999998</c:v>
                </c:pt>
                <c:pt idx="12902">
                  <c:v>215.03333400000002</c:v>
                </c:pt>
                <c:pt idx="12903">
                  <c:v>215.05</c:v>
                </c:pt>
                <c:pt idx="12904">
                  <c:v>215.066667</c:v>
                </c:pt>
                <c:pt idx="12905">
                  <c:v>215.08333399999998</c:v>
                </c:pt>
                <c:pt idx="12906">
                  <c:v>215.10000000000002</c:v>
                </c:pt>
                <c:pt idx="12907">
                  <c:v>215.11666700000001</c:v>
                </c:pt>
                <c:pt idx="12908">
                  <c:v>215.13333399999999</c:v>
                </c:pt>
                <c:pt idx="12909">
                  <c:v>215.15000000000003</c:v>
                </c:pt>
                <c:pt idx="12910">
                  <c:v>215.16666700000002</c:v>
                </c:pt>
                <c:pt idx="12911">
                  <c:v>215.183334</c:v>
                </c:pt>
                <c:pt idx="12912">
                  <c:v>215.2</c:v>
                </c:pt>
                <c:pt idx="12913">
                  <c:v>215.21666700000003</c:v>
                </c:pt>
                <c:pt idx="12914">
                  <c:v>215.23333400000001</c:v>
                </c:pt>
                <c:pt idx="12915">
                  <c:v>215.25</c:v>
                </c:pt>
                <c:pt idx="12916">
                  <c:v>215.26666699999998</c:v>
                </c:pt>
                <c:pt idx="12917">
                  <c:v>215.28333400000002</c:v>
                </c:pt>
                <c:pt idx="12918">
                  <c:v>215.3</c:v>
                </c:pt>
                <c:pt idx="12919">
                  <c:v>215.316667</c:v>
                </c:pt>
                <c:pt idx="12920">
                  <c:v>215.33333399999998</c:v>
                </c:pt>
                <c:pt idx="12921">
                  <c:v>215.35000000000002</c:v>
                </c:pt>
                <c:pt idx="12922">
                  <c:v>215.36666700000001</c:v>
                </c:pt>
                <c:pt idx="12923">
                  <c:v>215.38333399999999</c:v>
                </c:pt>
                <c:pt idx="12924">
                  <c:v>215.40000000000003</c:v>
                </c:pt>
                <c:pt idx="12925">
                  <c:v>215.41666700000002</c:v>
                </c:pt>
                <c:pt idx="12926">
                  <c:v>215.433334</c:v>
                </c:pt>
                <c:pt idx="12927">
                  <c:v>215.45</c:v>
                </c:pt>
                <c:pt idx="12928">
                  <c:v>215.46666700000003</c:v>
                </c:pt>
                <c:pt idx="12929">
                  <c:v>215.48333400000001</c:v>
                </c:pt>
                <c:pt idx="12930">
                  <c:v>215.5</c:v>
                </c:pt>
                <c:pt idx="12931">
                  <c:v>215.51666699999998</c:v>
                </c:pt>
                <c:pt idx="12932">
                  <c:v>215.53333400000002</c:v>
                </c:pt>
                <c:pt idx="12933">
                  <c:v>215.55</c:v>
                </c:pt>
                <c:pt idx="12934">
                  <c:v>215.566667</c:v>
                </c:pt>
                <c:pt idx="12935">
                  <c:v>215.58333399999998</c:v>
                </c:pt>
                <c:pt idx="12936">
                  <c:v>215.60000000000002</c:v>
                </c:pt>
                <c:pt idx="12937">
                  <c:v>215.61666700000001</c:v>
                </c:pt>
                <c:pt idx="12938">
                  <c:v>215.63333399999999</c:v>
                </c:pt>
                <c:pt idx="12939">
                  <c:v>215.65000000000003</c:v>
                </c:pt>
                <c:pt idx="12940">
                  <c:v>215.66666700000002</c:v>
                </c:pt>
                <c:pt idx="12941">
                  <c:v>215.683334</c:v>
                </c:pt>
                <c:pt idx="12942">
                  <c:v>215.7</c:v>
                </c:pt>
                <c:pt idx="12943">
                  <c:v>215.71666700000003</c:v>
                </c:pt>
                <c:pt idx="12944">
                  <c:v>215.73333400000001</c:v>
                </c:pt>
                <c:pt idx="12945">
                  <c:v>215.75</c:v>
                </c:pt>
                <c:pt idx="12946">
                  <c:v>215.76666699999998</c:v>
                </c:pt>
                <c:pt idx="12947">
                  <c:v>215.78333400000002</c:v>
                </c:pt>
                <c:pt idx="12948">
                  <c:v>215.8</c:v>
                </c:pt>
                <c:pt idx="12949">
                  <c:v>215.816667</c:v>
                </c:pt>
                <c:pt idx="12950">
                  <c:v>215.83333399999998</c:v>
                </c:pt>
                <c:pt idx="12951">
                  <c:v>215.85000000000002</c:v>
                </c:pt>
                <c:pt idx="12952">
                  <c:v>215.86666700000001</c:v>
                </c:pt>
                <c:pt idx="12953">
                  <c:v>215.88333399999999</c:v>
                </c:pt>
                <c:pt idx="12954">
                  <c:v>215.90000000000003</c:v>
                </c:pt>
                <c:pt idx="12955">
                  <c:v>215.91666700000002</c:v>
                </c:pt>
                <c:pt idx="12956">
                  <c:v>215.933334</c:v>
                </c:pt>
                <c:pt idx="12957">
                  <c:v>215.95</c:v>
                </c:pt>
                <c:pt idx="12958">
                  <c:v>215.96666700000003</c:v>
                </c:pt>
                <c:pt idx="12959">
                  <c:v>215.98333400000001</c:v>
                </c:pt>
                <c:pt idx="12960">
                  <c:v>216</c:v>
                </c:pt>
                <c:pt idx="12961">
                  <c:v>216.01666699999998</c:v>
                </c:pt>
                <c:pt idx="12962">
                  <c:v>216.03333400000002</c:v>
                </c:pt>
                <c:pt idx="12963">
                  <c:v>216.05</c:v>
                </c:pt>
                <c:pt idx="12964">
                  <c:v>216.066667</c:v>
                </c:pt>
                <c:pt idx="12965">
                  <c:v>216.08333399999998</c:v>
                </c:pt>
                <c:pt idx="12966">
                  <c:v>216.10000000000002</c:v>
                </c:pt>
                <c:pt idx="12967">
                  <c:v>216.11666700000001</c:v>
                </c:pt>
                <c:pt idx="12968">
                  <c:v>216.13333399999999</c:v>
                </c:pt>
                <c:pt idx="12969">
                  <c:v>216.15000000000003</c:v>
                </c:pt>
                <c:pt idx="12970">
                  <c:v>216.16666700000002</c:v>
                </c:pt>
                <c:pt idx="12971">
                  <c:v>216.183334</c:v>
                </c:pt>
                <c:pt idx="12972">
                  <c:v>216.2</c:v>
                </c:pt>
                <c:pt idx="12973">
                  <c:v>216.21666700000003</c:v>
                </c:pt>
                <c:pt idx="12974">
                  <c:v>216.23333400000001</c:v>
                </c:pt>
                <c:pt idx="12975">
                  <c:v>216.25</c:v>
                </c:pt>
                <c:pt idx="12976">
                  <c:v>216.26666699999998</c:v>
                </c:pt>
                <c:pt idx="12977">
                  <c:v>216.28333400000002</c:v>
                </c:pt>
                <c:pt idx="12978">
                  <c:v>216.3</c:v>
                </c:pt>
                <c:pt idx="12979">
                  <c:v>216.316667</c:v>
                </c:pt>
                <c:pt idx="12980">
                  <c:v>216.33333399999998</c:v>
                </c:pt>
                <c:pt idx="12981">
                  <c:v>216.35000000000002</c:v>
                </c:pt>
                <c:pt idx="12982">
                  <c:v>216.36666700000001</c:v>
                </c:pt>
                <c:pt idx="12983">
                  <c:v>216.38333399999999</c:v>
                </c:pt>
                <c:pt idx="12984">
                  <c:v>216.40000000000003</c:v>
                </c:pt>
                <c:pt idx="12985">
                  <c:v>216.41666700000002</c:v>
                </c:pt>
                <c:pt idx="12986">
                  <c:v>216.433334</c:v>
                </c:pt>
                <c:pt idx="12987">
                  <c:v>216.45</c:v>
                </c:pt>
                <c:pt idx="12988">
                  <c:v>216.46666700000003</c:v>
                </c:pt>
                <c:pt idx="12989">
                  <c:v>216.48333400000001</c:v>
                </c:pt>
                <c:pt idx="12990">
                  <c:v>216.5</c:v>
                </c:pt>
                <c:pt idx="12991">
                  <c:v>216.51666699999998</c:v>
                </c:pt>
                <c:pt idx="12992">
                  <c:v>216.53333400000002</c:v>
                </c:pt>
                <c:pt idx="12993">
                  <c:v>216.55</c:v>
                </c:pt>
                <c:pt idx="12994">
                  <c:v>216.566667</c:v>
                </c:pt>
                <c:pt idx="12995">
                  <c:v>216.58333399999998</c:v>
                </c:pt>
                <c:pt idx="12996">
                  <c:v>216.60000000000002</c:v>
                </c:pt>
                <c:pt idx="12997">
                  <c:v>216.61666700000001</c:v>
                </c:pt>
                <c:pt idx="12998">
                  <c:v>216.63333399999999</c:v>
                </c:pt>
                <c:pt idx="12999">
                  <c:v>216.65000000000003</c:v>
                </c:pt>
                <c:pt idx="13000">
                  <c:v>216.66666700000002</c:v>
                </c:pt>
                <c:pt idx="13001">
                  <c:v>216.683334</c:v>
                </c:pt>
                <c:pt idx="13002">
                  <c:v>216.7</c:v>
                </c:pt>
                <c:pt idx="13003">
                  <c:v>216.71666700000003</c:v>
                </c:pt>
                <c:pt idx="13004">
                  <c:v>216.73333400000001</c:v>
                </c:pt>
                <c:pt idx="13005">
                  <c:v>216.75</c:v>
                </c:pt>
                <c:pt idx="13006">
                  <c:v>216.76666699999998</c:v>
                </c:pt>
                <c:pt idx="13007">
                  <c:v>216.78333400000002</c:v>
                </c:pt>
                <c:pt idx="13008">
                  <c:v>216.8</c:v>
                </c:pt>
                <c:pt idx="13009">
                  <c:v>216.816667</c:v>
                </c:pt>
                <c:pt idx="13010">
                  <c:v>216.83333399999998</c:v>
                </c:pt>
                <c:pt idx="13011">
                  <c:v>216.85000000000002</c:v>
                </c:pt>
                <c:pt idx="13012">
                  <c:v>216.86666700000001</c:v>
                </c:pt>
                <c:pt idx="13013">
                  <c:v>216.88333399999999</c:v>
                </c:pt>
                <c:pt idx="13014">
                  <c:v>216.90000000000003</c:v>
                </c:pt>
                <c:pt idx="13015">
                  <c:v>216.91666700000002</c:v>
                </c:pt>
                <c:pt idx="13016">
                  <c:v>216.933334</c:v>
                </c:pt>
                <c:pt idx="13017">
                  <c:v>216.95</c:v>
                </c:pt>
                <c:pt idx="13018">
                  <c:v>216.96666700000003</c:v>
                </c:pt>
                <c:pt idx="13019">
                  <c:v>216.98333400000001</c:v>
                </c:pt>
                <c:pt idx="13020">
                  <c:v>217</c:v>
                </c:pt>
                <c:pt idx="13021">
                  <c:v>217.01666699999998</c:v>
                </c:pt>
                <c:pt idx="13022">
                  <c:v>217.03333400000002</c:v>
                </c:pt>
                <c:pt idx="13023">
                  <c:v>217.05</c:v>
                </c:pt>
                <c:pt idx="13024">
                  <c:v>217.066667</c:v>
                </c:pt>
                <c:pt idx="13025">
                  <c:v>217.08333399999998</c:v>
                </c:pt>
                <c:pt idx="13026">
                  <c:v>217.10000000000002</c:v>
                </c:pt>
                <c:pt idx="13027">
                  <c:v>217.11666700000001</c:v>
                </c:pt>
                <c:pt idx="13028">
                  <c:v>217.13333399999999</c:v>
                </c:pt>
                <c:pt idx="13029">
                  <c:v>217.15000000000003</c:v>
                </c:pt>
                <c:pt idx="13030">
                  <c:v>217.16666700000002</c:v>
                </c:pt>
                <c:pt idx="13031">
                  <c:v>217.183334</c:v>
                </c:pt>
                <c:pt idx="13032">
                  <c:v>217.2</c:v>
                </c:pt>
                <c:pt idx="13033">
                  <c:v>217.21666700000003</c:v>
                </c:pt>
                <c:pt idx="13034">
                  <c:v>217.23333400000001</c:v>
                </c:pt>
                <c:pt idx="13035">
                  <c:v>217.25</c:v>
                </c:pt>
                <c:pt idx="13036">
                  <c:v>217.26666699999998</c:v>
                </c:pt>
                <c:pt idx="13037">
                  <c:v>217.28333400000002</c:v>
                </c:pt>
                <c:pt idx="13038">
                  <c:v>217.3</c:v>
                </c:pt>
                <c:pt idx="13039">
                  <c:v>217.316667</c:v>
                </c:pt>
                <c:pt idx="13040">
                  <c:v>217.33333399999998</c:v>
                </c:pt>
                <c:pt idx="13041">
                  <c:v>217.35000000000002</c:v>
                </c:pt>
                <c:pt idx="13042">
                  <c:v>217.36666700000001</c:v>
                </c:pt>
                <c:pt idx="13043">
                  <c:v>217.38333399999999</c:v>
                </c:pt>
                <c:pt idx="13044">
                  <c:v>217.40000000000003</c:v>
                </c:pt>
                <c:pt idx="13045">
                  <c:v>217.41666700000002</c:v>
                </c:pt>
                <c:pt idx="13046">
                  <c:v>217.433334</c:v>
                </c:pt>
                <c:pt idx="13047">
                  <c:v>217.45</c:v>
                </c:pt>
                <c:pt idx="13048">
                  <c:v>217.46666700000003</c:v>
                </c:pt>
                <c:pt idx="13049">
                  <c:v>217.48333400000001</c:v>
                </c:pt>
                <c:pt idx="13050">
                  <c:v>217.5</c:v>
                </c:pt>
                <c:pt idx="13051">
                  <c:v>217.51666699999998</c:v>
                </c:pt>
                <c:pt idx="13052">
                  <c:v>217.53333400000002</c:v>
                </c:pt>
                <c:pt idx="13053">
                  <c:v>217.55</c:v>
                </c:pt>
                <c:pt idx="13054">
                  <c:v>217.566667</c:v>
                </c:pt>
                <c:pt idx="13055">
                  <c:v>217.58333399999998</c:v>
                </c:pt>
                <c:pt idx="13056">
                  <c:v>217.60000000000002</c:v>
                </c:pt>
                <c:pt idx="13057">
                  <c:v>217.61666700000001</c:v>
                </c:pt>
                <c:pt idx="13058">
                  <c:v>217.63333399999999</c:v>
                </c:pt>
                <c:pt idx="13059">
                  <c:v>217.65000000000003</c:v>
                </c:pt>
                <c:pt idx="13060">
                  <c:v>217.66666700000002</c:v>
                </c:pt>
                <c:pt idx="13061">
                  <c:v>217.683334</c:v>
                </c:pt>
                <c:pt idx="13062">
                  <c:v>217.7</c:v>
                </c:pt>
                <c:pt idx="13063">
                  <c:v>217.71666700000003</c:v>
                </c:pt>
                <c:pt idx="13064">
                  <c:v>217.73333400000001</c:v>
                </c:pt>
                <c:pt idx="13065">
                  <c:v>217.75</c:v>
                </c:pt>
                <c:pt idx="13066">
                  <c:v>217.76666699999998</c:v>
                </c:pt>
                <c:pt idx="13067">
                  <c:v>217.78333400000002</c:v>
                </c:pt>
                <c:pt idx="13068">
                  <c:v>217.8</c:v>
                </c:pt>
                <c:pt idx="13069">
                  <c:v>217.816667</c:v>
                </c:pt>
                <c:pt idx="13070">
                  <c:v>217.83333399999998</c:v>
                </c:pt>
                <c:pt idx="13071">
                  <c:v>217.85000000000002</c:v>
                </c:pt>
                <c:pt idx="13072">
                  <c:v>217.86666700000001</c:v>
                </c:pt>
                <c:pt idx="13073">
                  <c:v>217.88333399999999</c:v>
                </c:pt>
                <c:pt idx="13074">
                  <c:v>217.90000000000003</c:v>
                </c:pt>
                <c:pt idx="13075">
                  <c:v>217.91666700000002</c:v>
                </c:pt>
                <c:pt idx="13076">
                  <c:v>217.933334</c:v>
                </c:pt>
                <c:pt idx="13077">
                  <c:v>217.95</c:v>
                </c:pt>
                <c:pt idx="13078">
                  <c:v>217.96666700000003</c:v>
                </c:pt>
                <c:pt idx="13079">
                  <c:v>217.98333400000001</c:v>
                </c:pt>
                <c:pt idx="13080">
                  <c:v>218</c:v>
                </c:pt>
                <c:pt idx="13081">
                  <c:v>218.01666699999998</c:v>
                </c:pt>
                <c:pt idx="13082">
                  <c:v>218.03333400000002</c:v>
                </c:pt>
                <c:pt idx="13083">
                  <c:v>218.05</c:v>
                </c:pt>
                <c:pt idx="13084">
                  <c:v>218.066667</c:v>
                </c:pt>
                <c:pt idx="13085">
                  <c:v>218.08333399999998</c:v>
                </c:pt>
                <c:pt idx="13086">
                  <c:v>218.10000000000002</c:v>
                </c:pt>
                <c:pt idx="13087">
                  <c:v>218.11666700000001</c:v>
                </c:pt>
                <c:pt idx="13088">
                  <c:v>218.13333399999999</c:v>
                </c:pt>
                <c:pt idx="13089">
                  <c:v>218.15000000000003</c:v>
                </c:pt>
                <c:pt idx="13090">
                  <c:v>218.16666700000002</c:v>
                </c:pt>
                <c:pt idx="13091">
                  <c:v>218.183334</c:v>
                </c:pt>
                <c:pt idx="13092">
                  <c:v>218.2</c:v>
                </c:pt>
                <c:pt idx="13093">
                  <c:v>218.21666700000003</c:v>
                </c:pt>
                <c:pt idx="13094">
                  <c:v>218.23333400000001</c:v>
                </c:pt>
                <c:pt idx="13095">
                  <c:v>218.25</c:v>
                </c:pt>
                <c:pt idx="13096">
                  <c:v>218.26666699999998</c:v>
                </c:pt>
                <c:pt idx="13097">
                  <c:v>218.28333400000002</c:v>
                </c:pt>
                <c:pt idx="13098">
                  <c:v>218.3</c:v>
                </c:pt>
                <c:pt idx="13099">
                  <c:v>218.316667</c:v>
                </c:pt>
                <c:pt idx="13100">
                  <c:v>218.33333399999998</c:v>
                </c:pt>
                <c:pt idx="13101">
                  <c:v>218.35000000000002</c:v>
                </c:pt>
                <c:pt idx="13102">
                  <c:v>218.36666700000001</c:v>
                </c:pt>
                <c:pt idx="13103">
                  <c:v>218.38333399999999</c:v>
                </c:pt>
                <c:pt idx="13104">
                  <c:v>218.40000000000003</c:v>
                </c:pt>
                <c:pt idx="13105">
                  <c:v>218.41666700000002</c:v>
                </c:pt>
                <c:pt idx="13106">
                  <c:v>218.433334</c:v>
                </c:pt>
                <c:pt idx="13107">
                  <c:v>218.45</c:v>
                </c:pt>
                <c:pt idx="13108">
                  <c:v>218.46666700000003</c:v>
                </c:pt>
                <c:pt idx="13109">
                  <c:v>218.48333400000001</c:v>
                </c:pt>
                <c:pt idx="13110">
                  <c:v>218.5</c:v>
                </c:pt>
                <c:pt idx="13111">
                  <c:v>218.51666699999998</c:v>
                </c:pt>
                <c:pt idx="13112">
                  <c:v>218.53333400000002</c:v>
                </c:pt>
                <c:pt idx="13113">
                  <c:v>218.55</c:v>
                </c:pt>
                <c:pt idx="13114">
                  <c:v>218.566667</c:v>
                </c:pt>
                <c:pt idx="13115">
                  <c:v>218.58333399999998</c:v>
                </c:pt>
                <c:pt idx="13116">
                  <c:v>218.60000000000002</c:v>
                </c:pt>
                <c:pt idx="13117">
                  <c:v>218.61666700000001</c:v>
                </c:pt>
                <c:pt idx="13118">
                  <c:v>218.63333399999999</c:v>
                </c:pt>
                <c:pt idx="13119">
                  <c:v>218.65000000000003</c:v>
                </c:pt>
                <c:pt idx="13120">
                  <c:v>218.66666700000002</c:v>
                </c:pt>
                <c:pt idx="13121">
                  <c:v>218.683334</c:v>
                </c:pt>
                <c:pt idx="13122">
                  <c:v>218.7</c:v>
                </c:pt>
                <c:pt idx="13123">
                  <c:v>218.71666700000003</c:v>
                </c:pt>
                <c:pt idx="13124">
                  <c:v>218.73333400000001</c:v>
                </c:pt>
                <c:pt idx="13125">
                  <c:v>218.75</c:v>
                </c:pt>
                <c:pt idx="13126">
                  <c:v>218.76666699999998</c:v>
                </c:pt>
                <c:pt idx="13127">
                  <c:v>218.78333400000002</c:v>
                </c:pt>
                <c:pt idx="13128">
                  <c:v>218.8</c:v>
                </c:pt>
                <c:pt idx="13129">
                  <c:v>218.816667</c:v>
                </c:pt>
                <c:pt idx="13130">
                  <c:v>218.83333399999998</c:v>
                </c:pt>
                <c:pt idx="13131">
                  <c:v>218.85000000000002</c:v>
                </c:pt>
                <c:pt idx="13132">
                  <c:v>218.86666700000001</c:v>
                </c:pt>
                <c:pt idx="13133">
                  <c:v>218.88333399999999</c:v>
                </c:pt>
                <c:pt idx="13134">
                  <c:v>218.90000000000003</c:v>
                </c:pt>
                <c:pt idx="13135">
                  <c:v>218.91666700000002</c:v>
                </c:pt>
                <c:pt idx="13136">
                  <c:v>218.933334</c:v>
                </c:pt>
                <c:pt idx="13137">
                  <c:v>218.95</c:v>
                </c:pt>
                <c:pt idx="13138">
                  <c:v>218.96666700000003</c:v>
                </c:pt>
                <c:pt idx="13139">
                  <c:v>218.98333400000001</c:v>
                </c:pt>
                <c:pt idx="13140">
                  <c:v>219</c:v>
                </c:pt>
                <c:pt idx="13141">
                  <c:v>219.01666699999998</c:v>
                </c:pt>
                <c:pt idx="13142">
                  <c:v>219.03333400000002</c:v>
                </c:pt>
                <c:pt idx="13143">
                  <c:v>219.05</c:v>
                </c:pt>
                <c:pt idx="13144">
                  <c:v>219.066667</c:v>
                </c:pt>
                <c:pt idx="13145">
                  <c:v>219.08333399999998</c:v>
                </c:pt>
                <c:pt idx="13146">
                  <c:v>219.10000000000002</c:v>
                </c:pt>
                <c:pt idx="13147">
                  <c:v>219.11666700000001</c:v>
                </c:pt>
                <c:pt idx="13148">
                  <c:v>219.13333399999999</c:v>
                </c:pt>
                <c:pt idx="13149">
                  <c:v>219.15000000000003</c:v>
                </c:pt>
                <c:pt idx="13150">
                  <c:v>219.16666700000002</c:v>
                </c:pt>
                <c:pt idx="13151">
                  <c:v>219.183334</c:v>
                </c:pt>
                <c:pt idx="13152">
                  <c:v>219.2</c:v>
                </c:pt>
                <c:pt idx="13153">
                  <c:v>219.21666700000003</c:v>
                </c:pt>
                <c:pt idx="13154">
                  <c:v>219.23333400000001</c:v>
                </c:pt>
                <c:pt idx="13155">
                  <c:v>219.25</c:v>
                </c:pt>
                <c:pt idx="13156">
                  <c:v>219.26666699999998</c:v>
                </c:pt>
                <c:pt idx="13157">
                  <c:v>219.28333400000002</c:v>
                </c:pt>
                <c:pt idx="13158">
                  <c:v>219.3</c:v>
                </c:pt>
                <c:pt idx="13159">
                  <c:v>219.316667</c:v>
                </c:pt>
                <c:pt idx="13160">
                  <c:v>219.33333399999998</c:v>
                </c:pt>
                <c:pt idx="13161">
                  <c:v>219.35000000000002</c:v>
                </c:pt>
                <c:pt idx="13162">
                  <c:v>219.36666700000001</c:v>
                </c:pt>
                <c:pt idx="13163">
                  <c:v>219.38333399999999</c:v>
                </c:pt>
                <c:pt idx="13164">
                  <c:v>219.40000000000003</c:v>
                </c:pt>
                <c:pt idx="13165">
                  <c:v>219.41666700000002</c:v>
                </c:pt>
                <c:pt idx="13166">
                  <c:v>219.433334</c:v>
                </c:pt>
                <c:pt idx="13167">
                  <c:v>219.45</c:v>
                </c:pt>
                <c:pt idx="13168">
                  <c:v>219.46666700000003</c:v>
                </c:pt>
                <c:pt idx="13169">
                  <c:v>219.48333400000001</c:v>
                </c:pt>
                <c:pt idx="13170">
                  <c:v>219.5</c:v>
                </c:pt>
                <c:pt idx="13171">
                  <c:v>219.51666699999998</c:v>
                </c:pt>
                <c:pt idx="13172">
                  <c:v>219.53333400000002</c:v>
                </c:pt>
                <c:pt idx="13173">
                  <c:v>219.55</c:v>
                </c:pt>
                <c:pt idx="13174">
                  <c:v>219.566667</c:v>
                </c:pt>
                <c:pt idx="13175">
                  <c:v>219.58333399999998</c:v>
                </c:pt>
                <c:pt idx="13176">
                  <c:v>219.60000000000002</c:v>
                </c:pt>
                <c:pt idx="13177">
                  <c:v>219.61666700000001</c:v>
                </c:pt>
                <c:pt idx="13178">
                  <c:v>219.63333399999999</c:v>
                </c:pt>
                <c:pt idx="13179">
                  <c:v>219.65000000000003</c:v>
                </c:pt>
                <c:pt idx="13180">
                  <c:v>219.66666700000002</c:v>
                </c:pt>
                <c:pt idx="13181">
                  <c:v>219.683334</c:v>
                </c:pt>
                <c:pt idx="13182">
                  <c:v>219.7</c:v>
                </c:pt>
                <c:pt idx="13183">
                  <c:v>219.71666700000003</c:v>
                </c:pt>
                <c:pt idx="13184">
                  <c:v>219.73333400000001</c:v>
                </c:pt>
                <c:pt idx="13185">
                  <c:v>219.75</c:v>
                </c:pt>
                <c:pt idx="13186">
                  <c:v>219.76666699999998</c:v>
                </c:pt>
                <c:pt idx="13187">
                  <c:v>219.78333400000002</c:v>
                </c:pt>
                <c:pt idx="13188">
                  <c:v>219.8</c:v>
                </c:pt>
                <c:pt idx="13189">
                  <c:v>219.816667</c:v>
                </c:pt>
                <c:pt idx="13190">
                  <c:v>219.83333399999998</c:v>
                </c:pt>
                <c:pt idx="13191">
                  <c:v>219.85000000000002</c:v>
                </c:pt>
                <c:pt idx="13192">
                  <c:v>219.86666700000001</c:v>
                </c:pt>
                <c:pt idx="13193">
                  <c:v>219.88333399999999</c:v>
                </c:pt>
                <c:pt idx="13194">
                  <c:v>219.90000000000003</c:v>
                </c:pt>
                <c:pt idx="13195">
                  <c:v>219.91666700000002</c:v>
                </c:pt>
                <c:pt idx="13196">
                  <c:v>219.933334</c:v>
                </c:pt>
                <c:pt idx="13197">
                  <c:v>219.95</c:v>
                </c:pt>
                <c:pt idx="13198">
                  <c:v>219.96666700000003</c:v>
                </c:pt>
                <c:pt idx="13199">
                  <c:v>219.98333400000001</c:v>
                </c:pt>
                <c:pt idx="13200">
                  <c:v>220</c:v>
                </c:pt>
                <c:pt idx="13201">
                  <c:v>220.01666699999998</c:v>
                </c:pt>
                <c:pt idx="13202">
                  <c:v>220.03333400000002</c:v>
                </c:pt>
                <c:pt idx="13203">
                  <c:v>220.05</c:v>
                </c:pt>
                <c:pt idx="13204">
                  <c:v>220.066667</c:v>
                </c:pt>
                <c:pt idx="13205">
                  <c:v>220.08333399999998</c:v>
                </c:pt>
                <c:pt idx="13206">
                  <c:v>220.10000000000002</c:v>
                </c:pt>
                <c:pt idx="13207">
                  <c:v>220.11666700000001</c:v>
                </c:pt>
                <c:pt idx="13208">
                  <c:v>220.13333399999999</c:v>
                </c:pt>
                <c:pt idx="13209">
                  <c:v>220.15000000000003</c:v>
                </c:pt>
                <c:pt idx="13210">
                  <c:v>220.16666700000002</c:v>
                </c:pt>
                <c:pt idx="13211">
                  <c:v>220.183334</c:v>
                </c:pt>
                <c:pt idx="13212">
                  <c:v>220.2</c:v>
                </c:pt>
                <c:pt idx="13213">
                  <c:v>220.21666700000003</c:v>
                </c:pt>
                <c:pt idx="13214">
                  <c:v>220.23333400000001</c:v>
                </c:pt>
                <c:pt idx="13215">
                  <c:v>220.25</c:v>
                </c:pt>
                <c:pt idx="13216">
                  <c:v>220.26666699999998</c:v>
                </c:pt>
                <c:pt idx="13217">
                  <c:v>220.28333400000002</c:v>
                </c:pt>
                <c:pt idx="13218">
                  <c:v>220.3</c:v>
                </c:pt>
                <c:pt idx="13219">
                  <c:v>220.316667</c:v>
                </c:pt>
                <c:pt idx="13220">
                  <c:v>220.33333399999998</c:v>
                </c:pt>
                <c:pt idx="13221">
                  <c:v>220.35000000000002</c:v>
                </c:pt>
                <c:pt idx="13222">
                  <c:v>220.36666700000001</c:v>
                </c:pt>
                <c:pt idx="13223">
                  <c:v>220.38333399999999</c:v>
                </c:pt>
                <c:pt idx="13224">
                  <c:v>220.40000000000003</c:v>
                </c:pt>
                <c:pt idx="13225">
                  <c:v>220.41666700000002</c:v>
                </c:pt>
                <c:pt idx="13226">
                  <c:v>220.433334</c:v>
                </c:pt>
                <c:pt idx="13227">
                  <c:v>220.45</c:v>
                </c:pt>
                <c:pt idx="13228">
                  <c:v>220.46666700000003</c:v>
                </c:pt>
                <c:pt idx="13229">
                  <c:v>220.48333400000001</c:v>
                </c:pt>
                <c:pt idx="13230">
                  <c:v>220.5</c:v>
                </c:pt>
                <c:pt idx="13231">
                  <c:v>220.51666699999998</c:v>
                </c:pt>
                <c:pt idx="13232">
                  <c:v>220.53333400000002</c:v>
                </c:pt>
                <c:pt idx="13233">
                  <c:v>220.55</c:v>
                </c:pt>
                <c:pt idx="13234">
                  <c:v>220.566667</c:v>
                </c:pt>
                <c:pt idx="13235">
                  <c:v>220.58333399999998</c:v>
                </c:pt>
                <c:pt idx="13236">
                  <c:v>220.60000000000002</c:v>
                </c:pt>
                <c:pt idx="13237">
                  <c:v>220.61666700000001</c:v>
                </c:pt>
                <c:pt idx="13238">
                  <c:v>220.63333399999999</c:v>
                </c:pt>
                <c:pt idx="13239">
                  <c:v>220.65000000000003</c:v>
                </c:pt>
                <c:pt idx="13240">
                  <c:v>220.66666700000002</c:v>
                </c:pt>
                <c:pt idx="13241">
                  <c:v>220.683334</c:v>
                </c:pt>
                <c:pt idx="13242">
                  <c:v>220.7</c:v>
                </c:pt>
                <c:pt idx="13243">
                  <c:v>220.71666700000003</c:v>
                </c:pt>
                <c:pt idx="13244">
                  <c:v>220.73333400000001</c:v>
                </c:pt>
                <c:pt idx="13245">
                  <c:v>220.75</c:v>
                </c:pt>
                <c:pt idx="13246">
                  <c:v>220.76666699999998</c:v>
                </c:pt>
                <c:pt idx="13247">
                  <c:v>220.78333400000002</c:v>
                </c:pt>
                <c:pt idx="13248">
                  <c:v>220.8</c:v>
                </c:pt>
                <c:pt idx="13249">
                  <c:v>220.816667</c:v>
                </c:pt>
                <c:pt idx="13250">
                  <c:v>220.83333399999998</c:v>
                </c:pt>
                <c:pt idx="13251">
                  <c:v>220.85000000000002</c:v>
                </c:pt>
                <c:pt idx="13252">
                  <c:v>220.86666700000001</c:v>
                </c:pt>
                <c:pt idx="13253">
                  <c:v>220.88333399999999</c:v>
                </c:pt>
                <c:pt idx="13254">
                  <c:v>220.90000000000003</c:v>
                </c:pt>
                <c:pt idx="13255">
                  <c:v>220.91666700000002</c:v>
                </c:pt>
                <c:pt idx="13256">
                  <c:v>220.933334</c:v>
                </c:pt>
                <c:pt idx="13257">
                  <c:v>220.95</c:v>
                </c:pt>
                <c:pt idx="13258">
                  <c:v>220.96666700000003</c:v>
                </c:pt>
                <c:pt idx="13259">
                  <c:v>220.98333400000001</c:v>
                </c:pt>
                <c:pt idx="13260">
                  <c:v>221</c:v>
                </c:pt>
                <c:pt idx="13261">
                  <c:v>221.01666699999998</c:v>
                </c:pt>
                <c:pt idx="13262">
                  <c:v>221.03333400000002</c:v>
                </c:pt>
                <c:pt idx="13263">
                  <c:v>221.05</c:v>
                </c:pt>
                <c:pt idx="13264">
                  <c:v>221.066667</c:v>
                </c:pt>
                <c:pt idx="13265">
                  <c:v>221.08333399999998</c:v>
                </c:pt>
                <c:pt idx="13266">
                  <c:v>221.10000000000002</c:v>
                </c:pt>
                <c:pt idx="13267">
                  <c:v>221.11666700000001</c:v>
                </c:pt>
                <c:pt idx="13268">
                  <c:v>221.13333399999999</c:v>
                </c:pt>
                <c:pt idx="13269">
                  <c:v>221.15000000000003</c:v>
                </c:pt>
                <c:pt idx="13270">
                  <c:v>221.16666700000002</c:v>
                </c:pt>
                <c:pt idx="13271">
                  <c:v>221.183334</c:v>
                </c:pt>
                <c:pt idx="13272">
                  <c:v>221.2</c:v>
                </c:pt>
                <c:pt idx="13273">
                  <c:v>221.21666700000003</c:v>
                </c:pt>
                <c:pt idx="13274">
                  <c:v>221.23333400000001</c:v>
                </c:pt>
                <c:pt idx="13275">
                  <c:v>221.25</c:v>
                </c:pt>
                <c:pt idx="13276">
                  <c:v>221.26666699999998</c:v>
                </c:pt>
                <c:pt idx="13277">
                  <c:v>221.28333400000002</c:v>
                </c:pt>
                <c:pt idx="13278">
                  <c:v>221.3</c:v>
                </c:pt>
                <c:pt idx="13279">
                  <c:v>221.316667</c:v>
                </c:pt>
                <c:pt idx="13280">
                  <c:v>221.33333399999998</c:v>
                </c:pt>
                <c:pt idx="13281">
                  <c:v>221.35000000000002</c:v>
                </c:pt>
                <c:pt idx="13282">
                  <c:v>221.36666700000001</c:v>
                </c:pt>
                <c:pt idx="13283">
                  <c:v>221.38333399999999</c:v>
                </c:pt>
                <c:pt idx="13284">
                  <c:v>221.40000000000003</c:v>
                </c:pt>
                <c:pt idx="13285">
                  <c:v>221.41666700000002</c:v>
                </c:pt>
                <c:pt idx="13286">
                  <c:v>221.433334</c:v>
                </c:pt>
                <c:pt idx="13287">
                  <c:v>221.45</c:v>
                </c:pt>
                <c:pt idx="13288">
                  <c:v>221.46666700000003</c:v>
                </c:pt>
                <c:pt idx="13289">
                  <c:v>221.48333400000001</c:v>
                </c:pt>
                <c:pt idx="13290">
                  <c:v>221.5</c:v>
                </c:pt>
                <c:pt idx="13291">
                  <c:v>221.51666699999998</c:v>
                </c:pt>
                <c:pt idx="13292">
                  <c:v>221.53333400000002</c:v>
                </c:pt>
                <c:pt idx="13293">
                  <c:v>221.55</c:v>
                </c:pt>
                <c:pt idx="13294">
                  <c:v>221.566667</c:v>
                </c:pt>
                <c:pt idx="13295">
                  <c:v>221.58333399999998</c:v>
                </c:pt>
                <c:pt idx="13296">
                  <c:v>221.60000000000002</c:v>
                </c:pt>
                <c:pt idx="13297">
                  <c:v>221.61666700000001</c:v>
                </c:pt>
                <c:pt idx="13298">
                  <c:v>221.63333399999999</c:v>
                </c:pt>
                <c:pt idx="13299">
                  <c:v>221.65000000000003</c:v>
                </c:pt>
                <c:pt idx="13300">
                  <c:v>221.66666700000002</c:v>
                </c:pt>
                <c:pt idx="13301">
                  <c:v>221.683334</c:v>
                </c:pt>
                <c:pt idx="13302">
                  <c:v>221.7</c:v>
                </c:pt>
                <c:pt idx="13303">
                  <c:v>221.71666700000003</c:v>
                </c:pt>
                <c:pt idx="13304">
                  <c:v>221.73333400000001</c:v>
                </c:pt>
                <c:pt idx="13305">
                  <c:v>221.75</c:v>
                </c:pt>
                <c:pt idx="13306">
                  <c:v>221.76666699999998</c:v>
                </c:pt>
                <c:pt idx="13307">
                  <c:v>221.78333400000002</c:v>
                </c:pt>
                <c:pt idx="13308">
                  <c:v>221.8</c:v>
                </c:pt>
                <c:pt idx="13309">
                  <c:v>221.816667</c:v>
                </c:pt>
                <c:pt idx="13310">
                  <c:v>221.83333399999998</c:v>
                </c:pt>
                <c:pt idx="13311">
                  <c:v>221.85000000000002</c:v>
                </c:pt>
                <c:pt idx="13312">
                  <c:v>221.86666700000001</c:v>
                </c:pt>
                <c:pt idx="13313">
                  <c:v>221.88333399999999</c:v>
                </c:pt>
                <c:pt idx="13314">
                  <c:v>221.90000000000003</c:v>
                </c:pt>
                <c:pt idx="13315">
                  <c:v>221.91666700000002</c:v>
                </c:pt>
                <c:pt idx="13316">
                  <c:v>221.933334</c:v>
                </c:pt>
                <c:pt idx="13317">
                  <c:v>221.95</c:v>
                </c:pt>
                <c:pt idx="13318">
                  <c:v>221.96666700000003</c:v>
                </c:pt>
                <c:pt idx="13319">
                  <c:v>221.98333400000001</c:v>
                </c:pt>
                <c:pt idx="13320">
                  <c:v>222</c:v>
                </c:pt>
                <c:pt idx="13321">
                  <c:v>222.01666699999998</c:v>
                </c:pt>
                <c:pt idx="13322">
                  <c:v>222.03333400000002</c:v>
                </c:pt>
                <c:pt idx="13323">
                  <c:v>222.05</c:v>
                </c:pt>
                <c:pt idx="13324">
                  <c:v>222.066667</c:v>
                </c:pt>
                <c:pt idx="13325">
                  <c:v>222.08333399999998</c:v>
                </c:pt>
                <c:pt idx="13326">
                  <c:v>222.10000000000002</c:v>
                </c:pt>
                <c:pt idx="13327">
                  <c:v>222.11666700000001</c:v>
                </c:pt>
                <c:pt idx="13328">
                  <c:v>222.13333399999999</c:v>
                </c:pt>
                <c:pt idx="13329">
                  <c:v>222.15000000000003</c:v>
                </c:pt>
                <c:pt idx="13330">
                  <c:v>222.16666700000002</c:v>
                </c:pt>
                <c:pt idx="13331">
                  <c:v>222.183334</c:v>
                </c:pt>
                <c:pt idx="13332">
                  <c:v>222.2</c:v>
                </c:pt>
                <c:pt idx="13333">
                  <c:v>222.21666700000003</c:v>
                </c:pt>
                <c:pt idx="13334">
                  <c:v>222.23333400000001</c:v>
                </c:pt>
                <c:pt idx="13335">
                  <c:v>222.25</c:v>
                </c:pt>
                <c:pt idx="13336">
                  <c:v>222.26666699999998</c:v>
                </c:pt>
                <c:pt idx="13337">
                  <c:v>222.28333400000002</c:v>
                </c:pt>
                <c:pt idx="13338">
                  <c:v>222.3</c:v>
                </c:pt>
                <c:pt idx="13339">
                  <c:v>222.316667</c:v>
                </c:pt>
                <c:pt idx="13340">
                  <c:v>222.33333399999998</c:v>
                </c:pt>
                <c:pt idx="13341">
                  <c:v>222.35000000000002</c:v>
                </c:pt>
                <c:pt idx="13342">
                  <c:v>222.36666700000001</c:v>
                </c:pt>
                <c:pt idx="13343">
                  <c:v>222.38333399999999</c:v>
                </c:pt>
                <c:pt idx="13344">
                  <c:v>222.40000000000003</c:v>
                </c:pt>
                <c:pt idx="13345">
                  <c:v>222.41666700000002</c:v>
                </c:pt>
                <c:pt idx="13346">
                  <c:v>222.433334</c:v>
                </c:pt>
                <c:pt idx="13347">
                  <c:v>222.45</c:v>
                </c:pt>
                <c:pt idx="13348">
                  <c:v>222.46666700000003</c:v>
                </c:pt>
                <c:pt idx="13349">
                  <c:v>222.48333400000001</c:v>
                </c:pt>
                <c:pt idx="13350">
                  <c:v>222.5</c:v>
                </c:pt>
                <c:pt idx="13351">
                  <c:v>222.51666699999998</c:v>
                </c:pt>
                <c:pt idx="13352">
                  <c:v>222.53333400000002</c:v>
                </c:pt>
                <c:pt idx="13353">
                  <c:v>222.55</c:v>
                </c:pt>
                <c:pt idx="13354">
                  <c:v>222.566667</c:v>
                </c:pt>
                <c:pt idx="13355">
                  <c:v>222.58333399999998</c:v>
                </c:pt>
                <c:pt idx="13356">
                  <c:v>222.60000000000002</c:v>
                </c:pt>
                <c:pt idx="13357">
                  <c:v>222.61666700000001</c:v>
                </c:pt>
                <c:pt idx="13358">
                  <c:v>222.63333399999999</c:v>
                </c:pt>
                <c:pt idx="13359">
                  <c:v>222.65000000000003</c:v>
                </c:pt>
                <c:pt idx="13360">
                  <c:v>222.66666700000002</c:v>
                </c:pt>
                <c:pt idx="13361">
                  <c:v>222.683334</c:v>
                </c:pt>
                <c:pt idx="13362">
                  <c:v>222.7</c:v>
                </c:pt>
                <c:pt idx="13363">
                  <c:v>222.71666700000003</c:v>
                </c:pt>
                <c:pt idx="13364">
                  <c:v>222.73333400000001</c:v>
                </c:pt>
                <c:pt idx="13365">
                  <c:v>222.75</c:v>
                </c:pt>
                <c:pt idx="13366">
                  <c:v>222.76666699999998</c:v>
                </c:pt>
                <c:pt idx="13367">
                  <c:v>222.78333400000002</c:v>
                </c:pt>
                <c:pt idx="13368">
                  <c:v>222.8</c:v>
                </c:pt>
                <c:pt idx="13369">
                  <c:v>222.816667</c:v>
                </c:pt>
                <c:pt idx="13370">
                  <c:v>222.83333399999998</c:v>
                </c:pt>
                <c:pt idx="13371">
                  <c:v>222.85000000000002</c:v>
                </c:pt>
                <c:pt idx="13372">
                  <c:v>222.86666700000001</c:v>
                </c:pt>
                <c:pt idx="13373">
                  <c:v>222.88333399999999</c:v>
                </c:pt>
                <c:pt idx="13374">
                  <c:v>222.90000000000003</c:v>
                </c:pt>
                <c:pt idx="13375">
                  <c:v>222.91666700000002</c:v>
                </c:pt>
                <c:pt idx="13376">
                  <c:v>222.933334</c:v>
                </c:pt>
                <c:pt idx="13377">
                  <c:v>222.95</c:v>
                </c:pt>
                <c:pt idx="13378">
                  <c:v>222.96666700000003</c:v>
                </c:pt>
                <c:pt idx="13379">
                  <c:v>222.98333400000001</c:v>
                </c:pt>
                <c:pt idx="13380">
                  <c:v>223</c:v>
                </c:pt>
                <c:pt idx="13381">
                  <c:v>223.01666699999998</c:v>
                </c:pt>
                <c:pt idx="13382">
                  <c:v>223.03333400000002</c:v>
                </c:pt>
                <c:pt idx="13383">
                  <c:v>223.05</c:v>
                </c:pt>
                <c:pt idx="13384">
                  <c:v>223.066667</c:v>
                </c:pt>
                <c:pt idx="13385">
                  <c:v>223.08333399999998</c:v>
                </c:pt>
                <c:pt idx="13386">
                  <c:v>223.10000000000002</c:v>
                </c:pt>
                <c:pt idx="13387">
                  <c:v>223.11666700000001</c:v>
                </c:pt>
                <c:pt idx="13388">
                  <c:v>223.13333399999999</c:v>
                </c:pt>
                <c:pt idx="13389">
                  <c:v>223.15000000000003</c:v>
                </c:pt>
                <c:pt idx="13390">
                  <c:v>223.16666700000002</c:v>
                </c:pt>
                <c:pt idx="13391">
                  <c:v>223.183334</c:v>
                </c:pt>
                <c:pt idx="13392">
                  <c:v>223.2</c:v>
                </c:pt>
                <c:pt idx="13393">
                  <c:v>223.21666700000003</c:v>
                </c:pt>
                <c:pt idx="13394">
                  <c:v>223.23333400000001</c:v>
                </c:pt>
                <c:pt idx="13395">
                  <c:v>223.25</c:v>
                </c:pt>
                <c:pt idx="13396">
                  <c:v>223.26666699999998</c:v>
                </c:pt>
                <c:pt idx="13397">
                  <c:v>223.28333400000002</c:v>
                </c:pt>
                <c:pt idx="13398">
                  <c:v>223.3</c:v>
                </c:pt>
                <c:pt idx="13399">
                  <c:v>223.316667</c:v>
                </c:pt>
                <c:pt idx="13400">
                  <c:v>223.33333399999998</c:v>
                </c:pt>
                <c:pt idx="13401">
                  <c:v>223.35000000000002</c:v>
                </c:pt>
                <c:pt idx="13402">
                  <c:v>223.36666700000001</c:v>
                </c:pt>
                <c:pt idx="13403">
                  <c:v>223.38333399999999</c:v>
                </c:pt>
                <c:pt idx="13404">
                  <c:v>223.40000000000003</c:v>
                </c:pt>
                <c:pt idx="13405">
                  <c:v>223.41666700000002</c:v>
                </c:pt>
                <c:pt idx="13406">
                  <c:v>223.433334</c:v>
                </c:pt>
                <c:pt idx="13407">
                  <c:v>223.45</c:v>
                </c:pt>
                <c:pt idx="13408">
                  <c:v>223.46666700000003</c:v>
                </c:pt>
                <c:pt idx="13409">
                  <c:v>223.48333400000001</c:v>
                </c:pt>
                <c:pt idx="13410">
                  <c:v>223.5</c:v>
                </c:pt>
                <c:pt idx="13411">
                  <c:v>223.51666699999998</c:v>
                </c:pt>
                <c:pt idx="13412">
                  <c:v>223.53333400000002</c:v>
                </c:pt>
                <c:pt idx="13413">
                  <c:v>223.55</c:v>
                </c:pt>
                <c:pt idx="13414">
                  <c:v>223.566667</c:v>
                </c:pt>
                <c:pt idx="13415">
                  <c:v>223.58333399999998</c:v>
                </c:pt>
                <c:pt idx="13416">
                  <c:v>223.60000000000002</c:v>
                </c:pt>
                <c:pt idx="13417">
                  <c:v>223.61666700000001</c:v>
                </c:pt>
                <c:pt idx="13418">
                  <c:v>223.63333399999999</c:v>
                </c:pt>
                <c:pt idx="13419">
                  <c:v>223.65000000000003</c:v>
                </c:pt>
                <c:pt idx="13420">
                  <c:v>223.66666700000002</c:v>
                </c:pt>
                <c:pt idx="13421">
                  <c:v>223.683334</c:v>
                </c:pt>
                <c:pt idx="13422">
                  <c:v>223.7</c:v>
                </c:pt>
                <c:pt idx="13423">
                  <c:v>223.71666700000003</c:v>
                </c:pt>
                <c:pt idx="13424">
                  <c:v>223.73333400000001</c:v>
                </c:pt>
                <c:pt idx="13425">
                  <c:v>223.75</c:v>
                </c:pt>
                <c:pt idx="13426">
                  <c:v>223.76666699999998</c:v>
                </c:pt>
                <c:pt idx="13427">
                  <c:v>223.78333400000002</c:v>
                </c:pt>
                <c:pt idx="13428">
                  <c:v>223.8</c:v>
                </c:pt>
                <c:pt idx="13429">
                  <c:v>223.816667</c:v>
                </c:pt>
                <c:pt idx="13430">
                  <c:v>223.83333399999998</c:v>
                </c:pt>
                <c:pt idx="13431">
                  <c:v>223.85000000000002</c:v>
                </c:pt>
                <c:pt idx="13432">
                  <c:v>223.86666700000001</c:v>
                </c:pt>
                <c:pt idx="13433">
                  <c:v>223.88333399999999</c:v>
                </c:pt>
                <c:pt idx="13434">
                  <c:v>223.90000000000003</c:v>
                </c:pt>
                <c:pt idx="13435">
                  <c:v>223.91666700000002</c:v>
                </c:pt>
                <c:pt idx="13436">
                  <c:v>223.933334</c:v>
                </c:pt>
                <c:pt idx="13437">
                  <c:v>223.95</c:v>
                </c:pt>
                <c:pt idx="13438">
                  <c:v>223.96666700000003</c:v>
                </c:pt>
                <c:pt idx="13439">
                  <c:v>223.98333400000001</c:v>
                </c:pt>
                <c:pt idx="13440">
                  <c:v>224</c:v>
                </c:pt>
                <c:pt idx="13441">
                  <c:v>224.01666699999998</c:v>
                </c:pt>
                <c:pt idx="13442">
                  <c:v>224.03333400000002</c:v>
                </c:pt>
                <c:pt idx="13443">
                  <c:v>224.05</c:v>
                </c:pt>
                <c:pt idx="13444">
                  <c:v>224.066667</c:v>
                </c:pt>
                <c:pt idx="13445">
                  <c:v>224.08333399999998</c:v>
                </c:pt>
                <c:pt idx="13446">
                  <c:v>224.10000000000002</c:v>
                </c:pt>
                <c:pt idx="13447">
                  <c:v>224.11666700000001</c:v>
                </c:pt>
                <c:pt idx="13448">
                  <c:v>224.13333399999999</c:v>
                </c:pt>
                <c:pt idx="13449">
                  <c:v>224.15000000000003</c:v>
                </c:pt>
                <c:pt idx="13450">
                  <c:v>224.16666700000002</c:v>
                </c:pt>
                <c:pt idx="13451">
                  <c:v>224.183334</c:v>
                </c:pt>
                <c:pt idx="13452">
                  <c:v>224.2</c:v>
                </c:pt>
                <c:pt idx="13453">
                  <c:v>224.21666700000003</c:v>
                </c:pt>
                <c:pt idx="13454">
                  <c:v>224.23333400000001</c:v>
                </c:pt>
                <c:pt idx="13455">
                  <c:v>224.25</c:v>
                </c:pt>
                <c:pt idx="13456">
                  <c:v>224.26666699999998</c:v>
                </c:pt>
                <c:pt idx="13457">
                  <c:v>224.28333400000002</c:v>
                </c:pt>
                <c:pt idx="13458">
                  <c:v>224.3</c:v>
                </c:pt>
                <c:pt idx="13459">
                  <c:v>224.316667</c:v>
                </c:pt>
                <c:pt idx="13460">
                  <c:v>224.33333399999998</c:v>
                </c:pt>
                <c:pt idx="13461">
                  <c:v>224.35000000000002</c:v>
                </c:pt>
                <c:pt idx="13462">
                  <c:v>224.36666700000001</c:v>
                </c:pt>
                <c:pt idx="13463">
                  <c:v>224.38333399999999</c:v>
                </c:pt>
                <c:pt idx="13464">
                  <c:v>224.40000000000003</c:v>
                </c:pt>
                <c:pt idx="13465">
                  <c:v>224.41666700000002</c:v>
                </c:pt>
                <c:pt idx="13466">
                  <c:v>224.433334</c:v>
                </c:pt>
                <c:pt idx="13467">
                  <c:v>224.45</c:v>
                </c:pt>
                <c:pt idx="13468">
                  <c:v>224.46666700000003</c:v>
                </c:pt>
                <c:pt idx="13469">
                  <c:v>224.48333400000001</c:v>
                </c:pt>
                <c:pt idx="13470">
                  <c:v>224.5</c:v>
                </c:pt>
                <c:pt idx="13471">
                  <c:v>224.51666699999998</c:v>
                </c:pt>
                <c:pt idx="13472">
                  <c:v>224.53333400000002</c:v>
                </c:pt>
                <c:pt idx="13473">
                  <c:v>224.55</c:v>
                </c:pt>
                <c:pt idx="13474">
                  <c:v>224.566667</c:v>
                </c:pt>
                <c:pt idx="13475">
                  <c:v>224.58333399999998</c:v>
                </c:pt>
                <c:pt idx="13476">
                  <c:v>224.60000000000002</c:v>
                </c:pt>
                <c:pt idx="13477">
                  <c:v>224.61666700000001</c:v>
                </c:pt>
                <c:pt idx="13478">
                  <c:v>224.63333399999999</c:v>
                </c:pt>
                <c:pt idx="13479">
                  <c:v>224.65000000000003</c:v>
                </c:pt>
                <c:pt idx="13480">
                  <c:v>224.66666700000002</c:v>
                </c:pt>
                <c:pt idx="13481">
                  <c:v>224.683334</c:v>
                </c:pt>
                <c:pt idx="13482">
                  <c:v>224.7</c:v>
                </c:pt>
                <c:pt idx="13483">
                  <c:v>224.71666700000003</c:v>
                </c:pt>
                <c:pt idx="13484">
                  <c:v>224.73333400000001</c:v>
                </c:pt>
                <c:pt idx="13485">
                  <c:v>224.75</c:v>
                </c:pt>
                <c:pt idx="13486">
                  <c:v>224.76666699999998</c:v>
                </c:pt>
                <c:pt idx="13487">
                  <c:v>224.78333400000002</c:v>
                </c:pt>
                <c:pt idx="13488">
                  <c:v>224.8</c:v>
                </c:pt>
                <c:pt idx="13489">
                  <c:v>224.816667</c:v>
                </c:pt>
                <c:pt idx="13490">
                  <c:v>224.83333399999998</c:v>
                </c:pt>
                <c:pt idx="13491">
                  <c:v>224.85000000000002</c:v>
                </c:pt>
                <c:pt idx="13492">
                  <c:v>224.86666700000001</c:v>
                </c:pt>
                <c:pt idx="13493">
                  <c:v>224.88333399999999</c:v>
                </c:pt>
                <c:pt idx="13494">
                  <c:v>224.90000000000003</c:v>
                </c:pt>
                <c:pt idx="13495">
                  <c:v>224.91666700000002</c:v>
                </c:pt>
                <c:pt idx="13496">
                  <c:v>224.933334</c:v>
                </c:pt>
                <c:pt idx="13497">
                  <c:v>224.95</c:v>
                </c:pt>
                <c:pt idx="13498">
                  <c:v>224.96666700000003</c:v>
                </c:pt>
                <c:pt idx="13499">
                  <c:v>224.98333400000001</c:v>
                </c:pt>
                <c:pt idx="13500">
                  <c:v>225</c:v>
                </c:pt>
                <c:pt idx="13501">
                  <c:v>225.01666699999998</c:v>
                </c:pt>
                <c:pt idx="13502">
                  <c:v>225.03333400000002</c:v>
                </c:pt>
                <c:pt idx="13503">
                  <c:v>225.05</c:v>
                </c:pt>
                <c:pt idx="13504">
                  <c:v>225.066667</c:v>
                </c:pt>
                <c:pt idx="13505">
                  <c:v>225.08333399999998</c:v>
                </c:pt>
                <c:pt idx="13506">
                  <c:v>225.10000000000002</c:v>
                </c:pt>
                <c:pt idx="13507">
                  <c:v>225.11666700000001</c:v>
                </c:pt>
                <c:pt idx="13508">
                  <c:v>225.13333399999999</c:v>
                </c:pt>
                <c:pt idx="13509">
                  <c:v>225.15000000000003</c:v>
                </c:pt>
                <c:pt idx="13510">
                  <c:v>225.16666700000002</c:v>
                </c:pt>
                <c:pt idx="13511">
                  <c:v>225.183334</c:v>
                </c:pt>
                <c:pt idx="13512">
                  <c:v>225.2</c:v>
                </c:pt>
                <c:pt idx="13513">
                  <c:v>225.21666700000003</c:v>
                </c:pt>
                <c:pt idx="13514">
                  <c:v>225.23333400000001</c:v>
                </c:pt>
                <c:pt idx="13515">
                  <c:v>225.25</c:v>
                </c:pt>
                <c:pt idx="13516">
                  <c:v>225.26666699999998</c:v>
                </c:pt>
                <c:pt idx="13517">
                  <c:v>225.28333400000002</c:v>
                </c:pt>
                <c:pt idx="13518">
                  <c:v>225.3</c:v>
                </c:pt>
                <c:pt idx="13519">
                  <c:v>225.316667</c:v>
                </c:pt>
                <c:pt idx="13520">
                  <c:v>225.33333399999998</c:v>
                </c:pt>
                <c:pt idx="13521">
                  <c:v>225.35000000000002</c:v>
                </c:pt>
                <c:pt idx="13522">
                  <c:v>225.36666700000001</c:v>
                </c:pt>
                <c:pt idx="13523">
                  <c:v>225.38333399999999</c:v>
                </c:pt>
                <c:pt idx="13524">
                  <c:v>225.40000000000003</c:v>
                </c:pt>
                <c:pt idx="13525">
                  <c:v>225.41666700000002</c:v>
                </c:pt>
                <c:pt idx="13526">
                  <c:v>225.433334</c:v>
                </c:pt>
                <c:pt idx="13527">
                  <c:v>225.45</c:v>
                </c:pt>
                <c:pt idx="13528">
                  <c:v>225.46666700000003</c:v>
                </c:pt>
                <c:pt idx="13529">
                  <c:v>225.48333400000001</c:v>
                </c:pt>
                <c:pt idx="13530">
                  <c:v>225.5</c:v>
                </c:pt>
                <c:pt idx="13531">
                  <c:v>225.51666699999998</c:v>
                </c:pt>
                <c:pt idx="13532">
                  <c:v>225.53333400000002</c:v>
                </c:pt>
                <c:pt idx="13533">
                  <c:v>225.55</c:v>
                </c:pt>
                <c:pt idx="13534">
                  <c:v>225.566667</c:v>
                </c:pt>
                <c:pt idx="13535">
                  <c:v>225.58333399999998</c:v>
                </c:pt>
                <c:pt idx="13536">
                  <c:v>225.60000000000002</c:v>
                </c:pt>
                <c:pt idx="13537">
                  <c:v>225.61666700000001</c:v>
                </c:pt>
                <c:pt idx="13538">
                  <c:v>225.63333399999999</c:v>
                </c:pt>
                <c:pt idx="13539">
                  <c:v>225.65000000000003</c:v>
                </c:pt>
                <c:pt idx="13540">
                  <c:v>225.66666700000002</c:v>
                </c:pt>
                <c:pt idx="13541">
                  <c:v>225.683334</c:v>
                </c:pt>
                <c:pt idx="13542">
                  <c:v>225.7</c:v>
                </c:pt>
                <c:pt idx="13543">
                  <c:v>225.71666700000003</c:v>
                </c:pt>
                <c:pt idx="13544">
                  <c:v>225.73333400000001</c:v>
                </c:pt>
                <c:pt idx="13545">
                  <c:v>225.75</c:v>
                </c:pt>
                <c:pt idx="13546">
                  <c:v>225.76666699999998</c:v>
                </c:pt>
                <c:pt idx="13547">
                  <c:v>225.78333400000002</c:v>
                </c:pt>
                <c:pt idx="13548">
                  <c:v>225.8</c:v>
                </c:pt>
                <c:pt idx="13549">
                  <c:v>225.816667</c:v>
                </c:pt>
                <c:pt idx="13550">
                  <c:v>225.83333399999998</c:v>
                </c:pt>
                <c:pt idx="13551">
                  <c:v>225.85000000000002</c:v>
                </c:pt>
                <c:pt idx="13552">
                  <c:v>225.86666700000001</c:v>
                </c:pt>
                <c:pt idx="13553">
                  <c:v>225.88333399999999</c:v>
                </c:pt>
                <c:pt idx="13554">
                  <c:v>225.90000000000003</c:v>
                </c:pt>
                <c:pt idx="13555">
                  <c:v>225.91666700000002</c:v>
                </c:pt>
                <c:pt idx="13556">
                  <c:v>225.933334</c:v>
                </c:pt>
                <c:pt idx="13557">
                  <c:v>225.95</c:v>
                </c:pt>
                <c:pt idx="13558">
                  <c:v>225.96666700000003</c:v>
                </c:pt>
                <c:pt idx="13559">
                  <c:v>225.98333400000001</c:v>
                </c:pt>
                <c:pt idx="13560">
                  <c:v>226</c:v>
                </c:pt>
                <c:pt idx="13561">
                  <c:v>226.01666699999998</c:v>
                </c:pt>
                <c:pt idx="13562">
                  <c:v>226.03333400000002</c:v>
                </c:pt>
                <c:pt idx="13563">
                  <c:v>226.05</c:v>
                </c:pt>
                <c:pt idx="13564">
                  <c:v>226.066667</c:v>
                </c:pt>
                <c:pt idx="13565">
                  <c:v>226.08333399999998</c:v>
                </c:pt>
                <c:pt idx="13566">
                  <c:v>226.10000000000002</c:v>
                </c:pt>
                <c:pt idx="13567">
                  <c:v>226.11666700000001</c:v>
                </c:pt>
                <c:pt idx="13568">
                  <c:v>226.13333399999999</c:v>
                </c:pt>
                <c:pt idx="13569">
                  <c:v>226.15000000000003</c:v>
                </c:pt>
                <c:pt idx="13570">
                  <c:v>226.16666700000002</c:v>
                </c:pt>
                <c:pt idx="13571">
                  <c:v>226.183334</c:v>
                </c:pt>
                <c:pt idx="13572">
                  <c:v>226.2</c:v>
                </c:pt>
                <c:pt idx="13573">
                  <c:v>226.21666700000003</c:v>
                </c:pt>
                <c:pt idx="13574">
                  <c:v>226.23333400000001</c:v>
                </c:pt>
                <c:pt idx="13575">
                  <c:v>226.25</c:v>
                </c:pt>
                <c:pt idx="13576">
                  <c:v>226.26666699999998</c:v>
                </c:pt>
                <c:pt idx="13577">
                  <c:v>226.28333400000002</c:v>
                </c:pt>
                <c:pt idx="13578">
                  <c:v>226.3</c:v>
                </c:pt>
                <c:pt idx="13579">
                  <c:v>226.316667</c:v>
                </c:pt>
                <c:pt idx="13580">
                  <c:v>226.33333399999998</c:v>
                </c:pt>
                <c:pt idx="13581">
                  <c:v>226.35000000000002</c:v>
                </c:pt>
                <c:pt idx="13582">
                  <c:v>226.36666700000001</c:v>
                </c:pt>
                <c:pt idx="13583">
                  <c:v>226.38333399999999</c:v>
                </c:pt>
                <c:pt idx="13584">
                  <c:v>226.40000000000003</c:v>
                </c:pt>
                <c:pt idx="13585">
                  <c:v>226.41666700000002</c:v>
                </c:pt>
                <c:pt idx="13586">
                  <c:v>226.433334</c:v>
                </c:pt>
                <c:pt idx="13587">
                  <c:v>226.45</c:v>
                </c:pt>
                <c:pt idx="13588">
                  <c:v>226.46666700000003</c:v>
                </c:pt>
                <c:pt idx="13589">
                  <c:v>226.48333400000001</c:v>
                </c:pt>
                <c:pt idx="13590">
                  <c:v>226.5</c:v>
                </c:pt>
                <c:pt idx="13591">
                  <c:v>226.51666699999998</c:v>
                </c:pt>
                <c:pt idx="13592">
                  <c:v>226.53333400000002</c:v>
                </c:pt>
                <c:pt idx="13593">
                  <c:v>226.55</c:v>
                </c:pt>
                <c:pt idx="13594">
                  <c:v>226.566667</c:v>
                </c:pt>
                <c:pt idx="13595">
                  <c:v>226.58333399999998</c:v>
                </c:pt>
                <c:pt idx="13596">
                  <c:v>226.60000000000002</c:v>
                </c:pt>
                <c:pt idx="13597">
                  <c:v>226.61666700000001</c:v>
                </c:pt>
                <c:pt idx="13598">
                  <c:v>226.63333399999999</c:v>
                </c:pt>
                <c:pt idx="13599">
                  <c:v>226.65000000000003</c:v>
                </c:pt>
                <c:pt idx="13600">
                  <c:v>226.66666700000002</c:v>
                </c:pt>
                <c:pt idx="13601">
                  <c:v>226.683334</c:v>
                </c:pt>
                <c:pt idx="13602">
                  <c:v>226.7</c:v>
                </c:pt>
                <c:pt idx="13603">
                  <c:v>226.71666700000003</c:v>
                </c:pt>
                <c:pt idx="13604">
                  <c:v>226.73333400000001</c:v>
                </c:pt>
                <c:pt idx="13605">
                  <c:v>226.75</c:v>
                </c:pt>
                <c:pt idx="13606">
                  <c:v>226.76666699999998</c:v>
                </c:pt>
                <c:pt idx="13607">
                  <c:v>226.78333400000002</c:v>
                </c:pt>
                <c:pt idx="13608">
                  <c:v>226.8</c:v>
                </c:pt>
                <c:pt idx="13609">
                  <c:v>226.816667</c:v>
                </c:pt>
                <c:pt idx="13610">
                  <c:v>226.83333399999998</c:v>
                </c:pt>
                <c:pt idx="13611">
                  <c:v>226.85000000000002</c:v>
                </c:pt>
                <c:pt idx="13612">
                  <c:v>226.86666700000001</c:v>
                </c:pt>
                <c:pt idx="13613">
                  <c:v>226.88333399999999</c:v>
                </c:pt>
                <c:pt idx="13614">
                  <c:v>226.90000000000003</c:v>
                </c:pt>
                <c:pt idx="13615">
                  <c:v>226.91666700000002</c:v>
                </c:pt>
                <c:pt idx="13616">
                  <c:v>226.933334</c:v>
                </c:pt>
                <c:pt idx="13617">
                  <c:v>226.95</c:v>
                </c:pt>
                <c:pt idx="13618">
                  <c:v>226.96666700000003</c:v>
                </c:pt>
                <c:pt idx="13619">
                  <c:v>226.98333400000001</c:v>
                </c:pt>
                <c:pt idx="13620">
                  <c:v>227</c:v>
                </c:pt>
                <c:pt idx="13621">
                  <c:v>227.01666699999998</c:v>
                </c:pt>
                <c:pt idx="13622">
                  <c:v>227.03333400000002</c:v>
                </c:pt>
                <c:pt idx="13623">
                  <c:v>227.05</c:v>
                </c:pt>
                <c:pt idx="13624">
                  <c:v>227.066667</c:v>
                </c:pt>
                <c:pt idx="13625">
                  <c:v>227.08333399999998</c:v>
                </c:pt>
                <c:pt idx="13626">
                  <c:v>227.10000000000002</c:v>
                </c:pt>
                <c:pt idx="13627">
                  <c:v>227.11666700000001</c:v>
                </c:pt>
                <c:pt idx="13628">
                  <c:v>227.13333399999999</c:v>
                </c:pt>
                <c:pt idx="13629">
                  <c:v>227.15000000000003</c:v>
                </c:pt>
                <c:pt idx="13630">
                  <c:v>227.16666700000002</c:v>
                </c:pt>
                <c:pt idx="13631">
                  <c:v>227.183334</c:v>
                </c:pt>
                <c:pt idx="13632">
                  <c:v>227.2</c:v>
                </c:pt>
                <c:pt idx="13633">
                  <c:v>227.21666700000003</c:v>
                </c:pt>
                <c:pt idx="13634">
                  <c:v>227.23333400000001</c:v>
                </c:pt>
                <c:pt idx="13635">
                  <c:v>227.25</c:v>
                </c:pt>
                <c:pt idx="13636">
                  <c:v>227.26666699999998</c:v>
                </c:pt>
                <c:pt idx="13637">
                  <c:v>227.28333400000002</c:v>
                </c:pt>
                <c:pt idx="13638">
                  <c:v>227.3</c:v>
                </c:pt>
                <c:pt idx="13639">
                  <c:v>227.316667</c:v>
                </c:pt>
                <c:pt idx="13640">
                  <c:v>227.33333399999998</c:v>
                </c:pt>
                <c:pt idx="13641">
                  <c:v>227.35000000000002</c:v>
                </c:pt>
                <c:pt idx="13642">
                  <c:v>227.36666700000001</c:v>
                </c:pt>
                <c:pt idx="13643">
                  <c:v>227.38333399999999</c:v>
                </c:pt>
                <c:pt idx="13644">
                  <c:v>227.40000000000003</c:v>
                </c:pt>
                <c:pt idx="13645">
                  <c:v>227.41666700000002</c:v>
                </c:pt>
                <c:pt idx="13646">
                  <c:v>227.433334</c:v>
                </c:pt>
                <c:pt idx="13647">
                  <c:v>227.45</c:v>
                </c:pt>
                <c:pt idx="13648">
                  <c:v>227.46666700000003</c:v>
                </c:pt>
                <c:pt idx="13649">
                  <c:v>227.48333400000001</c:v>
                </c:pt>
                <c:pt idx="13650">
                  <c:v>227.5</c:v>
                </c:pt>
                <c:pt idx="13651">
                  <c:v>227.51666699999998</c:v>
                </c:pt>
                <c:pt idx="13652">
                  <c:v>227.53333400000002</c:v>
                </c:pt>
                <c:pt idx="13653">
                  <c:v>227.55</c:v>
                </c:pt>
                <c:pt idx="13654">
                  <c:v>227.566667</c:v>
                </c:pt>
                <c:pt idx="13655">
                  <c:v>227.58333399999998</c:v>
                </c:pt>
                <c:pt idx="13656">
                  <c:v>227.60000000000002</c:v>
                </c:pt>
                <c:pt idx="13657">
                  <c:v>227.61666700000001</c:v>
                </c:pt>
                <c:pt idx="13658">
                  <c:v>227.63333399999999</c:v>
                </c:pt>
                <c:pt idx="13659">
                  <c:v>227.65000000000003</c:v>
                </c:pt>
                <c:pt idx="13660">
                  <c:v>227.66666700000002</c:v>
                </c:pt>
                <c:pt idx="13661">
                  <c:v>227.683334</c:v>
                </c:pt>
                <c:pt idx="13662">
                  <c:v>227.7</c:v>
                </c:pt>
                <c:pt idx="13663">
                  <c:v>227.71666700000003</c:v>
                </c:pt>
                <c:pt idx="13664">
                  <c:v>227.73333400000001</c:v>
                </c:pt>
                <c:pt idx="13665">
                  <c:v>227.75</c:v>
                </c:pt>
                <c:pt idx="13666">
                  <c:v>227.76666699999998</c:v>
                </c:pt>
                <c:pt idx="13667">
                  <c:v>227.78333400000002</c:v>
                </c:pt>
                <c:pt idx="13668">
                  <c:v>227.8</c:v>
                </c:pt>
                <c:pt idx="13669">
                  <c:v>227.816667</c:v>
                </c:pt>
                <c:pt idx="13670">
                  <c:v>227.83333399999998</c:v>
                </c:pt>
                <c:pt idx="13671">
                  <c:v>227.85000000000002</c:v>
                </c:pt>
                <c:pt idx="13672">
                  <c:v>227.86666700000001</c:v>
                </c:pt>
                <c:pt idx="13673">
                  <c:v>227.88333399999999</c:v>
                </c:pt>
                <c:pt idx="13674">
                  <c:v>227.90000000000003</c:v>
                </c:pt>
                <c:pt idx="13675">
                  <c:v>227.91666700000002</c:v>
                </c:pt>
                <c:pt idx="13676">
                  <c:v>227.933334</c:v>
                </c:pt>
                <c:pt idx="13677">
                  <c:v>227.95</c:v>
                </c:pt>
                <c:pt idx="13678">
                  <c:v>227.96666700000003</c:v>
                </c:pt>
                <c:pt idx="13679">
                  <c:v>227.98333400000001</c:v>
                </c:pt>
                <c:pt idx="13680">
                  <c:v>228</c:v>
                </c:pt>
                <c:pt idx="13681">
                  <c:v>228.01666699999998</c:v>
                </c:pt>
                <c:pt idx="13682">
                  <c:v>228.03333400000002</c:v>
                </c:pt>
                <c:pt idx="13683">
                  <c:v>228.05</c:v>
                </c:pt>
                <c:pt idx="13684">
                  <c:v>228.066667</c:v>
                </c:pt>
                <c:pt idx="13685">
                  <c:v>228.08333399999998</c:v>
                </c:pt>
                <c:pt idx="13686">
                  <c:v>228.10000000000002</c:v>
                </c:pt>
                <c:pt idx="13687">
                  <c:v>228.11666700000001</c:v>
                </c:pt>
                <c:pt idx="13688">
                  <c:v>228.13333399999999</c:v>
                </c:pt>
                <c:pt idx="13689">
                  <c:v>228.15000000000003</c:v>
                </c:pt>
                <c:pt idx="13690">
                  <c:v>228.16666700000002</c:v>
                </c:pt>
                <c:pt idx="13691">
                  <c:v>228.183334</c:v>
                </c:pt>
                <c:pt idx="13692">
                  <c:v>228.2</c:v>
                </c:pt>
                <c:pt idx="13693">
                  <c:v>228.21666700000003</c:v>
                </c:pt>
                <c:pt idx="13694">
                  <c:v>228.23333400000001</c:v>
                </c:pt>
                <c:pt idx="13695">
                  <c:v>228.25</c:v>
                </c:pt>
                <c:pt idx="13696">
                  <c:v>228.26666699999998</c:v>
                </c:pt>
                <c:pt idx="13697">
                  <c:v>228.28333400000002</c:v>
                </c:pt>
                <c:pt idx="13698">
                  <c:v>228.3</c:v>
                </c:pt>
                <c:pt idx="13699">
                  <c:v>228.316667</c:v>
                </c:pt>
                <c:pt idx="13700">
                  <c:v>228.33333399999998</c:v>
                </c:pt>
                <c:pt idx="13701">
                  <c:v>228.35000000000002</c:v>
                </c:pt>
                <c:pt idx="13702">
                  <c:v>228.36666700000001</c:v>
                </c:pt>
                <c:pt idx="13703">
                  <c:v>228.38333399999999</c:v>
                </c:pt>
                <c:pt idx="13704">
                  <c:v>228.40000000000003</c:v>
                </c:pt>
                <c:pt idx="13705">
                  <c:v>228.41666700000002</c:v>
                </c:pt>
                <c:pt idx="13706">
                  <c:v>228.433334</c:v>
                </c:pt>
                <c:pt idx="13707">
                  <c:v>228.45</c:v>
                </c:pt>
                <c:pt idx="13708">
                  <c:v>228.46666700000003</c:v>
                </c:pt>
                <c:pt idx="13709">
                  <c:v>228.48333400000001</c:v>
                </c:pt>
                <c:pt idx="13710">
                  <c:v>228.5</c:v>
                </c:pt>
                <c:pt idx="13711">
                  <c:v>228.51666699999998</c:v>
                </c:pt>
                <c:pt idx="13712">
                  <c:v>228.53333400000002</c:v>
                </c:pt>
                <c:pt idx="13713">
                  <c:v>228.55</c:v>
                </c:pt>
                <c:pt idx="13714">
                  <c:v>228.566667</c:v>
                </c:pt>
                <c:pt idx="13715">
                  <c:v>228.58333399999998</c:v>
                </c:pt>
                <c:pt idx="13716">
                  <c:v>228.60000000000002</c:v>
                </c:pt>
                <c:pt idx="13717">
                  <c:v>228.61666700000001</c:v>
                </c:pt>
                <c:pt idx="13718">
                  <c:v>228.63333399999999</c:v>
                </c:pt>
                <c:pt idx="13719">
                  <c:v>228.65000000000003</c:v>
                </c:pt>
                <c:pt idx="13720">
                  <c:v>228.66666700000002</c:v>
                </c:pt>
                <c:pt idx="13721">
                  <c:v>228.683334</c:v>
                </c:pt>
                <c:pt idx="13722">
                  <c:v>228.7</c:v>
                </c:pt>
                <c:pt idx="13723">
                  <c:v>228.71666700000003</c:v>
                </c:pt>
                <c:pt idx="13724">
                  <c:v>228.73333400000001</c:v>
                </c:pt>
                <c:pt idx="13725">
                  <c:v>228.75</c:v>
                </c:pt>
                <c:pt idx="13726">
                  <c:v>228.76666699999998</c:v>
                </c:pt>
                <c:pt idx="13727">
                  <c:v>228.78333400000002</c:v>
                </c:pt>
                <c:pt idx="13728">
                  <c:v>228.8</c:v>
                </c:pt>
                <c:pt idx="13729">
                  <c:v>228.816667</c:v>
                </c:pt>
                <c:pt idx="13730">
                  <c:v>228.83333399999998</c:v>
                </c:pt>
                <c:pt idx="13731">
                  <c:v>228.85000000000002</c:v>
                </c:pt>
                <c:pt idx="13732">
                  <c:v>228.86666700000001</c:v>
                </c:pt>
                <c:pt idx="13733">
                  <c:v>228.88333399999999</c:v>
                </c:pt>
                <c:pt idx="13734">
                  <c:v>228.90000000000003</c:v>
                </c:pt>
                <c:pt idx="13735">
                  <c:v>228.91666700000002</c:v>
                </c:pt>
                <c:pt idx="13736">
                  <c:v>228.933334</c:v>
                </c:pt>
                <c:pt idx="13737">
                  <c:v>228.95</c:v>
                </c:pt>
                <c:pt idx="13738">
                  <c:v>228.96666700000003</c:v>
                </c:pt>
                <c:pt idx="13739">
                  <c:v>228.98333400000001</c:v>
                </c:pt>
                <c:pt idx="13740">
                  <c:v>229</c:v>
                </c:pt>
                <c:pt idx="13741">
                  <c:v>229.01666699999998</c:v>
                </c:pt>
                <c:pt idx="13742">
                  <c:v>229.03333400000002</c:v>
                </c:pt>
                <c:pt idx="13743">
                  <c:v>229.05</c:v>
                </c:pt>
                <c:pt idx="13744">
                  <c:v>229.066667</c:v>
                </c:pt>
                <c:pt idx="13745">
                  <c:v>229.08333399999998</c:v>
                </c:pt>
                <c:pt idx="13746">
                  <c:v>229.10000000000002</c:v>
                </c:pt>
                <c:pt idx="13747">
                  <c:v>229.11666700000001</c:v>
                </c:pt>
                <c:pt idx="13748">
                  <c:v>229.13333399999999</c:v>
                </c:pt>
                <c:pt idx="13749">
                  <c:v>229.15000000000003</c:v>
                </c:pt>
                <c:pt idx="13750">
                  <c:v>229.16666700000002</c:v>
                </c:pt>
                <c:pt idx="13751">
                  <c:v>229.183334</c:v>
                </c:pt>
                <c:pt idx="13752">
                  <c:v>229.2</c:v>
                </c:pt>
                <c:pt idx="13753">
                  <c:v>229.21666700000003</c:v>
                </c:pt>
                <c:pt idx="13754">
                  <c:v>229.23333400000001</c:v>
                </c:pt>
                <c:pt idx="13755">
                  <c:v>229.25</c:v>
                </c:pt>
                <c:pt idx="13756">
                  <c:v>229.26666699999998</c:v>
                </c:pt>
                <c:pt idx="13757">
                  <c:v>229.28333400000002</c:v>
                </c:pt>
                <c:pt idx="13758">
                  <c:v>229.3</c:v>
                </c:pt>
                <c:pt idx="13759">
                  <c:v>229.316667</c:v>
                </c:pt>
                <c:pt idx="13760">
                  <c:v>229.33333399999998</c:v>
                </c:pt>
                <c:pt idx="13761">
                  <c:v>229.35000000000002</c:v>
                </c:pt>
                <c:pt idx="13762">
                  <c:v>229.36666700000001</c:v>
                </c:pt>
                <c:pt idx="13763">
                  <c:v>229.38333399999999</c:v>
                </c:pt>
                <c:pt idx="13764">
                  <c:v>229.40000000000003</c:v>
                </c:pt>
                <c:pt idx="13765">
                  <c:v>229.41666700000002</c:v>
                </c:pt>
                <c:pt idx="13766">
                  <c:v>229.433334</c:v>
                </c:pt>
                <c:pt idx="13767">
                  <c:v>229.45</c:v>
                </c:pt>
                <c:pt idx="13768">
                  <c:v>229.46666700000003</c:v>
                </c:pt>
                <c:pt idx="13769">
                  <c:v>229.48333400000001</c:v>
                </c:pt>
                <c:pt idx="13770">
                  <c:v>229.5</c:v>
                </c:pt>
                <c:pt idx="13771">
                  <c:v>229.51666699999998</c:v>
                </c:pt>
                <c:pt idx="13772">
                  <c:v>229.53333400000002</c:v>
                </c:pt>
                <c:pt idx="13773">
                  <c:v>229.55</c:v>
                </c:pt>
                <c:pt idx="13774">
                  <c:v>229.566667</c:v>
                </c:pt>
                <c:pt idx="13775">
                  <c:v>229.58333399999998</c:v>
                </c:pt>
                <c:pt idx="13776">
                  <c:v>229.60000000000002</c:v>
                </c:pt>
                <c:pt idx="13777">
                  <c:v>229.61666700000001</c:v>
                </c:pt>
                <c:pt idx="13778">
                  <c:v>229.63333399999999</c:v>
                </c:pt>
                <c:pt idx="13779">
                  <c:v>229.65000000000003</c:v>
                </c:pt>
                <c:pt idx="13780">
                  <c:v>229.66666700000002</c:v>
                </c:pt>
                <c:pt idx="13781">
                  <c:v>229.683334</c:v>
                </c:pt>
                <c:pt idx="13782">
                  <c:v>229.7</c:v>
                </c:pt>
                <c:pt idx="13783">
                  <c:v>229.71666700000003</c:v>
                </c:pt>
                <c:pt idx="13784">
                  <c:v>229.73333400000001</c:v>
                </c:pt>
                <c:pt idx="13785">
                  <c:v>229.75</c:v>
                </c:pt>
                <c:pt idx="13786">
                  <c:v>229.76666699999998</c:v>
                </c:pt>
                <c:pt idx="13787">
                  <c:v>229.78333400000002</c:v>
                </c:pt>
                <c:pt idx="13788">
                  <c:v>229.8</c:v>
                </c:pt>
                <c:pt idx="13789">
                  <c:v>229.816667</c:v>
                </c:pt>
                <c:pt idx="13790">
                  <c:v>229.83333399999998</c:v>
                </c:pt>
                <c:pt idx="13791">
                  <c:v>229.85000000000002</c:v>
                </c:pt>
                <c:pt idx="13792">
                  <c:v>229.86666700000001</c:v>
                </c:pt>
                <c:pt idx="13793">
                  <c:v>229.88333399999999</c:v>
                </c:pt>
                <c:pt idx="13794">
                  <c:v>229.90000000000003</c:v>
                </c:pt>
                <c:pt idx="13795">
                  <c:v>229.91666700000002</c:v>
                </c:pt>
                <c:pt idx="13796">
                  <c:v>229.933334</c:v>
                </c:pt>
                <c:pt idx="13797">
                  <c:v>229.95</c:v>
                </c:pt>
                <c:pt idx="13798">
                  <c:v>229.96666700000003</c:v>
                </c:pt>
                <c:pt idx="13799">
                  <c:v>229.98333400000001</c:v>
                </c:pt>
                <c:pt idx="13800">
                  <c:v>230</c:v>
                </c:pt>
                <c:pt idx="13801">
                  <c:v>230.01666699999998</c:v>
                </c:pt>
                <c:pt idx="13802">
                  <c:v>230.03333400000002</c:v>
                </c:pt>
              </c:numCache>
            </c:numRef>
          </c:xVal>
          <c:yVal>
            <c:numRef>
              <c:f>'Fig 3'!$I$9:$I$13811</c:f>
              <c:numCache>
                <c:formatCode>General</c:formatCode>
                <c:ptCount val="13803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-3.2541262567629646E-3</c:v>
                </c:pt>
                <c:pt idx="5">
                  <c:v>-3.2541262567629646E-3</c:v>
                </c:pt>
                <c:pt idx="6">
                  <c:v>-3.2541262567629646E-3</c:v>
                </c:pt>
                <c:pt idx="7">
                  <c:v>-3.2541262567629646E-3</c:v>
                </c:pt>
                <c:pt idx="8">
                  <c:v>-3.2541262567629646E-3</c:v>
                </c:pt>
                <c:pt idx="9">
                  <c:v>-6.6068624000201913E-3</c:v>
                </c:pt>
                <c:pt idx="10">
                  <c:v>-6.6068624000201913E-3</c:v>
                </c:pt>
                <c:pt idx="11">
                  <c:v>-6.6068624000201913E-3</c:v>
                </c:pt>
                <c:pt idx="12">
                  <c:v>-9.9595985434525851E-3</c:v>
                </c:pt>
                <c:pt idx="13">
                  <c:v>-9.9595985434525851E-3</c:v>
                </c:pt>
                <c:pt idx="14">
                  <c:v>-1.3213724800215548E-2</c:v>
                </c:pt>
                <c:pt idx="15">
                  <c:v>-1.3213724800215548E-2</c:v>
                </c:pt>
                <c:pt idx="16">
                  <c:v>-1.3213724800215548E-2</c:v>
                </c:pt>
                <c:pt idx="17">
                  <c:v>-1.6566460943472777E-2</c:v>
                </c:pt>
                <c:pt idx="18">
                  <c:v>-1.6566460943472777E-2</c:v>
                </c:pt>
                <c:pt idx="19">
                  <c:v>-1.6566460943472777E-2</c:v>
                </c:pt>
                <c:pt idx="20">
                  <c:v>-1.9919197086730005E-2</c:v>
                </c:pt>
                <c:pt idx="21">
                  <c:v>-1.9919197086730005E-2</c:v>
                </c:pt>
                <c:pt idx="22">
                  <c:v>-1.9919197086730005E-2</c:v>
                </c:pt>
                <c:pt idx="23">
                  <c:v>-2.3173323343492966E-2</c:v>
                </c:pt>
                <c:pt idx="24">
                  <c:v>-2.3173323343492966E-2</c:v>
                </c:pt>
                <c:pt idx="25">
                  <c:v>-2.3173323343492966E-2</c:v>
                </c:pt>
                <c:pt idx="26">
                  <c:v>-2.6526059486925359E-2</c:v>
                </c:pt>
                <c:pt idx="27">
                  <c:v>-2.6526059486925359E-2</c:v>
                </c:pt>
                <c:pt idx="28">
                  <c:v>-2.6526059486925359E-2</c:v>
                </c:pt>
                <c:pt idx="29">
                  <c:v>-2.9878795630182583E-2</c:v>
                </c:pt>
                <c:pt idx="30">
                  <c:v>-2.9878795630182583E-2</c:v>
                </c:pt>
                <c:pt idx="31">
                  <c:v>-3.3132921886945554E-2</c:v>
                </c:pt>
                <c:pt idx="32">
                  <c:v>-3.3132921886945554E-2</c:v>
                </c:pt>
                <c:pt idx="33">
                  <c:v>-3.6485658030202775E-2</c:v>
                </c:pt>
                <c:pt idx="34">
                  <c:v>-3.6485658030202775E-2</c:v>
                </c:pt>
                <c:pt idx="35">
                  <c:v>-3.6485658030202775E-2</c:v>
                </c:pt>
                <c:pt idx="36">
                  <c:v>-3.9838394173460009E-2</c:v>
                </c:pt>
                <c:pt idx="37">
                  <c:v>-3.9838394173460009E-2</c:v>
                </c:pt>
                <c:pt idx="38">
                  <c:v>-3.9838394173460009E-2</c:v>
                </c:pt>
                <c:pt idx="39">
                  <c:v>-3.9838394173460009E-2</c:v>
                </c:pt>
                <c:pt idx="40">
                  <c:v>-4.3092520430222971E-2</c:v>
                </c:pt>
                <c:pt idx="41">
                  <c:v>-4.3092520430222971E-2</c:v>
                </c:pt>
                <c:pt idx="42">
                  <c:v>-4.3092520430222971E-2</c:v>
                </c:pt>
                <c:pt idx="43">
                  <c:v>-4.3092520430222971E-2</c:v>
                </c:pt>
                <c:pt idx="44">
                  <c:v>-4.3092520430222971E-2</c:v>
                </c:pt>
                <c:pt idx="45">
                  <c:v>-4.3092520430222971E-2</c:v>
                </c:pt>
                <c:pt idx="46">
                  <c:v>-4.3092520430222971E-2</c:v>
                </c:pt>
                <c:pt idx="47">
                  <c:v>-4.3092520430222971E-2</c:v>
                </c:pt>
                <c:pt idx="48">
                  <c:v>-4.3092520430222971E-2</c:v>
                </c:pt>
                <c:pt idx="49">
                  <c:v>-3.9838394173460009E-2</c:v>
                </c:pt>
                <c:pt idx="50">
                  <c:v>-3.9838394173460009E-2</c:v>
                </c:pt>
                <c:pt idx="51">
                  <c:v>-3.6485658030202775E-2</c:v>
                </c:pt>
                <c:pt idx="52">
                  <c:v>-3.6485658030202775E-2</c:v>
                </c:pt>
                <c:pt idx="53">
                  <c:v>-3.3132921886945554E-2</c:v>
                </c:pt>
                <c:pt idx="54">
                  <c:v>-2.9878795630182583E-2</c:v>
                </c:pt>
                <c:pt idx="55">
                  <c:v>-2.9878795630182583E-2</c:v>
                </c:pt>
                <c:pt idx="56">
                  <c:v>-2.3173323343492966E-2</c:v>
                </c:pt>
                <c:pt idx="57">
                  <c:v>-1.9919197086730005E-2</c:v>
                </c:pt>
                <c:pt idx="58">
                  <c:v>-1.6566460943472777E-2</c:v>
                </c:pt>
                <c:pt idx="59">
                  <c:v>-9.9595985434525851E-3</c:v>
                </c:pt>
                <c:pt idx="60">
                  <c:v>-6.6068624000201913E-3</c:v>
                </c:pt>
                <c:pt idx="61">
                  <c:v>0</c:v>
                </c:pt>
                <c:pt idx="62">
                  <c:v>6.7054722865144533E-3</c:v>
                </c:pt>
                <c:pt idx="63">
                  <c:v>1.3312334686709809E-2</c:v>
                </c:pt>
                <c:pt idx="64">
                  <c:v>1.6665070829967037E-2</c:v>
                </c:pt>
                <c:pt idx="65">
                  <c:v>2.3271933229987229E-2</c:v>
                </c:pt>
                <c:pt idx="66">
                  <c:v>2.9977405516676846E-2</c:v>
                </c:pt>
                <c:pt idx="67">
                  <c:v>3.3231531773439814E-2</c:v>
                </c:pt>
                <c:pt idx="68">
                  <c:v>3.9937004059954262E-2</c:v>
                </c:pt>
                <c:pt idx="69">
                  <c:v>4.6543866460149623E-2</c:v>
                </c:pt>
                <c:pt idx="70">
                  <c:v>5.6503465003427039E-2</c:v>
                </c:pt>
                <c:pt idx="71">
                  <c:v>6.3110327403447228E-2</c:v>
                </c:pt>
                <c:pt idx="72">
                  <c:v>6.9815799690136848E-2</c:v>
                </c:pt>
                <c:pt idx="73">
                  <c:v>7.6422662090157037E-2</c:v>
                </c:pt>
                <c:pt idx="74">
                  <c:v>8.6382260633609625E-2</c:v>
                </c:pt>
                <c:pt idx="75">
                  <c:v>9.2989123033629814E-2</c:v>
                </c:pt>
                <c:pt idx="76">
                  <c:v>9.9694595320319435E-2</c:v>
                </c:pt>
                <c:pt idx="77">
                  <c:v>0.10630145772033962</c:v>
                </c:pt>
                <c:pt idx="78">
                  <c:v>0.11626105626379221</c:v>
                </c:pt>
                <c:pt idx="79">
                  <c:v>0.12622065480706962</c:v>
                </c:pt>
                <c:pt idx="80">
                  <c:v>0.13282751720708982</c:v>
                </c:pt>
                <c:pt idx="81">
                  <c:v>0.1427871157505424</c:v>
                </c:pt>
                <c:pt idx="82">
                  <c:v>0.14949258803705687</c:v>
                </c:pt>
                <c:pt idx="83">
                  <c:v>0.15945218658050944</c:v>
                </c:pt>
                <c:pt idx="84">
                  <c:v>0.16941178512396202</c:v>
                </c:pt>
                <c:pt idx="85">
                  <c:v>0.17601864752398222</c:v>
                </c:pt>
                <c:pt idx="86">
                  <c:v>0.18597824606725963</c:v>
                </c:pt>
                <c:pt idx="87">
                  <c:v>0.1959378446107122</c:v>
                </c:pt>
                <c:pt idx="88">
                  <c:v>0.20589744315398964</c:v>
                </c:pt>
                <c:pt idx="89">
                  <c:v>0.21585704169744224</c:v>
                </c:pt>
                <c:pt idx="90">
                  <c:v>0.22581664024089479</c:v>
                </c:pt>
                <c:pt idx="91">
                  <c:v>0.23577623878417223</c:v>
                </c:pt>
                <c:pt idx="92">
                  <c:v>0.2457358373276248</c:v>
                </c:pt>
                <c:pt idx="93">
                  <c:v>0.25569543587090221</c:v>
                </c:pt>
                <c:pt idx="94">
                  <c:v>0.26565503441435484</c:v>
                </c:pt>
                <c:pt idx="95">
                  <c:v>0.27561463295763228</c:v>
                </c:pt>
                <c:pt idx="96">
                  <c:v>0.2855742315010848</c:v>
                </c:pt>
                <c:pt idx="97">
                  <c:v>0.29563243993103167</c:v>
                </c:pt>
                <c:pt idx="98">
                  <c:v>0.30559203847430905</c:v>
                </c:pt>
                <c:pt idx="99">
                  <c:v>0.31555163701776162</c:v>
                </c:pt>
                <c:pt idx="100">
                  <c:v>0.32551123556121425</c:v>
                </c:pt>
                <c:pt idx="101">
                  <c:v>0.33547083410449169</c:v>
                </c:pt>
                <c:pt idx="102">
                  <c:v>0.34543043264794426</c:v>
                </c:pt>
                <c:pt idx="103">
                  <c:v>0.35864415744798461</c:v>
                </c:pt>
                <c:pt idx="104">
                  <c:v>0.36860375599143719</c:v>
                </c:pt>
                <c:pt idx="105">
                  <c:v>0.37856335453471462</c:v>
                </c:pt>
                <c:pt idx="106">
                  <c:v>0.3885229530781672</c:v>
                </c:pt>
                <c:pt idx="107">
                  <c:v>0.39848255162144464</c:v>
                </c:pt>
                <c:pt idx="108">
                  <c:v>0.40844215016489721</c:v>
                </c:pt>
                <c:pt idx="109">
                  <c:v>0.41850035859484408</c:v>
                </c:pt>
                <c:pt idx="110">
                  <c:v>0.43171408339488448</c:v>
                </c:pt>
                <c:pt idx="111">
                  <c:v>0.441673681938337</c:v>
                </c:pt>
                <c:pt idx="112">
                  <c:v>0.45163328048161444</c:v>
                </c:pt>
                <c:pt idx="113">
                  <c:v>0.46494561516832422</c:v>
                </c:pt>
                <c:pt idx="114">
                  <c:v>0.4749052137117768</c:v>
                </c:pt>
                <c:pt idx="115">
                  <c:v>0.48486481225505423</c:v>
                </c:pt>
                <c:pt idx="116">
                  <c:v>0.49482441079850681</c:v>
                </c:pt>
                <c:pt idx="117">
                  <c:v>0.50478400934178425</c:v>
                </c:pt>
                <c:pt idx="118">
                  <c:v>0.51474360788523688</c:v>
                </c:pt>
                <c:pt idx="119">
                  <c:v>0.52470320642868939</c:v>
                </c:pt>
                <c:pt idx="120">
                  <c:v>0.53466280497196694</c:v>
                </c:pt>
                <c:pt idx="121">
                  <c:v>0.54462240351541946</c:v>
                </c:pt>
                <c:pt idx="122">
                  <c:v>0.55458200205869679</c:v>
                </c:pt>
                <c:pt idx="123">
                  <c:v>0.56454160060214942</c:v>
                </c:pt>
                <c:pt idx="124">
                  <c:v>0.57450119914542686</c:v>
                </c:pt>
                <c:pt idx="125">
                  <c:v>0.58446079768887949</c:v>
                </c:pt>
                <c:pt idx="126">
                  <c:v>0.59442039623215681</c:v>
                </c:pt>
                <c:pt idx="127">
                  <c:v>0.60437999477560944</c:v>
                </c:pt>
                <c:pt idx="128">
                  <c:v>0.61433959331906207</c:v>
                </c:pt>
                <c:pt idx="129">
                  <c:v>0.6242991918623394</c:v>
                </c:pt>
                <c:pt idx="130">
                  <c:v>0.63100466414902912</c:v>
                </c:pt>
                <c:pt idx="131">
                  <c:v>0.64096426269230644</c:v>
                </c:pt>
                <c:pt idx="132">
                  <c:v>0.65092386123575896</c:v>
                </c:pt>
                <c:pt idx="133">
                  <c:v>0.66088345977903651</c:v>
                </c:pt>
                <c:pt idx="134">
                  <c:v>0.67084305832248903</c:v>
                </c:pt>
                <c:pt idx="135">
                  <c:v>0.68080265686594166</c:v>
                </c:pt>
                <c:pt idx="136">
                  <c:v>0.68740951926596183</c:v>
                </c:pt>
                <c:pt idx="137">
                  <c:v>0.69736911780923927</c:v>
                </c:pt>
                <c:pt idx="138">
                  <c:v>0.70407459009592888</c:v>
                </c:pt>
                <c:pt idx="139">
                  <c:v>0.7140341886392062</c:v>
                </c:pt>
                <c:pt idx="140">
                  <c:v>0.72399378718265883</c:v>
                </c:pt>
                <c:pt idx="141">
                  <c:v>0.73395338572611146</c:v>
                </c:pt>
                <c:pt idx="142">
                  <c:v>0.7439129842693889</c:v>
                </c:pt>
                <c:pt idx="143">
                  <c:v>0.75387258281284142</c:v>
                </c:pt>
                <c:pt idx="144">
                  <c:v>0.76383218135611897</c:v>
                </c:pt>
                <c:pt idx="145">
                  <c:v>0.77379177989957149</c:v>
                </c:pt>
                <c:pt idx="146">
                  <c:v>0.78375137844284881</c:v>
                </c:pt>
                <c:pt idx="147">
                  <c:v>0.79371097698630144</c:v>
                </c:pt>
                <c:pt idx="148">
                  <c:v>0.80367057552957888</c:v>
                </c:pt>
                <c:pt idx="149">
                  <c:v>0.81027743792977425</c:v>
                </c:pt>
                <c:pt idx="150">
                  <c:v>0.82023703647305157</c:v>
                </c:pt>
                <c:pt idx="151">
                  <c:v>0.83019663501650431</c:v>
                </c:pt>
                <c:pt idx="152">
                  <c:v>0.84015623355978164</c:v>
                </c:pt>
                <c:pt idx="153">
                  <c:v>0.85011583210323427</c:v>
                </c:pt>
                <c:pt idx="154">
                  <c:v>0.86007543064651171</c:v>
                </c:pt>
                <c:pt idx="155">
                  <c:v>0.87003502918996423</c:v>
                </c:pt>
                <c:pt idx="156">
                  <c:v>0.87674050147665383</c:v>
                </c:pt>
                <c:pt idx="157">
                  <c:v>0.88670010001993127</c:v>
                </c:pt>
                <c:pt idx="158">
                  <c:v>0.8966596985633839</c:v>
                </c:pt>
                <c:pt idx="159">
                  <c:v>0.90661929710666134</c:v>
                </c:pt>
                <c:pt idx="160">
                  <c:v>0.91657889565011386</c:v>
                </c:pt>
                <c:pt idx="161">
                  <c:v>0.92653849419339129</c:v>
                </c:pt>
                <c:pt idx="162">
                  <c:v>0.93649809273684381</c:v>
                </c:pt>
                <c:pt idx="163">
                  <c:v>0.9431049551368641</c:v>
                </c:pt>
                <c:pt idx="164">
                  <c:v>0.95306455368031662</c:v>
                </c:pt>
                <c:pt idx="165">
                  <c:v>0.96302415222359405</c:v>
                </c:pt>
                <c:pt idx="166">
                  <c:v>0.97298375076704657</c:v>
                </c:pt>
                <c:pt idx="167">
                  <c:v>0.9829433493103239</c:v>
                </c:pt>
                <c:pt idx="168">
                  <c:v>0.99290294785377675</c:v>
                </c:pt>
                <c:pt idx="169">
                  <c:v>0.99960842014046614</c:v>
                </c:pt>
                <c:pt idx="170">
                  <c:v>1.0095680186837437</c:v>
                </c:pt>
                <c:pt idx="171">
                  <c:v>1.0195276172271963</c:v>
                </c:pt>
                <c:pt idx="172">
                  <c:v>1.0294872157704738</c:v>
                </c:pt>
                <c:pt idx="173">
                  <c:v>1.0394468143139262</c:v>
                </c:pt>
                <c:pt idx="174">
                  <c:v>1.0494064128572036</c:v>
                </c:pt>
                <c:pt idx="175">
                  <c:v>1.0593660114006562</c:v>
                </c:pt>
                <c:pt idx="176">
                  <c:v>1.0693256099439339</c:v>
                </c:pt>
                <c:pt idx="177">
                  <c:v>1.0792852084873863</c:v>
                </c:pt>
                <c:pt idx="178">
                  <c:v>1.0858920708874065</c:v>
                </c:pt>
                <c:pt idx="179">
                  <c:v>1.0958516694308589</c:v>
                </c:pt>
                <c:pt idx="180">
                  <c:v>1.1058112679741365</c:v>
                </c:pt>
                <c:pt idx="181">
                  <c:v>1.1157708665175892</c:v>
                </c:pt>
                <c:pt idx="182">
                  <c:v>1.1257304650608664</c:v>
                </c:pt>
                <c:pt idx="183">
                  <c:v>1.135690063604319</c:v>
                </c:pt>
                <c:pt idx="184">
                  <c:v>1.1456496621477716</c:v>
                </c:pt>
                <c:pt idx="185">
                  <c:v>1.1523551344342862</c:v>
                </c:pt>
                <c:pt idx="186">
                  <c:v>1.1623147329777386</c:v>
                </c:pt>
                <c:pt idx="187">
                  <c:v>1.172274331521016</c:v>
                </c:pt>
                <c:pt idx="188">
                  <c:v>1.1822339300644686</c:v>
                </c:pt>
                <c:pt idx="189">
                  <c:v>1.1921935286077461</c:v>
                </c:pt>
                <c:pt idx="190">
                  <c:v>1.2021531271511987</c:v>
                </c:pt>
                <c:pt idx="191">
                  <c:v>1.2121127256946513</c:v>
                </c:pt>
                <c:pt idx="192">
                  <c:v>1.2187195880946715</c:v>
                </c:pt>
                <c:pt idx="193">
                  <c:v>1.228679186637949</c:v>
                </c:pt>
                <c:pt idx="194">
                  <c:v>1.2386387851814016</c:v>
                </c:pt>
                <c:pt idx="195">
                  <c:v>1.2485983837246788</c:v>
                </c:pt>
                <c:pt idx="196">
                  <c:v>1.2553038560113685</c:v>
                </c:pt>
                <c:pt idx="197">
                  <c:v>1.2652634545548211</c:v>
                </c:pt>
                <c:pt idx="198">
                  <c:v>1.2752230530980984</c:v>
                </c:pt>
                <c:pt idx="199">
                  <c:v>1.2818299154981188</c:v>
                </c:pt>
                <c:pt idx="200">
                  <c:v>1.2917895140415712</c:v>
                </c:pt>
                <c:pt idx="201">
                  <c:v>1.3017491125850238</c:v>
                </c:pt>
                <c:pt idx="202">
                  <c:v>1.3117087111283012</c:v>
                </c:pt>
                <c:pt idx="203">
                  <c:v>1.3216683096717539</c:v>
                </c:pt>
                <c:pt idx="204">
                  <c:v>1.3283737819582682</c:v>
                </c:pt>
                <c:pt idx="205">
                  <c:v>1.338333380501721</c:v>
                </c:pt>
                <c:pt idx="206">
                  <c:v>1.3482929790449985</c:v>
                </c:pt>
                <c:pt idx="207">
                  <c:v>1.3582525775884509</c:v>
                </c:pt>
                <c:pt idx="208">
                  <c:v>1.3682121761317283</c:v>
                </c:pt>
                <c:pt idx="209">
                  <c:v>1.3781717746751809</c:v>
                </c:pt>
                <c:pt idx="210">
                  <c:v>1.3881313732186333</c:v>
                </c:pt>
                <c:pt idx="211">
                  <c:v>1.3980909717619108</c:v>
                </c:pt>
                <c:pt idx="212">
                  <c:v>1.4080505703053634</c:v>
                </c:pt>
                <c:pt idx="213">
                  <c:v>1.4180101688486408</c:v>
                </c:pt>
                <c:pt idx="214">
                  <c:v>1.424617031248661</c:v>
                </c:pt>
                <c:pt idx="215">
                  <c:v>1.4345766297921139</c:v>
                </c:pt>
                <c:pt idx="216">
                  <c:v>1.4445362283355663</c:v>
                </c:pt>
                <c:pt idx="217">
                  <c:v>1.4512417006220808</c:v>
                </c:pt>
                <c:pt idx="218">
                  <c:v>1.4612012991655334</c:v>
                </c:pt>
                <c:pt idx="219">
                  <c:v>1.4711608977088106</c:v>
                </c:pt>
                <c:pt idx="220">
                  <c:v>1.477767760109006</c:v>
                </c:pt>
                <c:pt idx="221">
                  <c:v>1.4877273586522834</c:v>
                </c:pt>
                <c:pt idx="222">
                  <c:v>1.4976869571957361</c:v>
                </c:pt>
                <c:pt idx="223">
                  <c:v>1.5042938195957563</c:v>
                </c:pt>
                <c:pt idx="224">
                  <c:v>1.5142534181390337</c:v>
                </c:pt>
                <c:pt idx="225">
                  <c:v>1.5242130166824863</c:v>
                </c:pt>
                <c:pt idx="226">
                  <c:v>1.530918488969176</c:v>
                </c:pt>
                <c:pt idx="227">
                  <c:v>1.5408780875124533</c:v>
                </c:pt>
                <c:pt idx="228">
                  <c:v>1.5508376860559059</c:v>
                </c:pt>
                <c:pt idx="229">
                  <c:v>1.5574445484559261</c:v>
                </c:pt>
                <c:pt idx="230">
                  <c:v>1.5674041469993787</c:v>
                </c:pt>
                <c:pt idx="231">
                  <c:v>1.5773637455426561</c:v>
                </c:pt>
                <c:pt idx="232">
                  <c:v>1.5840692178293456</c:v>
                </c:pt>
                <c:pt idx="233">
                  <c:v>1.5940288163726231</c:v>
                </c:pt>
                <c:pt idx="234">
                  <c:v>1.6006356787728186</c:v>
                </c:pt>
                <c:pt idx="235">
                  <c:v>1.6105952773160959</c:v>
                </c:pt>
                <c:pt idx="236">
                  <c:v>1.6205548758595485</c:v>
                </c:pt>
                <c:pt idx="237">
                  <c:v>1.6271617382595687</c:v>
                </c:pt>
                <c:pt idx="238">
                  <c:v>1.6371213368028461</c:v>
                </c:pt>
                <c:pt idx="239">
                  <c:v>1.6470809353462987</c:v>
                </c:pt>
                <c:pt idx="240">
                  <c:v>1.6570405338897511</c:v>
                </c:pt>
                <c:pt idx="241">
                  <c:v>1.6637460061762657</c:v>
                </c:pt>
                <c:pt idx="242">
                  <c:v>1.6737056047197183</c:v>
                </c:pt>
                <c:pt idx="243">
                  <c:v>1.6803124671197385</c:v>
                </c:pt>
                <c:pt idx="244">
                  <c:v>1.6902720656630159</c:v>
                </c:pt>
                <c:pt idx="245">
                  <c:v>1.7002316642064685</c:v>
                </c:pt>
                <c:pt idx="246">
                  <c:v>1.706937136493158</c:v>
                </c:pt>
                <c:pt idx="247">
                  <c:v>1.7168967350364355</c:v>
                </c:pt>
                <c:pt idx="248">
                  <c:v>1.7268563335798881</c:v>
                </c:pt>
                <c:pt idx="249">
                  <c:v>1.7334631959799083</c:v>
                </c:pt>
                <c:pt idx="250">
                  <c:v>1.7434227945233609</c:v>
                </c:pt>
                <c:pt idx="251">
                  <c:v>1.7500296569233811</c:v>
                </c:pt>
                <c:pt idx="252">
                  <c:v>1.7599892554666585</c:v>
                </c:pt>
                <c:pt idx="253">
                  <c:v>1.7699488540101109</c:v>
                </c:pt>
                <c:pt idx="254">
                  <c:v>1.7766543262968006</c:v>
                </c:pt>
                <c:pt idx="255">
                  <c:v>1.7866139248400781</c:v>
                </c:pt>
                <c:pt idx="256">
                  <c:v>1.7965735233835307</c:v>
                </c:pt>
                <c:pt idx="257">
                  <c:v>1.8031803857835509</c:v>
                </c:pt>
                <c:pt idx="258">
                  <c:v>1.8131399843268283</c:v>
                </c:pt>
                <c:pt idx="259">
                  <c:v>1.8197468467270237</c:v>
                </c:pt>
                <c:pt idx="260">
                  <c:v>1.8297064452703011</c:v>
                </c:pt>
                <c:pt idx="261">
                  <c:v>1.8364119175569906</c:v>
                </c:pt>
                <c:pt idx="262">
                  <c:v>1.8463715161002681</c:v>
                </c:pt>
                <c:pt idx="263">
                  <c:v>1.8529783785004634</c:v>
                </c:pt>
                <c:pt idx="264">
                  <c:v>1.8629379770437409</c:v>
                </c:pt>
                <c:pt idx="265">
                  <c:v>1.8696434493304306</c:v>
                </c:pt>
                <c:pt idx="266">
                  <c:v>1.8762503117304508</c:v>
                </c:pt>
                <c:pt idx="267">
                  <c:v>1.8862099102739034</c:v>
                </c:pt>
                <c:pt idx="268">
                  <c:v>1.8961695088171808</c:v>
                </c:pt>
                <c:pt idx="269">
                  <c:v>1.902776371217201</c:v>
                </c:pt>
                <c:pt idx="270">
                  <c:v>1.9094818435038905</c:v>
                </c:pt>
                <c:pt idx="271">
                  <c:v>1.9194414420473429</c:v>
                </c:pt>
                <c:pt idx="272">
                  <c:v>1.9294010405906206</c:v>
                </c:pt>
                <c:pt idx="273">
                  <c:v>1.9360079029906405</c:v>
                </c:pt>
                <c:pt idx="274">
                  <c:v>1.9459675015340931</c:v>
                </c:pt>
                <c:pt idx="275">
                  <c:v>1.9525743639341133</c:v>
                </c:pt>
                <c:pt idx="276">
                  <c:v>1.9626325723640603</c:v>
                </c:pt>
                <c:pt idx="277">
                  <c:v>1.9692394347640805</c:v>
                </c:pt>
                <c:pt idx="278">
                  <c:v>1.9758462971642756</c:v>
                </c:pt>
                <c:pt idx="279">
                  <c:v>1.9858058957075535</c:v>
                </c:pt>
                <c:pt idx="280">
                  <c:v>1.992511367994243</c:v>
                </c:pt>
                <c:pt idx="281">
                  <c:v>2.0024709665375204</c:v>
                </c:pt>
                <c:pt idx="282">
                  <c:v>2.0090778289377154</c:v>
                </c:pt>
                <c:pt idx="283">
                  <c:v>2.0190374274809928</c:v>
                </c:pt>
                <c:pt idx="284">
                  <c:v>2.0256442898810132</c:v>
                </c:pt>
                <c:pt idx="285">
                  <c:v>2.035603888424466</c:v>
                </c:pt>
                <c:pt idx="286">
                  <c:v>2.0423093607111555</c:v>
                </c:pt>
                <c:pt idx="287">
                  <c:v>2.0522689592544325</c:v>
                </c:pt>
                <c:pt idx="288">
                  <c:v>2.0588758216544534</c:v>
                </c:pt>
                <c:pt idx="289">
                  <c:v>2.0688354201979058</c:v>
                </c:pt>
                <c:pt idx="290">
                  <c:v>2.0754422825979257</c:v>
                </c:pt>
                <c:pt idx="291">
                  <c:v>2.0854018811413781</c:v>
                </c:pt>
                <c:pt idx="292">
                  <c:v>2.0921073534278931</c:v>
                </c:pt>
                <c:pt idx="293">
                  <c:v>2.1020669519713455</c:v>
                </c:pt>
                <c:pt idx="294">
                  <c:v>2.1086738143713655</c:v>
                </c:pt>
                <c:pt idx="295">
                  <c:v>2.1186334129148183</c:v>
                </c:pt>
                <c:pt idx="296">
                  <c:v>2.1253388852013329</c:v>
                </c:pt>
                <c:pt idx="297">
                  <c:v>2.1352984837447853</c:v>
                </c:pt>
                <c:pt idx="298">
                  <c:v>2.1419053461448057</c:v>
                </c:pt>
                <c:pt idx="299">
                  <c:v>2.1485122085448256</c:v>
                </c:pt>
                <c:pt idx="300">
                  <c:v>2.158471807088278</c:v>
                </c:pt>
                <c:pt idx="301">
                  <c:v>2.165177279374968</c:v>
                </c:pt>
                <c:pt idx="302">
                  <c:v>2.1717841417749879</c:v>
                </c:pt>
                <c:pt idx="303">
                  <c:v>2.1817437403182653</c:v>
                </c:pt>
                <c:pt idx="304">
                  <c:v>2.1883506027184612</c:v>
                </c:pt>
                <c:pt idx="305">
                  <c:v>2.1983102012617382</c:v>
                </c:pt>
                <c:pt idx="306">
                  <c:v>2.2050156735484276</c:v>
                </c:pt>
                <c:pt idx="307">
                  <c:v>2.2116225359484485</c:v>
                </c:pt>
                <c:pt idx="308">
                  <c:v>2.2215821344919009</c:v>
                </c:pt>
                <c:pt idx="309">
                  <c:v>2.228287606778415</c:v>
                </c:pt>
                <c:pt idx="310">
                  <c:v>2.2348944691784349</c:v>
                </c:pt>
                <c:pt idx="311">
                  <c:v>2.2448540677218882</c:v>
                </c:pt>
                <c:pt idx="312">
                  <c:v>2.2514609301219082</c:v>
                </c:pt>
                <c:pt idx="313">
                  <c:v>2.2581664024085977</c:v>
                </c:pt>
                <c:pt idx="314">
                  <c:v>2.2681260009518751</c:v>
                </c:pt>
                <c:pt idx="315">
                  <c:v>2.2747328633520705</c:v>
                </c:pt>
                <c:pt idx="316">
                  <c:v>2.2846924618953479</c:v>
                </c:pt>
                <c:pt idx="317">
                  <c:v>2.2912993242953679</c:v>
                </c:pt>
                <c:pt idx="318">
                  <c:v>2.3012589228388207</c:v>
                </c:pt>
                <c:pt idx="319">
                  <c:v>2.3079643951255107</c:v>
                </c:pt>
                <c:pt idx="320">
                  <c:v>2.3145712575255306</c:v>
                </c:pt>
                <c:pt idx="321">
                  <c:v>2.324530856068808</c:v>
                </c:pt>
                <c:pt idx="322">
                  <c:v>2.331137718469003</c:v>
                </c:pt>
                <c:pt idx="323">
                  <c:v>2.3378431907555179</c:v>
                </c:pt>
                <c:pt idx="324">
                  <c:v>2.3444500531555379</c:v>
                </c:pt>
                <c:pt idx="325">
                  <c:v>2.3544096516989903</c:v>
                </c:pt>
                <c:pt idx="326">
                  <c:v>2.3611151239856802</c:v>
                </c:pt>
                <c:pt idx="327">
                  <c:v>2.3677219863857002</c:v>
                </c:pt>
                <c:pt idx="328">
                  <c:v>2.3776815849289776</c:v>
                </c:pt>
                <c:pt idx="329">
                  <c:v>2.384288447329173</c:v>
                </c:pt>
                <c:pt idx="330">
                  <c:v>2.3909939196156875</c:v>
                </c:pt>
                <c:pt idx="331">
                  <c:v>2.3976007820158829</c:v>
                </c:pt>
                <c:pt idx="332">
                  <c:v>2.4042076444159033</c:v>
                </c:pt>
                <c:pt idx="333">
                  <c:v>2.4109131167024174</c:v>
                </c:pt>
                <c:pt idx="334">
                  <c:v>2.4175199791026127</c:v>
                </c:pt>
                <c:pt idx="335">
                  <c:v>2.4274795776458906</c:v>
                </c:pt>
                <c:pt idx="336">
                  <c:v>2.4340864400459106</c:v>
                </c:pt>
                <c:pt idx="337">
                  <c:v>2.4407919123326001</c:v>
                </c:pt>
                <c:pt idx="338">
                  <c:v>2.4507515108760525</c:v>
                </c:pt>
                <c:pt idx="339">
                  <c:v>2.4573583732760729</c:v>
                </c:pt>
                <c:pt idx="340">
                  <c:v>2.4639652356760928</c:v>
                </c:pt>
                <c:pt idx="341">
                  <c:v>2.4706707079627828</c:v>
                </c:pt>
                <c:pt idx="342">
                  <c:v>2.4806303065060602</c:v>
                </c:pt>
                <c:pt idx="343">
                  <c:v>2.4872371689062556</c:v>
                </c:pt>
                <c:pt idx="344">
                  <c:v>2.4939426411927696</c:v>
                </c:pt>
                <c:pt idx="345">
                  <c:v>2.5039022397362225</c:v>
                </c:pt>
                <c:pt idx="346">
                  <c:v>2.5138618382794999</c:v>
                </c:pt>
                <c:pt idx="347">
                  <c:v>2.5204687006796953</c:v>
                </c:pt>
                <c:pt idx="348">
                  <c:v>2.5304282992229727</c:v>
                </c:pt>
                <c:pt idx="349">
                  <c:v>2.5370351616229927</c:v>
                </c:pt>
                <c:pt idx="350">
                  <c:v>2.5469947601664451</c:v>
                </c:pt>
                <c:pt idx="351">
                  <c:v>2.5537002324529601</c:v>
                </c:pt>
                <c:pt idx="352">
                  <c:v>2.5603070948531554</c:v>
                </c:pt>
                <c:pt idx="353">
                  <c:v>2.5702666933964324</c:v>
                </c:pt>
                <c:pt idx="354">
                  <c:v>2.5768735557964533</c:v>
                </c:pt>
                <c:pt idx="355">
                  <c:v>2.5868331543399057</c:v>
                </c:pt>
                <c:pt idx="356">
                  <c:v>2.5935386266265952</c:v>
                </c:pt>
                <c:pt idx="357">
                  <c:v>2.6001454890266151</c:v>
                </c:pt>
                <c:pt idx="358">
                  <c:v>2.610105087569893</c:v>
                </c:pt>
                <c:pt idx="359">
                  <c:v>2.6168105598565825</c:v>
                </c:pt>
                <c:pt idx="360">
                  <c:v>2.6234174222566025</c:v>
                </c:pt>
                <c:pt idx="361">
                  <c:v>2.6333770208000549</c:v>
                </c:pt>
                <c:pt idx="362">
                  <c:v>2.6399838832000753</c:v>
                </c:pt>
                <c:pt idx="363">
                  <c:v>2.6466893554867648</c:v>
                </c:pt>
                <c:pt idx="364">
                  <c:v>2.6532962178867852</c:v>
                </c:pt>
                <c:pt idx="365">
                  <c:v>2.6599030802868056</c:v>
                </c:pt>
                <c:pt idx="366">
                  <c:v>2.669862678830258</c:v>
                </c:pt>
                <c:pt idx="367">
                  <c:v>2.676568151116772</c:v>
                </c:pt>
                <c:pt idx="368">
                  <c:v>2.6831750135169679</c:v>
                </c:pt>
                <c:pt idx="369">
                  <c:v>2.6897818759169878</c:v>
                </c:pt>
                <c:pt idx="370">
                  <c:v>2.6964873482036777</c:v>
                </c:pt>
                <c:pt idx="371">
                  <c:v>2.7030942106036977</c:v>
                </c:pt>
                <c:pt idx="372">
                  <c:v>2.7097010730037177</c:v>
                </c:pt>
                <c:pt idx="373">
                  <c:v>2.7164065452904076</c:v>
                </c:pt>
                <c:pt idx="374">
                  <c:v>2.726366143833685</c:v>
                </c:pt>
                <c:pt idx="375">
                  <c:v>2.732973006233705</c:v>
                </c:pt>
                <c:pt idx="376">
                  <c:v>2.7396784785203949</c:v>
                </c:pt>
                <c:pt idx="377">
                  <c:v>2.7462853409204149</c:v>
                </c:pt>
                <c:pt idx="378">
                  <c:v>2.7528922033206102</c:v>
                </c:pt>
                <c:pt idx="379">
                  <c:v>2.7595976756071248</c:v>
                </c:pt>
                <c:pt idx="380">
                  <c:v>2.7695572741505776</c:v>
                </c:pt>
                <c:pt idx="381">
                  <c:v>2.7761641365505976</c:v>
                </c:pt>
                <c:pt idx="382">
                  <c:v>2.782770998950618</c:v>
                </c:pt>
                <c:pt idx="383">
                  <c:v>2.7927305974940704</c:v>
                </c:pt>
                <c:pt idx="384">
                  <c:v>2.7994360697805849</c:v>
                </c:pt>
                <c:pt idx="385">
                  <c:v>2.8060429321807798</c:v>
                </c:pt>
                <c:pt idx="386">
                  <c:v>2.8126497945808002</c:v>
                </c:pt>
                <c:pt idx="387">
                  <c:v>2.8193552668674897</c:v>
                </c:pt>
                <c:pt idx="388">
                  <c:v>2.8293148654107672</c:v>
                </c:pt>
                <c:pt idx="389">
                  <c:v>2.8359217278107876</c:v>
                </c:pt>
                <c:pt idx="390">
                  <c:v>2.8425285902109829</c:v>
                </c:pt>
                <c:pt idx="391">
                  <c:v>2.849234062497497</c:v>
                </c:pt>
                <c:pt idx="392">
                  <c:v>2.8558409248975178</c:v>
                </c:pt>
                <c:pt idx="393">
                  <c:v>2.8625463971842069</c:v>
                </c:pt>
                <c:pt idx="394">
                  <c:v>2.8691532595842277</c:v>
                </c:pt>
                <c:pt idx="395">
                  <c:v>2.8757601219842477</c:v>
                </c:pt>
                <c:pt idx="396">
                  <c:v>2.8824655942709372</c:v>
                </c:pt>
                <c:pt idx="397">
                  <c:v>2.8890724566709576</c:v>
                </c:pt>
                <c:pt idx="398">
                  <c:v>2.89903205521441</c:v>
                </c:pt>
                <c:pt idx="399">
                  <c:v>2.9056389176144299</c:v>
                </c:pt>
                <c:pt idx="400">
                  <c:v>2.9123443899011199</c:v>
                </c:pt>
                <c:pt idx="401">
                  <c:v>2.9189512523011398</c:v>
                </c:pt>
                <c:pt idx="402">
                  <c:v>2.9289108508445927</c:v>
                </c:pt>
                <c:pt idx="403">
                  <c:v>2.9355177132446126</c:v>
                </c:pt>
                <c:pt idx="404">
                  <c:v>2.9422231855311272</c:v>
                </c:pt>
                <c:pt idx="405">
                  <c:v>2.9488300479313225</c:v>
                </c:pt>
                <c:pt idx="406">
                  <c:v>2.9554369103313425</c:v>
                </c:pt>
                <c:pt idx="407">
                  <c:v>2.9653965088746204</c:v>
                </c:pt>
                <c:pt idx="408">
                  <c:v>2.9721019811613099</c:v>
                </c:pt>
                <c:pt idx="409">
                  <c:v>2.9787088435613298</c:v>
                </c:pt>
                <c:pt idx="410">
                  <c:v>2.9853157059615256</c:v>
                </c:pt>
                <c:pt idx="411">
                  <c:v>2.9953739143914722</c:v>
                </c:pt>
                <c:pt idx="412">
                  <c:v>3.0019807767914921</c:v>
                </c:pt>
                <c:pt idx="413">
                  <c:v>3.0085876391915125</c:v>
                </c:pt>
                <c:pt idx="414">
                  <c:v>3.015293111478202</c:v>
                </c:pt>
                <c:pt idx="415">
                  <c:v>3.0252527100214794</c:v>
                </c:pt>
                <c:pt idx="416">
                  <c:v>3.0318595724214994</c:v>
                </c:pt>
                <c:pt idx="417">
                  <c:v>3.0384664348216952</c:v>
                </c:pt>
                <c:pt idx="418">
                  <c:v>3.0451719071082093</c:v>
                </c:pt>
                <c:pt idx="419">
                  <c:v>3.0517787695084047</c:v>
                </c:pt>
                <c:pt idx="420">
                  <c:v>3.0617383680516825</c:v>
                </c:pt>
                <c:pt idx="421">
                  <c:v>3.0683452304517025</c:v>
                </c:pt>
                <c:pt idx="422">
                  <c:v>3.075050702738392</c:v>
                </c:pt>
                <c:pt idx="423">
                  <c:v>3.0816575651384124</c:v>
                </c:pt>
                <c:pt idx="424">
                  <c:v>3.0882644275384323</c:v>
                </c:pt>
                <c:pt idx="425">
                  <c:v>3.0949698998251223</c:v>
                </c:pt>
                <c:pt idx="426">
                  <c:v>3.1015767622251422</c:v>
                </c:pt>
                <c:pt idx="427">
                  <c:v>3.1081836246253376</c:v>
                </c:pt>
                <c:pt idx="428">
                  <c:v>3.1148890969118521</c:v>
                </c:pt>
                <c:pt idx="429">
                  <c:v>3.124848695455305</c:v>
                </c:pt>
                <c:pt idx="430">
                  <c:v>3.1314555578553249</c:v>
                </c:pt>
                <c:pt idx="431">
                  <c:v>3.1381610301420149</c:v>
                </c:pt>
                <c:pt idx="432">
                  <c:v>3.1447678925420348</c:v>
                </c:pt>
                <c:pt idx="433">
                  <c:v>3.1481206286852923</c:v>
                </c:pt>
                <c:pt idx="434">
                  <c:v>3.1547274910853123</c:v>
                </c:pt>
                <c:pt idx="435">
                  <c:v>3.1646870896287647</c:v>
                </c:pt>
                <c:pt idx="436">
                  <c:v>3.1712939520287846</c:v>
                </c:pt>
                <c:pt idx="437">
                  <c:v>3.1779994243154746</c:v>
                </c:pt>
                <c:pt idx="438">
                  <c:v>3.1846062867154945</c:v>
                </c:pt>
                <c:pt idx="439">
                  <c:v>3.1912131491155149</c:v>
                </c:pt>
                <c:pt idx="440">
                  <c:v>3.1979186214022044</c:v>
                </c:pt>
                <c:pt idx="441">
                  <c:v>3.2045254838022248</c:v>
                </c:pt>
                <c:pt idx="442">
                  <c:v>3.2111323462022452</c:v>
                </c:pt>
                <c:pt idx="443">
                  <c:v>3.2178378184889347</c:v>
                </c:pt>
                <c:pt idx="444">
                  <c:v>3.2244446808889546</c:v>
                </c:pt>
                <c:pt idx="445">
                  <c:v>3.231051543288975</c:v>
                </c:pt>
                <c:pt idx="446">
                  <c:v>3.2377570155756645</c:v>
                </c:pt>
                <c:pt idx="447">
                  <c:v>3.2477166141191169</c:v>
                </c:pt>
                <c:pt idx="448">
                  <c:v>3.2543234765191373</c:v>
                </c:pt>
                <c:pt idx="449">
                  <c:v>3.2610289488058268</c:v>
                </c:pt>
                <c:pt idx="450">
                  <c:v>3.2676358112058468</c:v>
                </c:pt>
                <c:pt idx="451">
                  <c:v>3.2742426736058672</c:v>
                </c:pt>
                <c:pt idx="452">
                  <c:v>3.2809481458925567</c:v>
                </c:pt>
                <c:pt idx="453">
                  <c:v>3.2875550082925771</c:v>
                </c:pt>
                <c:pt idx="454">
                  <c:v>3.2941618706925975</c:v>
                </c:pt>
                <c:pt idx="455">
                  <c:v>3.3041214692360499</c:v>
                </c:pt>
                <c:pt idx="456">
                  <c:v>3.3108269415225644</c:v>
                </c:pt>
                <c:pt idx="457">
                  <c:v>3.3174338039227598</c:v>
                </c:pt>
                <c:pt idx="458">
                  <c:v>3.3240406663227797</c:v>
                </c:pt>
                <c:pt idx="459">
                  <c:v>3.3307461386092947</c:v>
                </c:pt>
                <c:pt idx="460">
                  <c:v>3.3373530010094896</c:v>
                </c:pt>
                <c:pt idx="461">
                  <c:v>3.3407057371527471</c:v>
                </c:pt>
                <c:pt idx="462">
                  <c:v>3.3473125995527671</c:v>
                </c:pt>
                <c:pt idx="463">
                  <c:v>3.353919461952787</c:v>
                </c:pt>
                <c:pt idx="464">
                  <c:v>3.3606249342394769</c:v>
                </c:pt>
                <c:pt idx="465">
                  <c:v>3.3672317966394969</c:v>
                </c:pt>
                <c:pt idx="466">
                  <c:v>3.3739372689261868</c:v>
                </c:pt>
                <c:pt idx="467">
                  <c:v>3.3805441313262068</c:v>
                </c:pt>
                <c:pt idx="468">
                  <c:v>3.3871509937262272</c:v>
                </c:pt>
                <c:pt idx="469">
                  <c:v>3.3938564660129167</c:v>
                </c:pt>
                <c:pt idx="470">
                  <c:v>3.4004633284129371</c:v>
                </c:pt>
                <c:pt idx="471">
                  <c:v>3.407070190813132</c:v>
                </c:pt>
                <c:pt idx="472">
                  <c:v>3.413775663099647</c:v>
                </c:pt>
                <c:pt idx="473">
                  <c:v>3.4203825254996669</c:v>
                </c:pt>
                <c:pt idx="474">
                  <c:v>3.4269893878998623</c:v>
                </c:pt>
                <c:pt idx="475">
                  <c:v>3.4336948601863768</c:v>
                </c:pt>
                <c:pt idx="476">
                  <c:v>3.4403017225865717</c:v>
                </c:pt>
                <c:pt idx="477">
                  <c:v>3.4469085849865926</c:v>
                </c:pt>
                <c:pt idx="478">
                  <c:v>3.4502613211298496</c:v>
                </c:pt>
                <c:pt idx="479">
                  <c:v>3.4568681835298696</c:v>
                </c:pt>
                <c:pt idx="480">
                  <c:v>3.4635736558165591</c:v>
                </c:pt>
                <c:pt idx="481">
                  <c:v>3.4701805182165795</c:v>
                </c:pt>
                <c:pt idx="482">
                  <c:v>3.4767873806165999</c:v>
                </c:pt>
                <c:pt idx="483">
                  <c:v>3.4834928529032894</c:v>
                </c:pt>
                <c:pt idx="484">
                  <c:v>3.4900997153033098</c:v>
                </c:pt>
                <c:pt idx="485">
                  <c:v>3.4967065777033297</c:v>
                </c:pt>
                <c:pt idx="486">
                  <c:v>3.5034120499900196</c:v>
                </c:pt>
                <c:pt idx="487">
                  <c:v>3.5100189123900396</c:v>
                </c:pt>
                <c:pt idx="488">
                  <c:v>3.5167243846767291</c:v>
                </c:pt>
                <c:pt idx="489">
                  <c:v>3.5233312470767495</c:v>
                </c:pt>
                <c:pt idx="490">
                  <c:v>3.5299381094767694</c:v>
                </c:pt>
                <c:pt idx="491">
                  <c:v>3.5366435817634594</c:v>
                </c:pt>
                <c:pt idx="492">
                  <c:v>3.5432504441634793</c:v>
                </c:pt>
                <c:pt idx="493">
                  <c:v>3.5498573065636747</c:v>
                </c:pt>
                <c:pt idx="494">
                  <c:v>3.5565627788501892</c:v>
                </c:pt>
                <c:pt idx="495">
                  <c:v>3.5631696412502092</c:v>
                </c:pt>
                <c:pt idx="496">
                  <c:v>3.5697765036504046</c:v>
                </c:pt>
                <c:pt idx="497">
                  <c:v>3.573129239793662</c:v>
                </c:pt>
                <c:pt idx="498">
                  <c:v>3.579736102193682</c:v>
                </c:pt>
                <c:pt idx="499">
                  <c:v>3.5864415744803719</c:v>
                </c:pt>
                <c:pt idx="500">
                  <c:v>3.5930484368803919</c:v>
                </c:pt>
                <c:pt idx="501">
                  <c:v>3.5996552992804123</c:v>
                </c:pt>
                <c:pt idx="502">
                  <c:v>3.6063607715671018</c:v>
                </c:pt>
                <c:pt idx="503">
                  <c:v>3.6129676339671217</c:v>
                </c:pt>
                <c:pt idx="504">
                  <c:v>3.6195744963671421</c:v>
                </c:pt>
                <c:pt idx="505">
                  <c:v>3.6262799686538316</c:v>
                </c:pt>
                <c:pt idx="506">
                  <c:v>3.632886831053852</c:v>
                </c:pt>
                <c:pt idx="507">
                  <c:v>3.636239567197284</c:v>
                </c:pt>
                <c:pt idx="508">
                  <c:v>3.6428464295973049</c:v>
                </c:pt>
                <c:pt idx="509">
                  <c:v>3.6495519018839944</c:v>
                </c:pt>
                <c:pt idx="510">
                  <c:v>3.6561587642840143</c:v>
                </c:pt>
                <c:pt idx="511">
                  <c:v>3.6627656266840347</c:v>
                </c:pt>
                <c:pt idx="512">
                  <c:v>3.6694710989707242</c:v>
                </c:pt>
                <c:pt idx="513">
                  <c:v>3.6727252252274871</c:v>
                </c:pt>
                <c:pt idx="514">
                  <c:v>3.6794306975140016</c:v>
                </c:pt>
                <c:pt idx="515">
                  <c:v>3.686037559914022</c:v>
                </c:pt>
                <c:pt idx="516">
                  <c:v>3.692644422314217</c:v>
                </c:pt>
                <c:pt idx="517">
                  <c:v>3.6993498946007315</c:v>
                </c:pt>
                <c:pt idx="518">
                  <c:v>3.7026040208574944</c:v>
                </c:pt>
                <c:pt idx="519">
                  <c:v>3.7093094931441839</c:v>
                </c:pt>
                <c:pt idx="520">
                  <c:v>3.7159163555442043</c:v>
                </c:pt>
                <c:pt idx="521">
                  <c:v>3.7225232179442242</c:v>
                </c:pt>
                <c:pt idx="522">
                  <c:v>3.7258759540876571</c:v>
                </c:pt>
                <c:pt idx="523">
                  <c:v>3.7324828164876771</c:v>
                </c:pt>
                <c:pt idx="524">
                  <c:v>3.739188288774367</c:v>
                </c:pt>
                <c:pt idx="525">
                  <c:v>3.745795151174387</c:v>
                </c:pt>
                <c:pt idx="526">
                  <c:v>3.749147887317644</c:v>
                </c:pt>
                <c:pt idx="527">
                  <c:v>3.7557547497176644</c:v>
                </c:pt>
                <c:pt idx="528">
                  <c:v>3.7624602220043544</c:v>
                </c:pt>
                <c:pt idx="529">
                  <c:v>3.7690670844043743</c:v>
                </c:pt>
                <c:pt idx="530">
                  <c:v>3.7724198205476314</c:v>
                </c:pt>
                <c:pt idx="531">
                  <c:v>3.7790266829478267</c:v>
                </c:pt>
                <c:pt idx="532">
                  <c:v>3.7856335453478467</c:v>
                </c:pt>
                <c:pt idx="533">
                  <c:v>3.7923390176345366</c:v>
                </c:pt>
                <c:pt idx="534">
                  <c:v>3.7989458800345566</c:v>
                </c:pt>
                <c:pt idx="535">
                  <c:v>3.8022986161778141</c:v>
                </c:pt>
                <c:pt idx="536">
                  <c:v>3.808905478577834</c:v>
                </c:pt>
                <c:pt idx="537">
                  <c:v>3.8155123409780294</c:v>
                </c:pt>
                <c:pt idx="538">
                  <c:v>3.8222178132645439</c:v>
                </c:pt>
                <c:pt idx="539">
                  <c:v>3.8288246756645639</c:v>
                </c:pt>
                <c:pt idx="540">
                  <c:v>3.8354315380647597</c:v>
                </c:pt>
                <c:pt idx="541">
                  <c:v>3.8421370103512738</c:v>
                </c:pt>
                <c:pt idx="542">
                  <c:v>3.8487438727514691</c:v>
                </c:pt>
                <c:pt idx="543">
                  <c:v>3.8553507351514895</c:v>
                </c:pt>
                <c:pt idx="544">
                  <c:v>3.862056207438004</c:v>
                </c:pt>
                <c:pt idx="545">
                  <c:v>3.8686630698381994</c:v>
                </c:pt>
                <c:pt idx="546">
                  <c:v>3.8720158059814564</c:v>
                </c:pt>
                <c:pt idx="547">
                  <c:v>3.8786226683814768</c:v>
                </c:pt>
                <c:pt idx="548">
                  <c:v>3.8852295307814968</c:v>
                </c:pt>
                <c:pt idx="549">
                  <c:v>3.8885822669249293</c:v>
                </c:pt>
                <c:pt idx="550">
                  <c:v>3.8952877392114438</c:v>
                </c:pt>
                <c:pt idx="551">
                  <c:v>3.9018946016116391</c:v>
                </c:pt>
                <c:pt idx="552">
                  <c:v>3.9085014640116591</c:v>
                </c:pt>
                <c:pt idx="553">
                  <c:v>3.9152069362983486</c:v>
                </c:pt>
                <c:pt idx="554">
                  <c:v>3.9218137986983694</c:v>
                </c:pt>
                <c:pt idx="555">
                  <c:v>3.9251665348416265</c:v>
                </c:pt>
                <c:pt idx="556">
                  <c:v>3.9317733972416464</c:v>
                </c:pt>
                <c:pt idx="557">
                  <c:v>3.9383802596418418</c:v>
                </c:pt>
                <c:pt idx="558">
                  <c:v>3.9417329957850993</c:v>
                </c:pt>
                <c:pt idx="559">
                  <c:v>3.9483398581851197</c:v>
                </c:pt>
                <c:pt idx="560">
                  <c:v>3.9550453304718087</c:v>
                </c:pt>
                <c:pt idx="561">
                  <c:v>3.9582994567285716</c:v>
                </c:pt>
                <c:pt idx="562">
                  <c:v>3.9650049290150866</c:v>
                </c:pt>
                <c:pt idx="563">
                  <c:v>3.9682590552718495</c:v>
                </c:pt>
                <c:pt idx="564">
                  <c:v>3.9749645275585386</c:v>
                </c:pt>
                <c:pt idx="565">
                  <c:v>3.9782186538153019</c:v>
                </c:pt>
                <c:pt idx="566">
                  <c:v>3.9849241261018165</c:v>
                </c:pt>
                <c:pt idx="567">
                  <c:v>3.9881782523585794</c:v>
                </c:pt>
                <c:pt idx="568">
                  <c:v>3.9915309885020123</c:v>
                </c:pt>
                <c:pt idx="569">
                  <c:v>3.9981378509020318</c:v>
                </c:pt>
                <c:pt idx="570">
                  <c:v>4.0014905870452893</c:v>
                </c:pt>
                <c:pt idx="571">
                  <c:v>4.0080974494453097</c:v>
                </c:pt>
                <c:pt idx="572">
                  <c:v>4.0148029217319996</c:v>
                </c:pt>
                <c:pt idx="573">
                  <c:v>4.0214097841320191</c:v>
                </c:pt>
                <c:pt idx="574">
                  <c:v>4.028115256418709</c:v>
                </c:pt>
                <c:pt idx="575">
                  <c:v>4.0313693826754724</c:v>
                </c:pt>
                <c:pt idx="576">
                  <c:v>4.0380748549621606</c:v>
                </c:pt>
                <c:pt idx="577">
                  <c:v>4.0446817173621818</c:v>
                </c:pt>
                <c:pt idx="578">
                  <c:v>4.0512885797622022</c:v>
                </c:pt>
                <c:pt idx="579">
                  <c:v>4.0579940520488922</c:v>
                </c:pt>
                <c:pt idx="580">
                  <c:v>4.0612481783056538</c:v>
                </c:pt>
                <c:pt idx="581">
                  <c:v>4.0679536505921687</c:v>
                </c:pt>
                <c:pt idx="582">
                  <c:v>4.0745605129921891</c:v>
                </c:pt>
                <c:pt idx="583">
                  <c:v>4.0811673753923836</c:v>
                </c:pt>
                <c:pt idx="584">
                  <c:v>4.0845201115356415</c:v>
                </c:pt>
                <c:pt idx="585">
                  <c:v>4.0911269739356619</c:v>
                </c:pt>
                <c:pt idx="586">
                  <c:v>4.0978324462223519</c:v>
                </c:pt>
                <c:pt idx="587">
                  <c:v>4.1044393086223714</c:v>
                </c:pt>
                <c:pt idx="588">
                  <c:v>4.1110461710223918</c:v>
                </c:pt>
                <c:pt idx="589">
                  <c:v>4.1143989071658247</c:v>
                </c:pt>
                <c:pt idx="590">
                  <c:v>4.1210057695658451</c:v>
                </c:pt>
                <c:pt idx="591">
                  <c:v>4.1277112418523583</c:v>
                </c:pt>
                <c:pt idx="592">
                  <c:v>4.1343181042525545</c:v>
                </c:pt>
                <c:pt idx="593">
                  <c:v>4.1409249666525749</c:v>
                </c:pt>
                <c:pt idx="594">
                  <c:v>4.147630438939264</c:v>
                </c:pt>
                <c:pt idx="595">
                  <c:v>4.1542373013392844</c:v>
                </c:pt>
                <c:pt idx="596">
                  <c:v>4.1575900374825414</c:v>
                </c:pt>
                <c:pt idx="597">
                  <c:v>4.1641968998825618</c:v>
                </c:pt>
                <c:pt idx="598">
                  <c:v>4.1709023721692509</c:v>
                </c:pt>
                <c:pt idx="599">
                  <c:v>4.1775092345692713</c:v>
                </c:pt>
                <c:pt idx="600">
                  <c:v>4.1808619707127042</c:v>
                </c:pt>
                <c:pt idx="601">
                  <c:v>4.1874688331127237</c:v>
                </c:pt>
                <c:pt idx="602">
                  <c:v>4.1908215692559807</c:v>
                </c:pt>
                <c:pt idx="603">
                  <c:v>4.1940756955127441</c:v>
                </c:pt>
                <c:pt idx="604">
                  <c:v>4.200781167799434</c:v>
                </c:pt>
                <c:pt idx="605">
                  <c:v>4.2040352940561974</c:v>
                </c:pt>
                <c:pt idx="606">
                  <c:v>4.2107407663427106</c:v>
                </c:pt>
                <c:pt idx="607">
                  <c:v>4.2173476287427309</c:v>
                </c:pt>
                <c:pt idx="608">
                  <c:v>4.2207003648861638</c:v>
                </c:pt>
                <c:pt idx="609">
                  <c:v>4.2273072272861842</c:v>
                </c:pt>
                <c:pt idx="610">
                  <c:v>4.2339140896862038</c:v>
                </c:pt>
                <c:pt idx="611">
                  <c:v>4.2406195619728937</c:v>
                </c:pt>
                <c:pt idx="612">
                  <c:v>4.243873688229657</c:v>
                </c:pt>
                <c:pt idx="613">
                  <c:v>4.2505791605161711</c:v>
                </c:pt>
                <c:pt idx="614">
                  <c:v>4.2571860229163665</c:v>
                </c:pt>
                <c:pt idx="615">
                  <c:v>4.2637928853163869</c:v>
                </c:pt>
                <c:pt idx="616">
                  <c:v>4.2671456214596439</c:v>
                </c:pt>
                <c:pt idx="617">
                  <c:v>4.2737524838596634</c:v>
                </c:pt>
                <c:pt idx="618">
                  <c:v>4.2771052200030963</c:v>
                </c:pt>
                <c:pt idx="619">
                  <c:v>4.2838106922896113</c:v>
                </c:pt>
                <c:pt idx="620">
                  <c:v>4.2870648185463738</c:v>
                </c:pt>
                <c:pt idx="621">
                  <c:v>4.2937702908330637</c:v>
                </c:pt>
                <c:pt idx="622">
                  <c:v>4.2970244170898262</c:v>
                </c:pt>
                <c:pt idx="623">
                  <c:v>4.3037298893765161</c:v>
                </c:pt>
                <c:pt idx="624">
                  <c:v>4.3069840156331036</c:v>
                </c:pt>
                <c:pt idx="625">
                  <c:v>4.3136894879197936</c:v>
                </c:pt>
                <c:pt idx="626">
                  <c:v>4.3202963503198131</c:v>
                </c:pt>
                <c:pt idx="627">
                  <c:v>4.3269032127200093</c:v>
                </c:pt>
                <c:pt idx="628">
                  <c:v>4.3302559488632664</c:v>
                </c:pt>
                <c:pt idx="629">
                  <c:v>4.3368628112632868</c:v>
                </c:pt>
                <c:pt idx="630">
                  <c:v>4.3435682835499758</c:v>
                </c:pt>
                <c:pt idx="631">
                  <c:v>4.3468224098067392</c:v>
                </c:pt>
                <c:pt idx="632">
                  <c:v>4.3535278820932541</c:v>
                </c:pt>
                <c:pt idx="633">
                  <c:v>4.3567820083500166</c:v>
                </c:pt>
                <c:pt idx="634">
                  <c:v>4.3634874806367057</c:v>
                </c:pt>
                <c:pt idx="635">
                  <c:v>4.366741606893469</c:v>
                </c:pt>
                <c:pt idx="636">
                  <c:v>4.373447079179984</c:v>
                </c:pt>
                <c:pt idx="637">
                  <c:v>4.3767012054367465</c:v>
                </c:pt>
                <c:pt idx="638">
                  <c:v>4.3834066777234355</c:v>
                </c:pt>
                <c:pt idx="639">
                  <c:v>4.3900135401234559</c:v>
                </c:pt>
                <c:pt idx="640">
                  <c:v>4.3933662762667138</c:v>
                </c:pt>
                <c:pt idx="641">
                  <c:v>4.3966204025234763</c:v>
                </c:pt>
                <c:pt idx="642">
                  <c:v>4.4033258748101654</c:v>
                </c:pt>
                <c:pt idx="643">
                  <c:v>4.4066786109534233</c:v>
                </c:pt>
                <c:pt idx="644">
                  <c:v>4.4132854733536186</c:v>
                </c:pt>
                <c:pt idx="645">
                  <c:v>4.4166382094968757</c:v>
                </c:pt>
                <c:pt idx="646">
                  <c:v>4.423245071896897</c:v>
                </c:pt>
                <c:pt idx="647">
                  <c:v>4.4265978080401531</c:v>
                </c:pt>
                <c:pt idx="648">
                  <c:v>4.4332046704403485</c:v>
                </c:pt>
                <c:pt idx="649">
                  <c:v>4.4365574065836064</c:v>
                </c:pt>
                <c:pt idx="650">
                  <c:v>4.4431642689836268</c:v>
                </c:pt>
                <c:pt idx="651">
                  <c:v>4.4465170051270579</c:v>
                </c:pt>
                <c:pt idx="652">
                  <c:v>4.4531238675270783</c:v>
                </c:pt>
                <c:pt idx="653">
                  <c:v>4.4564766036703363</c:v>
                </c:pt>
                <c:pt idx="654">
                  <c:v>4.4630834660703567</c:v>
                </c:pt>
                <c:pt idx="655">
                  <c:v>4.4696903284705511</c:v>
                </c:pt>
                <c:pt idx="656">
                  <c:v>4.4730430646138082</c:v>
                </c:pt>
                <c:pt idx="657">
                  <c:v>4.4796499270138295</c:v>
                </c:pt>
                <c:pt idx="658">
                  <c:v>4.4863553993005185</c:v>
                </c:pt>
                <c:pt idx="659">
                  <c:v>4.489609525557281</c:v>
                </c:pt>
                <c:pt idx="660">
                  <c:v>4.496314997843796</c:v>
                </c:pt>
                <c:pt idx="661">
                  <c:v>4.5029218602439913</c:v>
                </c:pt>
                <c:pt idx="662">
                  <c:v>4.5062745963872493</c:v>
                </c:pt>
                <c:pt idx="663">
                  <c:v>4.5128814587872688</c:v>
                </c:pt>
                <c:pt idx="664">
                  <c:v>4.5162341949305258</c:v>
                </c:pt>
                <c:pt idx="665">
                  <c:v>4.5228410573307212</c:v>
                </c:pt>
                <c:pt idx="666">
                  <c:v>4.5294479197307416</c:v>
                </c:pt>
                <c:pt idx="667">
                  <c:v>4.5328006558739986</c:v>
                </c:pt>
                <c:pt idx="668">
                  <c:v>4.5395061281606885</c:v>
                </c:pt>
                <c:pt idx="669">
                  <c:v>4.542760254417451</c:v>
                </c:pt>
                <c:pt idx="670">
                  <c:v>4.549465726703966</c:v>
                </c:pt>
                <c:pt idx="671">
                  <c:v>4.5560725891041605</c:v>
                </c:pt>
                <c:pt idx="672">
                  <c:v>4.5626794515041809</c:v>
                </c:pt>
                <c:pt idx="673">
                  <c:v>4.5660321876474388</c:v>
                </c:pt>
                <c:pt idx="674">
                  <c:v>4.5726390500474592</c:v>
                </c:pt>
                <c:pt idx="675">
                  <c:v>4.5793445223341482</c:v>
                </c:pt>
                <c:pt idx="676">
                  <c:v>4.5859513847341686</c:v>
                </c:pt>
                <c:pt idx="677">
                  <c:v>4.5893041208776015</c:v>
                </c:pt>
                <c:pt idx="678">
                  <c:v>4.5959109832776219</c:v>
                </c:pt>
                <c:pt idx="679">
                  <c:v>4.5992637194208781</c:v>
                </c:pt>
                <c:pt idx="680">
                  <c:v>4.6025178456776414</c:v>
                </c:pt>
                <c:pt idx="681">
                  <c:v>4.6092233179643314</c:v>
                </c:pt>
                <c:pt idx="682">
                  <c:v>4.6124774442210938</c:v>
                </c:pt>
                <c:pt idx="683">
                  <c:v>4.6191829165076079</c:v>
                </c:pt>
                <c:pt idx="684">
                  <c:v>4.6224370427643713</c:v>
                </c:pt>
                <c:pt idx="685">
                  <c:v>4.6291425150510612</c:v>
                </c:pt>
                <c:pt idx="686">
                  <c:v>4.6323966413078237</c:v>
                </c:pt>
                <c:pt idx="687">
                  <c:v>4.6391021135943387</c:v>
                </c:pt>
                <c:pt idx="688">
                  <c:v>4.645708975994534</c:v>
                </c:pt>
                <c:pt idx="689">
                  <c:v>4.6490617121377911</c:v>
                </c:pt>
                <c:pt idx="690">
                  <c:v>4.6523158383945544</c:v>
                </c:pt>
                <c:pt idx="691">
                  <c:v>4.6590213106812435</c:v>
                </c:pt>
                <c:pt idx="692">
                  <c:v>4.6623740468245005</c:v>
                </c:pt>
                <c:pt idx="693">
                  <c:v>4.6689809092245209</c:v>
                </c:pt>
                <c:pt idx="694">
                  <c:v>4.672333645367778</c:v>
                </c:pt>
                <c:pt idx="695">
                  <c:v>4.6789405077679742</c:v>
                </c:pt>
                <c:pt idx="696">
                  <c:v>4.6822932439112313</c:v>
                </c:pt>
                <c:pt idx="697">
                  <c:v>4.6855473701679937</c:v>
                </c:pt>
                <c:pt idx="698">
                  <c:v>4.6889001063112508</c:v>
                </c:pt>
                <c:pt idx="699">
                  <c:v>4.6922528424545078</c:v>
                </c:pt>
                <c:pt idx="700">
                  <c:v>4.6955069687112712</c:v>
                </c:pt>
                <c:pt idx="701">
                  <c:v>4.7022124409979611</c:v>
                </c:pt>
                <c:pt idx="702">
                  <c:v>4.7054665672547236</c:v>
                </c:pt>
                <c:pt idx="703">
                  <c:v>4.7121720395414135</c:v>
                </c:pt>
                <c:pt idx="704">
                  <c:v>4.715426165798001</c:v>
                </c:pt>
                <c:pt idx="705">
                  <c:v>4.7221316380846909</c:v>
                </c:pt>
                <c:pt idx="706">
                  <c:v>4.7253857643414534</c:v>
                </c:pt>
                <c:pt idx="707">
                  <c:v>4.7320912366281433</c:v>
                </c:pt>
                <c:pt idx="708">
                  <c:v>4.7353453628849067</c:v>
                </c:pt>
                <c:pt idx="709">
                  <c:v>4.7420508351714208</c:v>
                </c:pt>
                <c:pt idx="710">
                  <c:v>4.7453049614281841</c:v>
                </c:pt>
                <c:pt idx="711">
                  <c:v>4.7520104337148732</c:v>
                </c:pt>
                <c:pt idx="712">
                  <c:v>4.7552645599716366</c:v>
                </c:pt>
                <c:pt idx="713">
                  <c:v>4.7619700322581506</c:v>
                </c:pt>
                <c:pt idx="714">
                  <c:v>4.765224158514914</c:v>
                </c:pt>
                <c:pt idx="715">
                  <c:v>4.771929630801603</c:v>
                </c:pt>
                <c:pt idx="716">
                  <c:v>4.7751837570583664</c:v>
                </c:pt>
                <c:pt idx="717">
                  <c:v>4.7818892293448805</c:v>
                </c:pt>
                <c:pt idx="718">
                  <c:v>4.7851433556016438</c:v>
                </c:pt>
                <c:pt idx="719">
                  <c:v>4.7884960917450767</c:v>
                </c:pt>
                <c:pt idx="720">
                  <c:v>4.7952015640315899</c:v>
                </c:pt>
                <c:pt idx="721">
                  <c:v>4.7984556902883533</c:v>
                </c:pt>
                <c:pt idx="722">
                  <c:v>4.8051611625750432</c:v>
                </c:pt>
                <c:pt idx="723">
                  <c:v>4.8084152888318066</c:v>
                </c:pt>
                <c:pt idx="724">
                  <c:v>4.8151207611183207</c:v>
                </c:pt>
                <c:pt idx="725">
                  <c:v>4.8183748873750831</c:v>
                </c:pt>
                <c:pt idx="726">
                  <c:v>4.8250803596617731</c:v>
                </c:pt>
                <c:pt idx="727">
                  <c:v>4.8283344859185364</c:v>
                </c:pt>
                <c:pt idx="728">
                  <c:v>4.8350399582052255</c:v>
                </c:pt>
                <c:pt idx="729">
                  <c:v>4.838294084461813</c:v>
                </c:pt>
                <c:pt idx="730">
                  <c:v>4.8449995567485029</c:v>
                </c:pt>
                <c:pt idx="731">
                  <c:v>4.8482536830052663</c:v>
                </c:pt>
                <c:pt idx="732">
                  <c:v>4.8516064191485233</c:v>
                </c:pt>
                <c:pt idx="733">
                  <c:v>4.8582132815487187</c:v>
                </c:pt>
                <c:pt idx="734">
                  <c:v>4.8615660176919757</c:v>
                </c:pt>
                <c:pt idx="735">
                  <c:v>4.8681728800919961</c:v>
                </c:pt>
                <c:pt idx="736">
                  <c:v>4.871525616235254</c:v>
                </c:pt>
                <c:pt idx="737">
                  <c:v>4.8781324786354485</c:v>
                </c:pt>
                <c:pt idx="738">
                  <c:v>4.8814852147787056</c:v>
                </c:pt>
                <c:pt idx="739">
                  <c:v>4.888092077178726</c:v>
                </c:pt>
                <c:pt idx="740">
                  <c:v>4.8914448133221589</c:v>
                </c:pt>
                <c:pt idx="741">
                  <c:v>4.8980516757221784</c:v>
                </c:pt>
                <c:pt idx="742">
                  <c:v>4.9014044118654354</c:v>
                </c:pt>
                <c:pt idx="743">
                  <c:v>4.9080112742654558</c:v>
                </c:pt>
                <c:pt idx="744">
                  <c:v>4.9147167465521457</c:v>
                </c:pt>
                <c:pt idx="745">
                  <c:v>4.9180694826954037</c:v>
                </c:pt>
                <c:pt idx="746">
                  <c:v>4.9246763450955982</c:v>
                </c:pt>
                <c:pt idx="747">
                  <c:v>4.9280290812388552</c:v>
                </c:pt>
                <c:pt idx="748">
                  <c:v>4.9346359436388756</c:v>
                </c:pt>
                <c:pt idx="749">
                  <c:v>4.9379886797821335</c:v>
                </c:pt>
                <c:pt idx="750">
                  <c:v>4.944595542182328</c:v>
                </c:pt>
                <c:pt idx="751">
                  <c:v>4.947948278325585</c:v>
                </c:pt>
                <c:pt idx="752">
                  <c:v>4.9512024045823484</c:v>
                </c:pt>
                <c:pt idx="753">
                  <c:v>4.9545551407256063</c:v>
                </c:pt>
                <c:pt idx="754">
                  <c:v>4.9611620031256267</c:v>
                </c:pt>
                <c:pt idx="755">
                  <c:v>4.9645147392690578</c:v>
                </c:pt>
                <c:pt idx="756">
                  <c:v>4.9678674754123158</c:v>
                </c:pt>
                <c:pt idx="757">
                  <c:v>4.9744743378123362</c:v>
                </c:pt>
                <c:pt idx="758">
                  <c:v>4.9778270739557682</c:v>
                </c:pt>
                <c:pt idx="759">
                  <c:v>4.9810812002125315</c:v>
                </c:pt>
                <c:pt idx="760">
                  <c:v>4.9844339363557877</c:v>
                </c:pt>
                <c:pt idx="761">
                  <c:v>4.9877866724990456</c:v>
                </c:pt>
                <c:pt idx="762">
                  <c:v>4.9910407987558081</c:v>
                </c:pt>
                <c:pt idx="763">
                  <c:v>4.997746271042498</c:v>
                </c:pt>
                <c:pt idx="764">
                  <c:v>5.0010003972992614</c:v>
                </c:pt>
                <c:pt idx="765">
                  <c:v>5.0043531334425184</c:v>
                </c:pt>
                <c:pt idx="766">
                  <c:v>5.0077058695857755</c:v>
                </c:pt>
                <c:pt idx="767">
                  <c:v>5.0109599958425379</c:v>
                </c:pt>
                <c:pt idx="768">
                  <c:v>5.0143127319857959</c:v>
                </c:pt>
                <c:pt idx="769">
                  <c:v>5.0176654681292279</c:v>
                </c:pt>
                <c:pt idx="770">
                  <c:v>5.0242723305292483</c:v>
                </c:pt>
                <c:pt idx="771">
                  <c:v>5.0276250666725062</c:v>
                </c:pt>
                <c:pt idx="772">
                  <c:v>5.0308791929292687</c:v>
                </c:pt>
                <c:pt idx="773">
                  <c:v>5.0375846652159586</c:v>
                </c:pt>
                <c:pt idx="774">
                  <c:v>5.044191527615979</c:v>
                </c:pt>
                <c:pt idx="775">
                  <c:v>5.047544263759236</c:v>
                </c:pt>
                <c:pt idx="776">
                  <c:v>5.0541511261594305</c:v>
                </c:pt>
                <c:pt idx="777">
                  <c:v>5.0575038623026884</c:v>
                </c:pt>
                <c:pt idx="778">
                  <c:v>5.0641107247027088</c:v>
                </c:pt>
                <c:pt idx="779">
                  <c:v>5.0674634608461409</c:v>
                </c:pt>
                <c:pt idx="780">
                  <c:v>5.0740703232461604</c:v>
                </c:pt>
                <c:pt idx="781">
                  <c:v>5.0774230593894183</c:v>
                </c:pt>
                <c:pt idx="782">
                  <c:v>5.0840299217894387</c:v>
                </c:pt>
                <c:pt idx="783">
                  <c:v>5.0873826579328707</c:v>
                </c:pt>
                <c:pt idx="784">
                  <c:v>5.0939895203328902</c:v>
                </c:pt>
                <c:pt idx="785">
                  <c:v>5.0973422564761481</c:v>
                </c:pt>
                <c:pt idx="786">
                  <c:v>5.1039491188761685</c:v>
                </c:pt>
                <c:pt idx="787">
                  <c:v>5.1106545911628585</c:v>
                </c:pt>
                <c:pt idx="788">
                  <c:v>5.1139087174196209</c:v>
                </c:pt>
                <c:pt idx="789">
                  <c:v>5.1206141897063109</c:v>
                </c:pt>
                <c:pt idx="790">
                  <c:v>5.1238683159630733</c:v>
                </c:pt>
                <c:pt idx="791">
                  <c:v>5.1305737882495883</c:v>
                </c:pt>
                <c:pt idx="792">
                  <c:v>5.1338279145063517</c:v>
                </c:pt>
                <c:pt idx="793">
                  <c:v>5.1405333867930407</c:v>
                </c:pt>
                <c:pt idx="794">
                  <c:v>5.1437875130498032</c:v>
                </c:pt>
                <c:pt idx="795">
                  <c:v>5.1504929853363182</c:v>
                </c:pt>
                <c:pt idx="796">
                  <c:v>5.1537471115930815</c:v>
                </c:pt>
                <c:pt idx="797">
                  <c:v>5.1570998477365126</c:v>
                </c:pt>
                <c:pt idx="798">
                  <c:v>5.1604525838797706</c:v>
                </c:pt>
                <c:pt idx="799">
                  <c:v>5.163706710136533</c:v>
                </c:pt>
                <c:pt idx="800">
                  <c:v>5.167059446279791</c:v>
                </c:pt>
                <c:pt idx="801">
                  <c:v>5.1736663086798114</c:v>
                </c:pt>
                <c:pt idx="802">
                  <c:v>5.1770190448232434</c:v>
                </c:pt>
                <c:pt idx="803">
                  <c:v>5.1803717809665004</c:v>
                </c:pt>
                <c:pt idx="804">
                  <c:v>5.1869786433665208</c:v>
                </c:pt>
                <c:pt idx="805">
                  <c:v>5.1903313795099528</c:v>
                </c:pt>
                <c:pt idx="806">
                  <c:v>5.1936841156532108</c:v>
                </c:pt>
                <c:pt idx="807">
                  <c:v>5.1969382419099741</c:v>
                </c:pt>
                <c:pt idx="808">
                  <c:v>5.2002909780532303</c:v>
                </c:pt>
                <c:pt idx="809">
                  <c:v>5.2068978404532507</c:v>
                </c:pt>
                <c:pt idx="810">
                  <c:v>5.2102505765966836</c:v>
                </c:pt>
                <c:pt idx="811">
                  <c:v>5.2136033127399406</c:v>
                </c:pt>
                <c:pt idx="812">
                  <c:v>5.216857438996704</c:v>
                </c:pt>
                <c:pt idx="813">
                  <c:v>5.220210175139961</c:v>
                </c:pt>
                <c:pt idx="814">
                  <c:v>5.2268170375399805</c:v>
                </c:pt>
                <c:pt idx="815">
                  <c:v>5.2301697736834134</c:v>
                </c:pt>
                <c:pt idx="816">
                  <c:v>5.2335225098266704</c:v>
                </c:pt>
                <c:pt idx="817">
                  <c:v>5.2367766360834338</c:v>
                </c:pt>
                <c:pt idx="818">
                  <c:v>5.2401293722266908</c:v>
                </c:pt>
                <c:pt idx="819">
                  <c:v>5.2467362346268853</c:v>
                </c:pt>
                <c:pt idx="820">
                  <c:v>5.2500889707701432</c:v>
                </c:pt>
                <c:pt idx="821">
                  <c:v>5.2566958331701636</c:v>
                </c:pt>
                <c:pt idx="822">
                  <c:v>5.2600485693134207</c:v>
                </c:pt>
                <c:pt idx="823">
                  <c:v>5.2634013054568536</c:v>
                </c:pt>
                <c:pt idx="824">
                  <c:v>5.2700081678568731</c:v>
                </c:pt>
                <c:pt idx="825">
                  <c:v>5.2733609040001301</c:v>
                </c:pt>
                <c:pt idx="826">
                  <c:v>5.2799677664003264</c:v>
                </c:pt>
                <c:pt idx="827">
                  <c:v>5.2833205025435834</c:v>
                </c:pt>
                <c:pt idx="828">
                  <c:v>5.2865746288003459</c:v>
                </c:pt>
                <c:pt idx="829">
                  <c:v>5.29328010108686</c:v>
                </c:pt>
                <c:pt idx="830">
                  <c:v>5.2965342273436233</c:v>
                </c:pt>
                <c:pt idx="831">
                  <c:v>5.2998869634870562</c:v>
                </c:pt>
                <c:pt idx="832">
                  <c:v>5.3032396996303133</c:v>
                </c:pt>
                <c:pt idx="833">
                  <c:v>5.3098465620303328</c:v>
                </c:pt>
                <c:pt idx="834">
                  <c:v>5.3131992981735898</c:v>
                </c:pt>
                <c:pt idx="835">
                  <c:v>5.3165520343170227</c:v>
                </c:pt>
                <c:pt idx="836">
                  <c:v>5.3231588967170431</c:v>
                </c:pt>
                <c:pt idx="837">
                  <c:v>5.3265116328603002</c:v>
                </c:pt>
                <c:pt idx="838">
                  <c:v>5.3331184952604955</c:v>
                </c:pt>
                <c:pt idx="839">
                  <c:v>5.3364712314037526</c:v>
                </c:pt>
                <c:pt idx="840">
                  <c:v>5.3397253576605159</c:v>
                </c:pt>
                <c:pt idx="841">
                  <c:v>5.3464308299470309</c:v>
                </c:pt>
                <c:pt idx="842">
                  <c:v>5.3496849562037934</c:v>
                </c:pt>
                <c:pt idx="843">
                  <c:v>5.3530376923472254</c:v>
                </c:pt>
                <c:pt idx="844">
                  <c:v>5.3596445547472458</c:v>
                </c:pt>
                <c:pt idx="845">
                  <c:v>5.3629972908905028</c:v>
                </c:pt>
                <c:pt idx="846">
                  <c:v>5.3696041532905232</c:v>
                </c:pt>
                <c:pt idx="847">
                  <c:v>5.3729568894339552</c:v>
                </c:pt>
                <c:pt idx="848">
                  <c:v>5.3763096255772123</c:v>
                </c:pt>
                <c:pt idx="849">
                  <c:v>5.3795637518339756</c:v>
                </c:pt>
                <c:pt idx="850">
                  <c:v>5.3862692241206656</c:v>
                </c:pt>
                <c:pt idx="851">
                  <c:v>5.3895233503774289</c:v>
                </c:pt>
                <c:pt idx="852">
                  <c:v>5.3928760865206851</c:v>
                </c:pt>
                <c:pt idx="853">
                  <c:v>5.3994829489207055</c:v>
                </c:pt>
                <c:pt idx="854">
                  <c:v>5.4028356850639634</c:v>
                </c:pt>
                <c:pt idx="855">
                  <c:v>5.4094425474641588</c:v>
                </c:pt>
                <c:pt idx="856">
                  <c:v>5.4127952836074158</c:v>
                </c:pt>
                <c:pt idx="857">
                  <c:v>5.4161480197506728</c:v>
                </c:pt>
                <c:pt idx="858">
                  <c:v>5.4194021460074353</c:v>
                </c:pt>
                <c:pt idx="859">
                  <c:v>5.4227548821508682</c:v>
                </c:pt>
                <c:pt idx="860">
                  <c:v>5.4293617445508886</c:v>
                </c:pt>
                <c:pt idx="861">
                  <c:v>5.4327144806941456</c:v>
                </c:pt>
                <c:pt idx="862">
                  <c:v>5.4394199529808347</c:v>
                </c:pt>
                <c:pt idx="863">
                  <c:v>5.4426740792375981</c:v>
                </c:pt>
                <c:pt idx="864">
                  <c:v>5.4460268153808551</c:v>
                </c:pt>
                <c:pt idx="865">
                  <c:v>5.449379551524113</c:v>
                </c:pt>
                <c:pt idx="866">
                  <c:v>5.4559864139243084</c:v>
                </c:pt>
                <c:pt idx="867">
                  <c:v>5.4593391500675645</c:v>
                </c:pt>
                <c:pt idx="868">
                  <c:v>5.4659460124675849</c:v>
                </c:pt>
                <c:pt idx="869">
                  <c:v>5.4692987486108429</c:v>
                </c:pt>
                <c:pt idx="870">
                  <c:v>5.4725528748676053</c:v>
                </c:pt>
                <c:pt idx="871">
                  <c:v>5.4759056110110382</c:v>
                </c:pt>
                <c:pt idx="872">
                  <c:v>5.4825124734110577</c:v>
                </c:pt>
                <c:pt idx="873">
                  <c:v>5.4858652095543157</c:v>
                </c:pt>
                <c:pt idx="874">
                  <c:v>5.4892179456977477</c:v>
                </c:pt>
                <c:pt idx="875">
                  <c:v>5.4924720719543361</c:v>
                </c:pt>
                <c:pt idx="876">
                  <c:v>5.499177544241026</c:v>
                </c:pt>
                <c:pt idx="877">
                  <c:v>5.5024316704977876</c:v>
                </c:pt>
                <c:pt idx="878">
                  <c:v>5.5057844066410455</c:v>
                </c:pt>
                <c:pt idx="879">
                  <c:v>5.5091371427844775</c:v>
                </c:pt>
                <c:pt idx="880">
                  <c:v>5.5157440051844979</c:v>
                </c:pt>
                <c:pt idx="881">
                  <c:v>5.5190967413277559</c:v>
                </c:pt>
                <c:pt idx="882">
                  <c:v>5.5223508675845174</c:v>
                </c:pt>
                <c:pt idx="883">
                  <c:v>5.5290563398712074</c:v>
                </c:pt>
                <c:pt idx="884">
                  <c:v>5.5356632022712278</c:v>
                </c:pt>
                <c:pt idx="885">
                  <c:v>5.5390159384144857</c:v>
                </c:pt>
                <c:pt idx="886">
                  <c:v>5.5422700646712482</c:v>
                </c:pt>
                <c:pt idx="887">
                  <c:v>5.5456228008146802</c:v>
                </c:pt>
                <c:pt idx="888">
                  <c:v>5.5522296632147006</c:v>
                </c:pt>
                <c:pt idx="889">
                  <c:v>5.5555823993579576</c:v>
                </c:pt>
                <c:pt idx="890">
                  <c:v>5.5622878716446476</c:v>
                </c:pt>
                <c:pt idx="891">
                  <c:v>5.56554199790141</c:v>
                </c:pt>
                <c:pt idx="892">
                  <c:v>5.5688947340446679</c:v>
                </c:pt>
                <c:pt idx="893">
                  <c:v>5.572247470187925</c:v>
                </c:pt>
                <c:pt idx="894">
                  <c:v>5.5755015964446883</c:v>
                </c:pt>
                <c:pt idx="895">
                  <c:v>5.5822070687313783</c:v>
                </c:pt>
                <c:pt idx="896">
                  <c:v>5.5854611949881408</c:v>
                </c:pt>
                <c:pt idx="897">
                  <c:v>5.5888139311313978</c:v>
                </c:pt>
                <c:pt idx="898">
                  <c:v>5.5921666672746548</c:v>
                </c:pt>
                <c:pt idx="899">
                  <c:v>5.5987735296748502</c:v>
                </c:pt>
                <c:pt idx="900">
                  <c:v>5.6021262658181081</c:v>
                </c:pt>
                <c:pt idx="901">
                  <c:v>5.6087331282181276</c:v>
                </c:pt>
                <c:pt idx="902">
                  <c:v>5.6120858643613847</c:v>
                </c:pt>
                <c:pt idx="903">
                  <c:v>5.615339990618148</c:v>
                </c:pt>
                <c:pt idx="904">
                  <c:v>5.61869272676158</c:v>
                </c:pt>
                <c:pt idx="905">
                  <c:v>5.622045462904838</c:v>
                </c:pt>
                <c:pt idx="906">
                  <c:v>5.6252995891616004</c:v>
                </c:pt>
                <c:pt idx="907">
                  <c:v>5.6320050614482895</c:v>
                </c:pt>
                <c:pt idx="908">
                  <c:v>5.6352591877048779</c:v>
                </c:pt>
                <c:pt idx="909">
                  <c:v>5.6386119238483099</c:v>
                </c:pt>
                <c:pt idx="910">
                  <c:v>5.6419646599915678</c:v>
                </c:pt>
                <c:pt idx="911">
                  <c:v>5.6452187862483312</c:v>
                </c:pt>
                <c:pt idx="912">
                  <c:v>5.6485715223915882</c:v>
                </c:pt>
                <c:pt idx="913">
                  <c:v>5.6519242585350202</c:v>
                </c:pt>
                <c:pt idx="914">
                  <c:v>5.6551783847917827</c:v>
                </c:pt>
                <c:pt idx="915">
                  <c:v>5.6585311209350406</c:v>
                </c:pt>
                <c:pt idx="916">
                  <c:v>5.6618838570782977</c:v>
                </c:pt>
                <c:pt idx="917">
                  <c:v>5.665137983335061</c:v>
                </c:pt>
                <c:pt idx="918">
                  <c:v>5.6684907194783181</c:v>
                </c:pt>
                <c:pt idx="919">
                  <c:v>5.671843455621751</c:v>
                </c:pt>
                <c:pt idx="920">
                  <c:v>5.6750975818785125</c:v>
                </c:pt>
                <c:pt idx="921">
                  <c:v>5.6784503180217705</c:v>
                </c:pt>
                <c:pt idx="922">
                  <c:v>5.6818030541650275</c:v>
                </c:pt>
                <c:pt idx="923">
                  <c:v>5.6884099165652229</c:v>
                </c:pt>
                <c:pt idx="924">
                  <c:v>5.6917626527084808</c:v>
                </c:pt>
                <c:pt idx="925">
                  <c:v>5.6951153888517378</c:v>
                </c:pt>
                <c:pt idx="926">
                  <c:v>5.6983695151085003</c:v>
                </c:pt>
                <c:pt idx="927">
                  <c:v>5.7017222512517574</c:v>
                </c:pt>
                <c:pt idx="928">
                  <c:v>5.7050749873951903</c:v>
                </c:pt>
                <c:pt idx="929">
                  <c:v>5.7083291136519527</c:v>
                </c:pt>
                <c:pt idx="930">
                  <c:v>5.7116818497952107</c:v>
                </c:pt>
                <c:pt idx="931">
                  <c:v>5.7150345859384677</c:v>
                </c:pt>
                <c:pt idx="932">
                  <c:v>5.7216414483386622</c:v>
                </c:pt>
                <c:pt idx="933">
                  <c:v>5.7249941844819201</c:v>
                </c:pt>
                <c:pt idx="934">
                  <c:v>5.7316010468819405</c:v>
                </c:pt>
                <c:pt idx="935">
                  <c:v>5.7349537830251975</c:v>
                </c:pt>
                <c:pt idx="936">
                  <c:v>5.7415606454253929</c:v>
                </c:pt>
                <c:pt idx="937">
                  <c:v>5.7449133815686499</c:v>
                </c:pt>
                <c:pt idx="938">
                  <c:v>5.7515202439686703</c:v>
                </c:pt>
                <c:pt idx="939">
                  <c:v>5.7548729801121032</c:v>
                </c:pt>
                <c:pt idx="940">
                  <c:v>5.7614798425121228</c:v>
                </c:pt>
                <c:pt idx="941">
                  <c:v>5.7648325786553798</c:v>
                </c:pt>
                <c:pt idx="942">
                  <c:v>5.7680867049121431</c:v>
                </c:pt>
                <c:pt idx="943">
                  <c:v>5.7747921771988331</c:v>
                </c:pt>
                <c:pt idx="944">
                  <c:v>5.7780463034555956</c:v>
                </c:pt>
                <c:pt idx="945">
                  <c:v>5.7847517757421096</c:v>
                </c:pt>
                <c:pt idx="946">
                  <c:v>5.788005901998873</c:v>
                </c:pt>
                <c:pt idx="947">
                  <c:v>5.7947113742855629</c:v>
                </c:pt>
                <c:pt idx="948">
                  <c:v>5.7979655005423263</c:v>
                </c:pt>
                <c:pt idx="949">
                  <c:v>5.8013182366855833</c:v>
                </c:pt>
                <c:pt idx="950">
                  <c:v>5.8079250990856028</c:v>
                </c:pt>
                <c:pt idx="951">
                  <c:v>5.8112778352290357</c:v>
                </c:pt>
                <c:pt idx="952">
                  <c:v>5.8146305713722928</c:v>
                </c:pt>
                <c:pt idx="953">
                  <c:v>5.8179833075155498</c:v>
                </c:pt>
                <c:pt idx="954">
                  <c:v>5.8245901699155693</c:v>
                </c:pt>
                <c:pt idx="955">
                  <c:v>5.8279429060590022</c:v>
                </c:pt>
                <c:pt idx="956">
                  <c:v>5.8345497684590226</c:v>
                </c:pt>
                <c:pt idx="957">
                  <c:v>5.8379025046022797</c:v>
                </c:pt>
                <c:pt idx="958">
                  <c:v>5.841156630859043</c:v>
                </c:pt>
                <c:pt idx="959">
                  <c:v>5.8478621031457321</c:v>
                </c:pt>
                <c:pt idx="960">
                  <c:v>5.8511162294024954</c:v>
                </c:pt>
                <c:pt idx="961">
                  <c:v>5.8544689655457525</c:v>
                </c:pt>
                <c:pt idx="962">
                  <c:v>5.8578217016890095</c:v>
                </c:pt>
                <c:pt idx="963">
                  <c:v>5.8610758279457729</c:v>
                </c:pt>
                <c:pt idx="964">
                  <c:v>5.8644285640892058</c:v>
                </c:pt>
                <c:pt idx="965">
                  <c:v>5.8677813002324619</c:v>
                </c:pt>
                <c:pt idx="966">
                  <c:v>5.8743881626324823</c:v>
                </c:pt>
                <c:pt idx="967">
                  <c:v>5.8777408987757402</c:v>
                </c:pt>
                <c:pt idx="968">
                  <c:v>5.8809950250325027</c:v>
                </c:pt>
                <c:pt idx="969">
                  <c:v>5.8877004973191926</c:v>
                </c:pt>
                <c:pt idx="970">
                  <c:v>5.8909546235759551</c:v>
                </c:pt>
                <c:pt idx="971">
                  <c:v>5.8943073597192122</c:v>
                </c:pt>
                <c:pt idx="972">
                  <c:v>5.8976600958626451</c:v>
                </c:pt>
                <c:pt idx="973">
                  <c:v>5.9009142221194084</c:v>
                </c:pt>
                <c:pt idx="974">
                  <c:v>5.9076196944059225</c:v>
                </c:pt>
                <c:pt idx="975">
                  <c:v>5.910873820662685</c:v>
                </c:pt>
                <c:pt idx="976">
                  <c:v>5.914226556805942</c:v>
                </c:pt>
                <c:pt idx="977">
                  <c:v>5.9208334192061383</c:v>
                </c:pt>
                <c:pt idx="978">
                  <c:v>5.9241861553493953</c:v>
                </c:pt>
                <c:pt idx="979">
                  <c:v>5.9307930177494148</c:v>
                </c:pt>
                <c:pt idx="980">
                  <c:v>5.9341457538926718</c:v>
                </c:pt>
                <c:pt idx="981">
                  <c:v>5.9374984900361047</c:v>
                </c:pt>
                <c:pt idx="982">
                  <c:v>5.9407526162928681</c:v>
                </c:pt>
                <c:pt idx="983">
                  <c:v>5.9441053524361251</c:v>
                </c:pt>
                <c:pt idx="984">
                  <c:v>5.9474580885793831</c:v>
                </c:pt>
                <c:pt idx="985">
                  <c:v>5.9508108247228151</c:v>
                </c:pt>
                <c:pt idx="986">
                  <c:v>5.9540649509795776</c:v>
                </c:pt>
                <c:pt idx="987">
                  <c:v>5.9607704232660925</c:v>
                </c:pt>
                <c:pt idx="988">
                  <c:v>5.964024549522855</c:v>
                </c:pt>
                <c:pt idx="989">
                  <c:v>5.9673772856661129</c:v>
                </c:pt>
                <c:pt idx="990">
                  <c:v>5.9739841480663074</c:v>
                </c:pt>
                <c:pt idx="991">
                  <c:v>5.9773368842095644</c:v>
                </c:pt>
                <c:pt idx="992">
                  <c:v>5.9806896203528224</c:v>
                </c:pt>
                <c:pt idx="993">
                  <c:v>5.9839437466095848</c:v>
                </c:pt>
                <c:pt idx="994">
                  <c:v>5.9906492188962748</c:v>
                </c:pt>
                <c:pt idx="995">
                  <c:v>5.9939033451530381</c:v>
                </c:pt>
                <c:pt idx="996">
                  <c:v>5.9972560812962943</c:v>
                </c:pt>
                <c:pt idx="997">
                  <c:v>6.0006088174395522</c:v>
                </c:pt>
                <c:pt idx="998">
                  <c:v>6.0038629436963147</c:v>
                </c:pt>
                <c:pt idx="999">
                  <c:v>6.0105684159830046</c:v>
                </c:pt>
                <c:pt idx="1000">
                  <c:v>6.013822542239768</c:v>
                </c:pt>
                <c:pt idx="1001">
                  <c:v>6.017175278383025</c:v>
                </c:pt>
                <c:pt idx="1002">
                  <c:v>6.020528014526457</c:v>
                </c:pt>
                <c:pt idx="1003">
                  <c:v>6.0271348769264774</c:v>
                </c:pt>
                <c:pt idx="1004">
                  <c:v>6.0304876130697345</c:v>
                </c:pt>
                <c:pt idx="1005">
                  <c:v>6.0337417393264978</c:v>
                </c:pt>
                <c:pt idx="1006">
                  <c:v>6.0404472116131869</c:v>
                </c:pt>
                <c:pt idx="1007">
                  <c:v>6.0437013378699502</c:v>
                </c:pt>
                <c:pt idx="1008">
                  <c:v>6.0470540740132073</c:v>
                </c:pt>
                <c:pt idx="1009">
                  <c:v>6.0504068101564652</c:v>
                </c:pt>
                <c:pt idx="1010">
                  <c:v>6.0536609364132277</c:v>
                </c:pt>
                <c:pt idx="1011">
                  <c:v>6.0603664086999167</c:v>
                </c:pt>
                <c:pt idx="1012">
                  <c:v>6.0636205349566801</c:v>
                </c:pt>
                <c:pt idx="1013">
                  <c:v>6.0669732710999371</c:v>
                </c:pt>
                <c:pt idx="1014">
                  <c:v>6.070326007243195</c:v>
                </c:pt>
                <c:pt idx="1015">
                  <c:v>6.0769328696433904</c:v>
                </c:pt>
                <c:pt idx="1016">
                  <c:v>6.0802856057866475</c:v>
                </c:pt>
                <c:pt idx="1017">
                  <c:v>6.0836383419299045</c:v>
                </c:pt>
                <c:pt idx="1018">
                  <c:v>6.0902452043299249</c:v>
                </c:pt>
                <c:pt idx="1019">
                  <c:v>6.0935979404733569</c:v>
                </c:pt>
                <c:pt idx="1020">
                  <c:v>6.0968520667301203</c:v>
                </c:pt>
                <c:pt idx="1021">
                  <c:v>6.1035575390166352</c:v>
                </c:pt>
                <c:pt idx="1022">
                  <c:v>6.1068116652733977</c:v>
                </c:pt>
                <c:pt idx="1023">
                  <c:v>6.1101644014168297</c:v>
                </c:pt>
                <c:pt idx="1024">
                  <c:v>6.1167712638168501</c:v>
                </c:pt>
                <c:pt idx="1025">
                  <c:v>6.120123999960108</c:v>
                </c:pt>
                <c:pt idx="1026">
                  <c:v>6.1234767361033651</c:v>
                </c:pt>
                <c:pt idx="1027">
                  <c:v>6.1267308623601275</c:v>
                </c:pt>
                <c:pt idx="1028">
                  <c:v>6.1300835985035595</c:v>
                </c:pt>
                <c:pt idx="1029">
                  <c:v>6.1334363346468175</c:v>
                </c:pt>
                <c:pt idx="1030">
                  <c:v>6.1366904609035799</c:v>
                </c:pt>
                <c:pt idx="1031">
                  <c:v>6.1400431970468379</c:v>
                </c:pt>
                <c:pt idx="1032">
                  <c:v>6.1433959331902699</c:v>
                </c:pt>
                <c:pt idx="1033">
                  <c:v>6.1466500594468574</c:v>
                </c:pt>
                <c:pt idx="1034">
                  <c:v>6.1500027955902894</c:v>
                </c:pt>
                <c:pt idx="1035">
                  <c:v>6.1533555317335473</c:v>
                </c:pt>
                <c:pt idx="1036">
                  <c:v>6.1566096579903098</c:v>
                </c:pt>
                <c:pt idx="1037">
                  <c:v>6.1599623941335677</c:v>
                </c:pt>
                <c:pt idx="1038">
                  <c:v>6.1633151302769997</c:v>
                </c:pt>
                <c:pt idx="1039">
                  <c:v>6.1665692565337631</c:v>
                </c:pt>
                <c:pt idx="1040">
                  <c:v>6.1699219926770192</c:v>
                </c:pt>
                <c:pt idx="1041">
                  <c:v>6.1765288550770405</c:v>
                </c:pt>
                <c:pt idx="1042">
                  <c:v>6.1798815912202976</c:v>
                </c:pt>
                <c:pt idx="1043">
                  <c:v>6.1832343273637296</c:v>
                </c:pt>
                <c:pt idx="1044">
                  <c:v>6.1864884536204929</c:v>
                </c:pt>
                <c:pt idx="1045">
                  <c:v>6.1864884536204929</c:v>
                </c:pt>
                <c:pt idx="1046">
                  <c:v>6.18984118976375</c:v>
                </c:pt>
                <c:pt idx="1047">
                  <c:v>6.193193925907007</c:v>
                </c:pt>
                <c:pt idx="1048">
                  <c:v>6.1964480521637704</c:v>
                </c:pt>
                <c:pt idx="1049">
                  <c:v>6.1998007883072024</c:v>
                </c:pt>
                <c:pt idx="1050">
                  <c:v>6.2031535244504603</c:v>
                </c:pt>
                <c:pt idx="1051">
                  <c:v>6.2065062605937174</c:v>
                </c:pt>
                <c:pt idx="1052">
                  <c:v>6.2097603868504807</c:v>
                </c:pt>
                <c:pt idx="1053">
                  <c:v>6.2131131229937369</c:v>
                </c:pt>
                <c:pt idx="1054">
                  <c:v>6.2164658591371698</c:v>
                </c:pt>
                <c:pt idx="1055">
                  <c:v>6.2197199853939322</c:v>
                </c:pt>
                <c:pt idx="1056">
                  <c:v>6.2230727215371902</c:v>
                </c:pt>
                <c:pt idx="1057">
                  <c:v>6.2264254576804472</c:v>
                </c:pt>
                <c:pt idx="1058">
                  <c:v>6.2296795839372106</c:v>
                </c:pt>
                <c:pt idx="1059">
                  <c:v>6.2330323200804676</c:v>
                </c:pt>
                <c:pt idx="1060">
                  <c:v>6.2363850562238996</c:v>
                </c:pt>
                <c:pt idx="1061">
                  <c:v>6.2396391824806621</c:v>
                </c:pt>
                <c:pt idx="1062">
                  <c:v>6.24299191862392</c:v>
                </c:pt>
                <c:pt idx="1063">
                  <c:v>6.246344654767177</c:v>
                </c:pt>
                <c:pt idx="1064">
                  <c:v>6.2495987810239404</c:v>
                </c:pt>
                <c:pt idx="1065">
                  <c:v>6.2529515171673724</c:v>
                </c:pt>
                <c:pt idx="1066">
                  <c:v>6.2529515171673724</c:v>
                </c:pt>
                <c:pt idx="1067">
                  <c:v>6.2563042533106294</c:v>
                </c:pt>
                <c:pt idx="1068">
                  <c:v>6.2595583795673928</c:v>
                </c:pt>
                <c:pt idx="1069">
                  <c:v>6.2629111157106498</c:v>
                </c:pt>
                <c:pt idx="1070">
                  <c:v>6.2662638518539069</c:v>
                </c:pt>
                <c:pt idx="1071">
                  <c:v>6.2695179781106702</c:v>
                </c:pt>
                <c:pt idx="1072">
                  <c:v>6.2728707142541031</c:v>
                </c:pt>
                <c:pt idx="1073">
                  <c:v>6.2762234503973593</c:v>
                </c:pt>
                <c:pt idx="1074">
                  <c:v>6.2794775766541227</c:v>
                </c:pt>
                <c:pt idx="1075">
                  <c:v>6.2861830489408126</c:v>
                </c:pt>
                <c:pt idx="1076">
                  <c:v>6.2894371751974001</c:v>
                </c:pt>
                <c:pt idx="1077">
                  <c:v>6.292789911340833</c:v>
                </c:pt>
                <c:pt idx="1078">
                  <c:v>6.29614264748409</c:v>
                </c:pt>
                <c:pt idx="1079">
                  <c:v>6.2993967737408525</c:v>
                </c:pt>
                <c:pt idx="1080">
                  <c:v>6.3027495098841095</c:v>
                </c:pt>
                <c:pt idx="1081">
                  <c:v>6.3061022460275424</c:v>
                </c:pt>
                <c:pt idx="1082">
                  <c:v>6.3093563722843049</c:v>
                </c:pt>
                <c:pt idx="1083">
                  <c:v>6.3160618445708199</c:v>
                </c:pt>
                <c:pt idx="1084">
                  <c:v>6.3193159708275823</c:v>
                </c:pt>
                <c:pt idx="1085">
                  <c:v>6.3226687069708394</c:v>
                </c:pt>
                <c:pt idx="1086">
                  <c:v>6.3260214431142723</c:v>
                </c:pt>
                <c:pt idx="1087">
                  <c:v>6.3292755693710356</c:v>
                </c:pt>
                <c:pt idx="1088">
                  <c:v>6.3326283055142927</c:v>
                </c:pt>
                <c:pt idx="1089">
                  <c:v>6.3359810416575497</c:v>
                </c:pt>
                <c:pt idx="1090">
                  <c:v>6.3393337778009826</c:v>
                </c:pt>
                <c:pt idx="1091">
                  <c:v>6.3425879040577451</c:v>
                </c:pt>
                <c:pt idx="1092">
                  <c:v>6.3459406402010021</c:v>
                </c:pt>
                <c:pt idx="1093">
                  <c:v>6.3492933763442592</c:v>
                </c:pt>
                <c:pt idx="1094">
                  <c:v>6.3525475026010225</c:v>
                </c:pt>
                <c:pt idx="1095">
                  <c:v>6.3559002387442796</c:v>
                </c:pt>
                <c:pt idx="1096">
                  <c:v>6.3625071011444749</c:v>
                </c:pt>
                <c:pt idx="1097">
                  <c:v>6.365859837287732</c:v>
                </c:pt>
                <c:pt idx="1098">
                  <c:v>6.369212573430989</c:v>
                </c:pt>
                <c:pt idx="1099">
                  <c:v>6.3724666996877524</c:v>
                </c:pt>
                <c:pt idx="1100">
                  <c:v>6.3758194358311853</c:v>
                </c:pt>
                <c:pt idx="1101">
                  <c:v>6.3791721719744423</c:v>
                </c:pt>
                <c:pt idx="1102">
                  <c:v>6.3824262982312057</c:v>
                </c:pt>
                <c:pt idx="1103">
                  <c:v>6.3891317705177189</c:v>
                </c:pt>
                <c:pt idx="1104">
                  <c:v>6.3923858967744822</c:v>
                </c:pt>
                <c:pt idx="1105">
                  <c:v>6.3957386329179151</c:v>
                </c:pt>
                <c:pt idx="1106">
                  <c:v>6.3990913690611722</c:v>
                </c:pt>
                <c:pt idx="1107">
                  <c:v>6.4023454953179355</c:v>
                </c:pt>
                <c:pt idx="1108">
                  <c:v>6.4090509676046246</c:v>
                </c:pt>
                <c:pt idx="1109">
                  <c:v>6.4123050938612121</c:v>
                </c:pt>
                <c:pt idx="1110">
                  <c:v>6.415657830004645</c:v>
                </c:pt>
                <c:pt idx="1111">
                  <c:v>6.419010566147902</c:v>
                </c:pt>
                <c:pt idx="1112">
                  <c:v>6.4222646924046654</c:v>
                </c:pt>
                <c:pt idx="1113">
                  <c:v>6.4289701646913544</c:v>
                </c:pt>
                <c:pt idx="1114">
                  <c:v>6.4322242909481178</c:v>
                </c:pt>
                <c:pt idx="1115">
                  <c:v>6.4389297632346318</c:v>
                </c:pt>
                <c:pt idx="1116">
                  <c:v>6.4421838894913952</c:v>
                </c:pt>
                <c:pt idx="1117">
                  <c:v>6.4455366256346522</c:v>
                </c:pt>
                <c:pt idx="1118">
                  <c:v>6.4488893617780843</c:v>
                </c:pt>
                <c:pt idx="1119">
                  <c:v>6.4554962241781046</c:v>
                </c:pt>
                <c:pt idx="1120">
                  <c:v>6.4588489603213617</c:v>
                </c:pt>
                <c:pt idx="1121">
                  <c:v>6.4622016964647946</c:v>
                </c:pt>
                <c:pt idx="1122">
                  <c:v>6.4654558227215579</c:v>
                </c:pt>
                <c:pt idx="1123">
                  <c:v>6.4721612950080711</c:v>
                </c:pt>
                <c:pt idx="1124">
                  <c:v>6.4754154212648345</c:v>
                </c:pt>
                <c:pt idx="1125">
                  <c:v>6.4787681574080915</c:v>
                </c:pt>
                <c:pt idx="1126">
                  <c:v>6.4821208935515244</c:v>
                </c:pt>
                <c:pt idx="1127">
                  <c:v>6.4821208935515244</c:v>
                </c:pt>
                <c:pt idx="1128">
                  <c:v>6.4853750198082878</c:v>
                </c:pt>
                <c:pt idx="1129">
                  <c:v>6.4887277559515448</c:v>
                </c:pt>
                <c:pt idx="1130">
                  <c:v>6.4920804920948019</c:v>
                </c:pt>
                <c:pt idx="1131">
                  <c:v>6.4953346183515643</c:v>
                </c:pt>
                <c:pt idx="1132">
                  <c:v>6.4986873544948223</c:v>
                </c:pt>
                <c:pt idx="1133">
                  <c:v>6.5020400906382543</c:v>
                </c:pt>
                <c:pt idx="1134">
                  <c:v>6.5020400906382543</c:v>
                </c:pt>
                <c:pt idx="1135">
                  <c:v>6.5052942168950176</c:v>
                </c:pt>
                <c:pt idx="1136">
                  <c:v>6.5086469530382747</c:v>
                </c:pt>
                <c:pt idx="1137">
                  <c:v>6.5119996891815326</c:v>
                </c:pt>
                <c:pt idx="1138">
                  <c:v>6.5152538154382942</c:v>
                </c:pt>
                <c:pt idx="1139">
                  <c:v>6.5186065515817271</c:v>
                </c:pt>
                <c:pt idx="1140">
                  <c:v>6.5219592877249841</c:v>
                </c:pt>
                <c:pt idx="1141">
                  <c:v>6.5219592877249841</c:v>
                </c:pt>
                <c:pt idx="1142">
                  <c:v>6.5252134139817475</c:v>
                </c:pt>
                <c:pt idx="1143">
                  <c:v>6.5285661501250045</c:v>
                </c:pt>
                <c:pt idx="1144">
                  <c:v>6.5319188862682624</c:v>
                </c:pt>
                <c:pt idx="1145">
                  <c:v>6.535173012525024</c:v>
                </c:pt>
                <c:pt idx="1146">
                  <c:v>6.5385257486684569</c:v>
                </c:pt>
                <c:pt idx="1147">
                  <c:v>6.541878484811714</c:v>
                </c:pt>
                <c:pt idx="1148">
                  <c:v>6.5451326110684773</c:v>
                </c:pt>
                <c:pt idx="1149">
                  <c:v>6.5484853472117344</c:v>
                </c:pt>
                <c:pt idx="1150">
                  <c:v>6.5518380833551673</c:v>
                </c:pt>
                <c:pt idx="1151">
                  <c:v>6.5550922096117556</c:v>
                </c:pt>
                <c:pt idx="1152">
                  <c:v>6.5584449457551868</c:v>
                </c:pt>
                <c:pt idx="1153">
                  <c:v>6.5617976818984438</c:v>
                </c:pt>
                <c:pt idx="1154">
                  <c:v>6.5650518081552072</c:v>
                </c:pt>
                <c:pt idx="1155">
                  <c:v>6.5684045442984651</c:v>
                </c:pt>
                <c:pt idx="1156">
                  <c:v>6.5717572804418971</c:v>
                </c:pt>
                <c:pt idx="1157">
                  <c:v>6.5750114066986605</c:v>
                </c:pt>
                <c:pt idx="1158">
                  <c:v>6.5750114066986605</c:v>
                </c:pt>
                <c:pt idx="1159">
                  <c:v>6.5783641428419166</c:v>
                </c:pt>
                <c:pt idx="1160">
                  <c:v>6.5817168789851745</c:v>
                </c:pt>
                <c:pt idx="1161">
                  <c:v>6.584971005241937</c:v>
                </c:pt>
                <c:pt idx="1162">
                  <c:v>6.5883237413851949</c:v>
                </c:pt>
                <c:pt idx="1163">
                  <c:v>6.591676477528627</c:v>
                </c:pt>
                <c:pt idx="1164">
                  <c:v>6.5950292136718849</c:v>
                </c:pt>
                <c:pt idx="1165">
                  <c:v>6.5982833399286465</c:v>
                </c:pt>
                <c:pt idx="1166">
                  <c:v>6.6016360760719044</c:v>
                </c:pt>
                <c:pt idx="1167">
                  <c:v>6.6049888122153364</c:v>
                </c:pt>
                <c:pt idx="1168">
                  <c:v>6.6082429384720998</c:v>
                </c:pt>
                <c:pt idx="1169">
                  <c:v>6.6115956746153568</c:v>
                </c:pt>
                <c:pt idx="1170">
                  <c:v>6.6149484107586147</c:v>
                </c:pt>
                <c:pt idx="1171">
                  <c:v>6.6182025370153772</c:v>
                </c:pt>
                <c:pt idx="1172">
                  <c:v>6.6215552731586342</c:v>
                </c:pt>
                <c:pt idx="1173">
                  <c:v>6.6249080093020662</c:v>
                </c:pt>
                <c:pt idx="1174">
                  <c:v>6.6281621355588296</c:v>
                </c:pt>
                <c:pt idx="1175">
                  <c:v>6.6315148717020866</c:v>
                </c:pt>
                <c:pt idx="1176">
                  <c:v>6.6348676078453446</c:v>
                </c:pt>
                <c:pt idx="1177">
                  <c:v>6.6381217341021079</c:v>
                </c:pt>
                <c:pt idx="1178">
                  <c:v>6.6414744702455391</c:v>
                </c:pt>
                <c:pt idx="1179">
                  <c:v>6.6480813326455594</c:v>
                </c:pt>
                <c:pt idx="1180">
                  <c:v>6.6514340687888174</c:v>
                </c:pt>
                <c:pt idx="1181">
                  <c:v>6.6547868049320744</c:v>
                </c:pt>
                <c:pt idx="1182">
                  <c:v>6.6580409311888378</c:v>
                </c:pt>
                <c:pt idx="1183">
                  <c:v>6.6613936673322698</c:v>
                </c:pt>
                <c:pt idx="1184">
                  <c:v>6.6647464034755268</c:v>
                </c:pt>
                <c:pt idx="1185">
                  <c:v>6.6680005297322893</c:v>
                </c:pt>
                <c:pt idx="1186">
                  <c:v>6.6713532658755472</c:v>
                </c:pt>
                <c:pt idx="1187">
                  <c:v>6.6747060020189792</c:v>
                </c:pt>
                <c:pt idx="1188">
                  <c:v>6.6779601282755676</c:v>
                </c:pt>
                <c:pt idx="1189">
                  <c:v>6.6846656005622576</c:v>
                </c:pt>
                <c:pt idx="1190">
                  <c:v>6.6879197268190191</c:v>
                </c:pt>
                <c:pt idx="1191">
                  <c:v>6.6946251991057091</c:v>
                </c:pt>
                <c:pt idx="1192">
                  <c:v>6.6978793253624724</c:v>
                </c:pt>
                <c:pt idx="1193">
                  <c:v>6.7012320615057295</c:v>
                </c:pt>
                <c:pt idx="1194">
                  <c:v>6.7078389239057499</c:v>
                </c:pt>
                <c:pt idx="1195">
                  <c:v>6.7111916600490069</c:v>
                </c:pt>
                <c:pt idx="1196">
                  <c:v>6.7145443961924389</c:v>
                </c:pt>
                <c:pt idx="1197">
                  <c:v>6.7177985224492023</c:v>
                </c:pt>
                <c:pt idx="1198">
                  <c:v>6.7211512585924602</c:v>
                </c:pt>
                <c:pt idx="1199">
                  <c:v>6.7245039947357172</c:v>
                </c:pt>
                <c:pt idx="1200">
                  <c:v>6.7278567308791484</c:v>
                </c:pt>
                <c:pt idx="1201">
                  <c:v>6.7311108571359117</c:v>
                </c:pt>
                <c:pt idx="1202">
                  <c:v>6.7311108571359117</c:v>
                </c:pt>
                <c:pt idx="1203">
                  <c:v>6.7344635932791697</c:v>
                </c:pt>
                <c:pt idx="1204">
                  <c:v>6.7378163294224267</c:v>
                </c:pt>
                <c:pt idx="1205">
                  <c:v>6.7410704556791901</c:v>
                </c:pt>
                <c:pt idx="1206">
                  <c:v>6.7444231918224471</c:v>
                </c:pt>
                <c:pt idx="1207">
                  <c:v>6.74777592796588</c:v>
                </c:pt>
                <c:pt idx="1208">
                  <c:v>6.7510300542226416</c:v>
                </c:pt>
                <c:pt idx="1209">
                  <c:v>6.7543827903658995</c:v>
                </c:pt>
                <c:pt idx="1210">
                  <c:v>6.7577355265091565</c:v>
                </c:pt>
                <c:pt idx="1211">
                  <c:v>6.7609896527659199</c:v>
                </c:pt>
                <c:pt idx="1212">
                  <c:v>6.7643423889093519</c:v>
                </c:pt>
                <c:pt idx="1213">
                  <c:v>6.7643423889093519</c:v>
                </c:pt>
                <c:pt idx="1214">
                  <c:v>6.7676951250526098</c:v>
                </c:pt>
                <c:pt idx="1215">
                  <c:v>6.7676951250526098</c:v>
                </c:pt>
                <c:pt idx="1216">
                  <c:v>6.7709492513093714</c:v>
                </c:pt>
                <c:pt idx="1217">
                  <c:v>6.7709492513093714</c:v>
                </c:pt>
                <c:pt idx="1218">
                  <c:v>6.7743019874526293</c:v>
                </c:pt>
                <c:pt idx="1219">
                  <c:v>6.7776547235958864</c:v>
                </c:pt>
                <c:pt idx="1220">
                  <c:v>6.7809088498526497</c:v>
                </c:pt>
                <c:pt idx="1221">
                  <c:v>6.7842615859960818</c:v>
                </c:pt>
                <c:pt idx="1222">
                  <c:v>6.7876143221393397</c:v>
                </c:pt>
                <c:pt idx="1223">
                  <c:v>6.790868448396103</c:v>
                </c:pt>
                <c:pt idx="1224">
                  <c:v>6.7942211845393592</c:v>
                </c:pt>
                <c:pt idx="1225">
                  <c:v>6.7975739206826162</c:v>
                </c:pt>
                <c:pt idx="1226">
                  <c:v>6.8008280469393796</c:v>
                </c:pt>
                <c:pt idx="1227">
                  <c:v>6.8041807830828125</c:v>
                </c:pt>
                <c:pt idx="1228">
                  <c:v>6.8075335192260695</c:v>
                </c:pt>
                <c:pt idx="1229">
                  <c:v>6.8107876454828329</c:v>
                </c:pt>
                <c:pt idx="1230">
                  <c:v>6.814140381626089</c:v>
                </c:pt>
                <c:pt idx="1231">
                  <c:v>6.8174931177695219</c:v>
                </c:pt>
                <c:pt idx="1232">
                  <c:v>6.8240999801695423</c:v>
                </c:pt>
                <c:pt idx="1233">
                  <c:v>6.8274527163127994</c:v>
                </c:pt>
                <c:pt idx="1234">
                  <c:v>6.8307068425695627</c:v>
                </c:pt>
                <c:pt idx="1235">
                  <c:v>6.8374123148562518</c:v>
                </c:pt>
                <c:pt idx="1236">
                  <c:v>6.8406664411130143</c:v>
                </c:pt>
                <c:pt idx="1237">
                  <c:v>6.8440191772562722</c:v>
                </c:pt>
                <c:pt idx="1238">
                  <c:v>6.8473719133995292</c:v>
                </c:pt>
                <c:pt idx="1239">
                  <c:v>6.8507246495429621</c:v>
                </c:pt>
                <c:pt idx="1240">
                  <c:v>6.8573315119429816</c:v>
                </c:pt>
                <c:pt idx="1241">
                  <c:v>6.8606842480862387</c:v>
                </c:pt>
                <c:pt idx="1242">
                  <c:v>6.863938374343002</c:v>
                </c:pt>
                <c:pt idx="1243">
                  <c:v>6.870643846629692</c:v>
                </c:pt>
                <c:pt idx="1244">
                  <c:v>6.8738979728864553</c:v>
                </c:pt>
                <c:pt idx="1245">
                  <c:v>6.8772507090297124</c:v>
                </c:pt>
                <c:pt idx="1246">
                  <c:v>6.8806034451729685</c:v>
                </c:pt>
                <c:pt idx="1247">
                  <c:v>6.8838575714297319</c:v>
                </c:pt>
                <c:pt idx="1248">
                  <c:v>6.8872103075729889</c:v>
                </c:pt>
                <c:pt idx="1249">
                  <c:v>6.8905630437164218</c:v>
                </c:pt>
                <c:pt idx="1250">
                  <c:v>6.8938171699731852</c:v>
                </c:pt>
                <c:pt idx="1251">
                  <c:v>6.9005226422596992</c:v>
                </c:pt>
                <c:pt idx="1252">
                  <c:v>6.9037767685164617</c:v>
                </c:pt>
                <c:pt idx="1253">
                  <c:v>6.9071295046598946</c:v>
                </c:pt>
                <c:pt idx="1254">
                  <c:v>6.9104822408031517</c:v>
                </c:pt>
                <c:pt idx="1255">
                  <c:v>6.913736367059915</c:v>
                </c:pt>
                <c:pt idx="1256">
                  <c:v>6.9170891032031721</c:v>
                </c:pt>
                <c:pt idx="1257">
                  <c:v>6.9204418393464291</c:v>
                </c:pt>
                <c:pt idx="1258">
                  <c:v>6.9236959656031916</c:v>
                </c:pt>
                <c:pt idx="1259">
                  <c:v>6.9236959656031916</c:v>
                </c:pt>
                <c:pt idx="1260">
                  <c:v>6.9270487017466245</c:v>
                </c:pt>
                <c:pt idx="1261">
                  <c:v>6.9304014378898815</c:v>
                </c:pt>
                <c:pt idx="1262">
                  <c:v>6.9336555641466449</c:v>
                </c:pt>
                <c:pt idx="1263">
                  <c:v>6.9370083002899019</c:v>
                </c:pt>
                <c:pt idx="1264">
                  <c:v>6.9403610364333348</c:v>
                </c:pt>
                <c:pt idx="1265">
                  <c:v>6.9436151626899214</c:v>
                </c:pt>
                <c:pt idx="1266">
                  <c:v>6.9469678988333543</c:v>
                </c:pt>
                <c:pt idx="1267">
                  <c:v>6.9503206349766113</c:v>
                </c:pt>
                <c:pt idx="1268">
                  <c:v>6.9535747612333747</c:v>
                </c:pt>
                <c:pt idx="1269">
                  <c:v>6.9569274973766317</c:v>
                </c:pt>
                <c:pt idx="1270">
                  <c:v>6.9602802335200646</c:v>
                </c:pt>
                <c:pt idx="1271">
                  <c:v>6.9635343597768271</c:v>
                </c:pt>
                <c:pt idx="1272">
                  <c:v>6.9668870959200841</c:v>
                </c:pt>
                <c:pt idx="1273">
                  <c:v>6.9668870959200841</c:v>
                </c:pt>
                <c:pt idx="1274">
                  <c:v>6.9702398320633412</c:v>
                </c:pt>
                <c:pt idx="1275">
                  <c:v>6.9734939583201045</c:v>
                </c:pt>
                <c:pt idx="1276">
                  <c:v>6.9768466944633616</c:v>
                </c:pt>
                <c:pt idx="1277">
                  <c:v>6.9801994306067945</c:v>
                </c:pt>
                <c:pt idx="1278">
                  <c:v>6.9835521667500515</c:v>
                </c:pt>
                <c:pt idx="1279">
                  <c:v>6.986806293006814</c:v>
                </c:pt>
                <c:pt idx="1280">
                  <c:v>6.990159029150071</c:v>
                </c:pt>
                <c:pt idx="1281">
                  <c:v>6.9935117652935039</c:v>
                </c:pt>
                <c:pt idx="1282">
                  <c:v>6.9967658915502673</c:v>
                </c:pt>
                <c:pt idx="1283">
                  <c:v>7.0001186276935243</c:v>
                </c:pt>
                <c:pt idx="1284">
                  <c:v>7.0034713638367814</c:v>
                </c:pt>
                <c:pt idx="1285">
                  <c:v>7.0034713638367814</c:v>
                </c:pt>
                <c:pt idx="1286">
                  <c:v>7.0067254900935447</c:v>
                </c:pt>
                <c:pt idx="1287">
                  <c:v>7.0100782262368009</c:v>
                </c:pt>
                <c:pt idx="1288">
                  <c:v>7.0134309623802338</c:v>
                </c:pt>
                <c:pt idx="1289">
                  <c:v>7.0166850886369971</c:v>
                </c:pt>
                <c:pt idx="1290">
                  <c:v>7.0200378247802542</c:v>
                </c:pt>
                <c:pt idx="1291">
                  <c:v>7.0233905609235112</c:v>
                </c:pt>
                <c:pt idx="1292">
                  <c:v>7.0266446871802746</c:v>
                </c:pt>
                <c:pt idx="1293">
                  <c:v>7.0299974233237066</c:v>
                </c:pt>
                <c:pt idx="1294">
                  <c:v>7.0333501594669636</c:v>
                </c:pt>
                <c:pt idx="1295">
                  <c:v>7.036604285723727</c:v>
                </c:pt>
                <c:pt idx="1296">
                  <c:v>7.039957021866984</c:v>
                </c:pt>
                <c:pt idx="1297">
                  <c:v>7.039957021866984</c:v>
                </c:pt>
                <c:pt idx="1298">
                  <c:v>7.0433097580102419</c:v>
                </c:pt>
                <c:pt idx="1299">
                  <c:v>7.0465638842670044</c:v>
                </c:pt>
                <c:pt idx="1300">
                  <c:v>7.0532693565536935</c:v>
                </c:pt>
                <c:pt idx="1301">
                  <c:v>7.0565234828104568</c:v>
                </c:pt>
                <c:pt idx="1302">
                  <c:v>7.0598762189537139</c:v>
                </c:pt>
                <c:pt idx="1303">
                  <c:v>7.0632289550971468</c:v>
                </c:pt>
                <c:pt idx="1304">
                  <c:v>7.0698358174971672</c:v>
                </c:pt>
                <c:pt idx="1305">
                  <c:v>7.0731885536404233</c:v>
                </c:pt>
                <c:pt idx="1306">
                  <c:v>7.0764426798971867</c:v>
                </c:pt>
                <c:pt idx="1307">
                  <c:v>7.0797954160404437</c:v>
                </c:pt>
                <c:pt idx="1308">
                  <c:v>7.0831481521838766</c:v>
                </c:pt>
                <c:pt idx="1309">
                  <c:v>7.089755014583897</c:v>
                </c:pt>
                <c:pt idx="1310">
                  <c:v>7.093107750727154</c:v>
                </c:pt>
                <c:pt idx="1311">
                  <c:v>7.0963618769839165</c:v>
                </c:pt>
                <c:pt idx="1312">
                  <c:v>7.0997146131271744</c:v>
                </c:pt>
                <c:pt idx="1313">
                  <c:v>7.1064200854138635</c:v>
                </c:pt>
                <c:pt idx="1314">
                  <c:v>7.1096742116706269</c:v>
                </c:pt>
                <c:pt idx="1315">
                  <c:v>7.1130269478138848</c:v>
                </c:pt>
                <c:pt idx="1316">
                  <c:v>7.1196338102140793</c:v>
                </c:pt>
                <c:pt idx="1317">
                  <c:v>7.1229865463573363</c:v>
                </c:pt>
                <c:pt idx="1318">
                  <c:v>7.1263392825005942</c:v>
                </c:pt>
                <c:pt idx="1319">
                  <c:v>7.1329461449006146</c:v>
                </c:pt>
                <c:pt idx="1320">
                  <c:v>7.1362988810440466</c:v>
                </c:pt>
                <c:pt idx="1321">
                  <c:v>7.1395530073008091</c:v>
                </c:pt>
                <c:pt idx="1322">
                  <c:v>7.1429057434440661</c:v>
                </c:pt>
                <c:pt idx="1323">
                  <c:v>7.1462584795873241</c:v>
                </c:pt>
                <c:pt idx="1324">
                  <c:v>7.1495126058440865</c:v>
                </c:pt>
                <c:pt idx="1325">
                  <c:v>7.1528653419873445</c:v>
                </c:pt>
                <c:pt idx="1326">
                  <c:v>7.159472204387539</c:v>
                </c:pt>
                <c:pt idx="1327">
                  <c:v>7.162824940530796</c:v>
                </c:pt>
                <c:pt idx="1328">
                  <c:v>7.1661776766740539</c:v>
                </c:pt>
                <c:pt idx="1329">
                  <c:v>7.1694318029308173</c:v>
                </c:pt>
                <c:pt idx="1330">
                  <c:v>7.1727845390742493</c:v>
                </c:pt>
                <c:pt idx="1331">
                  <c:v>7.1761372752175063</c:v>
                </c:pt>
                <c:pt idx="1332">
                  <c:v>7.1793914014742688</c:v>
                </c:pt>
                <c:pt idx="1333">
                  <c:v>7.1827441376175267</c:v>
                </c:pt>
                <c:pt idx="1334">
                  <c:v>7.1827441376175267</c:v>
                </c:pt>
                <c:pt idx="1335">
                  <c:v>7.1860968737607838</c:v>
                </c:pt>
                <c:pt idx="1336">
                  <c:v>7.1893510000175471</c:v>
                </c:pt>
                <c:pt idx="1337">
                  <c:v>7.1927037361609791</c:v>
                </c:pt>
                <c:pt idx="1338">
                  <c:v>7.1960564723042371</c:v>
                </c:pt>
                <c:pt idx="1339">
                  <c:v>7.1993105985609995</c:v>
                </c:pt>
                <c:pt idx="1340">
                  <c:v>7.2026633347042566</c:v>
                </c:pt>
                <c:pt idx="1341">
                  <c:v>7.2060160708476886</c:v>
                </c:pt>
                <c:pt idx="1342">
                  <c:v>7.209270197104277</c:v>
                </c:pt>
                <c:pt idx="1343">
                  <c:v>7.212622933247709</c:v>
                </c:pt>
                <c:pt idx="1344">
                  <c:v>7.2159756693909669</c:v>
                </c:pt>
                <c:pt idx="1345">
                  <c:v>7.2192297956477294</c:v>
                </c:pt>
                <c:pt idx="1346">
                  <c:v>7.2225825317909873</c:v>
                </c:pt>
                <c:pt idx="1347">
                  <c:v>7.2291893941911818</c:v>
                </c:pt>
                <c:pt idx="1348">
                  <c:v>7.2325421303344388</c:v>
                </c:pt>
                <c:pt idx="1349">
                  <c:v>7.2358948664776968</c:v>
                </c:pt>
                <c:pt idx="1350">
                  <c:v>7.2392476026211288</c:v>
                </c:pt>
                <c:pt idx="1351">
                  <c:v>7.2458544650211483</c:v>
                </c:pt>
                <c:pt idx="1352">
                  <c:v>7.2458544650211483</c:v>
                </c:pt>
                <c:pt idx="1353">
                  <c:v>7.2492072011644062</c:v>
                </c:pt>
                <c:pt idx="1354">
                  <c:v>7.2524613274211696</c:v>
                </c:pt>
                <c:pt idx="1355">
                  <c:v>7.2558140635644266</c:v>
                </c:pt>
                <c:pt idx="1356">
                  <c:v>7.2591667997078586</c:v>
                </c:pt>
                <c:pt idx="1357">
                  <c:v>7.262420925964622</c:v>
                </c:pt>
                <c:pt idx="1358">
                  <c:v>7.265773662107879</c:v>
                </c:pt>
                <c:pt idx="1359">
                  <c:v>7.2723805245078994</c:v>
                </c:pt>
                <c:pt idx="1360">
                  <c:v>7.2757332606511564</c:v>
                </c:pt>
                <c:pt idx="1361">
                  <c:v>7.2790859967945893</c:v>
                </c:pt>
                <c:pt idx="1362">
                  <c:v>7.2823401230513518</c:v>
                </c:pt>
                <c:pt idx="1363">
                  <c:v>7.2856928591946097</c:v>
                </c:pt>
                <c:pt idx="1364">
                  <c:v>7.2890455953378659</c:v>
                </c:pt>
                <c:pt idx="1365">
                  <c:v>7.2922997215946292</c:v>
                </c:pt>
                <c:pt idx="1366">
                  <c:v>7.2990051938813192</c:v>
                </c:pt>
                <c:pt idx="1367">
                  <c:v>7.3022593201380817</c:v>
                </c:pt>
                <c:pt idx="1368">
                  <c:v>7.3056120562813396</c:v>
                </c:pt>
                <c:pt idx="1369">
                  <c:v>7.3089647924245966</c:v>
                </c:pt>
                <c:pt idx="1370">
                  <c:v>7.3122189186813591</c:v>
                </c:pt>
                <c:pt idx="1371">
                  <c:v>7.3155716548247911</c:v>
                </c:pt>
                <c:pt idx="1372">
                  <c:v>7.318924390968049</c:v>
                </c:pt>
                <c:pt idx="1373">
                  <c:v>7.3221785172248124</c:v>
                </c:pt>
                <c:pt idx="1374">
                  <c:v>7.3255312533680694</c:v>
                </c:pt>
                <c:pt idx="1375">
                  <c:v>7.3288839895115014</c:v>
                </c:pt>
                <c:pt idx="1376">
                  <c:v>7.3321381157680889</c:v>
                </c:pt>
                <c:pt idx="1377">
                  <c:v>7.3354908519115218</c:v>
                </c:pt>
                <c:pt idx="1378">
                  <c:v>7.3388435880547789</c:v>
                </c:pt>
                <c:pt idx="1379">
                  <c:v>7.3454504504547993</c:v>
                </c:pt>
                <c:pt idx="1380">
                  <c:v>7.3488031865982322</c:v>
                </c:pt>
                <c:pt idx="1381">
                  <c:v>7.3520573128549938</c:v>
                </c:pt>
                <c:pt idx="1382">
                  <c:v>7.3554100489982517</c:v>
                </c:pt>
                <c:pt idx="1383">
                  <c:v>7.3587627851415087</c:v>
                </c:pt>
                <c:pt idx="1384">
                  <c:v>7.3621155212849416</c:v>
                </c:pt>
                <c:pt idx="1385">
                  <c:v>7.3653696475415291</c:v>
                </c:pt>
                <c:pt idx="1386">
                  <c:v>7.368722383684962</c:v>
                </c:pt>
                <c:pt idx="1387">
                  <c:v>7.3720751198282191</c:v>
                </c:pt>
                <c:pt idx="1388">
                  <c:v>7.3753292460849815</c:v>
                </c:pt>
                <c:pt idx="1389">
                  <c:v>7.3786819822282386</c:v>
                </c:pt>
                <c:pt idx="1390">
                  <c:v>7.3852888446284339</c:v>
                </c:pt>
                <c:pt idx="1391">
                  <c:v>7.3886415807716919</c:v>
                </c:pt>
                <c:pt idx="1392">
                  <c:v>7.3919943169149489</c:v>
                </c:pt>
                <c:pt idx="1393">
                  <c:v>7.3952484431717114</c:v>
                </c:pt>
                <c:pt idx="1394">
                  <c:v>7.3986011793149684</c:v>
                </c:pt>
                <c:pt idx="1395">
                  <c:v>7.4019539154584013</c:v>
                </c:pt>
                <c:pt idx="1396">
                  <c:v>7.4052080417151647</c:v>
                </c:pt>
                <c:pt idx="1397">
                  <c:v>7.4119135140016787</c:v>
                </c:pt>
                <c:pt idx="1398">
                  <c:v>7.4151676402584421</c:v>
                </c:pt>
                <c:pt idx="1399">
                  <c:v>7.4185203764016983</c:v>
                </c:pt>
                <c:pt idx="1400">
                  <c:v>7.4218731125451312</c:v>
                </c:pt>
                <c:pt idx="1401">
                  <c:v>7.4251272388018945</c:v>
                </c:pt>
                <c:pt idx="1402">
                  <c:v>7.4284799749451516</c:v>
                </c:pt>
                <c:pt idx="1403">
                  <c:v>7.4318327110884086</c:v>
                </c:pt>
                <c:pt idx="1404">
                  <c:v>7.435086837345172</c:v>
                </c:pt>
                <c:pt idx="1405">
                  <c:v>7.438439573488604</c:v>
                </c:pt>
                <c:pt idx="1406">
                  <c:v>7.441792309631861</c:v>
                </c:pt>
                <c:pt idx="1407">
                  <c:v>7.4450464358886244</c:v>
                </c:pt>
                <c:pt idx="1408">
                  <c:v>7.4483991720318814</c:v>
                </c:pt>
                <c:pt idx="1409">
                  <c:v>7.4483991720318814</c:v>
                </c:pt>
                <c:pt idx="1410">
                  <c:v>7.4517519081751384</c:v>
                </c:pt>
                <c:pt idx="1411">
                  <c:v>7.4550060344319018</c:v>
                </c:pt>
                <c:pt idx="1412">
                  <c:v>7.4583587705753347</c:v>
                </c:pt>
                <c:pt idx="1413">
                  <c:v>7.4617115067185908</c:v>
                </c:pt>
                <c:pt idx="1414">
                  <c:v>7.4617115067185908</c:v>
                </c:pt>
                <c:pt idx="1415">
                  <c:v>7.4649656329753542</c:v>
                </c:pt>
                <c:pt idx="1416">
                  <c:v>7.4683183691186112</c:v>
                </c:pt>
                <c:pt idx="1417">
                  <c:v>7.4716711052620441</c:v>
                </c:pt>
                <c:pt idx="1418">
                  <c:v>7.4716711052620441</c:v>
                </c:pt>
                <c:pt idx="1419">
                  <c:v>7.4749252315186316</c:v>
                </c:pt>
                <c:pt idx="1420">
                  <c:v>7.4782779676620645</c:v>
                </c:pt>
                <c:pt idx="1421">
                  <c:v>7.4816307038053207</c:v>
                </c:pt>
                <c:pt idx="1422">
                  <c:v>7.484884830062084</c:v>
                </c:pt>
                <c:pt idx="1423">
                  <c:v>7.4882375662053411</c:v>
                </c:pt>
                <c:pt idx="1424">
                  <c:v>7.491590302348774</c:v>
                </c:pt>
                <c:pt idx="1425">
                  <c:v>7.494943038492031</c:v>
                </c:pt>
                <c:pt idx="1426">
                  <c:v>7.4981971647487944</c:v>
                </c:pt>
                <c:pt idx="1427">
                  <c:v>7.5015499008920514</c:v>
                </c:pt>
                <c:pt idx="1428">
                  <c:v>7.5049026370354834</c:v>
                </c:pt>
                <c:pt idx="1429">
                  <c:v>7.5115094994355038</c:v>
                </c:pt>
                <c:pt idx="1430">
                  <c:v>7.5148622355787609</c:v>
                </c:pt>
                <c:pt idx="1431">
                  <c:v>7.5181163618355242</c:v>
                </c:pt>
                <c:pt idx="1432">
                  <c:v>7.5214690979787813</c:v>
                </c:pt>
                <c:pt idx="1433">
                  <c:v>7.5280759603789766</c:v>
                </c:pt>
                <c:pt idx="1434">
                  <c:v>7.5314286965222337</c:v>
                </c:pt>
                <c:pt idx="1435">
                  <c:v>7.5347814326654907</c:v>
                </c:pt>
                <c:pt idx="1436">
                  <c:v>7.5380355589222541</c:v>
                </c:pt>
                <c:pt idx="1437">
                  <c:v>7.5413882950655111</c:v>
                </c:pt>
                <c:pt idx="1438">
                  <c:v>7.544741031208944</c:v>
                </c:pt>
                <c:pt idx="1439">
                  <c:v>7.5479951574657065</c:v>
                </c:pt>
                <c:pt idx="1440">
                  <c:v>7.5513478936089635</c:v>
                </c:pt>
                <c:pt idx="1441">
                  <c:v>7.5579547560089839</c:v>
                </c:pt>
                <c:pt idx="1442">
                  <c:v>7.5613074921524168</c:v>
                </c:pt>
                <c:pt idx="1443">
                  <c:v>7.5679143545524363</c:v>
                </c:pt>
                <c:pt idx="1444">
                  <c:v>7.5712670906956934</c:v>
                </c:pt>
                <c:pt idx="1445">
                  <c:v>7.5746198268389513</c:v>
                </c:pt>
                <c:pt idx="1446">
                  <c:v>7.5778739530957138</c:v>
                </c:pt>
                <c:pt idx="1447">
                  <c:v>7.5812266892391467</c:v>
                </c:pt>
                <c:pt idx="1448">
                  <c:v>7.5845794253824037</c:v>
                </c:pt>
                <c:pt idx="1449">
                  <c:v>7.5878335516391671</c:v>
                </c:pt>
                <c:pt idx="1450">
                  <c:v>7.5878335516391671</c:v>
                </c:pt>
                <c:pt idx="1451">
                  <c:v>7.5911862877824232</c:v>
                </c:pt>
                <c:pt idx="1452">
                  <c:v>7.5945390239258561</c:v>
                </c:pt>
                <c:pt idx="1453">
                  <c:v>7.5945390239258561</c:v>
                </c:pt>
                <c:pt idx="1454">
                  <c:v>7.5977931501824436</c:v>
                </c:pt>
                <c:pt idx="1455">
                  <c:v>7.6011458863258765</c:v>
                </c:pt>
                <c:pt idx="1456">
                  <c:v>7.6044986224691336</c:v>
                </c:pt>
                <c:pt idx="1457">
                  <c:v>7.6077527487258969</c:v>
                </c:pt>
                <c:pt idx="1458">
                  <c:v>7.6111054848691531</c:v>
                </c:pt>
                <c:pt idx="1459">
                  <c:v>7.614458221012586</c:v>
                </c:pt>
                <c:pt idx="1460">
                  <c:v>7.614458221012586</c:v>
                </c:pt>
                <c:pt idx="1461">
                  <c:v>7.6177123472693493</c:v>
                </c:pt>
                <c:pt idx="1462">
                  <c:v>7.6244178195558634</c:v>
                </c:pt>
                <c:pt idx="1463">
                  <c:v>7.6277705556992963</c:v>
                </c:pt>
                <c:pt idx="1464">
                  <c:v>7.6310246819558847</c:v>
                </c:pt>
                <c:pt idx="1465">
                  <c:v>7.6343774180993158</c:v>
                </c:pt>
                <c:pt idx="1466">
                  <c:v>7.6377301542425728</c:v>
                </c:pt>
                <c:pt idx="1467">
                  <c:v>7.6409842804993362</c:v>
                </c:pt>
                <c:pt idx="1468">
                  <c:v>7.6409842804993362</c:v>
                </c:pt>
                <c:pt idx="1469">
                  <c:v>7.6443370166425941</c:v>
                </c:pt>
                <c:pt idx="1470">
                  <c:v>7.6476897527860261</c:v>
                </c:pt>
                <c:pt idx="1471">
                  <c:v>7.6476897527860261</c:v>
                </c:pt>
                <c:pt idx="1472">
                  <c:v>7.6509438790427895</c:v>
                </c:pt>
                <c:pt idx="1473">
                  <c:v>7.6542966151860456</c:v>
                </c:pt>
                <c:pt idx="1474">
                  <c:v>7.660903477586066</c:v>
                </c:pt>
                <c:pt idx="1475">
                  <c:v>7.664256213729324</c:v>
                </c:pt>
                <c:pt idx="1476">
                  <c:v>7.667608949872756</c:v>
                </c:pt>
                <c:pt idx="1477">
                  <c:v>7.6742158122727764</c:v>
                </c:pt>
                <c:pt idx="1478">
                  <c:v>7.6775685484160334</c:v>
                </c:pt>
                <c:pt idx="1479">
                  <c:v>7.6808226746727959</c:v>
                </c:pt>
                <c:pt idx="1480">
                  <c:v>7.6841754108162288</c:v>
                </c:pt>
                <c:pt idx="1481">
                  <c:v>7.6875281469594858</c:v>
                </c:pt>
                <c:pt idx="1482">
                  <c:v>7.6941350093595062</c:v>
                </c:pt>
                <c:pt idx="1483">
                  <c:v>7.6974877455027633</c:v>
                </c:pt>
                <c:pt idx="1484">
                  <c:v>7.7007418717595266</c:v>
                </c:pt>
                <c:pt idx="1485">
                  <c:v>7.7040946079029586</c:v>
                </c:pt>
                <c:pt idx="1486">
                  <c:v>7.7074473440462157</c:v>
                </c:pt>
                <c:pt idx="1487">
                  <c:v>7.710701470302979</c:v>
                </c:pt>
                <c:pt idx="1488">
                  <c:v>7.714054206446237</c:v>
                </c:pt>
                <c:pt idx="1489">
                  <c:v>7.714054206446237</c:v>
                </c:pt>
                <c:pt idx="1490">
                  <c:v>7.717406942589494</c:v>
                </c:pt>
                <c:pt idx="1491">
                  <c:v>7.7206610688462565</c:v>
                </c:pt>
                <c:pt idx="1492">
                  <c:v>7.7240138049896885</c:v>
                </c:pt>
                <c:pt idx="1493">
                  <c:v>7.7273665411329464</c:v>
                </c:pt>
                <c:pt idx="1494">
                  <c:v>7.7306206673897089</c:v>
                </c:pt>
                <c:pt idx="1495">
                  <c:v>7.7373261396763988</c:v>
                </c:pt>
                <c:pt idx="1496">
                  <c:v>7.7405802659331613</c:v>
                </c:pt>
                <c:pt idx="1497">
                  <c:v>7.7439330020764183</c:v>
                </c:pt>
                <c:pt idx="1498">
                  <c:v>7.7472857382196763</c:v>
                </c:pt>
                <c:pt idx="1499">
                  <c:v>7.7506384743629333</c:v>
                </c:pt>
                <c:pt idx="1500">
                  <c:v>7.7538926006196967</c:v>
                </c:pt>
                <c:pt idx="1501">
                  <c:v>7.7572453367631287</c:v>
                </c:pt>
                <c:pt idx="1502">
                  <c:v>7.7572453367631287</c:v>
                </c:pt>
                <c:pt idx="1503">
                  <c:v>7.7605980729063866</c:v>
                </c:pt>
                <c:pt idx="1504">
                  <c:v>7.7638521991631482</c:v>
                </c:pt>
                <c:pt idx="1505">
                  <c:v>7.7672049353064061</c:v>
                </c:pt>
                <c:pt idx="1506">
                  <c:v>7.7705576714498381</c:v>
                </c:pt>
                <c:pt idx="1507">
                  <c:v>7.7705576714498381</c:v>
                </c:pt>
                <c:pt idx="1508">
                  <c:v>7.7738117977064265</c:v>
                </c:pt>
                <c:pt idx="1509">
                  <c:v>7.7771645338498585</c:v>
                </c:pt>
                <c:pt idx="1510">
                  <c:v>7.7805172699931164</c:v>
                </c:pt>
                <c:pt idx="1511">
                  <c:v>7.7837713962498789</c:v>
                </c:pt>
                <c:pt idx="1512">
                  <c:v>7.7871241323931359</c:v>
                </c:pt>
                <c:pt idx="1513">
                  <c:v>7.7871241323931359</c:v>
                </c:pt>
                <c:pt idx="1514">
                  <c:v>7.790476868536568</c:v>
                </c:pt>
                <c:pt idx="1515">
                  <c:v>7.7937309947933313</c:v>
                </c:pt>
                <c:pt idx="1516">
                  <c:v>7.7970837309365892</c:v>
                </c:pt>
                <c:pt idx="1517">
                  <c:v>7.8004364670798463</c:v>
                </c:pt>
                <c:pt idx="1518">
                  <c:v>7.8036905933366087</c:v>
                </c:pt>
                <c:pt idx="1519">
                  <c:v>7.8070433294798658</c:v>
                </c:pt>
                <c:pt idx="1520">
                  <c:v>7.8103960656232987</c:v>
                </c:pt>
                <c:pt idx="1521">
                  <c:v>7.813650191880062</c:v>
                </c:pt>
                <c:pt idx="1522">
                  <c:v>7.8170029280233182</c:v>
                </c:pt>
                <c:pt idx="1523">
                  <c:v>7.8170029280233182</c:v>
                </c:pt>
                <c:pt idx="1524">
                  <c:v>7.8203556641665752</c:v>
                </c:pt>
                <c:pt idx="1525">
                  <c:v>7.8269625265667706</c:v>
                </c:pt>
                <c:pt idx="1526">
                  <c:v>7.8303152627100285</c:v>
                </c:pt>
                <c:pt idx="1527">
                  <c:v>7.833569388966791</c:v>
                </c:pt>
                <c:pt idx="1528">
                  <c:v>7.840274861253306</c:v>
                </c:pt>
                <c:pt idx="1529">
                  <c:v>7.8435289875100693</c:v>
                </c:pt>
                <c:pt idx="1530">
                  <c:v>7.8468817236535013</c:v>
                </c:pt>
                <c:pt idx="1531">
                  <c:v>7.8502344597967593</c:v>
                </c:pt>
                <c:pt idx="1532">
                  <c:v>7.8534885860535217</c:v>
                </c:pt>
                <c:pt idx="1533">
                  <c:v>7.8601940583402099</c:v>
                </c:pt>
                <c:pt idx="1534">
                  <c:v>7.8634481845967983</c:v>
                </c:pt>
                <c:pt idx="1535">
                  <c:v>7.8668009207402312</c:v>
                </c:pt>
                <c:pt idx="1536">
                  <c:v>7.8701536568834882</c:v>
                </c:pt>
                <c:pt idx="1537">
                  <c:v>7.8734077831402516</c:v>
                </c:pt>
                <c:pt idx="1538">
                  <c:v>7.8767605192835086</c:v>
                </c:pt>
                <c:pt idx="1539">
                  <c:v>7.8801132554269415</c:v>
                </c:pt>
                <c:pt idx="1540">
                  <c:v>7.8834659915701986</c:v>
                </c:pt>
                <c:pt idx="1541">
                  <c:v>7.8867201178269619</c:v>
                </c:pt>
                <c:pt idx="1542">
                  <c:v>7.890072853970219</c:v>
                </c:pt>
                <c:pt idx="1543">
                  <c:v>7.8934255901136519</c:v>
                </c:pt>
                <c:pt idx="1544">
                  <c:v>7.8966797163702394</c:v>
                </c:pt>
                <c:pt idx="1545">
                  <c:v>7.9000324525136723</c:v>
                </c:pt>
                <c:pt idx="1546">
                  <c:v>7.9066393149136909</c:v>
                </c:pt>
                <c:pt idx="1547">
                  <c:v>7.9099920510569479</c:v>
                </c:pt>
                <c:pt idx="1548">
                  <c:v>7.9133447872003808</c:v>
                </c:pt>
                <c:pt idx="1549">
                  <c:v>7.9165989134571433</c:v>
                </c:pt>
                <c:pt idx="1550">
                  <c:v>7.9199516496004012</c:v>
                </c:pt>
                <c:pt idx="1551">
                  <c:v>7.9199516496004012</c:v>
                </c:pt>
                <c:pt idx="1552">
                  <c:v>7.9233043857436583</c:v>
                </c:pt>
                <c:pt idx="1553">
                  <c:v>7.9265585120004216</c:v>
                </c:pt>
                <c:pt idx="1554">
                  <c:v>7.9265585120004216</c:v>
                </c:pt>
                <c:pt idx="1555">
                  <c:v>7.9299112481436786</c:v>
                </c:pt>
                <c:pt idx="1556">
                  <c:v>7.9332639842871115</c:v>
                </c:pt>
                <c:pt idx="1557">
                  <c:v>7.936518110543874</c:v>
                </c:pt>
                <c:pt idx="1558">
                  <c:v>7.943223582830389</c:v>
                </c:pt>
                <c:pt idx="1559">
                  <c:v>7.9464777090871506</c:v>
                </c:pt>
                <c:pt idx="1560">
                  <c:v>7.9531831813738405</c:v>
                </c:pt>
                <c:pt idx="1561">
                  <c:v>7.9564373076306039</c:v>
                </c:pt>
                <c:pt idx="1562">
                  <c:v>7.9597900437738609</c:v>
                </c:pt>
                <c:pt idx="1563">
                  <c:v>7.9631427799171179</c:v>
                </c:pt>
                <c:pt idx="1564">
                  <c:v>7.9663969061738813</c:v>
                </c:pt>
                <c:pt idx="1565">
                  <c:v>7.9697496423173142</c:v>
                </c:pt>
                <c:pt idx="1566">
                  <c:v>7.9731023784605712</c:v>
                </c:pt>
                <c:pt idx="1567">
                  <c:v>7.9763565047173346</c:v>
                </c:pt>
                <c:pt idx="1568">
                  <c:v>7.9797092408605916</c:v>
                </c:pt>
                <c:pt idx="1569">
                  <c:v>7.9830619770040245</c:v>
                </c:pt>
                <c:pt idx="1570">
                  <c:v>7.986316103260612</c:v>
                </c:pt>
                <c:pt idx="1571">
                  <c:v>7.9896688394040432</c:v>
                </c:pt>
                <c:pt idx="1572">
                  <c:v>7.9896688394040432</c:v>
                </c:pt>
                <c:pt idx="1573">
                  <c:v>7.9930215755473002</c:v>
                </c:pt>
                <c:pt idx="1574">
                  <c:v>7.9930215755473002</c:v>
                </c:pt>
                <c:pt idx="1575">
                  <c:v>7.9962757018040636</c:v>
                </c:pt>
                <c:pt idx="1576">
                  <c:v>7.9996284379473206</c:v>
                </c:pt>
                <c:pt idx="1577">
                  <c:v>8.0029811740907526</c:v>
                </c:pt>
                <c:pt idx="1578">
                  <c:v>8.0063339102340105</c:v>
                </c:pt>
                <c:pt idx="1579">
                  <c:v>8.0063339102340105</c:v>
                </c:pt>
                <c:pt idx="1580">
                  <c:v>8.0095880364907739</c:v>
                </c:pt>
                <c:pt idx="1581">
                  <c:v>8.0129407726340318</c:v>
                </c:pt>
                <c:pt idx="1582">
                  <c:v>8.016293508777288</c:v>
                </c:pt>
                <c:pt idx="1583">
                  <c:v>8.0195476350340513</c:v>
                </c:pt>
                <c:pt idx="1584">
                  <c:v>8.0195476350340513</c:v>
                </c:pt>
                <c:pt idx="1585">
                  <c:v>8.0229003711774833</c:v>
                </c:pt>
                <c:pt idx="1586">
                  <c:v>8.0262531073207413</c:v>
                </c:pt>
                <c:pt idx="1587">
                  <c:v>8.0295072335775046</c:v>
                </c:pt>
                <c:pt idx="1588">
                  <c:v>8.0328599697207608</c:v>
                </c:pt>
                <c:pt idx="1589">
                  <c:v>8.0362127058641928</c:v>
                </c:pt>
                <c:pt idx="1590">
                  <c:v>8.0394668321207803</c:v>
                </c:pt>
                <c:pt idx="1591">
                  <c:v>8.0428195682642123</c:v>
                </c:pt>
                <c:pt idx="1592">
                  <c:v>8.0461723044074702</c:v>
                </c:pt>
                <c:pt idx="1593">
                  <c:v>8.0494264306642336</c:v>
                </c:pt>
                <c:pt idx="1594">
                  <c:v>8.0527791668074915</c:v>
                </c:pt>
                <c:pt idx="1595">
                  <c:v>8.0561319029509235</c:v>
                </c:pt>
                <c:pt idx="1596">
                  <c:v>8.0593860292076869</c:v>
                </c:pt>
                <c:pt idx="1597">
                  <c:v>8.0627387653509448</c:v>
                </c:pt>
                <c:pt idx="1598">
                  <c:v>8.066091501494201</c:v>
                </c:pt>
                <c:pt idx="1599">
                  <c:v>8.0693456277509643</c:v>
                </c:pt>
                <c:pt idx="1600">
                  <c:v>8.0726983638942222</c:v>
                </c:pt>
                <c:pt idx="1601">
                  <c:v>8.0760511000376525</c:v>
                </c:pt>
                <c:pt idx="1602">
                  <c:v>8.0793052262944158</c:v>
                </c:pt>
                <c:pt idx="1603">
                  <c:v>8.0826579624376738</c:v>
                </c:pt>
                <c:pt idx="1604">
                  <c:v>8.0860106985809299</c:v>
                </c:pt>
                <c:pt idx="1605">
                  <c:v>8.0892648248376933</c:v>
                </c:pt>
                <c:pt idx="1606">
                  <c:v>8.0926175609811253</c:v>
                </c:pt>
                <c:pt idx="1607">
                  <c:v>8.0959702971243832</c:v>
                </c:pt>
                <c:pt idx="1608">
                  <c:v>8.0992244233811466</c:v>
                </c:pt>
                <c:pt idx="1609">
                  <c:v>8.1025771595244045</c:v>
                </c:pt>
                <c:pt idx="1610">
                  <c:v>8.1059298956676606</c:v>
                </c:pt>
                <c:pt idx="1611">
                  <c:v>8.109184021924424</c:v>
                </c:pt>
                <c:pt idx="1612">
                  <c:v>8.112536758067856</c:v>
                </c:pt>
                <c:pt idx="1613">
                  <c:v>8.1158894942111139</c:v>
                </c:pt>
                <c:pt idx="1614">
                  <c:v>8.1191436204678755</c:v>
                </c:pt>
                <c:pt idx="1615">
                  <c:v>8.1191436204678755</c:v>
                </c:pt>
                <c:pt idx="1616">
                  <c:v>8.1224963566111335</c:v>
                </c:pt>
                <c:pt idx="1617">
                  <c:v>8.1224963566111335</c:v>
                </c:pt>
                <c:pt idx="1618">
                  <c:v>8.1258490927545655</c:v>
                </c:pt>
                <c:pt idx="1619">
                  <c:v>8.129103219011153</c:v>
                </c:pt>
                <c:pt idx="1620">
                  <c:v>8.1324559551545867</c:v>
                </c:pt>
                <c:pt idx="1621">
                  <c:v>8.1391614274411008</c:v>
                </c:pt>
                <c:pt idx="1622">
                  <c:v>8.1424155536978642</c:v>
                </c:pt>
                <c:pt idx="1623">
                  <c:v>8.1457682898412962</c:v>
                </c:pt>
                <c:pt idx="1624">
                  <c:v>8.1491210259845541</c:v>
                </c:pt>
                <c:pt idx="1625">
                  <c:v>8.1523751522413175</c:v>
                </c:pt>
                <c:pt idx="1626">
                  <c:v>8.1557278883845736</c:v>
                </c:pt>
                <c:pt idx="1627">
                  <c:v>8.1623347507845931</c:v>
                </c:pt>
                <c:pt idx="1628">
                  <c:v>8.1656874869280252</c:v>
                </c:pt>
                <c:pt idx="1629">
                  <c:v>8.1690402230712831</c:v>
                </c:pt>
                <c:pt idx="1630">
                  <c:v>8.1722943493280464</c:v>
                </c:pt>
                <c:pt idx="1631">
                  <c:v>8.1722943493280464</c:v>
                </c:pt>
                <c:pt idx="1632">
                  <c:v>8.1756470854713026</c:v>
                </c:pt>
                <c:pt idx="1633">
                  <c:v>8.1789998216147364</c:v>
                </c:pt>
                <c:pt idx="1634">
                  <c:v>8.1789998216147364</c:v>
                </c:pt>
                <c:pt idx="1635">
                  <c:v>8.182253947871498</c:v>
                </c:pt>
                <c:pt idx="1636">
                  <c:v>8.1856066840147559</c:v>
                </c:pt>
                <c:pt idx="1637">
                  <c:v>8.1889594201580138</c:v>
                </c:pt>
                <c:pt idx="1638">
                  <c:v>8.1922135464147772</c:v>
                </c:pt>
                <c:pt idx="1639">
                  <c:v>8.1922135464147772</c:v>
                </c:pt>
                <c:pt idx="1640">
                  <c:v>8.1955662825580333</c:v>
                </c:pt>
                <c:pt idx="1641">
                  <c:v>8.1989190187014671</c:v>
                </c:pt>
                <c:pt idx="1642">
                  <c:v>8.2021731449582287</c:v>
                </c:pt>
                <c:pt idx="1643">
                  <c:v>8.2055258811014848</c:v>
                </c:pt>
                <c:pt idx="1644">
                  <c:v>8.2088786172447428</c:v>
                </c:pt>
                <c:pt idx="1645">
                  <c:v>8.2121327435015061</c:v>
                </c:pt>
                <c:pt idx="1646">
                  <c:v>8.2154854796449381</c:v>
                </c:pt>
                <c:pt idx="1647">
                  <c:v>8.2154854796449381</c:v>
                </c:pt>
                <c:pt idx="1648">
                  <c:v>8.2188382157881961</c:v>
                </c:pt>
                <c:pt idx="1649">
                  <c:v>8.2220923420449594</c:v>
                </c:pt>
                <c:pt idx="1650">
                  <c:v>8.2254450781882156</c:v>
                </c:pt>
                <c:pt idx="1651">
                  <c:v>8.2287978143314735</c:v>
                </c:pt>
                <c:pt idx="1652">
                  <c:v>8.2287978143314735</c:v>
                </c:pt>
                <c:pt idx="1653">
                  <c:v>8.2320519405882369</c:v>
                </c:pt>
                <c:pt idx="1654">
                  <c:v>8.2354046767316689</c:v>
                </c:pt>
                <c:pt idx="1655">
                  <c:v>8.2387574128749268</c:v>
                </c:pt>
                <c:pt idx="1656">
                  <c:v>8.2420115391316902</c:v>
                </c:pt>
                <c:pt idx="1657">
                  <c:v>8.2420115391316902</c:v>
                </c:pt>
                <c:pt idx="1658">
                  <c:v>8.2453642752749445</c:v>
                </c:pt>
                <c:pt idx="1659">
                  <c:v>8.2453642752749445</c:v>
                </c:pt>
                <c:pt idx="1660">
                  <c:v>8.2487170114183783</c:v>
                </c:pt>
                <c:pt idx="1661">
                  <c:v>8.2519711376749658</c:v>
                </c:pt>
                <c:pt idx="1662">
                  <c:v>8.2519711376749658</c:v>
                </c:pt>
                <c:pt idx="1663">
                  <c:v>8.2553238738183978</c:v>
                </c:pt>
                <c:pt idx="1664">
                  <c:v>8.2586766099616558</c:v>
                </c:pt>
                <c:pt idx="1665">
                  <c:v>8.2620293461049119</c:v>
                </c:pt>
                <c:pt idx="1666">
                  <c:v>8.2620293461049119</c:v>
                </c:pt>
                <c:pt idx="1667">
                  <c:v>8.2652834723616753</c:v>
                </c:pt>
                <c:pt idx="1668">
                  <c:v>8.2686362085051091</c:v>
                </c:pt>
                <c:pt idx="1669">
                  <c:v>8.2719889446483652</c:v>
                </c:pt>
                <c:pt idx="1670">
                  <c:v>8.2752430709051286</c:v>
                </c:pt>
                <c:pt idx="1671">
                  <c:v>8.2785958070483865</c:v>
                </c:pt>
                <c:pt idx="1672">
                  <c:v>8.2819485431918185</c:v>
                </c:pt>
                <c:pt idx="1673">
                  <c:v>8.285202669448406</c:v>
                </c:pt>
                <c:pt idx="1674">
                  <c:v>8.2919081417350942</c:v>
                </c:pt>
                <c:pt idx="1675">
                  <c:v>8.2951622679918575</c:v>
                </c:pt>
                <c:pt idx="1676">
                  <c:v>8.2985150041351154</c:v>
                </c:pt>
                <c:pt idx="1677">
                  <c:v>8.3018677402785475</c:v>
                </c:pt>
                <c:pt idx="1678">
                  <c:v>8.3051218665353108</c:v>
                </c:pt>
                <c:pt idx="1679">
                  <c:v>8.3084746026785687</c:v>
                </c:pt>
                <c:pt idx="1680">
                  <c:v>8.3118273388218249</c:v>
                </c:pt>
                <c:pt idx="1681">
                  <c:v>8.3150814650785883</c:v>
                </c:pt>
                <c:pt idx="1682">
                  <c:v>8.3184342012218462</c:v>
                </c:pt>
                <c:pt idx="1683">
                  <c:v>8.3217869373652782</c:v>
                </c:pt>
                <c:pt idx="1684">
                  <c:v>8.3250410636220415</c:v>
                </c:pt>
                <c:pt idx="1685">
                  <c:v>8.3283937997652995</c:v>
                </c:pt>
                <c:pt idx="1686">
                  <c:v>8.3317465359085556</c:v>
                </c:pt>
                <c:pt idx="1687">
                  <c:v>8.3350006621653172</c:v>
                </c:pt>
                <c:pt idx="1688">
                  <c:v>8.3383533983085751</c:v>
                </c:pt>
                <c:pt idx="1689">
                  <c:v>8.3417061344520071</c:v>
                </c:pt>
                <c:pt idx="1690">
                  <c:v>8.3449602607087705</c:v>
                </c:pt>
                <c:pt idx="1691">
                  <c:v>8.3483129968520284</c:v>
                </c:pt>
                <c:pt idx="1692">
                  <c:v>8.3516657329952846</c:v>
                </c:pt>
                <c:pt idx="1693">
                  <c:v>8.3549198592520479</c:v>
                </c:pt>
                <c:pt idx="1694">
                  <c:v>8.3582725953954817</c:v>
                </c:pt>
                <c:pt idx="1695">
                  <c:v>8.3616253315387379</c:v>
                </c:pt>
                <c:pt idx="1696">
                  <c:v>8.3648794577955012</c:v>
                </c:pt>
                <c:pt idx="1697">
                  <c:v>8.3648794577955012</c:v>
                </c:pt>
                <c:pt idx="1698">
                  <c:v>8.3682321939387592</c:v>
                </c:pt>
                <c:pt idx="1699">
                  <c:v>8.3715849300820171</c:v>
                </c:pt>
                <c:pt idx="1700">
                  <c:v>8.3715849300820171</c:v>
                </c:pt>
                <c:pt idx="1701">
                  <c:v>8.3748390563387769</c:v>
                </c:pt>
                <c:pt idx="1702">
                  <c:v>8.3748390563387769</c:v>
                </c:pt>
                <c:pt idx="1703">
                  <c:v>8.3781917924822107</c:v>
                </c:pt>
                <c:pt idx="1704">
                  <c:v>8.3781917924822107</c:v>
                </c:pt>
                <c:pt idx="1705">
                  <c:v>8.3815445286254668</c:v>
                </c:pt>
                <c:pt idx="1706">
                  <c:v>8.3847986548822302</c:v>
                </c:pt>
                <c:pt idx="1707">
                  <c:v>8.3881513910254881</c:v>
                </c:pt>
                <c:pt idx="1708">
                  <c:v>8.3915041271689201</c:v>
                </c:pt>
                <c:pt idx="1709">
                  <c:v>8.3948568633121781</c:v>
                </c:pt>
                <c:pt idx="1710">
                  <c:v>8.3981109895689414</c:v>
                </c:pt>
                <c:pt idx="1711">
                  <c:v>8.4014637257121976</c:v>
                </c:pt>
                <c:pt idx="1712">
                  <c:v>8.4014637257121976</c:v>
                </c:pt>
                <c:pt idx="1713">
                  <c:v>8.4048164618554555</c:v>
                </c:pt>
                <c:pt idx="1714">
                  <c:v>8.4080705881122189</c:v>
                </c:pt>
                <c:pt idx="1715">
                  <c:v>8.4114233242556509</c:v>
                </c:pt>
                <c:pt idx="1716">
                  <c:v>8.4114233242556509</c:v>
                </c:pt>
                <c:pt idx="1717">
                  <c:v>8.4147760603989088</c:v>
                </c:pt>
                <c:pt idx="1718">
                  <c:v>8.4180301866556704</c:v>
                </c:pt>
                <c:pt idx="1719">
                  <c:v>8.4180301866556704</c:v>
                </c:pt>
                <c:pt idx="1720">
                  <c:v>8.4213829227989265</c:v>
                </c:pt>
                <c:pt idx="1721">
                  <c:v>8.4247356589423603</c:v>
                </c:pt>
                <c:pt idx="1722">
                  <c:v>8.4279897851989478</c:v>
                </c:pt>
                <c:pt idx="1723">
                  <c:v>8.4313425213423798</c:v>
                </c:pt>
                <c:pt idx="1724">
                  <c:v>8.4346952574856378</c:v>
                </c:pt>
                <c:pt idx="1725">
                  <c:v>8.441302119885659</c:v>
                </c:pt>
                <c:pt idx="1726">
                  <c:v>8.4446548560290911</c:v>
                </c:pt>
                <c:pt idx="1727">
                  <c:v>8.4479089822858544</c:v>
                </c:pt>
                <c:pt idx="1728">
                  <c:v>8.4512617184291106</c:v>
                </c:pt>
                <c:pt idx="1729">
                  <c:v>8.4512617184291106</c:v>
                </c:pt>
                <c:pt idx="1730">
                  <c:v>8.4546144545723685</c:v>
                </c:pt>
                <c:pt idx="1731">
                  <c:v>8.4578685808291318</c:v>
                </c:pt>
                <c:pt idx="1732">
                  <c:v>8.461221316972388</c:v>
                </c:pt>
                <c:pt idx="1733">
                  <c:v>8.46457405311582</c:v>
                </c:pt>
                <c:pt idx="1734">
                  <c:v>8.46457405311582</c:v>
                </c:pt>
                <c:pt idx="1735">
                  <c:v>8.4678281793725834</c:v>
                </c:pt>
                <c:pt idx="1736">
                  <c:v>8.4711809155158395</c:v>
                </c:pt>
                <c:pt idx="1737">
                  <c:v>8.4745336516590974</c:v>
                </c:pt>
                <c:pt idx="1738">
                  <c:v>8.4777877779158608</c:v>
                </c:pt>
                <c:pt idx="1739">
                  <c:v>8.4811405140592928</c:v>
                </c:pt>
                <c:pt idx="1740">
                  <c:v>8.4877473764593141</c:v>
                </c:pt>
                <c:pt idx="1741">
                  <c:v>8.4911001126025702</c:v>
                </c:pt>
                <c:pt idx="1742">
                  <c:v>8.4944528487458282</c:v>
                </c:pt>
                <c:pt idx="1743">
                  <c:v>8.4977069750025915</c:v>
                </c:pt>
                <c:pt idx="1744">
                  <c:v>8.5010597111460235</c:v>
                </c:pt>
                <c:pt idx="1745">
                  <c:v>8.5044124472892797</c:v>
                </c:pt>
                <c:pt idx="1746">
                  <c:v>8.5076665735460431</c:v>
                </c:pt>
                <c:pt idx="1747">
                  <c:v>8.511019309689301</c:v>
                </c:pt>
                <c:pt idx="1748">
                  <c:v>8.511019309689301</c:v>
                </c:pt>
                <c:pt idx="1749">
                  <c:v>8.514372045832733</c:v>
                </c:pt>
                <c:pt idx="1750">
                  <c:v>8.5176261720893205</c:v>
                </c:pt>
                <c:pt idx="1751">
                  <c:v>8.5176261720893205</c:v>
                </c:pt>
                <c:pt idx="1752">
                  <c:v>8.5209789082327525</c:v>
                </c:pt>
                <c:pt idx="1753">
                  <c:v>8.5243316443760104</c:v>
                </c:pt>
                <c:pt idx="1754">
                  <c:v>8.5276843805192684</c:v>
                </c:pt>
                <c:pt idx="1755">
                  <c:v>8.5309385067760317</c:v>
                </c:pt>
                <c:pt idx="1756">
                  <c:v>8.5342912429194637</c:v>
                </c:pt>
                <c:pt idx="1757">
                  <c:v>8.5376439790627217</c:v>
                </c:pt>
                <c:pt idx="1758">
                  <c:v>8.5408981053194832</c:v>
                </c:pt>
                <c:pt idx="1759">
                  <c:v>8.5442508414627412</c:v>
                </c:pt>
                <c:pt idx="1760">
                  <c:v>8.5476035776061714</c:v>
                </c:pt>
                <c:pt idx="1761">
                  <c:v>8.5508577038627607</c:v>
                </c:pt>
                <c:pt idx="1762">
                  <c:v>8.5542104400061927</c:v>
                </c:pt>
                <c:pt idx="1763">
                  <c:v>8.5542104400061927</c:v>
                </c:pt>
                <c:pt idx="1764">
                  <c:v>8.5575631761494506</c:v>
                </c:pt>
                <c:pt idx="1765">
                  <c:v>8.5575631761494506</c:v>
                </c:pt>
                <c:pt idx="1766">
                  <c:v>8.5608173024062122</c:v>
                </c:pt>
                <c:pt idx="1767">
                  <c:v>8.5641700385494701</c:v>
                </c:pt>
                <c:pt idx="1768">
                  <c:v>8.5675227746929021</c:v>
                </c:pt>
                <c:pt idx="1769">
                  <c:v>8.5707769009496655</c:v>
                </c:pt>
                <c:pt idx="1770">
                  <c:v>8.5707769009496655</c:v>
                </c:pt>
                <c:pt idx="1771">
                  <c:v>8.5741296370929234</c:v>
                </c:pt>
                <c:pt idx="1772">
                  <c:v>8.5774823732361813</c:v>
                </c:pt>
                <c:pt idx="1773">
                  <c:v>8.5807364994929429</c:v>
                </c:pt>
                <c:pt idx="1774">
                  <c:v>8.5840892356362009</c:v>
                </c:pt>
                <c:pt idx="1775">
                  <c:v>8.5874419717796329</c:v>
                </c:pt>
                <c:pt idx="1776">
                  <c:v>8.5906960980363944</c:v>
                </c:pt>
                <c:pt idx="1777">
                  <c:v>8.5940488341796524</c:v>
                </c:pt>
                <c:pt idx="1778">
                  <c:v>8.5974015703229103</c:v>
                </c:pt>
                <c:pt idx="1779">
                  <c:v>8.6006556965796737</c:v>
                </c:pt>
                <c:pt idx="1780">
                  <c:v>8.6040084327231057</c:v>
                </c:pt>
                <c:pt idx="1781">
                  <c:v>8.6073611688663636</c:v>
                </c:pt>
                <c:pt idx="1782">
                  <c:v>8.6106152951231252</c:v>
                </c:pt>
                <c:pt idx="1783">
                  <c:v>8.617320767409641</c:v>
                </c:pt>
                <c:pt idx="1784">
                  <c:v>8.6205748936664044</c:v>
                </c:pt>
                <c:pt idx="1785">
                  <c:v>8.6239276298098364</c:v>
                </c:pt>
                <c:pt idx="1786">
                  <c:v>8.6272803659530943</c:v>
                </c:pt>
                <c:pt idx="1787">
                  <c:v>8.6305344922098559</c:v>
                </c:pt>
                <c:pt idx="1788">
                  <c:v>8.6338872283531121</c:v>
                </c:pt>
                <c:pt idx="1789">
                  <c:v>8.63723996449637</c:v>
                </c:pt>
                <c:pt idx="1790">
                  <c:v>8.6404940907531333</c:v>
                </c:pt>
                <c:pt idx="1791">
                  <c:v>8.6438468268965654</c:v>
                </c:pt>
                <c:pt idx="1792">
                  <c:v>8.6471995630398233</c:v>
                </c:pt>
                <c:pt idx="1793">
                  <c:v>8.6505522991830794</c:v>
                </c:pt>
                <c:pt idx="1794">
                  <c:v>8.6538064254398428</c:v>
                </c:pt>
                <c:pt idx="1795">
                  <c:v>8.6571591615832748</c:v>
                </c:pt>
                <c:pt idx="1796">
                  <c:v>8.6605118977265327</c:v>
                </c:pt>
                <c:pt idx="1797">
                  <c:v>8.6637660239832961</c:v>
                </c:pt>
                <c:pt idx="1798">
                  <c:v>8.667118760126554</c:v>
                </c:pt>
                <c:pt idx="1799">
                  <c:v>8.6704714962698102</c:v>
                </c:pt>
                <c:pt idx="1800">
                  <c:v>8.6704714962698102</c:v>
                </c:pt>
                <c:pt idx="1801">
                  <c:v>8.6737256225265735</c:v>
                </c:pt>
                <c:pt idx="1802">
                  <c:v>8.6770783586700055</c:v>
                </c:pt>
                <c:pt idx="1803">
                  <c:v>8.6804310948132617</c:v>
                </c:pt>
                <c:pt idx="1804">
                  <c:v>8.6836852210700251</c:v>
                </c:pt>
                <c:pt idx="1805">
                  <c:v>8.6836852210700251</c:v>
                </c:pt>
                <c:pt idx="1806">
                  <c:v>8.687037957213283</c:v>
                </c:pt>
                <c:pt idx="1807">
                  <c:v>8.690390693356715</c:v>
                </c:pt>
                <c:pt idx="1808">
                  <c:v>8.690390693356715</c:v>
                </c:pt>
                <c:pt idx="1809">
                  <c:v>8.6936448196133025</c:v>
                </c:pt>
                <c:pt idx="1810">
                  <c:v>8.6936448196133025</c:v>
                </c:pt>
                <c:pt idx="1811">
                  <c:v>8.6969975557567363</c:v>
                </c:pt>
                <c:pt idx="1812">
                  <c:v>8.7003502918999924</c:v>
                </c:pt>
                <c:pt idx="1813">
                  <c:v>8.7036044181567558</c:v>
                </c:pt>
                <c:pt idx="1814">
                  <c:v>8.7069571543000137</c:v>
                </c:pt>
                <c:pt idx="1815">
                  <c:v>8.7103098904434457</c:v>
                </c:pt>
                <c:pt idx="1816">
                  <c:v>8.7135640167002091</c:v>
                </c:pt>
                <c:pt idx="1817">
                  <c:v>8.716916752843467</c:v>
                </c:pt>
                <c:pt idx="1818">
                  <c:v>8.7202694889867214</c:v>
                </c:pt>
                <c:pt idx="1819">
                  <c:v>8.7235236152434847</c:v>
                </c:pt>
                <c:pt idx="1820">
                  <c:v>8.7268763513867427</c:v>
                </c:pt>
                <c:pt idx="1821">
                  <c:v>8.7302290875301747</c:v>
                </c:pt>
                <c:pt idx="1822">
                  <c:v>8.7302290875301747</c:v>
                </c:pt>
                <c:pt idx="1823">
                  <c:v>8.733483213786938</c:v>
                </c:pt>
                <c:pt idx="1824">
                  <c:v>8.736835949930196</c:v>
                </c:pt>
                <c:pt idx="1825">
                  <c:v>8.7401886860734521</c:v>
                </c:pt>
                <c:pt idx="1826">
                  <c:v>8.7434428123302155</c:v>
                </c:pt>
                <c:pt idx="1827">
                  <c:v>8.7467955484736475</c:v>
                </c:pt>
                <c:pt idx="1828">
                  <c:v>8.7501482846169054</c:v>
                </c:pt>
                <c:pt idx="1829">
                  <c:v>8.7534024108736688</c:v>
                </c:pt>
                <c:pt idx="1830">
                  <c:v>8.7567551470169267</c:v>
                </c:pt>
                <c:pt idx="1831">
                  <c:v>8.7633620094169444</c:v>
                </c:pt>
                <c:pt idx="1832">
                  <c:v>8.7633620094169444</c:v>
                </c:pt>
                <c:pt idx="1833">
                  <c:v>8.7667147455603782</c:v>
                </c:pt>
                <c:pt idx="1834">
                  <c:v>8.7700674817036344</c:v>
                </c:pt>
                <c:pt idx="1835">
                  <c:v>8.7733216079603977</c:v>
                </c:pt>
                <c:pt idx="1836">
                  <c:v>8.7766743441036557</c:v>
                </c:pt>
                <c:pt idx="1837">
                  <c:v>8.7800270802470877</c:v>
                </c:pt>
                <c:pt idx="1838">
                  <c:v>8.7833798163903456</c:v>
                </c:pt>
                <c:pt idx="1839">
                  <c:v>8.786633942647109</c:v>
                </c:pt>
                <c:pt idx="1840">
                  <c:v>8.7899866787903651</c:v>
                </c:pt>
                <c:pt idx="1841">
                  <c:v>8.793339414933623</c:v>
                </c:pt>
                <c:pt idx="1842">
                  <c:v>8.7965935411903864</c:v>
                </c:pt>
                <c:pt idx="1843">
                  <c:v>8.7999462773338184</c:v>
                </c:pt>
                <c:pt idx="1844">
                  <c:v>8.8032990134770763</c:v>
                </c:pt>
                <c:pt idx="1845">
                  <c:v>8.8032990134770763</c:v>
                </c:pt>
                <c:pt idx="1846">
                  <c:v>8.8099058758770941</c:v>
                </c:pt>
                <c:pt idx="1847">
                  <c:v>8.8132586120205278</c:v>
                </c:pt>
                <c:pt idx="1848">
                  <c:v>8.8165127382771153</c:v>
                </c:pt>
                <c:pt idx="1849">
                  <c:v>8.8198654744205474</c:v>
                </c:pt>
                <c:pt idx="1850">
                  <c:v>8.8232182105638053</c:v>
                </c:pt>
                <c:pt idx="1851">
                  <c:v>8.8198654744205474</c:v>
                </c:pt>
                <c:pt idx="1852">
                  <c:v>8.8198654744205474</c:v>
                </c:pt>
                <c:pt idx="1853">
                  <c:v>8.8198654744205474</c:v>
                </c:pt>
                <c:pt idx="1854">
                  <c:v>8.8232182105638053</c:v>
                </c:pt>
                <c:pt idx="1855">
                  <c:v>8.8298250729638248</c:v>
                </c:pt>
                <c:pt idx="1856">
                  <c:v>8.8298250729638248</c:v>
                </c:pt>
                <c:pt idx="1857">
                  <c:v>8.8264723368205686</c:v>
                </c:pt>
                <c:pt idx="1858">
                  <c:v>8.8264723368205686</c:v>
                </c:pt>
                <c:pt idx="1859">
                  <c:v>8.8264723368205686</c:v>
                </c:pt>
                <c:pt idx="1860">
                  <c:v>8.8298250729638248</c:v>
                </c:pt>
                <c:pt idx="1861">
                  <c:v>8.8298250729638248</c:v>
                </c:pt>
                <c:pt idx="1862">
                  <c:v>8.8298250729638248</c:v>
                </c:pt>
                <c:pt idx="1863">
                  <c:v>8.8331778091072586</c:v>
                </c:pt>
                <c:pt idx="1864">
                  <c:v>8.8364319353640219</c:v>
                </c:pt>
                <c:pt idx="1865">
                  <c:v>8.8364319353640219</c:v>
                </c:pt>
                <c:pt idx="1866">
                  <c:v>8.8397846715072781</c:v>
                </c:pt>
                <c:pt idx="1867">
                  <c:v>8.843137407650536</c:v>
                </c:pt>
                <c:pt idx="1868">
                  <c:v>8.8463915339072994</c:v>
                </c:pt>
                <c:pt idx="1869">
                  <c:v>8.8497442700505538</c:v>
                </c:pt>
                <c:pt idx="1870">
                  <c:v>8.8530970061939875</c:v>
                </c:pt>
                <c:pt idx="1871">
                  <c:v>8.8563511324507509</c:v>
                </c:pt>
                <c:pt idx="1872">
                  <c:v>8.859703868594007</c:v>
                </c:pt>
                <c:pt idx="1873">
                  <c:v>8.863056604737265</c:v>
                </c:pt>
                <c:pt idx="1874">
                  <c:v>8.8663107309940283</c:v>
                </c:pt>
                <c:pt idx="1875">
                  <c:v>8.8696634671374603</c:v>
                </c:pt>
                <c:pt idx="1876">
                  <c:v>8.8796230656807378</c:v>
                </c:pt>
                <c:pt idx="1877">
                  <c:v>8.8862299280807591</c:v>
                </c:pt>
                <c:pt idx="1878">
                  <c:v>8.8895826642241911</c:v>
                </c:pt>
                <c:pt idx="1879">
                  <c:v>8.8961895266242106</c:v>
                </c:pt>
                <c:pt idx="1880">
                  <c:v>8.8929354003674472</c:v>
                </c:pt>
                <c:pt idx="1881">
                  <c:v>8.8961895266242106</c:v>
                </c:pt>
                <c:pt idx="1882">
                  <c:v>8.9062477350541567</c:v>
                </c:pt>
                <c:pt idx="1883">
                  <c:v>8.912854597454178</c:v>
                </c:pt>
                <c:pt idx="1884">
                  <c:v>8.9194614598541975</c:v>
                </c:pt>
                <c:pt idx="1885">
                  <c:v>8.9261669321408874</c:v>
                </c:pt>
                <c:pt idx="1886">
                  <c:v>8.9294210583976508</c:v>
                </c:pt>
                <c:pt idx="1887">
                  <c:v>8.9327737945409087</c:v>
                </c:pt>
                <c:pt idx="1888">
                  <c:v>8.9361265306841648</c:v>
                </c:pt>
                <c:pt idx="1889">
                  <c:v>8.9393806569409264</c:v>
                </c:pt>
                <c:pt idx="1890">
                  <c:v>8.9460861292276164</c:v>
                </c:pt>
                <c:pt idx="1891">
                  <c:v>8.9493402554843797</c:v>
                </c:pt>
                <c:pt idx="1892">
                  <c:v>8.9493402554843797</c:v>
                </c:pt>
                <c:pt idx="1893">
                  <c:v>8.9526929916276377</c:v>
                </c:pt>
                <c:pt idx="1894">
                  <c:v>8.9560457277710697</c:v>
                </c:pt>
                <c:pt idx="1895">
                  <c:v>8.9592998540276589</c:v>
                </c:pt>
                <c:pt idx="1896">
                  <c:v>8.9592998540276589</c:v>
                </c:pt>
                <c:pt idx="1897">
                  <c:v>8.9626525901710909</c:v>
                </c:pt>
                <c:pt idx="1898">
                  <c:v>8.9660053263143471</c:v>
                </c:pt>
                <c:pt idx="1899">
                  <c:v>8.9660053263143471</c:v>
                </c:pt>
                <c:pt idx="1900">
                  <c:v>8.9692594525711105</c:v>
                </c:pt>
                <c:pt idx="1901">
                  <c:v>8.9726121887143684</c:v>
                </c:pt>
                <c:pt idx="1902">
                  <c:v>8.9759649248578004</c:v>
                </c:pt>
                <c:pt idx="1903">
                  <c:v>8.9759649248578004</c:v>
                </c:pt>
                <c:pt idx="1904">
                  <c:v>8.979219051114562</c:v>
                </c:pt>
                <c:pt idx="1905">
                  <c:v>8.9825717872578199</c:v>
                </c:pt>
                <c:pt idx="1906">
                  <c:v>8.9825717872578199</c:v>
                </c:pt>
                <c:pt idx="1907">
                  <c:v>8.9859245234010778</c:v>
                </c:pt>
                <c:pt idx="1908">
                  <c:v>8.9891786496578394</c:v>
                </c:pt>
                <c:pt idx="1909">
                  <c:v>8.9891786496578394</c:v>
                </c:pt>
                <c:pt idx="1910">
                  <c:v>8.9925313858010973</c:v>
                </c:pt>
                <c:pt idx="1911">
                  <c:v>8.9958841219445294</c:v>
                </c:pt>
                <c:pt idx="1912">
                  <c:v>8.9958841219445294</c:v>
                </c:pt>
                <c:pt idx="1913">
                  <c:v>8.9991382482012927</c:v>
                </c:pt>
                <c:pt idx="1914">
                  <c:v>9.0024909843445506</c:v>
                </c:pt>
                <c:pt idx="1915">
                  <c:v>9.0024909843445506</c:v>
                </c:pt>
                <c:pt idx="1916">
                  <c:v>9.0058437204878086</c:v>
                </c:pt>
                <c:pt idx="1917">
                  <c:v>9.0090978467445701</c:v>
                </c:pt>
                <c:pt idx="1918">
                  <c:v>9.0090978467445701</c:v>
                </c:pt>
                <c:pt idx="1919">
                  <c:v>9.0124505828880039</c:v>
                </c:pt>
                <c:pt idx="1920">
                  <c:v>9.0158033190312601</c:v>
                </c:pt>
                <c:pt idx="1921">
                  <c:v>9.0190574452880234</c:v>
                </c:pt>
                <c:pt idx="1922">
                  <c:v>9.0190574452880234</c:v>
                </c:pt>
                <c:pt idx="1923">
                  <c:v>9.0224101814312796</c:v>
                </c:pt>
                <c:pt idx="1924">
                  <c:v>9.0257629175745375</c:v>
                </c:pt>
                <c:pt idx="1925">
                  <c:v>9.0290170438312991</c:v>
                </c:pt>
                <c:pt idx="1926">
                  <c:v>9.0323697799747329</c:v>
                </c:pt>
                <c:pt idx="1927">
                  <c:v>9.0323697799747329</c:v>
                </c:pt>
                <c:pt idx="1928">
                  <c:v>9.035722516117989</c:v>
                </c:pt>
                <c:pt idx="1929">
                  <c:v>9.039075252261247</c:v>
                </c:pt>
                <c:pt idx="1930">
                  <c:v>9.0423293785180103</c:v>
                </c:pt>
                <c:pt idx="1931">
                  <c:v>9.0456821146614423</c:v>
                </c:pt>
                <c:pt idx="1932">
                  <c:v>9.0456821146614423</c:v>
                </c:pt>
                <c:pt idx="1933">
                  <c:v>9.0490348508047003</c:v>
                </c:pt>
                <c:pt idx="1934">
                  <c:v>9.0522889770614636</c:v>
                </c:pt>
                <c:pt idx="1935">
                  <c:v>9.0556417132047216</c:v>
                </c:pt>
                <c:pt idx="1936">
                  <c:v>9.0589944493479777</c:v>
                </c:pt>
                <c:pt idx="1937">
                  <c:v>9.0622485756047411</c:v>
                </c:pt>
                <c:pt idx="1938">
                  <c:v>9.0656013117481713</c:v>
                </c:pt>
                <c:pt idx="1939">
                  <c:v>9.0689540478914292</c:v>
                </c:pt>
                <c:pt idx="1940">
                  <c:v>9.0722081741481926</c:v>
                </c:pt>
                <c:pt idx="1941">
                  <c:v>9.0789136464348825</c:v>
                </c:pt>
                <c:pt idx="1942">
                  <c:v>9.08216777269147</c:v>
                </c:pt>
                <c:pt idx="1943">
                  <c:v>9.085520508834902</c:v>
                </c:pt>
                <c:pt idx="1944">
                  <c:v>9.08887324497816</c:v>
                </c:pt>
                <c:pt idx="1945">
                  <c:v>9.0921273712349233</c:v>
                </c:pt>
                <c:pt idx="1946">
                  <c:v>9.0921273712349233</c:v>
                </c:pt>
                <c:pt idx="1947">
                  <c:v>9.0954801073781812</c:v>
                </c:pt>
                <c:pt idx="1948">
                  <c:v>9.0988328435216133</c:v>
                </c:pt>
                <c:pt idx="1949">
                  <c:v>9.1020869697783766</c:v>
                </c:pt>
                <c:pt idx="1950">
                  <c:v>9.1054397059216328</c:v>
                </c:pt>
                <c:pt idx="1951">
                  <c:v>9.1054397059216328</c:v>
                </c:pt>
                <c:pt idx="1952">
                  <c:v>9.1087924420648889</c:v>
                </c:pt>
                <c:pt idx="1953">
                  <c:v>9.1120465683216523</c:v>
                </c:pt>
                <c:pt idx="1954">
                  <c:v>9.1153993044649102</c:v>
                </c:pt>
                <c:pt idx="1955">
                  <c:v>9.1153993044649102</c:v>
                </c:pt>
                <c:pt idx="1956">
                  <c:v>9.1187520406083422</c:v>
                </c:pt>
                <c:pt idx="1957">
                  <c:v>9.1220061668651056</c:v>
                </c:pt>
                <c:pt idx="1958">
                  <c:v>9.1253589030083617</c:v>
                </c:pt>
                <c:pt idx="1959">
                  <c:v>9.1287116391516197</c:v>
                </c:pt>
                <c:pt idx="1960">
                  <c:v>9.131965765408383</c:v>
                </c:pt>
                <c:pt idx="1961">
                  <c:v>9.135318501551815</c:v>
                </c:pt>
                <c:pt idx="1962">
                  <c:v>9.1386712376950729</c:v>
                </c:pt>
                <c:pt idx="1963">
                  <c:v>9.1386712376950729</c:v>
                </c:pt>
                <c:pt idx="1964">
                  <c:v>9.1419253639518363</c:v>
                </c:pt>
                <c:pt idx="1965">
                  <c:v>9.1452781000950942</c:v>
                </c:pt>
                <c:pt idx="1966">
                  <c:v>9.1486308362383504</c:v>
                </c:pt>
                <c:pt idx="1967">
                  <c:v>9.151884962495112</c:v>
                </c:pt>
                <c:pt idx="1968">
                  <c:v>9.155237698638544</c:v>
                </c:pt>
                <c:pt idx="1969">
                  <c:v>9.1585904347818019</c:v>
                </c:pt>
                <c:pt idx="1970">
                  <c:v>9.1618445610385653</c:v>
                </c:pt>
                <c:pt idx="1971">
                  <c:v>9.1618445610385653</c:v>
                </c:pt>
                <c:pt idx="1972">
                  <c:v>9.1651972971818232</c:v>
                </c:pt>
                <c:pt idx="1973">
                  <c:v>9.1685500333252552</c:v>
                </c:pt>
                <c:pt idx="1974">
                  <c:v>9.1719027694685131</c:v>
                </c:pt>
                <c:pt idx="1975">
                  <c:v>9.1751568957252747</c:v>
                </c:pt>
                <c:pt idx="1976">
                  <c:v>9.1751568957252747</c:v>
                </c:pt>
                <c:pt idx="1977">
                  <c:v>9.1785096318685326</c:v>
                </c:pt>
                <c:pt idx="1978">
                  <c:v>9.1818623680117906</c:v>
                </c:pt>
                <c:pt idx="1979">
                  <c:v>9.1851164942685539</c:v>
                </c:pt>
                <c:pt idx="1980">
                  <c:v>9.1884692304119859</c:v>
                </c:pt>
                <c:pt idx="1981">
                  <c:v>9.1918219665552439</c:v>
                </c:pt>
                <c:pt idx="1982">
                  <c:v>9.1950760928120054</c:v>
                </c:pt>
                <c:pt idx="1983">
                  <c:v>9.1950760928120054</c:v>
                </c:pt>
                <c:pt idx="1984">
                  <c:v>9.1984288289552616</c:v>
                </c:pt>
                <c:pt idx="1985">
                  <c:v>9.2017815650986936</c:v>
                </c:pt>
                <c:pt idx="1986">
                  <c:v>9.2050356913552829</c:v>
                </c:pt>
                <c:pt idx="1987">
                  <c:v>9.2083884274987149</c:v>
                </c:pt>
                <c:pt idx="1988">
                  <c:v>9.2117411636419728</c:v>
                </c:pt>
                <c:pt idx="1989">
                  <c:v>9.2117411636419728</c:v>
                </c:pt>
                <c:pt idx="1990">
                  <c:v>9.2149952898987362</c:v>
                </c:pt>
                <c:pt idx="1991">
                  <c:v>9.2149952898987362</c:v>
                </c:pt>
                <c:pt idx="1992">
                  <c:v>9.2183480260419923</c:v>
                </c:pt>
                <c:pt idx="1993">
                  <c:v>9.2183480260419923</c:v>
                </c:pt>
                <c:pt idx="1994">
                  <c:v>9.2217007621854243</c:v>
                </c:pt>
                <c:pt idx="1995">
                  <c:v>9.2217007621854243</c:v>
                </c:pt>
                <c:pt idx="1996">
                  <c:v>9.2249548884421877</c:v>
                </c:pt>
                <c:pt idx="1997">
                  <c:v>9.2283076245854456</c:v>
                </c:pt>
                <c:pt idx="1998">
                  <c:v>9.2316603607287036</c:v>
                </c:pt>
                <c:pt idx="1999">
                  <c:v>9.2316603607287036</c:v>
                </c:pt>
                <c:pt idx="2000">
                  <c:v>9.2349144869854669</c:v>
                </c:pt>
                <c:pt idx="2001">
                  <c:v>9.2382672231287213</c:v>
                </c:pt>
                <c:pt idx="2002">
                  <c:v>9.2416199592721551</c:v>
                </c:pt>
                <c:pt idx="2003">
                  <c:v>9.2448740855289167</c:v>
                </c:pt>
                <c:pt idx="2004">
                  <c:v>9.2482268216721746</c:v>
                </c:pt>
                <c:pt idx="2005">
                  <c:v>9.2515795578154325</c:v>
                </c:pt>
                <c:pt idx="2006">
                  <c:v>9.2548336840721959</c:v>
                </c:pt>
                <c:pt idx="2007">
                  <c:v>9.258186420215452</c:v>
                </c:pt>
                <c:pt idx="2008">
                  <c:v>9.2615391563588858</c:v>
                </c:pt>
                <c:pt idx="2009">
                  <c:v>9.2647932826156474</c:v>
                </c:pt>
                <c:pt idx="2010">
                  <c:v>9.2647932826156474</c:v>
                </c:pt>
                <c:pt idx="2011">
                  <c:v>9.2681460187589053</c:v>
                </c:pt>
                <c:pt idx="2012">
                  <c:v>9.2681460187589053</c:v>
                </c:pt>
                <c:pt idx="2013">
                  <c:v>9.2714987549021632</c:v>
                </c:pt>
                <c:pt idx="2014">
                  <c:v>9.2747528811589266</c:v>
                </c:pt>
                <c:pt idx="2015">
                  <c:v>9.2781056173023568</c:v>
                </c:pt>
                <c:pt idx="2016">
                  <c:v>9.2814583534456148</c:v>
                </c:pt>
                <c:pt idx="2017">
                  <c:v>9.2847124797023781</c:v>
                </c:pt>
                <c:pt idx="2018">
                  <c:v>9.2847124797023781</c:v>
                </c:pt>
                <c:pt idx="2019">
                  <c:v>9.2880652158456343</c:v>
                </c:pt>
                <c:pt idx="2020">
                  <c:v>9.2914179519888922</c:v>
                </c:pt>
                <c:pt idx="2021">
                  <c:v>9.2947706881323242</c:v>
                </c:pt>
                <c:pt idx="2022">
                  <c:v>9.2980248143890876</c:v>
                </c:pt>
                <c:pt idx="2023">
                  <c:v>9.3013775505323455</c:v>
                </c:pt>
                <c:pt idx="2024">
                  <c:v>9.3047302866756016</c:v>
                </c:pt>
                <c:pt idx="2025">
                  <c:v>9.307984412932365</c:v>
                </c:pt>
                <c:pt idx="2026">
                  <c:v>9.3113371490757988</c:v>
                </c:pt>
                <c:pt idx="2027">
                  <c:v>9.3113371490757988</c:v>
                </c:pt>
                <c:pt idx="2028">
                  <c:v>9.3146898852190549</c:v>
                </c:pt>
                <c:pt idx="2029">
                  <c:v>9.3146898852190549</c:v>
                </c:pt>
                <c:pt idx="2030">
                  <c:v>9.3179440114758183</c:v>
                </c:pt>
                <c:pt idx="2031">
                  <c:v>9.3212967476190762</c:v>
                </c:pt>
                <c:pt idx="2032">
                  <c:v>9.3246494837623306</c:v>
                </c:pt>
                <c:pt idx="2033">
                  <c:v>9.327903610019094</c:v>
                </c:pt>
                <c:pt idx="2034">
                  <c:v>9.3312563461625277</c:v>
                </c:pt>
                <c:pt idx="2035">
                  <c:v>9.3346090823057839</c:v>
                </c:pt>
                <c:pt idx="2036">
                  <c:v>9.3412159447058052</c:v>
                </c:pt>
                <c:pt idx="2037">
                  <c:v>9.3445686808492372</c:v>
                </c:pt>
                <c:pt idx="2038">
                  <c:v>9.3478228071058247</c:v>
                </c:pt>
                <c:pt idx="2039">
                  <c:v>9.3478228071058247</c:v>
                </c:pt>
                <c:pt idx="2040">
                  <c:v>9.3511755432492585</c:v>
                </c:pt>
                <c:pt idx="2041">
                  <c:v>9.3545282793925146</c:v>
                </c:pt>
                <c:pt idx="2042">
                  <c:v>9.357782405649278</c:v>
                </c:pt>
                <c:pt idx="2043">
                  <c:v>9.3611351417925359</c:v>
                </c:pt>
                <c:pt idx="2044">
                  <c:v>9.3644878779359679</c:v>
                </c:pt>
                <c:pt idx="2045">
                  <c:v>9.3677420041927295</c:v>
                </c:pt>
                <c:pt idx="2046">
                  <c:v>9.3710947403359874</c:v>
                </c:pt>
                <c:pt idx="2047">
                  <c:v>9.3744474764792436</c:v>
                </c:pt>
                <c:pt idx="2048">
                  <c:v>9.3777016027360069</c:v>
                </c:pt>
                <c:pt idx="2049">
                  <c:v>9.3777016027360069</c:v>
                </c:pt>
                <c:pt idx="2050">
                  <c:v>9.3810543388792649</c:v>
                </c:pt>
                <c:pt idx="2051">
                  <c:v>9.3844070750226969</c:v>
                </c:pt>
                <c:pt idx="2052">
                  <c:v>9.3876612012794602</c:v>
                </c:pt>
                <c:pt idx="2053">
                  <c:v>9.3910139374227182</c:v>
                </c:pt>
                <c:pt idx="2054">
                  <c:v>9.3943666735659743</c:v>
                </c:pt>
                <c:pt idx="2055">
                  <c:v>9.3976207998227377</c:v>
                </c:pt>
                <c:pt idx="2056">
                  <c:v>9.3976207998227377</c:v>
                </c:pt>
                <c:pt idx="2057">
                  <c:v>9.4009735359661715</c:v>
                </c:pt>
                <c:pt idx="2058">
                  <c:v>9.4009735359661715</c:v>
                </c:pt>
                <c:pt idx="2059">
                  <c:v>9.4043262721094276</c:v>
                </c:pt>
                <c:pt idx="2060">
                  <c:v>9.4075803983661892</c:v>
                </c:pt>
                <c:pt idx="2061">
                  <c:v>9.4075803983661892</c:v>
                </c:pt>
                <c:pt idx="2062">
                  <c:v>9.4109331345094471</c:v>
                </c:pt>
                <c:pt idx="2063">
                  <c:v>9.4142858706527033</c:v>
                </c:pt>
                <c:pt idx="2064">
                  <c:v>9.4142858706527033</c:v>
                </c:pt>
                <c:pt idx="2065">
                  <c:v>9.4175399969094666</c:v>
                </c:pt>
                <c:pt idx="2066">
                  <c:v>9.4208927330529004</c:v>
                </c:pt>
                <c:pt idx="2067">
                  <c:v>9.4242454691961566</c:v>
                </c:pt>
                <c:pt idx="2068">
                  <c:v>9.4242454691961566</c:v>
                </c:pt>
                <c:pt idx="2069">
                  <c:v>9.4275982053394145</c:v>
                </c:pt>
                <c:pt idx="2070">
                  <c:v>9.4308523315961779</c:v>
                </c:pt>
                <c:pt idx="2071">
                  <c:v>9.4308523315961779</c:v>
                </c:pt>
                <c:pt idx="2072">
                  <c:v>9.4342050677396099</c:v>
                </c:pt>
                <c:pt idx="2073">
                  <c:v>9.4375578038828678</c:v>
                </c:pt>
                <c:pt idx="2074">
                  <c:v>9.4375578038828678</c:v>
                </c:pt>
                <c:pt idx="2075">
                  <c:v>9.4408119301396312</c:v>
                </c:pt>
                <c:pt idx="2076">
                  <c:v>9.4441646662828873</c:v>
                </c:pt>
                <c:pt idx="2077">
                  <c:v>9.4441646662828873</c:v>
                </c:pt>
                <c:pt idx="2078">
                  <c:v>9.4475174024261452</c:v>
                </c:pt>
                <c:pt idx="2079">
                  <c:v>9.4507715286829068</c:v>
                </c:pt>
                <c:pt idx="2080">
                  <c:v>9.4541242648263388</c:v>
                </c:pt>
                <c:pt idx="2081">
                  <c:v>9.4574770009695968</c:v>
                </c:pt>
                <c:pt idx="2082">
                  <c:v>9.4607311272263601</c:v>
                </c:pt>
                <c:pt idx="2083">
                  <c:v>9.4607311272263601</c:v>
                </c:pt>
                <c:pt idx="2084">
                  <c:v>9.4640838633696163</c:v>
                </c:pt>
                <c:pt idx="2085">
                  <c:v>9.4674365995130501</c:v>
                </c:pt>
                <c:pt idx="2086">
                  <c:v>9.4674365995130501</c:v>
                </c:pt>
                <c:pt idx="2087">
                  <c:v>9.4706907257696376</c:v>
                </c:pt>
                <c:pt idx="2088">
                  <c:v>9.4740434619130696</c:v>
                </c:pt>
                <c:pt idx="2089">
                  <c:v>9.4740434619130696</c:v>
                </c:pt>
                <c:pt idx="2090">
                  <c:v>9.4773961980563275</c:v>
                </c:pt>
                <c:pt idx="2091">
                  <c:v>9.4806503243130908</c:v>
                </c:pt>
                <c:pt idx="2092">
                  <c:v>9.484003060456347</c:v>
                </c:pt>
                <c:pt idx="2093">
                  <c:v>9.484003060456347</c:v>
                </c:pt>
                <c:pt idx="2094">
                  <c:v>9.4873557965997808</c:v>
                </c:pt>
                <c:pt idx="2095">
                  <c:v>9.4906099228565441</c:v>
                </c:pt>
                <c:pt idx="2096">
                  <c:v>9.4973153951430564</c:v>
                </c:pt>
                <c:pt idx="2097">
                  <c:v>9.5005695213998198</c:v>
                </c:pt>
                <c:pt idx="2098">
                  <c:v>9.5039222575430777</c:v>
                </c:pt>
                <c:pt idx="2099">
                  <c:v>9.5072749936865097</c:v>
                </c:pt>
                <c:pt idx="2100">
                  <c:v>9.5105291199432731</c:v>
                </c:pt>
                <c:pt idx="2101">
                  <c:v>9.5172345922297872</c:v>
                </c:pt>
                <c:pt idx="2102">
                  <c:v>9.5204887184865505</c:v>
                </c:pt>
                <c:pt idx="2103">
                  <c:v>9.5238414546299826</c:v>
                </c:pt>
                <c:pt idx="2104">
                  <c:v>9.5271941907732405</c:v>
                </c:pt>
                <c:pt idx="2105">
                  <c:v>9.5304483170300038</c:v>
                </c:pt>
                <c:pt idx="2106">
                  <c:v>9.5304483170300038</c:v>
                </c:pt>
                <c:pt idx="2107">
                  <c:v>9.53380105317326</c:v>
                </c:pt>
                <c:pt idx="2108">
                  <c:v>9.5371537893165179</c:v>
                </c:pt>
                <c:pt idx="2109">
                  <c:v>9.5404079155732795</c:v>
                </c:pt>
                <c:pt idx="2110">
                  <c:v>9.5437606517167115</c:v>
                </c:pt>
                <c:pt idx="2111">
                  <c:v>9.5471133878599694</c:v>
                </c:pt>
                <c:pt idx="2112">
                  <c:v>9.5504661240032274</c:v>
                </c:pt>
                <c:pt idx="2113">
                  <c:v>9.5537202502599889</c:v>
                </c:pt>
                <c:pt idx="2114">
                  <c:v>9.5570729864032469</c:v>
                </c:pt>
                <c:pt idx="2115">
                  <c:v>9.5604257225466789</c:v>
                </c:pt>
                <c:pt idx="2116">
                  <c:v>9.5604257225466789</c:v>
                </c:pt>
                <c:pt idx="2117">
                  <c:v>9.5636798488034422</c:v>
                </c:pt>
                <c:pt idx="2118">
                  <c:v>9.5670325849467002</c:v>
                </c:pt>
                <c:pt idx="2119">
                  <c:v>9.5703853210899581</c:v>
                </c:pt>
                <c:pt idx="2120">
                  <c:v>9.5736394473467197</c:v>
                </c:pt>
                <c:pt idx="2121">
                  <c:v>9.5769921834901535</c:v>
                </c:pt>
                <c:pt idx="2122">
                  <c:v>9.5803449196334078</c:v>
                </c:pt>
                <c:pt idx="2123">
                  <c:v>9.5803449196334078</c:v>
                </c:pt>
                <c:pt idx="2124">
                  <c:v>9.5835990458901712</c:v>
                </c:pt>
                <c:pt idx="2125">
                  <c:v>9.5869517820334291</c:v>
                </c:pt>
                <c:pt idx="2126">
                  <c:v>9.5869517820334291</c:v>
                </c:pt>
                <c:pt idx="2127">
                  <c:v>9.5903045181766871</c:v>
                </c:pt>
                <c:pt idx="2128">
                  <c:v>9.5935586444334504</c:v>
                </c:pt>
                <c:pt idx="2129">
                  <c:v>9.5969113805768824</c:v>
                </c:pt>
                <c:pt idx="2130">
                  <c:v>9.6002641167201404</c:v>
                </c:pt>
                <c:pt idx="2131">
                  <c:v>9.6035182429769019</c:v>
                </c:pt>
                <c:pt idx="2132">
                  <c:v>9.6068709791201599</c:v>
                </c:pt>
                <c:pt idx="2133">
                  <c:v>9.6102237152635919</c:v>
                </c:pt>
                <c:pt idx="2134">
                  <c:v>9.6102237152635919</c:v>
                </c:pt>
                <c:pt idx="2135">
                  <c:v>9.6134778415201811</c:v>
                </c:pt>
                <c:pt idx="2136">
                  <c:v>9.6168305776636132</c:v>
                </c:pt>
                <c:pt idx="2137">
                  <c:v>9.6201833138068711</c:v>
                </c:pt>
                <c:pt idx="2138">
                  <c:v>9.6201833138068711</c:v>
                </c:pt>
                <c:pt idx="2139">
                  <c:v>9.6234374400636309</c:v>
                </c:pt>
                <c:pt idx="2140">
                  <c:v>9.6267901762068888</c:v>
                </c:pt>
                <c:pt idx="2141">
                  <c:v>9.6301429123503208</c:v>
                </c:pt>
                <c:pt idx="2142">
                  <c:v>9.6333970386070842</c:v>
                </c:pt>
                <c:pt idx="2143">
                  <c:v>9.6333970386070842</c:v>
                </c:pt>
                <c:pt idx="2144">
                  <c:v>9.6367497747503421</c:v>
                </c:pt>
                <c:pt idx="2145">
                  <c:v>9.6401025108936</c:v>
                </c:pt>
                <c:pt idx="2146">
                  <c:v>9.6433566371503616</c:v>
                </c:pt>
                <c:pt idx="2147">
                  <c:v>9.6467093732936195</c:v>
                </c:pt>
                <c:pt idx="2148">
                  <c:v>9.6467093732936195</c:v>
                </c:pt>
                <c:pt idx="2149">
                  <c:v>9.6500621094370516</c:v>
                </c:pt>
                <c:pt idx="2150">
                  <c:v>9.6533162356938149</c:v>
                </c:pt>
                <c:pt idx="2151">
                  <c:v>9.6533162356938149</c:v>
                </c:pt>
                <c:pt idx="2152">
                  <c:v>9.6566689718370728</c:v>
                </c:pt>
                <c:pt idx="2153">
                  <c:v>9.6600217079803308</c:v>
                </c:pt>
                <c:pt idx="2154">
                  <c:v>9.6632758342370941</c:v>
                </c:pt>
                <c:pt idx="2155">
                  <c:v>9.6666285703805244</c:v>
                </c:pt>
                <c:pt idx="2156">
                  <c:v>9.6699813065237823</c:v>
                </c:pt>
                <c:pt idx="2157">
                  <c:v>9.6699813065237823</c:v>
                </c:pt>
                <c:pt idx="2158">
                  <c:v>9.6732354327805439</c:v>
                </c:pt>
                <c:pt idx="2159">
                  <c:v>9.6765881689238018</c:v>
                </c:pt>
                <c:pt idx="2160">
                  <c:v>9.6799409050670597</c:v>
                </c:pt>
                <c:pt idx="2161">
                  <c:v>9.6832936412104917</c:v>
                </c:pt>
                <c:pt idx="2162">
                  <c:v>9.6832936412104917</c:v>
                </c:pt>
                <c:pt idx="2163">
                  <c:v>9.6865477674672551</c:v>
                </c:pt>
                <c:pt idx="2164">
                  <c:v>9.689900503610513</c:v>
                </c:pt>
                <c:pt idx="2165">
                  <c:v>9.6932532397537692</c:v>
                </c:pt>
                <c:pt idx="2166">
                  <c:v>9.6965073660105325</c:v>
                </c:pt>
                <c:pt idx="2167">
                  <c:v>9.6998601021539645</c:v>
                </c:pt>
                <c:pt idx="2168">
                  <c:v>9.7032128382972225</c:v>
                </c:pt>
                <c:pt idx="2169">
                  <c:v>9.7064669645539858</c:v>
                </c:pt>
                <c:pt idx="2170">
                  <c:v>9.709819700697242</c:v>
                </c:pt>
                <c:pt idx="2171">
                  <c:v>9.709819700697242</c:v>
                </c:pt>
                <c:pt idx="2172">
                  <c:v>9.7131724368404981</c:v>
                </c:pt>
                <c:pt idx="2173">
                  <c:v>9.7164265630972615</c:v>
                </c:pt>
                <c:pt idx="2174">
                  <c:v>9.7197792992406935</c:v>
                </c:pt>
                <c:pt idx="2175">
                  <c:v>9.7231320353839514</c:v>
                </c:pt>
                <c:pt idx="2176">
                  <c:v>9.7263861616407148</c:v>
                </c:pt>
                <c:pt idx="2177">
                  <c:v>9.7297388977839727</c:v>
                </c:pt>
                <c:pt idx="2178">
                  <c:v>9.7330916339274047</c:v>
                </c:pt>
                <c:pt idx="2179">
                  <c:v>9.7363457601839922</c:v>
                </c:pt>
                <c:pt idx="2180">
                  <c:v>9.7363457601839922</c:v>
                </c:pt>
                <c:pt idx="2181">
                  <c:v>9.7396984963274242</c:v>
                </c:pt>
                <c:pt idx="2182">
                  <c:v>9.7396984963274242</c:v>
                </c:pt>
                <c:pt idx="2183">
                  <c:v>9.7430512324706822</c:v>
                </c:pt>
                <c:pt idx="2184">
                  <c:v>9.7463053587274455</c:v>
                </c:pt>
                <c:pt idx="2185">
                  <c:v>9.7463053587274455</c:v>
                </c:pt>
                <c:pt idx="2186">
                  <c:v>9.7496580948707035</c:v>
                </c:pt>
                <c:pt idx="2187">
                  <c:v>9.7530108310141337</c:v>
                </c:pt>
                <c:pt idx="2188">
                  <c:v>9.756264957270897</c:v>
                </c:pt>
                <c:pt idx="2189">
                  <c:v>9.759617693414155</c:v>
                </c:pt>
                <c:pt idx="2190">
                  <c:v>9.7629704295574111</c:v>
                </c:pt>
                <c:pt idx="2191">
                  <c:v>9.7629704295574111</c:v>
                </c:pt>
                <c:pt idx="2192">
                  <c:v>9.7662245558141745</c:v>
                </c:pt>
                <c:pt idx="2193">
                  <c:v>9.7662245558141745</c:v>
                </c:pt>
                <c:pt idx="2194">
                  <c:v>9.7695772919574324</c:v>
                </c:pt>
                <c:pt idx="2195">
                  <c:v>9.7729300281008644</c:v>
                </c:pt>
                <c:pt idx="2196">
                  <c:v>9.7729300281008644</c:v>
                </c:pt>
                <c:pt idx="2197">
                  <c:v>9.7761841543576278</c:v>
                </c:pt>
                <c:pt idx="2198">
                  <c:v>9.7795368905008857</c:v>
                </c:pt>
                <c:pt idx="2199">
                  <c:v>9.7795368905008857</c:v>
                </c:pt>
                <c:pt idx="2200">
                  <c:v>9.7828896266441419</c:v>
                </c:pt>
                <c:pt idx="2201">
                  <c:v>9.7861437529009052</c:v>
                </c:pt>
                <c:pt idx="2202">
                  <c:v>9.7861437529009052</c:v>
                </c:pt>
                <c:pt idx="2203">
                  <c:v>9.7894964890443372</c:v>
                </c:pt>
                <c:pt idx="2204">
                  <c:v>9.7928492251875952</c:v>
                </c:pt>
                <c:pt idx="2205">
                  <c:v>9.7961033514443567</c:v>
                </c:pt>
                <c:pt idx="2206">
                  <c:v>9.7994560875876147</c:v>
                </c:pt>
                <c:pt idx="2207">
                  <c:v>9.7994560875876147</c:v>
                </c:pt>
                <c:pt idx="2208">
                  <c:v>9.8028088237308708</c:v>
                </c:pt>
                <c:pt idx="2209">
                  <c:v>9.8061615598743046</c:v>
                </c:pt>
                <c:pt idx="2210">
                  <c:v>9.8061615598743046</c:v>
                </c:pt>
                <c:pt idx="2211">
                  <c:v>9.8094156861310662</c:v>
                </c:pt>
                <c:pt idx="2212">
                  <c:v>9.8127684222743241</c:v>
                </c:pt>
                <c:pt idx="2213">
                  <c:v>9.816121158417582</c:v>
                </c:pt>
                <c:pt idx="2214">
                  <c:v>9.8193752846743454</c:v>
                </c:pt>
                <c:pt idx="2215">
                  <c:v>9.8193752846743454</c:v>
                </c:pt>
                <c:pt idx="2216">
                  <c:v>9.8227280208177774</c:v>
                </c:pt>
                <c:pt idx="2217">
                  <c:v>9.8260807569610353</c:v>
                </c:pt>
                <c:pt idx="2218">
                  <c:v>9.8293348832177987</c:v>
                </c:pt>
                <c:pt idx="2219">
                  <c:v>9.8326876193610548</c:v>
                </c:pt>
                <c:pt idx="2220">
                  <c:v>9.8360403555043128</c:v>
                </c:pt>
                <c:pt idx="2221">
                  <c:v>9.8392944817610744</c:v>
                </c:pt>
                <c:pt idx="2222">
                  <c:v>9.8426472179045064</c:v>
                </c:pt>
                <c:pt idx="2223">
                  <c:v>9.8459999540477643</c:v>
                </c:pt>
                <c:pt idx="2224">
                  <c:v>9.8492540803045276</c:v>
                </c:pt>
                <c:pt idx="2225">
                  <c:v>9.8526068164477838</c:v>
                </c:pt>
                <c:pt idx="2226">
                  <c:v>9.8559595525910417</c:v>
                </c:pt>
                <c:pt idx="2227">
                  <c:v>9.8559595525910417</c:v>
                </c:pt>
                <c:pt idx="2228">
                  <c:v>9.8592136788478051</c:v>
                </c:pt>
                <c:pt idx="2229">
                  <c:v>9.8625664149912371</c:v>
                </c:pt>
                <c:pt idx="2230">
                  <c:v>9.8625664149912371</c:v>
                </c:pt>
                <c:pt idx="2231">
                  <c:v>9.865919151134495</c:v>
                </c:pt>
                <c:pt idx="2232">
                  <c:v>9.8691732773912584</c:v>
                </c:pt>
                <c:pt idx="2233">
                  <c:v>9.8691732773912584</c:v>
                </c:pt>
                <c:pt idx="2234">
                  <c:v>9.8725260135345145</c:v>
                </c:pt>
                <c:pt idx="2235">
                  <c:v>9.8758787496779483</c:v>
                </c:pt>
                <c:pt idx="2236">
                  <c:v>9.8791328759345358</c:v>
                </c:pt>
                <c:pt idx="2237">
                  <c:v>9.8824856120779661</c:v>
                </c:pt>
                <c:pt idx="2238">
                  <c:v>9.8824856120779661</c:v>
                </c:pt>
                <c:pt idx="2239">
                  <c:v>9.885838348221224</c:v>
                </c:pt>
                <c:pt idx="2240">
                  <c:v>9.885838348221224</c:v>
                </c:pt>
                <c:pt idx="2241">
                  <c:v>9.8890924744779873</c:v>
                </c:pt>
                <c:pt idx="2242">
                  <c:v>9.8924452106212435</c:v>
                </c:pt>
                <c:pt idx="2243">
                  <c:v>9.8924452106212435</c:v>
                </c:pt>
                <c:pt idx="2244">
                  <c:v>9.8957979467646773</c:v>
                </c:pt>
                <c:pt idx="2245">
                  <c:v>9.8957979467646773</c:v>
                </c:pt>
                <c:pt idx="2246">
                  <c:v>9.8990520730214406</c:v>
                </c:pt>
                <c:pt idx="2247">
                  <c:v>9.8990520730214406</c:v>
                </c:pt>
                <c:pt idx="2248">
                  <c:v>9.9024048091646968</c:v>
                </c:pt>
                <c:pt idx="2249">
                  <c:v>9.9057575453079547</c:v>
                </c:pt>
                <c:pt idx="2250">
                  <c:v>9.9057575453079547</c:v>
                </c:pt>
                <c:pt idx="2251">
                  <c:v>9.9090116715647181</c:v>
                </c:pt>
                <c:pt idx="2252">
                  <c:v>9.9123644077079742</c:v>
                </c:pt>
                <c:pt idx="2253">
                  <c:v>9.915717143851408</c:v>
                </c:pt>
                <c:pt idx="2254">
                  <c:v>9.9189712701081714</c:v>
                </c:pt>
                <c:pt idx="2255">
                  <c:v>9.9223240062514275</c:v>
                </c:pt>
                <c:pt idx="2256">
                  <c:v>9.9256767423946837</c:v>
                </c:pt>
                <c:pt idx="2257">
                  <c:v>9.928930868651447</c:v>
                </c:pt>
                <c:pt idx="2258">
                  <c:v>9.932283604794879</c:v>
                </c:pt>
                <c:pt idx="2259">
                  <c:v>9.935636340938137</c:v>
                </c:pt>
                <c:pt idx="2260">
                  <c:v>9.9389890770813931</c:v>
                </c:pt>
                <c:pt idx="2261">
                  <c:v>9.9389890770813931</c:v>
                </c:pt>
                <c:pt idx="2262">
                  <c:v>9.9422432033381565</c:v>
                </c:pt>
                <c:pt idx="2263">
                  <c:v>9.9455959394814144</c:v>
                </c:pt>
                <c:pt idx="2264">
                  <c:v>9.9489486756248464</c:v>
                </c:pt>
                <c:pt idx="2265">
                  <c:v>9.9522028018816098</c:v>
                </c:pt>
                <c:pt idx="2266">
                  <c:v>9.9555555380248677</c:v>
                </c:pt>
                <c:pt idx="2267">
                  <c:v>9.9589082741681239</c:v>
                </c:pt>
                <c:pt idx="2268">
                  <c:v>9.9621624004248872</c:v>
                </c:pt>
                <c:pt idx="2269">
                  <c:v>9.965515136568321</c:v>
                </c:pt>
                <c:pt idx="2270">
                  <c:v>9.9688678727115754</c:v>
                </c:pt>
                <c:pt idx="2271">
                  <c:v>9.9688678727115754</c:v>
                </c:pt>
                <c:pt idx="2272">
                  <c:v>9.9721219989683387</c:v>
                </c:pt>
                <c:pt idx="2273">
                  <c:v>9.9754747351115967</c:v>
                </c:pt>
                <c:pt idx="2274">
                  <c:v>9.9788274712548546</c:v>
                </c:pt>
                <c:pt idx="2275">
                  <c:v>9.9788274712548546</c:v>
                </c:pt>
                <c:pt idx="2276">
                  <c:v>9.9820815975116162</c:v>
                </c:pt>
                <c:pt idx="2277">
                  <c:v>9.98543433365505</c:v>
                </c:pt>
                <c:pt idx="2278">
                  <c:v>9.9887870697983061</c:v>
                </c:pt>
                <c:pt idx="2279">
                  <c:v>9.9887870697983061</c:v>
                </c:pt>
                <c:pt idx="2280">
                  <c:v>9.9920411960550695</c:v>
                </c:pt>
                <c:pt idx="2281">
                  <c:v>9.9953939321983274</c:v>
                </c:pt>
                <c:pt idx="2282">
                  <c:v>9.9953939321983274</c:v>
                </c:pt>
                <c:pt idx="2283">
                  <c:v>9.9987466683417594</c:v>
                </c:pt>
                <c:pt idx="2284">
                  <c:v>9.9987466683417594</c:v>
                </c:pt>
                <c:pt idx="2285">
                  <c:v>10.002000794598347</c:v>
                </c:pt>
                <c:pt idx="2286">
                  <c:v>10.005353530741781</c:v>
                </c:pt>
                <c:pt idx="2287">
                  <c:v>10.005353530741781</c:v>
                </c:pt>
                <c:pt idx="2288">
                  <c:v>10.008706266885037</c:v>
                </c:pt>
                <c:pt idx="2289">
                  <c:v>10.008706266885037</c:v>
                </c:pt>
                <c:pt idx="2290">
                  <c:v>10.011960393141798</c:v>
                </c:pt>
                <c:pt idx="2291">
                  <c:v>10.015313129285056</c:v>
                </c:pt>
                <c:pt idx="2292">
                  <c:v>10.015313129285056</c:v>
                </c:pt>
                <c:pt idx="2293">
                  <c:v>10.018665865428488</c:v>
                </c:pt>
                <c:pt idx="2294">
                  <c:v>10.021919991685252</c:v>
                </c:pt>
                <c:pt idx="2295">
                  <c:v>10.021919991685252</c:v>
                </c:pt>
                <c:pt idx="2296">
                  <c:v>10.02527272782851</c:v>
                </c:pt>
                <c:pt idx="2297">
                  <c:v>10.028625463971766</c:v>
                </c:pt>
                <c:pt idx="2298">
                  <c:v>10.028625463971766</c:v>
                </c:pt>
                <c:pt idx="2299">
                  <c:v>10.031879590228529</c:v>
                </c:pt>
                <c:pt idx="2300">
                  <c:v>10.035232326371787</c:v>
                </c:pt>
                <c:pt idx="2301">
                  <c:v>10.035232326371787</c:v>
                </c:pt>
                <c:pt idx="2302">
                  <c:v>10.038585062515219</c:v>
                </c:pt>
                <c:pt idx="2303">
                  <c:v>10.038585062515219</c:v>
                </c:pt>
                <c:pt idx="2304">
                  <c:v>10.041839188771982</c:v>
                </c:pt>
                <c:pt idx="2305">
                  <c:v>10.041839188771982</c:v>
                </c:pt>
                <c:pt idx="2306">
                  <c:v>10.04519192491524</c:v>
                </c:pt>
                <c:pt idx="2307">
                  <c:v>10.048544661058497</c:v>
                </c:pt>
                <c:pt idx="2308">
                  <c:v>10.048544661058497</c:v>
                </c:pt>
                <c:pt idx="2309">
                  <c:v>10.05179878731526</c:v>
                </c:pt>
                <c:pt idx="2310">
                  <c:v>10.055151523458692</c:v>
                </c:pt>
                <c:pt idx="2311">
                  <c:v>10.055151523458692</c:v>
                </c:pt>
                <c:pt idx="2312">
                  <c:v>10.058504259601948</c:v>
                </c:pt>
                <c:pt idx="2313">
                  <c:v>10.061758385858711</c:v>
                </c:pt>
                <c:pt idx="2314">
                  <c:v>10.065111122001969</c:v>
                </c:pt>
                <c:pt idx="2315">
                  <c:v>10.068463858145227</c:v>
                </c:pt>
                <c:pt idx="2316">
                  <c:v>10.071816594288659</c:v>
                </c:pt>
                <c:pt idx="2317">
                  <c:v>10.071816594288659</c:v>
                </c:pt>
                <c:pt idx="2318">
                  <c:v>10.075070720545423</c:v>
                </c:pt>
                <c:pt idx="2319">
                  <c:v>10.078423456688679</c:v>
                </c:pt>
                <c:pt idx="2320">
                  <c:v>10.081776192831937</c:v>
                </c:pt>
                <c:pt idx="2321">
                  <c:v>10.0850303190887</c:v>
                </c:pt>
                <c:pt idx="2322">
                  <c:v>10.088383055232132</c:v>
                </c:pt>
                <c:pt idx="2323">
                  <c:v>10.09173579137539</c:v>
                </c:pt>
                <c:pt idx="2324">
                  <c:v>10.094989917632153</c:v>
                </c:pt>
                <c:pt idx="2325">
                  <c:v>10.098342653775408</c:v>
                </c:pt>
                <c:pt idx="2326">
                  <c:v>10.101695389918666</c:v>
                </c:pt>
                <c:pt idx="2327">
                  <c:v>10.104949516175429</c:v>
                </c:pt>
                <c:pt idx="2328">
                  <c:v>10.108302252318861</c:v>
                </c:pt>
                <c:pt idx="2329">
                  <c:v>10.111654988462119</c:v>
                </c:pt>
                <c:pt idx="2330">
                  <c:v>10.114909114718882</c:v>
                </c:pt>
                <c:pt idx="2331">
                  <c:v>10.118261850862138</c:v>
                </c:pt>
                <c:pt idx="2332">
                  <c:v>10.121614587005572</c:v>
                </c:pt>
                <c:pt idx="2333">
                  <c:v>10.121614587005572</c:v>
                </c:pt>
                <c:pt idx="2334">
                  <c:v>10.12486871326216</c:v>
                </c:pt>
                <c:pt idx="2335">
                  <c:v>10.128221449405592</c:v>
                </c:pt>
                <c:pt idx="2336">
                  <c:v>10.13157418554885</c:v>
                </c:pt>
                <c:pt idx="2337">
                  <c:v>10.13157418554885</c:v>
                </c:pt>
                <c:pt idx="2338">
                  <c:v>10.134828311805613</c:v>
                </c:pt>
                <c:pt idx="2339">
                  <c:v>10.138181047948871</c:v>
                </c:pt>
                <c:pt idx="2340">
                  <c:v>10.141533784092301</c:v>
                </c:pt>
                <c:pt idx="2341">
                  <c:v>10.144787910349065</c:v>
                </c:pt>
                <c:pt idx="2342">
                  <c:v>10.144787910349065</c:v>
                </c:pt>
                <c:pt idx="2343">
                  <c:v>10.148140646492321</c:v>
                </c:pt>
                <c:pt idx="2344">
                  <c:v>10.151493382635579</c:v>
                </c:pt>
                <c:pt idx="2345">
                  <c:v>10.151493382635579</c:v>
                </c:pt>
                <c:pt idx="2346">
                  <c:v>10.154747508892342</c:v>
                </c:pt>
                <c:pt idx="2347">
                  <c:v>10.1581002450356</c:v>
                </c:pt>
                <c:pt idx="2348">
                  <c:v>10.1581002450356</c:v>
                </c:pt>
                <c:pt idx="2349">
                  <c:v>10.161452981179032</c:v>
                </c:pt>
                <c:pt idx="2350">
                  <c:v>10.164707107435795</c:v>
                </c:pt>
                <c:pt idx="2351">
                  <c:v>10.168059843579051</c:v>
                </c:pt>
                <c:pt idx="2352">
                  <c:v>10.171412579722309</c:v>
                </c:pt>
                <c:pt idx="2353">
                  <c:v>10.171412579722309</c:v>
                </c:pt>
                <c:pt idx="2354">
                  <c:v>10.174666705979073</c:v>
                </c:pt>
                <c:pt idx="2355">
                  <c:v>10.178019442122331</c:v>
                </c:pt>
                <c:pt idx="2356">
                  <c:v>10.178019442122331</c:v>
                </c:pt>
                <c:pt idx="2357">
                  <c:v>10.184626304522524</c:v>
                </c:pt>
                <c:pt idx="2358">
                  <c:v>10.18797904066578</c:v>
                </c:pt>
                <c:pt idx="2359">
                  <c:v>10.191331776809038</c:v>
                </c:pt>
                <c:pt idx="2360">
                  <c:v>10.191331776809038</c:v>
                </c:pt>
                <c:pt idx="2361">
                  <c:v>10.19468451295247</c:v>
                </c:pt>
                <c:pt idx="2362">
                  <c:v>10.197938639209234</c:v>
                </c:pt>
                <c:pt idx="2363">
                  <c:v>10.201291375352492</c:v>
                </c:pt>
                <c:pt idx="2364">
                  <c:v>10.20464411149575</c:v>
                </c:pt>
                <c:pt idx="2365">
                  <c:v>10.207898237752513</c:v>
                </c:pt>
                <c:pt idx="2366">
                  <c:v>10.207898237752513</c:v>
                </c:pt>
                <c:pt idx="2367">
                  <c:v>10.211250973895769</c:v>
                </c:pt>
                <c:pt idx="2368">
                  <c:v>10.214603710039201</c:v>
                </c:pt>
                <c:pt idx="2369">
                  <c:v>10.217857836295964</c:v>
                </c:pt>
                <c:pt idx="2370">
                  <c:v>10.221210572439222</c:v>
                </c:pt>
                <c:pt idx="2371">
                  <c:v>10.22456330858248</c:v>
                </c:pt>
                <c:pt idx="2372">
                  <c:v>10.227817434839242</c:v>
                </c:pt>
                <c:pt idx="2373">
                  <c:v>10.231170170982674</c:v>
                </c:pt>
                <c:pt idx="2374">
                  <c:v>10.234522907125932</c:v>
                </c:pt>
                <c:pt idx="2375">
                  <c:v>10.234522907125932</c:v>
                </c:pt>
                <c:pt idx="2376">
                  <c:v>10.237777033382693</c:v>
                </c:pt>
                <c:pt idx="2377">
                  <c:v>10.237777033382693</c:v>
                </c:pt>
                <c:pt idx="2378">
                  <c:v>10.241129769525951</c:v>
                </c:pt>
                <c:pt idx="2379">
                  <c:v>10.244482505669209</c:v>
                </c:pt>
                <c:pt idx="2380">
                  <c:v>10.244482505669209</c:v>
                </c:pt>
                <c:pt idx="2381">
                  <c:v>10.247736631925973</c:v>
                </c:pt>
                <c:pt idx="2382">
                  <c:v>10.251089368069405</c:v>
                </c:pt>
                <c:pt idx="2383">
                  <c:v>10.251089368069405</c:v>
                </c:pt>
                <c:pt idx="2384">
                  <c:v>10.254442104212663</c:v>
                </c:pt>
                <c:pt idx="2385">
                  <c:v>10.257696230469424</c:v>
                </c:pt>
                <c:pt idx="2386">
                  <c:v>10.261048966612682</c:v>
                </c:pt>
                <c:pt idx="2387">
                  <c:v>10.264401702756114</c:v>
                </c:pt>
                <c:pt idx="2388">
                  <c:v>10.264401702756114</c:v>
                </c:pt>
                <c:pt idx="2389">
                  <c:v>10.267655829012703</c:v>
                </c:pt>
                <c:pt idx="2390">
                  <c:v>10.271008565156134</c:v>
                </c:pt>
                <c:pt idx="2391">
                  <c:v>10.274361301299392</c:v>
                </c:pt>
                <c:pt idx="2392">
                  <c:v>10.277615427556155</c:v>
                </c:pt>
                <c:pt idx="2393">
                  <c:v>10.277615427556155</c:v>
                </c:pt>
                <c:pt idx="2394">
                  <c:v>10.280968163699411</c:v>
                </c:pt>
                <c:pt idx="2395">
                  <c:v>10.284320899842843</c:v>
                </c:pt>
                <c:pt idx="2396">
                  <c:v>10.287575026099606</c:v>
                </c:pt>
                <c:pt idx="2397">
                  <c:v>10.287575026099606</c:v>
                </c:pt>
                <c:pt idx="2398">
                  <c:v>10.290927762242864</c:v>
                </c:pt>
                <c:pt idx="2399">
                  <c:v>10.290927762242864</c:v>
                </c:pt>
                <c:pt idx="2400">
                  <c:v>10.294280498386122</c:v>
                </c:pt>
                <c:pt idx="2401">
                  <c:v>10.297534624642886</c:v>
                </c:pt>
                <c:pt idx="2402">
                  <c:v>10.300887360786142</c:v>
                </c:pt>
                <c:pt idx="2403">
                  <c:v>10.304240096929576</c:v>
                </c:pt>
                <c:pt idx="2404">
                  <c:v>10.307494223186337</c:v>
                </c:pt>
                <c:pt idx="2405">
                  <c:v>10.310846959329595</c:v>
                </c:pt>
                <c:pt idx="2406">
                  <c:v>10.310846959329595</c:v>
                </c:pt>
                <c:pt idx="2407">
                  <c:v>10.314199695472851</c:v>
                </c:pt>
                <c:pt idx="2408">
                  <c:v>10.317453821729615</c:v>
                </c:pt>
                <c:pt idx="2409">
                  <c:v>10.320806557873047</c:v>
                </c:pt>
                <c:pt idx="2410">
                  <c:v>10.324159294016305</c:v>
                </c:pt>
                <c:pt idx="2411">
                  <c:v>10.324159294016305</c:v>
                </c:pt>
                <c:pt idx="2412">
                  <c:v>10.327512030159561</c:v>
                </c:pt>
                <c:pt idx="2413">
                  <c:v>10.330766156416324</c:v>
                </c:pt>
                <c:pt idx="2414">
                  <c:v>10.334118892559582</c:v>
                </c:pt>
                <c:pt idx="2415">
                  <c:v>10.334118892559582</c:v>
                </c:pt>
                <c:pt idx="2416">
                  <c:v>10.337471628703014</c:v>
                </c:pt>
                <c:pt idx="2417">
                  <c:v>10.340725754959777</c:v>
                </c:pt>
                <c:pt idx="2418">
                  <c:v>10.344078491103035</c:v>
                </c:pt>
                <c:pt idx="2419">
                  <c:v>10.344078491103035</c:v>
                </c:pt>
                <c:pt idx="2420">
                  <c:v>10.347431227246291</c:v>
                </c:pt>
                <c:pt idx="2421">
                  <c:v>10.350685353503055</c:v>
                </c:pt>
                <c:pt idx="2422">
                  <c:v>10.354038089646487</c:v>
                </c:pt>
                <c:pt idx="2423">
                  <c:v>10.354038089646487</c:v>
                </c:pt>
                <c:pt idx="2424">
                  <c:v>10.357390825789743</c:v>
                </c:pt>
                <c:pt idx="2425">
                  <c:v>10.360644952046506</c:v>
                </c:pt>
                <c:pt idx="2426">
                  <c:v>10.363997688189764</c:v>
                </c:pt>
                <c:pt idx="2427">
                  <c:v>10.363997688189764</c:v>
                </c:pt>
                <c:pt idx="2428">
                  <c:v>10.36735042433302</c:v>
                </c:pt>
                <c:pt idx="2429">
                  <c:v>10.36735042433302</c:v>
                </c:pt>
                <c:pt idx="2430">
                  <c:v>10.370604550589784</c:v>
                </c:pt>
                <c:pt idx="2431">
                  <c:v>10.373957286733217</c:v>
                </c:pt>
                <c:pt idx="2432">
                  <c:v>10.373957286733217</c:v>
                </c:pt>
                <c:pt idx="2433">
                  <c:v>10.377310022876474</c:v>
                </c:pt>
                <c:pt idx="2434">
                  <c:v>10.380564149133237</c:v>
                </c:pt>
                <c:pt idx="2435">
                  <c:v>10.383916885276495</c:v>
                </c:pt>
                <c:pt idx="2436">
                  <c:v>10.383916885276495</c:v>
                </c:pt>
                <c:pt idx="2437">
                  <c:v>10.387269621419927</c:v>
                </c:pt>
                <c:pt idx="2438">
                  <c:v>10.390523747676514</c:v>
                </c:pt>
                <c:pt idx="2439">
                  <c:v>10.390523747676514</c:v>
                </c:pt>
                <c:pt idx="2440">
                  <c:v>10.393876483819948</c:v>
                </c:pt>
                <c:pt idx="2441">
                  <c:v>10.397229219963204</c:v>
                </c:pt>
                <c:pt idx="2442">
                  <c:v>10.400483346219966</c:v>
                </c:pt>
                <c:pt idx="2443">
                  <c:v>10.400483346219966</c:v>
                </c:pt>
                <c:pt idx="2444">
                  <c:v>10.403836082363224</c:v>
                </c:pt>
                <c:pt idx="2445">
                  <c:v>10.407188818506656</c:v>
                </c:pt>
                <c:pt idx="2446">
                  <c:v>10.410442944763419</c:v>
                </c:pt>
                <c:pt idx="2447">
                  <c:v>10.413795680906677</c:v>
                </c:pt>
                <c:pt idx="2448">
                  <c:v>10.417148417049933</c:v>
                </c:pt>
                <c:pt idx="2449">
                  <c:v>10.420402543306697</c:v>
                </c:pt>
                <c:pt idx="2450">
                  <c:v>10.423755279449955</c:v>
                </c:pt>
                <c:pt idx="2451">
                  <c:v>10.423755279449955</c:v>
                </c:pt>
                <c:pt idx="2452">
                  <c:v>10.427108015593387</c:v>
                </c:pt>
                <c:pt idx="2453">
                  <c:v>10.43036214185015</c:v>
                </c:pt>
                <c:pt idx="2454">
                  <c:v>10.433714877993408</c:v>
                </c:pt>
                <c:pt idx="2455">
                  <c:v>10.437067614136664</c:v>
                </c:pt>
                <c:pt idx="2456">
                  <c:v>10.440321740393427</c:v>
                </c:pt>
                <c:pt idx="2457">
                  <c:v>10.443674476536859</c:v>
                </c:pt>
                <c:pt idx="2458">
                  <c:v>10.443674476536859</c:v>
                </c:pt>
                <c:pt idx="2459">
                  <c:v>10.447027212680116</c:v>
                </c:pt>
                <c:pt idx="2460">
                  <c:v>10.450379948823374</c:v>
                </c:pt>
                <c:pt idx="2461">
                  <c:v>10.447027212680116</c:v>
                </c:pt>
                <c:pt idx="2462">
                  <c:v>10.447027212680116</c:v>
                </c:pt>
                <c:pt idx="2463">
                  <c:v>10.450379948823374</c:v>
                </c:pt>
                <c:pt idx="2464">
                  <c:v>10.450379948823374</c:v>
                </c:pt>
                <c:pt idx="2465">
                  <c:v>10.453634075080137</c:v>
                </c:pt>
                <c:pt idx="2466">
                  <c:v>10.453634075080137</c:v>
                </c:pt>
                <c:pt idx="2467">
                  <c:v>10.456986811223393</c:v>
                </c:pt>
                <c:pt idx="2468">
                  <c:v>10.456986811223393</c:v>
                </c:pt>
                <c:pt idx="2469">
                  <c:v>10.460339547366827</c:v>
                </c:pt>
                <c:pt idx="2470">
                  <c:v>10.46359367362359</c:v>
                </c:pt>
                <c:pt idx="2471">
                  <c:v>10.46359367362359</c:v>
                </c:pt>
                <c:pt idx="2472">
                  <c:v>10.466946409766846</c:v>
                </c:pt>
                <c:pt idx="2473">
                  <c:v>10.470299145910104</c:v>
                </c:pt>
                <c:pt idx="2474">
                  <c:v>10.473553272166868</c:v>
                </c:pt>
                <c:pt idx="2475">
                  <c:v>10.473553272166868</c:v>
                </c:pt>
                <c:pt idx="2476">
                  <c:v>10.476906008310124</c:v>
                </c:pt>
                <c:pt idx="2477">
                  <c:v>10.480258744453558</c:v>
                </c:pt>
                <c:pt idx="2478">
                  <c:v>10.483512870710319</c:v>
                </c:pt>
                <c:pt idx="2479">
                  <c:v>10.483512870710319</c:v>
                </c:pt>
                <c:pt idx="2480">
                  <c:v>10.486865606853575</c:v>
                </c:pt>
                <c:pt idx="2481">
                  <c:v>10.496825205397029</c:v>
                </c:pt>
                <c:pt idx="2482">
                  <c:v>10.506784803940306</c:v>
                </c:pt>
                <c:pt idx="2483">
                  <c:v>10.513391666340327</c:v>
                </c:pt>
                <c:pt idx="2484">
                  <c:v>10.516744402483759</c:v>
                </c:pt>
                <c:pt idx="2485">
                  <c:v>10.520097138627017</c:v>
                </c:pt>
                <c:pt idx="2486">
                  <c:v>10.526704001027037</c:v>
                </c:pt>
                <c:pt idx="2487">
                  <c:v>10.533310863427056</c:v>
                </c:pt>
                <c:pt idx="2488">
                  <c:v>10.536663599570488</c:v>
                </c:pt>
                <c:pt idx="2489">
                  <c:v>10.540016335713746</c:v>
                </c:pt>
                <c:pt idx="2490">
                  <c:v>10.546623198113766</c:v>
                </c:pt>
                <c:pt idx="2491">
                  <c:v>10.549975934257199</c:v>
                </c:pt>
                <c:pt idx="2492">
                  <c:v>10.553230060513963</c:v>
                </c:pt>
                <c:pt idx="2493">
                  <c:v>10.556582796657219</c:v>
                </c:pt>
                <c:pt idx="2494">
                  <c:v>10.559935532800477</c:v>
                </c:pt>
                <c:pt idx="2495">
                  <c:v>10.56318965905724</c:v>
                </c:pt>
                <c:pt idx="2496">
                  <c:v>10.566542395200496</c:v>
                </c:pt>
                <c:pt idx="2497">
                  <c:v>10.56989513134393</c:v>
                </c:pt>
                <c:pt idx="2498">
                  <c:v>10.573149257600692</c:v>
                </c:pt>
                <c:pt idx="2499">
                  <c:v>10.576501993743948</c:v>
                </c:pt>
                <c:pt idx="2500">
                  <c:v>10.579854729887206</c:v>
                </c:pt>
                <c:pt idx="2501">
                  <c:v>10.579854729887206</c:v>
                </c:pt>
                <c:pt idx="2502">
                  <c:v>10.583207466030638</c:v>
                </c:pt>
                <c:pt idx="2503">
                  <c:v>10.586461592287401</c:v>
                </c:pt>
                <c:pt idx="2504">
                  <c:v>10.589814328430659</c:v>
                </c:pt>
                <c:pt idx="2505">
                  <c:v>10.589814328430659</c:v>
                </c:pt>
                <c:pt idx="2506">
                  <c:v>10.586461592287401</c:v>
                </c:pt>
                <c:pt idx="2507">
                  <c:v>10.583207466030638</c:v>
                </c:pt>
                <c:pt idx="2508">
                  <c:v>10.583207466030638</c:v>
                </c:pt>
                <c:pt idx="2509">
                  <c:v>10.583207466030638</c:v>
                </c:pt>
                <c:pt idx="2510">
                  <c:v>10.586461592287401</c:v>
                </c:pt>
                <c:pt idx="2511">
                  <c:v>10.586461592287401</c:v>
                </c:pt>
                <c:pt idx="2512">
                  <c:v>10.589814328430659</c:v>
                </c:pt>
                <c:pt idx="2513">
                  <c:v>10.589814328430659</c:v>
                </c:pt>
                <c:pt idx="2514">
                  <c:v>10.593167064573915</c:v>
                </c:pt>
                <c:pt idx="2515">
                  <c:v>10.593167064573915</c:v>
                </c:pt>
                <c:pt idx="2516">
                  <c:v>10.596421190830679</c:v>
                </c:pt>
                <c:pt idx="2517">
                  <c:v>10.599773926973937</c:v>
                </c:pt>
                <c:pt idx="2518">
                  <c:v>10.599773926973937</c:v>
                </c:pt>
                <c:pt idx="2519">
                  <c:v>10.603126663117369</c:v>
                </c:pt>
                <c:pt idx="2520">
                  <c:v>10.603126663117369</c:v>
                </c:pt>
                <c:pt idx="2521">
                  <c:v>10.606380789374132</c:v>
                </c:pt>
                <c:pt idx="2522">
                  <c:v>10.606380789374132</c:v>
                </c:pt>
                <c:pt idx="2523">
                  <c:v>10.606380789374132</c:v>
                </c:pt>
                <c:pt idx="2524">
                  <c:v>10.606380789374132</c:v>
                </c:pt>
                <c:pt idx="2525">
                  <c:v>10.606380789374132</c:v>
                </c:pt>
                <c:pt idx="2526">
                  <c:v>10.606380789374132</c:v>
                </c:pt>
                <c:pt idx="2527">
                  <c:v>10.613086261660648</c:v>
                </c:pt>
                <c:pt idx="2528">
                  <c:v>10.619693124060841</c:v>
                </c:pt>
                <c:pt idx="2529">
                  <c:v>10.619693124060841</c:v>
                </c:pt>
                <c:pt idx="2530">
                  <c:v>10.619693124060841</c:v>
                </c:pt>
                <c:pt idx="2531">
                  <c:v>10.619693124060841</c:v>
                </c:pt>
                <c:pt idx="2532">
                  <c:v>10.623045860204098</c:v>
                </c:pt>
                <c:pt idx="2533">
                  <c:v>10.623045860204098</c:v>
                </c:pt>
                <c:pt idx="2534">
                  <c:v>10.626299986460861</c:v>
                </c:pt>
                <c:pt idx="2535">
                  <c:v>10.629652722604119</c:v>
                </c:pt>
                <c:pt idx="2536">
                  <c:v>10.633005458747377</c:v>
                </c:pt>
                <c:pt idx="2537">
                  <c:v>10.633005458747377</c:v>
                </c:pt>
                <c:pt idx="2538">
                  <c:v>10.636259585004138</c:v>
                </c:pt>
                <c:pt idx="2539">
                  <c:v>10.639612321147572</c:v>
                </c:pt>
                <c:pt idx="2540">
                  <c:v>10.642965057290828</c:v>
                </c:pt>
                <c:pt idx="2541">
                  <c:v>10.646219183547592</c:v>
                </c:pt>
                <c:pt idx="2542">
                  <c:v>10.646219183547592</c:v>
                </c:pt>
                <c:pt idx="2543">
                  <c:v>10.64957191969085</c:v>
                </c:pt>
                <c:pt idx="2544">
                  <c:v>10.652924655834282</c:v>
                </c:pt>
                <c:pt idx="2545">
                  <c:v>10.656178782090869</c:v>
                </c:pt>
                <c:pt idx="2546">
                  <c:v>10.656178782090869</c:v>
                </c:pt>
                <c:pt idx="2547">
                  <c:v>10.659531518234301</c:v>
                </c:pt>
                <c:pt idx="2548">
                  <c:v>10.662884254377559</c:v>
                </c:pt>
                <c:pt idx="2549">
                  <c:v>10.669491116777579</c:v>
                </c:pt>
                <c:pt idx="2550">
                  <c:v>10.672843852921011</c:v>
                </c:pt>
                <c:pt idx="2551">
                  <c:v>10.679450715321032</c:v>
                </c:pt>
                <c:pt idx="2552">
                  <c:v>10.679450715321032</c:v>
                </c:pt>
                <c:pt idx="2553">
                  <c:v>10.676097979177774</c:v>
                </c:pt>
                <c:pt idx="2554">
                  <c:v>10.679450715321032</c:v>
                </c:pt>
                <c:pt idx="2555">
                  <c:v>10.686057577721051</c:v>
                </c:pt>
                <c:pt idx="2556">
                  <c:v>10.689410313864309</c:v>
                </c:pt>
                <c:pt idx="2557">
                  <c:v>10.696017176264505</c:v>
                </c:pt>
                <c:pt idx="2558">
                  <c:v>10.699369912407761</c:v>
                </c:pt>
                <c:pt idx="2559">
                  <c:v>10.702722648551019</c:v>
                </c:pt>
                <c:pt idx="2560">
                  <c:v>10.706075384694451</c:v>
                </c:pt>
                <c:pt idx="2561">
                  <c:v>10.709329510951214</c:v>
                </c:pt>
                <c:pt idx="2562">
                  <c:v>10.709329510951214</c:v>
                </c:pt>
                <c:pt idx="2563">
                  <c:v>10.71268224709447</c:v>
                </c:pt>
                <c:pt idx="2564">
                  <c:v>10.716034983237728</c:v>
                </c:pt>
                <c:pt idx="2565">
                  <c:v>10.716034983237728</c:v>
                </c:pt>
                <c:pt idx="2566">
                  <c:v>10.719289109494492</c:v>
                </c:pt>
                <c:pt idx="2567">
                  <c:v>10.722641845637749</c:v>
                </c:pt>
                <c:pt idx="2568">
                  <c:v>10.725994581781181</c:v>
                </c:pt>
                <c:pt idx="2569">
                  <c:v>10.725994581781181</c:v>
                </c:pt>
                <c:pt idx="2570">
                  <c:v>10.729248708037945</c:v>
                </c:pt>
                <c:pt idx="2571">
                  <c:v>10.732601444181201</c:v>
                </c:pt>
                <c:pt idx="2572">
                  <c:v>10.735954180324459</c:v>
                </c:pt>
                <c:pt idx="2573">
                  <c:v>10.739208306581222</c:v>
                </c:pt>
                <c:pt idx="2574">
                  <c:v>10.742561042724653</c:v>
                </c:pt>
                <c:pt idx="2575">
                  <c:v>10.74591377886791</c:v>
                </c:pt>
                <c:pt idx="2576">
                  <c:v>10.74591377886791</c:v>
                </c:pt>
                <c:pt idx="2577">
                  <c:v>10.749167905124674</c:v>
                </c:pt>
                <c:pt idx="2578">
                  <c:v>10.752520641267932</c:v>
                </c:pt>
                <c:pt idx="2579">
                  <c:v>10.752520641267932</c:v>
                </c:pt>
                <c:pt idx="2580">
                  <c:v>10.755873377411188</c:v>
                </c:pt>
                <c:pt idx="2581">
                  <c:v>10.759127503667951</c:v>
                </c:pt>
                <c:pt idx="2582">
                  <c:v>10.759127503667951</c:v>
                </c:pt>
                <c:pt idx="2583">
                  <c:v>10.762480239811383</c:v>
                </c:pt>
                <c:pt idx="2584">
                  <c:v>10.765832975954641</c:v>
                </c:pt>
                <c:pt idx="2585">
                  <c:v>10.769087102211405</c:v>
                </c:pt>
                <c:pt idx="2586">
                  <c:v>10.769087102211405</c:v>
                </c:pt>
                <c:pt idx="2587">
                  <c:v>10.772439838354662</c:v>
                </c:pt>
                <c:pt idx="2588">
                  <c:v>10.775792574497919</c:v>
                </c:pt>
                <c:pt idx="2589">
                  <c:v>10.779046700754682</c:v>
                </c:pt>
                <c:pt idx="2590">
                  <c:v>10.782399436898114</c:v>
                </c:pt>
                <c:pt idx="2591">
                  <c:v>10.78575217304137</c:v>
                </c:pt>
                <c:pt idx="2592">
                  <c:v>10.78575217304137</c:v>
                </c:pt>
                <c:pt idx="2593">
                  <c:v>10.789006299298133</c:v>
                </c:pt>
                <c:pt idx="2594">
                  <c:v>10.792359035441391</c:v>
                </c:pt>
                <c:pt idx="2595">
                  <c:v>10.795711771584823</c:v>
                </c:pt>
                <c:pt idx="2596">
                  <c:v>10.798965897841411</c:v>
                </c:pt>
                <c:pt idx="2597">
                  <c:v>10.798965897841411</c:v>
                </c:pt>
                <c:pt idx="2598">
                  <c:v>10.802318633984843</c:v>
                </c:pt>
                <c:pt idx="2599">
                  <c:v>10.805671370128101</c:v>
                </c:pt>
                <c:pt idx="2600">
                  <c:v>10.808925496384864</c:v>
                </c:pt>
                <c:pt idx="2601">
                  <c:v>10.812278232528122</c:v>
                </c:pt>
                <c:pt idx="2602">
                  <c:v>10.815630968671554</c:v>
                </c:pt>
                <c:pt idx="2603">
                  <c:v>10.818885094928318</c:v>
                </c:pt>
                <c:pt idx="2604">
                  <c:v>10.818885094928318</c:v>
                </c:pt>
                <c:pt idx="2605">
                  <c:v>10.822237831071575</c:v>
                </c:pt>
                <c:pt idx="2606">
                  <c:v>10.825590567214832</c:v>
                </c:pt>
                <c:pt idx="2607">
                  <c:v>10.828844693471593</c:v>
                </c:pt>
                <c:pt idx="2608">
                  <c:v>10.828844693471593</c:v>
                </c:pt>
                <c:pt idx="2609">
                  <c:v>10.832197429614851</c:v>
                </c:pt>
                <c:pt idx="2610">
                  <c:v>10.835550165758283</c:v>
                </c:pt>
                <c:pt idx="2611">
                  <c:v>10.838902901901541</c:v>
                </c:pt>
                <c:pt idx="2612">
                  <c:v>10.838902901901541</c:v>
                </c:pt>
                <c:pt idx="2613">
                  <c:v>10.842157028158304</c:v>
                </c:pt>
                <c:pt idx="2614">
                  <c:v>10.845509764301561</c:v>
                </c:pt>
                <c:pt idx="2615">
                  <c:v>10.848862500444994</c:v>
                </c:pt>
                <c:pt idx="2616">
                  <c:v>10.848862500444994</c:v>
                </c:pt>
                <c:pt idx="2617">
                  <c:v>10.852116626701756</c:v>
                </c:pt>
                <c:pt idx="2618">
                  <c:v>10.855469362845014</c:v>
                </c:pt>
                <c:pt idx="2619">
                  <c:v>10.858822098988272</c:v>
                </c:pt>
                <c:pt idx="2620">
                  <c:v>10.862076225245035</c:v>
                </c:pt>
                <c:pt idx="2621">
                  <c:v>10.862076225245035</c:v>
                </c:pt>
                <c:pt idx="2622">
                  <c:v>10.865428961388291</c:v>
                </c:pt>
                <c:pt idx="2623">
                  <c:v>10.868781697531725</c:v>
                </c:pt>
                <c:pt idx="2624">
                  <c:v>10.868781697531725</c:v>
                </c:pt>
                <c:pt idx="2625">
                  <c:v>10.872035823788485</c:v>
                </c:pt>
                <c:pt idx="2626">
                  <c:v>10.875388559931743</c:v>
                </c:pt>
                <c:pt idx="2627">
                  <c:v>10.878741296075001</c:v>
                </c:pt>
                <c:pt idx="2628">
                  <c:v>10.878741296075001</c:v>
                </c:pt>
                <c:pt idx="2629">
                  <c:v>10.878741296075001</c:v>
                </c:pt>
                <c:pt idx="2630">
                  <c:v>10.881995422331764</c:v>
                </c:pt>
                <c:pt idx="2631">
                  <c:v>10.885348158475196</c:v>
                </c:pt>
                <c:pt idx="2632">
                  <c:v>10.888700894618454</c:v>
                </c:pt>
                <c:pt idx="2633">
                  <c:v>10.891955020875217</c:v>
                </c:pt>
                <c:pt idx="2634">
                  <c:v>10.895307757018474</c:v>
                </c:pt>
                <c:pt idx="2635">
                  <c:v>10.898660493161731</c:v>
                </c:pt>
                <c:pt idx="2636">
                  <c:v>10.901914619418495</c:v>
                </c:pt>
                <c:pt idx="2637">
                  <c:v>10.901914619418495</c:v>
                </c:pt>
                <c:pt idx="2638">
                  <c:v>10.905267355561927</c:v>
                </c:pt>
                <c:pt idx="2639">
                  <c:v>10.908620091705185</c:v>
                </c:pt>
                <c:pt idx="2640">
                  <c:v>10.911874217961948</c:v>
                </c:pt>
                <c:pt idx="2641">
                  <c:v>10.915226954105202</c:v>
                </c:pt>
                <c:pt idx="2642">
                  <c:v>10.918579690248636</c:v>
                </c:pt>
                <c:pt idx="2643">
                  <c:v>10.921833816505224</c:v>
                </c:pt>
                <c:pt idx="2644">
                  <c:v>10.925186552648656</c:v>
                </c:pt>
                <c:pt idx="2645">
                  <c:v>10.928539288791914</c:v>
                </c:pt>
                <c:pt idx="2646">
                  <c:v>10.931793415048677</c:v>
                </c:pt>
                <c:pt idx="2647">
                  <c:v>10.935146151191933</c:v>
                </c:pt>
                <c:pt idx="2648">
                  <c:v>10.938498887335367</c:v>
                </c:pt>
                <c:pt idx="2649">
                  <c:v>10.941753013592129</c:v>
                </c:pt>
                <c:pt idx="2650">
                  <c:v>10.945105749735387</c:v>
                </c:pt>
                <c:pt idx="2651">
                  <c:v>10.945105749735387</c:v>
                </c:pt>
                <c:pt idx="2652">
                  <c:v>10.948458485878644</c:v>
                </c:pt>
                <c:pt idx="2653">
                  <c:v>10.951712612135408</c:v>
                </c:pt>
                <c:pt idx="2654">
                  <c:v>10.955065348278664</c:v>
                </c:pt>
                <c:pt idx="2655">
                  <c:v>10.958418084422096</c:v>
                </c:pt>
                <c:pt idx="2656">
                  <c:v>10.961672210678859</c:v>
                </c:pt>
                <c:pt idx="2657">
                  <c:v>10.961672210678859</c:v>
                </c:pt>
                <c:pt idx="2658">
                  <c:v>10.965024946822115</c:v>
                </c:pt>
                <c:pt idx="2659">
                  <c:v>10.968377682965373</c:v>
                </c:pt>
                <c:pt idx="2660">
                  <c:v>10.968377682965373</c:v>
                </c:pt>
                <c:pt idx="2661">
                  <c:v>10.971730419108805</c:v>
                </c:pt>
                <c:pt idx="2662">
                  <c:v>10.974984545365569</c:v>
                </c:pt>
                <c:pt idx="2663">
                  <c:v>10.978337281508827</c:v>
                </c:pt>
                <c:pt idx="2664">
                  <c:v>10.978337281508827</c:v>
                </c:pt>
                <c:pt idx="2665">
                  <c:v>10.981690017652083</c:v>
                </c:pt>
                <c:pt idx="2666">
                  <c:v>10.984944143908846</c:v>
                </c:pt>
                <c:pt idx="2667">
                  <c:v>10.984944143908846</c:v>
                </c:pt>
                <c:pt idx="2668">
                  <c:v>10.988296880052104</c:v>
                </c:pt>
                <c:pt idx="2669">
                  <c:v>10.988296880052104</c:v>
                </c:pt>
                <c:pt idx="2670">
                  <c:v>10.991649616195536</c:v>
                </c:pt>
                <c:pt idx="2671">
                  <c:v>10.9949037424523</c:v>
                </c:pt>
                <c:pt idx="2672">
                  <c:v>10.9949037424523</c:v>
                </c:pt>
                <c:pt idx="2673">
                  <c:v>10.998256478595557</c:v>
                </c:pt>
                <c:pt idx="2674">
                  <c:v>11.001609214738812</c:v>
                </c:pt>
                <c:pt idx="2675">
                  <c:v>11.001609214738812</c:v>
                </c:pt>
                <c:pt idx="2676">
                  <c:v>11.004863340995575</c:v>
                </c:pt>
                <c:pt idx="2677">
                  <c:v>11.008216077139009</c:v>
                </c:pt>
                <c:pt idx="2678">
                  <c:v>11.008216077139009</c:v>
                </c:pt>
                <c:pt idx="2679">
                  <c:v>11.011568813282265</c:v>
                </c:pt>
                <c:pt idx="2680">
                  <c:v>11.011568813282265</c:v>
                </c:pt>
                <c:pt idx="2681">
                  <c:v>11.014822939539028</c:v>
                </c:pt>
                <c:pt idx="2682">
                  <c:v>11.018175675682286</c:v>
                </c:pt>
                <c:pt idx="2683">
                  <c:v>11.021528411825543</c:v>
                </c:pt>
                <c:pt idx="2684">
                  <c:v>11.024782538082306</c:v>
                </c:pt>
                <c:pt idx="2685">
                  <c:v>11.02813527422574</c:v>
                </c:pt>
                <c:pt idx="2686">
                  <c:v>11.031488010368996</c:v>
                </c:pt>
                <c:pt idx="2687">
                  <c:v>11.031488010368996</c:v>
                </c:pt>
                <c:pt idx="2688">
                  <c:v>11.034742136625759</c:v>
                </c:pt>
                <c:pt idx="2689">
                  <c:v>11.038094872769017</c:v>
                </c:pt>
                <c:pt idx="2690">
                  <c:v>11.041447608912449</c:v>
                </c:pt>
                <c:pt idx="2691">
                  <c:v>11.041447608912449</c:v>
                </c:pt>
                <c:pt idx="2692">
                  <c:v>11.044701735169035</c:v>
                </c:pt>
                <c:pt idx="2693">
                  <c:v>11.048054471312469</c:v>
                </c:pt>
                <c:pt idx="2694">
                  <c:v>11.051407207455725</c:v>
                </c:pt>
                <c:pt idx="2695">
                  <c:v>11.054661333712488</c:v>
                </c:pt>
                <c:pt idx="2696">
                  <c:v>11.058014069855746</c:v>
                </c:pt>
                <c:pt idx="2697">
                  <c:v>11.061366805999178</c:v>
                </c:pt>
                <c:pt idx="2698">
                  <c:v>11.064620932255941</c:v>
                </c:pt>
                <c:pt idx="2699">
                  <c:v>11.067973668399199</c:v>
                </c:pt>
                <c:pt idx="2700">
                  <c:v>11.071326404542456</c:v>
                </c:pt>
                <c:pt idx="2701">
                  <c:v>11.074580530799219</c:v>
                </c:pt>
                <c:pt idx="2702">
                  <c:v>11.077933266942477</c:v>
                </c:pt>
                <c:pt idx="2703">
                  <c:v>11.081286003085909</c:v>
                </c:pt>
                <c:pt idx="2704">
                  <c:v>11.084540129342672</c:v>
                </c:pt>
                <c:pt idx="2705">
                  <c:v>11.087892865485928</c:v>
                </c:pt>
                <c:pt idx="2706">
                  <c:v>11.091245601629184</c:v>
                </c:pt>
                <c:pt idx="2707">
                  <c:v>11.094598337772618</c:v>
                </c:pt>
                <c:pt idx="2708">
                  <c:v>11.094598337772618</c:v>
                </c:pt>
                <c:pt idx="2709">
                  <c:v>11.097852464029206</c:v>
                </c:pt>
                <c:pt idx="2710">
                  <c:v>11.101205200172638</c:v>
                </c:pt>
                <c:pt idx="2711">
                  <c:v>11.104557936315896</c:v>
                </c:pt>
                <c:pt idx="2712">
                  <c:v>11.104557936315896</c:v>
                </c:pt>
                <c:pt idx="2713">
                  <c:v>11.107812062572659</c:v>
                </c:pt>
                <c:pt idx="2714">
                  <c:v>11.111164798715915</c:v>
                </c:pt>
                <c:pt idx="2715">
                  <c:v>11.114517534859349</c:v>
                </c:pt>
                <c:pt idx="2716">
                  <c:v>11.114517534859349</c:v>
                </c:pt>
                <c:pt idx="2717">
                  <c:v>11.117771661116112</c:v>
                </c:pt>
                <c:pt idx="2718">
                  <c:v>11.121124397259369</c:v>
                </c:pt>
                <c:pt idx="2719">
                  <c:v>11.124477133402626</c:v>
                </c:pt>
                <c:pt idx="2720">
                  <c:v>11.124477133402626</c:v>
                </c:pt>
                <c:pt idx="2721">
                  <c:v>11.12773125965939</c:v>
                </c:pt>
                <c:pt idx="2722">
                  <c:v>11.131083995802646</c:v>
                </c:pt>
                <c:pt idx="2723">
                  <c:v>11.131083995802646</c:v>
                </c:pt>
                <c:pt idx="2724">
                  <c:v>11.134436731946078</c:v>
                </c:pt>
                <c:pt idx="2725">
                  <c:v>11.137690858202841</c:v>
                </c:pt>
                <c:pt idx="2726">
                  <c:v>11.137690858202841</c:v>
                </c:pt>
                <c:pt idx="2727">
                  <c:v>11.141043594346097</c:v>
                </c:pt>
                <c:pt idx="2728">
                  <c:v>11.144396330489355</c:v>
                </c:pt>
                <c:pt idx="2729">
                  <c:v>11.147650456746119</c:v>
                </c:pt>
                <c:pt idx="2730">
                  <c:v>11.147650456746119</c:v>
                </c:pt>
                <c:pt idx="2731">
                  <c:v>11.151003192889551</c:v>
                </c:pt>
                <c:pt idx="2732">
                  <c:v>11.154355929032809</c:v>
                </c:pt>
                <c:pt idx="2733">
                  <c:v>11.157610055289572</c:v>
                </c:pt>
                <c:pt idx="2734">
                  <c:v>11.157610055289572</c:v>
                </c:pt>
                <c:pt idx="2735">
                  <c:v>11.160962791432828</c:v>
                </c:pt>
                <c:pt idx="2736">
                  <c:v>11.164315527576086</c:v>
                </c:pt>
                <c:pt idx="2737">
                  <c:v>11.167569653832849</c:v>
                </c:pt>
                <c:pt idx="2738">
                  <c:v>11.167569653832849</c:v>
                </c:pt>
                <c:pt idx="2739">
                  <c:v>11.170922389976282</c:v>
                </c:pt>
                <c:pt idx="2740">
                  <c:v>11.174275126119538</c:v>
                </c:pt>
                <c:pt idx="2741">
                  <c:v>11.177529252376301</c:v>
                </c:pt>
                <c:pt idx="2742">
                  <c:v>11.180881988519557</c:v>
                </c:pt>
                <c:pt idx="2743">
                  <c:v>11.180881988519557</c:v>
                </c:pt>
                <c:pt idx="2744">
                  <c:v>11.184234724662991</c:v>
                </c:pt>
                <c:pt idx="2745">
                  <c:v>11.187488850919578</c:v>
                </c:pt>
                <c:pt idx="2746">
                  <c:v>11.187488850919578</c:v>
                </c:pt>
                <c:pt idx="2747">
                  <c:v>11.19084158706301</c:v>
                </c:pt>
                <c:pt idx="2748">
                  <c:v>11.194194323206268</c:v>
                </c:pt>
                <c:pt idx="2749">
                  <c:v>11.194194323206268</c:v>
                </c:pt>
                <c:pt idx="2750">
                  <c:v>11.197448449463032</c:v>
                </c:pt>
                <c:pt idx="2751">
                  <c:v>11.20080118560629</c:v>
                </c:pt>
                <c:pt idx="2752">
                  <c:v>11.20080118560629</c:v>
                </c:pt>
                <c:pt idx="2753">
                  <c:v>11.204153921749722</c:v>
                </c:pt>
                <c:pt idx="2754">
                  <c:v>11.207408048006485</c:v>
                </c:pt>
                <c:pt idx="2755">
                  <c:v>11.210760784149741</c:v>
                </c:pt>
                <c:pt idx="2756">
                  <c:v>11.214113520292999</c:v>
                </c:pt>
                <c:pt idx="2757">
                  <c:v>11.214113520292999</c:v>
                </c:pt>
                <c:pt idx="2758">
                  <c:v>11.217367646549761</c:v>
                </c:pt>
                <c:pt idx="2759">
                  <c:v>11.220720382693019</c:v>
                </c:pt>
                <c:pt idx="2760">
                  <c:v>11.224073118836451</c:v>
                </c:pt>
                <c:pt idx="2761">
                  <c:v>11.227425854979709</c:v>
                </c:pt>
                <c:pt idx="2762">
                  <c:v>11.23067998123647</c:v>
                </c:pt>
                <c:pt idx="2763">
                  <c:v>11.234032717379728</c:v>
                </c:pt>
                <c:pt idx="2764">
                  <c:v>11.234032717379728</c:v>
                </c:pt>
                <c:pt idx="2765">
                  <c:v>11.23738545352316</c:v>
                </c:pt>
                <c:pt idx="2766">
                  <c:v>11.240639579779923</c:v>
                </c:pt>
                <c:pt idx="2767">
                  <c:v>11.243992315923181</c:v>
                </c:pt>
                <c:pt idx="2768">
                  <c:v>11.247345052066439</c:v>
                </c:pt>
                <c:pt idx="2769">
                  <c:v>11.250599178323201</c:v>
                </c:pt>
                <c:pt idx="2770">
                  <c:v>11.250599178323201</c:v>
                </c:pt>
                <c:pt idx="2771">
                  <c:v>11.253951914466459</c:v>
                </c:pt>
                <c:pt idx="2772">
                  <c:v>11.257304650609891</c:v>
                </c:pt>
                <c:pt idx="2773">
                  <c:v>11.260558776866652</c:v>
                </c:pt>
                <c:pt idx="2774">
                  <c:v>11.26391151300991</c:v>
                </c:pt>
                <c:pt idx="2775">
                  <c:v>11.267264249153168</c:v>
                </c:pt>
                <c:pt idx="2776">
                  <c:v>11.270518375409932</c:v>
                </c:pt>
                <c:pt idx="2777">
                  <c:v>11.270518375409932</c:v>
                </c:pt>
                <c:pt idx="2778">
                  <c:v>11.273871111553364</c:v>
                </c:pt>
                <c:pt idx="2779">
                  <c:v>11.27722384769662</c:v>
                </c:pt>
                <c:pt idx="2780">
                  <c:v>11.280477973953383</c:v>
                </c:pt>
                <c:pt idx="2781">
                  <c:v>11.283830710096641</c:v>
                </c:pt>
                <c:pt idx="2782">
                  <c:v>11.287183446239899</c:v>
                </c:pt>
                <c:pt idx="2783">
                  <c:v>11.290437572496662</c:v>
                </c:pt>
                <c:pt idx="2784">
                  <c:v>11.290437572496662</c:v>
                </c:pt>
                <c:pt idx="2785">
                  <c:v>11.293790308640094</c:v>
                </c:pt>
                <c:pt idx="2786">
                  <c:v>11.297143044783352</c:v>
                </c:pt>
                <c:pt idx="2787">
                  <c:v>11.300397171040114</c:v>
                </c:pt>
                <c:pt idx="2788">
                  <c:v>11.300397171040114</c:v>
                </c:pt>
                <c:pt idx="2789">
                  <c:v>11.30374990718337</c:v>
                </c:pt>
                <c:pt idx="2790">
                  <c:v>11.307102643326802</c:v>
                </c:pt>
                <c:pt idx="2791">
                  <c:v>11.310356769583391</c:v>
                </c:pt>
                <c:pt idx="2792">
                  <c:v>11.310356769583391</c:v>
                </c:pt>
                <c:pt idx="2793">
                  <c:v>11.313709505726823</c:v>
                </c:pt>
                <c:pt idx="2794">
                  <c:v>11.317062241870081</c:v>
                </c:pt>
                <c:pt idx="2795">
                  <c:v>11.320316368126843</c:v>
                </c:pt>
                <c:pt idx="2796">
                  <c:v>11.320316368126843</c:v>
                </c:pt>
                <c:pt idx="2797">
                  <c:v>11.323669104270101</c:v>
                </c:pt>
                <c:pt idx="2798">
                  <c:v>11.327021840413533</c:v>
                </c:pt>
                <c:pt idx="2799">
                  <c:v>11.330275966670296</c:v>
                </c:pt>
                <c:pt idx="2800">
                  <c:v>11.333628702813554</c:v>
                </c:pt>
                <c:pt idx="2801">
                  <c:v>11.333628702813554</c:v>
                </c:pt>
                <c:pt idx="2802">
                  <c:v>11.336981438956812</c:v>
                </c:pt>
                <c:pt idx="2803">
                  <c:v>11.340235565213575</c:v>
                </c:pt>
                <c:pt idx="2804">
                  <c:v>11.343588301356831</c:v>
                </c:pt>
                <c:pt idx="2805">
                  <c:v>11.346941037500262</c:v>
                </c:pt>
                <c:pt idx="2806">
                  <c:v>11.346941037500262</c:v>
                </c:pt>
                <c:pt idx="2807">
                  <c:v>11.35029377364352</c:v>
                </c:pt>
                <c:pt idx="2808">
                  <c:v>11.353547899900283</c:v>
                </c:pt>
                <c:pt idx="2809">
                  <c:v>11.356900636043541</c:v>
                </c:pt>
                <c:pt idx="2810">
                  <c:v>11.360253372186973</c:v>
                </c:pt>
                <c:pt idx="2811">
                  <c:v>11.363507498443736</c:v>
                </c:pt>
                <c:pt idx="2812">
                  <c:v>11.363507498443736</c:v>
                </c:pt>
                <c:pt idx="2813">
                  <c:v>11.366860234586994</c:v>
                </c:pt>
                <c:pt idx="2814">
                  <c:v>11.37021297073025</c:v>
                </c:pt>
                <c:pt idx="2815">
                  <c:v>11.373467096987014</c:v>
                </c:pt>
                <c:pt idx="2816">
                  <c:v>11.376819833130272</c:v>
                </c:pt>
                <c:pt idx="2817">
                  <c:v>11.376819833130272</c:v>
                </c:pt>
                <c:pt idx="2818">
                  <c:v>11.380172569273704</c:v>
                </c:pt>
                <c:pt idx="2819">
                  <c:v>11.383426695530467</c:v>
                </c:pt>
                <c:pt idx="2820">
                  <c:v>11.386779431673725</c:v>
                </c:pt>
                <c:pt idx="2821">
                  <c:v>11.390132167816979</c:v>
                </c:pt>
                <c:pt idx="2822">
                  <c:v>11.393386294073743</c:v>
                </c:pt>
                <c:pt idx="2823">
                  <c:v>11.393386294073743</c:v>
                </c:pt>
                <c:pt idx="2824">
                  <c:v>11.396739030217001</c:v>
                </c:pt>
                <c:pt idx="2825">
                  <c:v>11.400091766360433</c:v>
                </c:pt>
                <c:pt idx="2826">
                  <c:v>11.403345892617196</c:v>
                </c:pt>
                <c:pt idx="2827">
                  <c:v>11.406698628760454</c:v>
                </c:pt>
                <c:pt idx="2828">
                  <c:v>11.406698628760454</c:v>
                </c:pt>
                <c:pt idx="2829">
                  <c:v>11.41005136490371</c:v>
                </c:pt>
                <c:pt idx="2830">
                  <c:v>11.413305491160473</c:v>
                </c:pt>
                <c:pt idx="2831">
                  <c:v>11.416658227303905</c:v>
                </c:pt>
                <c:pt idx="2832">
                  <c:v>11.420010963447163</c:v>
                </c:pt>
                <c:pt idx="2833">
                  <c:v>11.420010963447163</c:v>
                </c:pt>
                <c:pt idx="2834">
                  <c:v>11.423265089703927</c:v>
                </c:pt>
                <c:pt idx="2835">
                  <c:v>11.426617825847185</c:v>
                </c:pt>
                <c:pt idx="2836">
                  <c:v>11.429970561990441</c:v>
                </c:pt>
                <c:pt idx="2837">
                  <c:v>11.429970561990441</c:v>
                </c:pt>
                <c:pt idx="2838">
                  <c:v>11.433224688247202</c:v>
                </c:pt>
                <c:pt idx="2839">
                  <c:v>11.436577424390636</c:v>
                </c:pt>
                <c:pt idx="2840">
                  <c:v>11.439930160533892</c:v>
                </c:pt>
                <c:pt idx="2841">
                  <c:v>11.439930160533892</c:v>
                </c:pt>
                <c:pt idx="2842">
                  <c:v>11.443184286790656</c:v>
                </c:pt>
                <c:pt idx="2843">
                  <c:v>11.446537022933914</c:v>
                </c:pt>
                <c:pt idx="2844">
                  <c:v>11.449889759077346</c:v>
                </c:pt>
                <c:pt idx="2845">
                  <c:v>11.453143885333933</c:v>
                </c:pt>
                <c:pt idx="2846">
                  <c:v>11.456496621477367</c:v>
                </c:pt>
                <c:pt idx="2847">
                  <c:v>11.456496621477367</c:v>
                </c:pt>
                <c:pt idx="2848">
                  <c:v>11.459849357620623</c:v>
                </c:pt>
                <c:pt idx="2849">
                  <c:v>11.463103483877386</c:v>
                </c:pt>
                <c:pt idx="2850">
                  <c:v>11.466456220020644</c:v>
                </c:pt>
                <c:pt idx="2851">
                  <c:v>11.466456220020644</c:v>
                </c:pt>
                <c:pt idx="2852">
                  <c:v>11.469808956164076</c:v>
                </c:pt>
                <c:pt idx="2853">
                  <c:v>11.473063082420838</c:v>
                </c:pt>
                <c:pt idx="2854">
                  <c:v>11.473063082420838</c:v>
                </c:pt>
                <c:pt idx="2855">
                  <c:v>11.476415818564096</c:v>
                </c:pt>
                <c:pt idx="2856">
                  <c:v>11.476415818564096</c:v>
                </c:pt>
                <c:pt idx="2857">
                  <c:v>11.479768554707352</c:v>
                </c:pt>
                <c:pt idx="2858">
                  <c:v>11.483121290850786</c:v>
                </c:pt>
                <c:pt idx="2859">
                  <c:v>11.486375417107373</c:v>
                </c:pt>
                <c:pt idx="2860">
                  <c:v>11.486375417107373</c:v>
                </c:pt>
                <c:pt idx="2861">
                  <c:v>11.489728153250805</c:v>
                </c:pt>
                <c:pt idx="2862">
                  <c:v>11.493080889394063</c:v>
                </c:pt>
                <c:pt idx="2863">
                  <c:v>11.493080889394063</c:v>
                </c:pt>
                <c:pt idx="2864">
                  <c:v>11.496335015650827</c:v>
                </c:pt>
                <c:pt idx="2865">
                  <c:v>11.499687751794083</c:v>
                </c:pt>
                <c:pt idx="2866">
                  <c:v>11.503040487937517</c:v>
                </c:pt>
                <c:pt idx="2867">
                  <c:v>11.503040487937517</c:v>
                </c:pt>
                <c:pt idx="2868">
                  <c:v>11.506294614194278</c:v>
                </c:pt>
                <c:pt idx="2869">
                  <c:v>11.509647350337536</c:v>
                </c:pt>
                <c:pt idx="2870">
                  <c:v>11.509647350337536</c:v>
                </c:pt>
                <c:pt idx="2871">
                  <c:v>11.513000086480794</c:v>
                </c:pt>
                <c:pt idx="2872">
                  <c:v>11.513000086480794</c:v>
                </c:pt>
                <c:pt idx="2873">
                  <c:v>11.516254212737557</c:v>
                </c:pt>
                <c:pt idx="2874">
                  <c:v>11.519606948880812</c:v>
                </c:pt>
                <c:pt idx="2875">
                  <c:v>11.522959685024246</c:v>
                </c:pt>
                <c:pt idx="2876">
                  <c:v>11.522959685024246</c:v>
                </c:pt>
                <c:pt idx="2877">
                  <c:v>11.526213811281009</c:v>
                </c:pt>
                <c:pt idx="2878">
                  <c:v>11.529566547424265</c:v>
                </c:pt>
                <c:pt idx="2879">
                  <c:v>11.529566547424265</c:v>
                </c:pt>
                <c:pt idx="2880">
                  <c:v>11.532919283567523</c:v>
                </c:pt>
                <c:pt idx="2881">
                  <c:v>11.536173409824286</c:v>
                </c:pt>
                <c:pt idx="2882">
                  <c:v>11.539526145967718</c:v>
                </c:pt>
                <c:pt idx="2883">
                  <c:v>11.539526145967718</c:v>
                </c:pt>
                <c:pt idx="2884">
                  <c:v>11.542878882110976</c:v>
                </c:pt>
                <c:pt idx="2885">
                  <c:v>11.54613300836774</c:v>
                </c:pt>
                <c:pt idx="2886">
                  <c:v>11.549485744510996</c:v>
                </c:pt>
                <c:pt idx="2887">
                  <c:v>11.552838480654254</c:v>
                </c:pt>
                <c:pt idx="2888">
                  <c:v>11.556092606911017</c:v>
                </c:pt>
                <c:pt idx="2889">
                  <c:v>11.556092606911017</c:v>
                </c:pt>
                <c:pt idx="2890">
                  <c:v>11.559445343054449</c:v>
                </c:pt>
                <c:pt idx="2891">
                  <c:v>11.562798079197705</c:v>
                </c:pt>
                <c:pt idx="2892">
                  <c:v>11.566052205454469</c:v>
                </c:pt>
                <c:pt idx="2893">
                  <c:v>11.569404941597725</c:v>
                </c:pt>
                <c:pt idx="2894">
                  <c:v>11.572757677741158</c:v>
                </c:pt>
                <c:pt idx="2895">
                  <c:v>11.576011803997746</c:v>
                </c:pt>
                <c:pt idx="2896">
                  <c:v>11.576011803997746</c:v>
                </c:pt>
                <c:pt idx="2897">
                  <c:v>11.579364540141178</c:v>
                </c:pt>
                <c:pt idx="2898">
                  <c:v>11.582717276284436</c:v>
                </c:pt>
                <c:pt idx="2899">
                  <c:v>11.585971402541199</c:v>
                </c:pt>
                <c:pt idx="2900">
                  <c:v>11.589324138684455</c:v>
                </c:pt>
                <c:pt idx="2901">
                  <c:v>11.592676874827889</c:v>
                </c:pt>
                <c:pt idx="2902">
                  <c:v>11.592676874827889</c:v>
                </c:pt>
                <c:pt idx="2903">
                  <c:v>11.595931001084653</c:v>
                </c:pt>
                <c:pt idx="2904">
                  <c:v>11.599283737227909</c:v>
                </c:pt>
                <c:pt idx="2905">
                  <c:v>11.599283737227909</c:v>
                </c:pt>
                <c:pt idx="2906">
                  <c:v>11.602636473371167</c:v>
                </c:pt>
                <c:pt idx="2907">
                  <c:v>11.605890599627928</c:v>
                </c:pt>
                <c:pt idx="2908">
                  <c:v>11.609243335771184</c:v>
                </c:pt>
                <c:pt idx="2909">
                  <c:v>11.609243335771184</c:v>
                </c:pt>
                <c:pt idx="2910">
                  <c:v>11.612596071914618</c:v>
                </c:pt>
                <c:pt idx="2911">
                  <c:v>11.615948808057874</c:v>
                </c:pt>
                <c:pt idx="2912">
                  <c:v>11.615948808057874</c:v>
                </c:pt>
                <c:pt idx="2913">
                  <c:v>11.619202934314638</c:v>
                </c:pt>
                <c:pt idx="2914">
                  <c:v>11.622555670457896</c:v>
                </c:pt>
                <c:pt idx="2915">
                  <c:v>11.625908406601328</c:v>
                </c:pt>
                <c:pt idx="2916">
                  <c:v>11.629162532858091</c:v>
                </c:pt>
                <c:pt idx="2917">
                  <c:v>11.629162532858091</c:v>
                </c:pt>
                <c:pt idx="2918">
                  <c:v>11.632515269001349</c:v>
                </c:pt>
                <c:pt idx="2919">
                  <c:v>11.632515269001349</c:v>
                </c:pt>
                <c:pt idx="2920">
                  <c:v>11.635868005144605</c:v>
                </c:pt>
                <c:pt idx="2921">
                  <c:v>11.635868005144605</c:v>
                </c:pt>
                <c:pt idx="2922">
                  <c:v>11.639122131401368</c:v>
                </c:pt>
                <c:pt idx="2923">
                  <c:v>11.642474867544626</c:v>
                </c:pt>
                <c:pt idx="2924">
                  <c:v>11.642474867544626</c:v>
                </c:pt>
                <c:pt idx="2925">
                  <c:v>11.645827603688058</c:v>
                </c:pt>
                <c:pt idx="2926">
                  <c:v>11.64908172994482</c:v>
                </c:pt>
                <c:pt idx="2927">
                  <c:v>11.64908172994482</c:v>
                </c:pt>
                <c:pt idx="2928">
                  <c:v>11.652434466088078</c:v>
                </c:pt>
                <c:pt idx="2929">
                  <c:v>11.655787202231334</c:v>
                </c:pt>
                <c:pt idx="2930">
                  <c:v>11.659041328488097</c:v>
                </c:pt>
                <c:pt idx="2931">
                  <c:v>11.662394064631531</c:v>
                </c:pt>
                <c:pt idx="2932">
                  <c:v>11.662394064631531</c:v>
                </c:pt>
                <c:pt idx="2933">
                  <c:v>11.665746800774787</c:v>
                </c:pt>
                <c:pt idx="2934">
                  <c:v>11.669000927031551</c:v>
                </c:pt>
                <c:pt idx="2935">
                  <c:v>11.672353663174809</c:v>
                </c:pt>
                <c:pt idx="2936">
                  <c:v>11.672353663174809</c:v>
                </c:pt>
                <c:pt idx="2937">
                  <c:v>11.675706399318067</c:v>
                </c:pt>
                <c:pt idx="2938">
                  <c:v>11.678960525574828</c:v>
                </c:pt>
                <c:pt idx="2939">
                  <c:v>11.682313261718262</c:v>
                </c:pt>
                <c:pt idx="2940">
                  <c:v>11.682313261718262</c:v>
                </c:pt>
                <c:pt idx="2941">
                  <c:v>11.685665997861518</c:v>
                </c:pt>
                <c:pt idx="2942">
                  <c:v>11.68892012411828</c:v>
                </c:pt>
                <c:pt idx="2943">
                  <c:v>11.68892012411828</c:v>
                </c:pt>
                <c:pt idx="2944">
                  <c:v>11.692272860261538</c:v>
                </c:pt>
                <c:pt idx="2945">
                  <c:v>11.695625596404795</c:v>
                </c:pt>
                <c:pt idx="2946">
                  <c:v>11.698879722661557</c:v>
                </c:pt>
                <c:pt idx="2947">
                  <c:v>11.702232458804991</c:v>
                </c:pt>
                <c:pt idx="2948">
                  <c:v>11.705585194948247</c:v>
                </c:pt>
                <c:pt idx="2949">
                  <c:v>11.70883932120501</c:v>
                </c:pt>
                <c:pt idx="2950">
                  <c:v>11.712192057348268</c:v>
                </c:pt>
                <c:pt idx="2951">
                  <c:v>11.7155447934917</c:v>
                </c:pt>
                <c:pt idx="2952">
                  <c:v>11.7155447934917</c:v>
                </c:pt>
                <c:pt idx="2953">
                  <c:v>11.71879891974829</c:v>
                </c:pt>
                <c:pt idx="2954">
                  <c:v>11.722151655891722</c:v>
                </c:pt>
                <c:pt idx="2955">
                  <c:v>11.725504392034978</c:v>
                </c:pt>
                <c:pt idx="2956">
                  <c:v>11.725504392034978</c:v>
                </c:pt>
                <c:pt idx="2957">
                  <c:v>11.728758518291741</c:v>
                </c:pt>
                <c:pt idx="2958">
                  <c:v>11.732111254434999</c:v>
                </c:pt>
                <c:pt idx="2959">
                  <c:v>11.732111254434999</c:v>
                </c:pt>
                <c:pt idx="2960">
                  <c:v>11.732111254434999</c:v>
                </c:pt>
                <c:pt idx="2961">
                  <c:v>11.735463990578429</c:v>
                </c:pt>
                <c:pt idx="2962">
                  <c:v>11.735463990578429</c:v>
                </c:pt>
                <c:pt idx="2963">
                  <c:v>11.738816726721687</c:v>
                </c:pt>
                <c:pt idx="2964">
                  <c:v>11.738816726721687</c:v>
                </c:pt>
                <c:pt idx="2965">
                  <c:v>11.742070852978451</c:v>
                </c:pt>
                <c:pt idx="2966">
                  <c:v>11.745423589121708</c:v>
                </c:pt>
                <c:pt idx="2967">
                  <c:v>11.745423589121708</c:v>
                </c:pt>
                <c:pt idx="2968">
                  <c:v>11.74877632526514</c:v>
                </c:pt>
                <c:pt idx="2969">
                  <c:v>11.752030451521728</c:v>
                </c:pt>
                <c:pt idx="2970">
                  <c:v>11.752030451521728</c:v>
                </c:pt>
                <c:pt idx="2971">
                  <c:v>11.75538318766516</c:v>
                </c:pt>
                <c:pt idx="2972">
                  <c:v>11.75538318766516</c:v>
                </c:pt>
                <c:pt idx="2973">
                  <c:v>11.758735923808418</c:v>
                </c:pt>
                <c:pt idx="2974">
                  <c:v>11.758735923808418</c:v>
                </c:pt>
                <c:pt idx="2975">
                  <c:v>11.761990050065181</c:v>
                </c:pt>
                <c:pt idx="2976">
                  <c:v>11.765342786208439</c:v>
                </c:pt>
                <c:pt idx="2977">
                  <c:v>11.765342786208439</c:v>
                </c:pt>
                <c:pt idx="2978">
                  <c:v>11.768695522351871</c:v>
                </c:pt>
                <c:pt idx="2979">
                  <c:v>11.771949648608635</c:v>
                </c:pt>
                <c:pt idx="2980">
                  <c:v>11.775302384751891</c:v>
                </c:pt>
                <c:pt idx="2981">
                  <c:v>11.778655120895147</c:v>
                </c:pt>
                <c:pt idx="2982">
                  <c:v>11.78190924715191</c:v>
                </c:pt>
                <c:pt idx="2983">
                  <c:v>11.785261983295168</c:v>
                </c:pt>
                <c:pt idx="2984">
                  <c:v>11.7886147194386</c:v>
                </c:pt>
                <c:pt idx="2985">
                  <c:v>11.791868845695364</c:v>
                </c:pt>
                <c:pt idx="2986">
                  <c:v>11.79522158183862</c:v>
                </c:pt>
                <c:pt idx="2987">
                  <c:v>11.798574317981878</c:v>
                </c:pt>
                <c:pt idx="2988">
                  <c:v>11.801828444238641</c:v>
                </c:pt>
                <c:pt idx="2989">
                  <c:v>11.801828444238641</c:v>
                </c:pt>
                <c:pt idx="2990">
                  <c:v>11.805181180382073</c:v>
                </c:pt>
                <c:pt idx="2991">
                  <c:v>11.808533916525331</c:v>
                </c:pt>
                <c:pt idx="2992">
                  <c:v>11.811788042782094</c:v>
                </c:pt>
                <c:pt idx="2993">
                  <c:v>11.815140778925352</c:v>
                </c:pt>
                <c:pt idx="2994">
                  <c:v>11.815140778925352</c:v>
                </c:pt>
                <c:pt idx="2995">
                  <c:v>11.818493515068608</c:v>
                </c:pt>
                <c:pt idx="2996">
                  <c:v>11.82174764132537</c:v>
                </c:pt>
                <c:pt idx="2997">
                  <c:v>11.825100377468802</c:v>
                </c:pt>
                <c:pt idx="2998">
                  <c:v>11.825100377468802</c:v>
                </c:pt>
                <c:pt idx="2999">
                  <c:v>11.82845311361206</c:v>
                </c:pt>
                <c:pt idx="3000">
                  <c:v>11.82845311361206</c:v>
                </c:pt>
                <c:pt idx="3001">
                  <c:v>11.831707239868823</c:v>
                </c:pt>
                <c:pt idx="3002">
                  <c:v>11.831707239868823</c:v>
                </c:pt>
                <c:pt idx="3003">
                  <c:v>11.835059976012081</c:v>
                </c:pt>
                <c:pt idx="3004">
                  <c:v>11.835059976012081</c:v>
                </c:pt>
                <c:pt idx="3005">
                  <c:v>11.838412712155513</c:v>
                </c:pt>
                <c:pt idx="3006">
                  <c:v>11.838412712155513</c:v>
                </c:pt>
                <c:pt idx="3007">
                  <c:v>11.841666838412101</c:v>
                </c:pt>
                <c:pt idx="3008">
                  <c:v>11.845019574555533</c:v>
                </c:pt>
                <c:pt idx="3009">
                  <c:v>11.845019574555533</c:v>
                </c:pt>
                <c:pt idx="3010">
                  <c:v>11.848372310698791</c:v>
                </c:pt>
                <c:pt idx="3011">
                  <c:v>11.851626436955554</c:v>
                </c:pt>
                <c:pt idx="3012">
                  <c:v>11.851626436955554</c:v>
                </c:pt>
                <c:pt idx="3013">
                  <c:v>11.854979173098812</c:v>
                </c:pt>
                <c:pt idx="3014">
                  <c:v>11.858331909242244</c:v>
                </c:pt>
                <c:pt idx="3015">
                  <c:v>11.858331909242244</c:v>
                </c:pt>
                <c:pt idx="3016">
                  <c:v>11.861586035499005</c:v>
                </c:pt>
                <c:pt idx="3017">
                  <c:v>11.864938771642262</c:v>
                </c:pt>
                <c:pt idx="3018">
                  <c:v>11.86829150778552</c:v>
                </c:pt>
                <c:pt idx="3019">
                  <c:v>11.86829150778552</c:v>
                </c:pt>
                <c:pt idx="3020">
                  <c:v>11.871644243928952</c:v>
                </c:pt>
                <c:pt idx="3021">
                  <c:v>11.874898370185541</c:v>
                </c:pt>
                <c:pt idx="3022">
                  <c:v>11.874898370185541</c:v>
                </c:pt>
                <c:pt idx="3023">
                  <c:v>11.878251106328973</c:v>
                </c:pt>
                <c:pt idx="3024">
                  <c:v>11.881603842472231</c:v>
                </c:pt>
                <c:pt idx="3025">
                  <c:v>11.881603842472231</c:v>
                </c:pt>
                <c:pt idx="3026">
                  <c:v>11.884857968728994</c:v>
                </c:pt>
                <c:pt idx="3027">
                  <c:v>11.88821070487225</c:v>
                </c:pt>
                <c:pt idx="3028">
                  <c:v>11.891563441015682</c:v>
                </c:pt>
                <c:pt idx="3029">
                  <c:v>11.894817567272446</c:v>
                </c:pt>
                <c:pt idx="3030">
                  <c:v>11.894817567272446</c:v>
                </c:pt>
                <c:pt idx="3031">
                  <c:v>11.898170303415704</c:v>
                </c:pt>
                <c:pt idx="3032">
                  <c:v>11.901523039558962</c:v>
                </c:pt>
                <c:pt idx="3033">
                  <c:v>11.901523039558962</c:v>
                </c:pt>
                <c:pt idx="3034">
                  <c:v>11.904777165815723</c:v>
                </c:pt>
                <c:pt idx="3035">
                  <c:v>11.908129901958979</c:v>
                </c:pt>
                <c:pt idx="3036">
                  <c:v>11.908129901958979</c:v>
                </c:pt>
                <c:pt idx="3037">
                  <c:v>11.911482638102413</c:v>
                </c:pt>
                <c:pt idx="3038">
                  <c:v>11.911482638102413</c:v>
                </c:pt>
                <c:pt idx="3039">
                  <c:v>11.914736764359175</c:v>
                </c:pt>
                <c:pt idx="3040">
                  <c:v>11.918089500502433</c:v>
                </c:pt>
                <c:pt idx="3041">
                  <c:v>11.918089500502433</c:v>
                </c:pt>
                <c:pt idx="3042">
                  <c:v>11.92144223664569</c:v>
                </c:pt>
                <c:pt idx="3043">
                  <c:v>11.92144223664569</c:v>
                </c:pt>
                <c:pt idx="3044">
                  <c:v>11.924696362902454</c:v>
                </c:pt>
                <c:pt idx="3045">
                  <c:v>11.928049099045886</c:v>
                </c:pt>
                <c:pt idx="3046">
                  <c:v>11.931401835189144</c:v>
                </c:pt>
                <c:pt idx="3047">
                  <c:v>11.931401835189144</c:v>
                </c:pt>
                <c:pt idx="3048">
                  <c:v>11.934655961445905</c:v>
                </c:pt>
                <c:pt idx="3049">
                  <c:v>11.938008697589163</c:v>
                </c:pt>
                <c:pt idx="3050">
                  <c:v>11.938008697589163</c:v>
                </c:pt>
                <c:pt idx="3051">
                  <c:v>11.941361433732421</c:v>
                </c:pt>
                <c:pt idx="3052">
                  <c:v>11.944615559989185</c:v>
                </c:pt>
                <c:pt idx="3053">
                  <c:v>11.944615559989185</c:v>
                </c:pt>
                <c:pt idx="3054">
                  <c:v>11.947968296132615</c:v>
                </c:pt>
                <c:pt idx="3055">
                  <c:v>11.951321032275873</c:v>
                </c:pt>
                <c:pt idx="3056">
                  <c:v>11.951321032275873</c:v>
                </c:pt>
                <c:pt idx="3057">
                  <c:v>11.954575158532636</c:v>
                </c:pt>
                <c:pt idx="3058">
                  <c:v>11.957927894675892</c:v>
                </c:pt>
                <c:pt idx="3059">
                  <c:v>11.96128063081915</c:v>
                </c:pt>
                <c:pt idx="3060">
                  <c:v>11.96128063081915</c:v>
                </c:pt>
                <c:pt idx="3061">
                  <c:v>11.964534757075914</c:v>
                </c:pt>
                <c:pt idx="3062">
                  <c:v>11.967887493219346</c:v>
                </c:pt>
                <c:pt idx="3063">
                  <c:v>11.971240229362603</c:v>
                </c:pt>
                <c:pt idx="3064">
                  <c:v>11.974494355619367</c:v>
                </c:pt>
                <c:pt idx="3065">
                  <c:v>11.974494355619367</c:v>
                </c:pt>
                <c:pt idx="3066">
                  <c:v>11.977847091762623</c:v>
                </c:pt>
                <c:pt idx="3067">
                  <c:v>11.981199827906057</c:v>
                </c:pt>
                <c:pt idx="3068">
                  <c:v>11.984453954162818</c:v>
                </c:pt>
                <c:pt idx="3069">
                  <c:v>11.987806690306076</c:v>
                </c:pt>
                <c:pt idx="3070">
                  <c:v>11.991159426449332</c:v>
                </c:pt>
                <c:pt idx="3071">
                  <c:v>11.994512162592589</c:v>
                </c:pt>
                <c:pt idx="3072">
                  <c:v>11.997766288849352</c:v>
                </c:pt>
                <c:pt idx="3073">
                  <c:v>11.997766288849352</c:v>
                </c:pt>
                <c:pt idx="3074">
                  <c:v>12.001119024992786</c:v>
                </c:pt>
                <c:pt idx="3075">
                  <c:v>12.004471761136042</c:v>
                </c:pt>
                <c:pt idx="3076">
                  <c:v>12.007725887392805</c:v>
                </c:pt>
                <c:pt idx="3077">
                  <c:v>12.007725887392805</c:v>
                </c:pt>
                <c:pt idx="3078">
                  <c:v>12.011078623536063</c:v>
                </c:pt>
                <c:pt idx="3079">
                  <c:v>12.011078623536063</c:v>
                </c:pt>
                <c:pt idx="3080">
                  <c:v>12.014431359679495</c:v>
                </c:pt>
                <c:pt idx="3081">
                  <c:v>12.017685485936083</c:v>
                </c:pt>
                <c:pt idx="3082">
                  <c:v>12.017685485936083</c:v>
                </c:pt>
                <c:pt idx="3083">
                  <c:v>12.021038222079516</c:v>
                </c:pt>
                <c:pt idx="3084">
                  <c:v>12.021038222079516</c:v>
                </c:pt>
                <c:pt idx="3085">
                  <c:v>12.024390958222773</c:v>
                </c:pt>
                <c:pt idx="3086">
                  <c:v>12.024390958222773</c:v>
                </c:pt>
                <c:pt idx="3087">
                  <c:v>12.024390958222773</c:v>
                </c:pt>
                <c:pt idx="3088">
                  <c:v>12.027645084479536</c:v>
                </c:pt>
                <c:pt idx="3089">
                  <c:v>12.027645084479536</c:v>
                </c:pt>
                <c:pt idx="3090">
                  <c:v>12.030997820622794</c:v>
                </c:pt>
                <c:pt idx="3091">
                  <c:v>12.030997820622794</c:v>
                </c:pt>
                <c:pt idx="3092">
                  <c:v>12.034350556766224</c:v>
                </c:pt>
                <c:pt idx="3093">
                  <c:v>12.034350556766224</c:v>
                </c:pt>
                <c:pt idx="3094">
                  <c:v>12.034350556766224</c:v>
                </c:pt>
                <c:pt idx="3095">
                  <c:v>12.037604683022987</c:v>
                </c:pt>
                <c:pt idx="3096">
                  <c:v>12.037604683022987</c:v>
                </c:pt>
                <c:pt idx="3097">
                  <c:v>12.040957419166245</c:v>
                </c:pt>
                <c:pt idx="3098">
                  <c:v>12.040957419166245</c:v>
                </c:pt>
                <c:pt idx="3099">
                  <c:v>12.044310155309502</c:v>
                </c:pt>
                <c:pt idx="3100">
                  <c:v>12.047564281566265</c:v>
                </c:pt>
                <c:pt idx="3101">
                  <c:v>12.047564281566265</c:v>
                </c:pt>
                <c:pt idx="3102">
                  <c:v>12.050917017709523</c:v>
                </c:pt>
                <c:pt idx="3103">
                  <c:v>12.050917017709523</c:v>
                </c:pt>
                <c:pt idx="3104">
                  <c:v>12.054269753852955</c:v>
                </c:pt>
                <c:pt idx="3105">
                  <c:v>12.057523880109718</c:v>
                </c:pt>
                <c:pt idx="3106">
                  <c:v>12.057523880109718</c:v>
                </c:pt>
                <c:pt idx="3107">
                  <c:v>12.060876616252976</c:v>
                </c:pt>
                <c:pt idx="3108">
                  <c:v>12.064229352396232</c:v>
                </c:pt>
                <c:pt idx="3109">
                  <c:v>12.067483478652996</c:v>
                </c:pt>
                <c:pt idx="3110">
                  <c:v>12.070836214796429</c:v>
                </c:pt>
                <c:pt idx="3111">
                  <c:v>12.070836214796429</c:v>
                </c:pt>
                <c:pt idx="3112">
                  <c:v>12.074188950939686</c:v>
                </c:pt>
                <c:pt idx="3113">
                  <c:v>12.077443077196447</c:v>
                </c:pt>
                <c:pt idx="3114">
                  <c:v>12.080795813339705</c:v>
                </c:pt>
                <c:pt idx="3115">
                  <c:v>12.080795813339705</c:v>
                </c:pt>
                <c:pt idx="3116">
                  <c:v>12.084148549482961</c:v>
                </c:pt>
                <c:pt idx="3117">
                  <c:v>12.087402675739725</c:v>
                </c:pt>
                <c:pt idx="3118">
                  <c:v>12.087402675739725</c:v>
                </c:pt>
                <c:pt idx="3119">
                  <c:v>12.090755411883158</c:v>
                </c:pt>
                <c:pt idx="3120">
                  <c:v>12.094108148026415</c:v>
                </c:pt>
                <c:pt idx="3121">
                  <c:v>12.094108148026415</c:v>
                </c:pt>
                <c:pt idx="3122">
                  <c:v>12.097362274283178</c:v>
                </c:pt>
                <c:pt idx="3123">
                  <c:v>12.100715010426436</c:v>
                </c:pt>
                <c:pt idx="3124">
                  <c:v>12.104067746569868</c:v>
                </c:pt>
                <c:pt idx="3125">
                  <c:v>12.104067746569868</c:v>
                </c:pt>
                <c:pt idx="3126">
                  <c:v>12.107321872826455</c:v>
                </c:pt>
                <c:pt idx="3127">
                  <c:v>12.110674608969889</c:v>
                </c:pt>
                <c:pt idx="3128">
                  <c:v>12.114027345113145</c:v>
                </c:pt>
                <c:pt idx="3129">
                  <c:v>12.114027345113145</c:v>
                </c:pt>
                <c:pt idx="3130">
                  <c:v>12.117281471369909</c:v>
                </c:pt>
                <c:pt idx="3131">
                  <c:v>12.120634207513165</c:v>
                </c:pt>
                <c:pt idx="3132">
                  <c:v>12.120634207513165</c:v>
                </c:pt>
                <c:pt idx="3133">
                  <c:v>12.123986943656597</c:v>
                </c:pt>
                <c:pt idx="3134">
                  <c:v>12.123986943656597</c:v>
                </c:pt>
                <c:pt idx="3135">
                  <c:v>12.127339679799855</c:v>
                </c:pt>
                <c:pt idx="3136">
                  <c:v>12.130593806056618</c:v>
                </c:pt>
                <c:pt idx="3137">
                  <c:v>12.133946542199874</c:v>
                </c:pt>
                <c:pt idx="3138">
                  <c:v>12.133946542199874</c:v>
                </c:pt>
                <c:pt idx="3139">
                  <c:v>12.137299278343308</c:v>
                </c:pt>
                <c:pt idx="3140">
                  <c:v>12.140553404599896</c:v>
                </c:pt>
                <c:pt idx="3141">
                  <c:v>12.143906140743328</c:v>
                </c:pt>
                <c:pt idx="3142">
                  <c:v>12.143906140743328</c:v>
                </c:pt>
                <c:pt idx="3143">
                  <c:v>12.147258876886585</c:v>
                </c:pt>
                <c:pt idx="3144">
                  <c:v>12.150513003143349</c:v>
                </c:pt>
                <c:pt idx="3145">
                  <c:v>12.150513003143349</c:v>
                </c:pt>
                <c:pt idx="3146">
                  <c:v>12.153865739286605</c:v>
                </c:pt>
                <c:pt idx="3147">
                  <c:v>12.157218475430039</c:v>
                </c:pt>
                <c:pt idx="3148">
                  <c:v>12.157218475430039</c:v>
                </c:pt>
                <c:pt idx="3149">
                  <c:v>12.160472601686802</c:v>
                </c:pt>
                <c:pt idx="3150">
                  <c:v>12.163825337830056</c:v>
                </c:pt>
                <c:pt idx="3151">
                  <c:v>12.167178073973314</c:v>
                </c:pt>
                <c:pt idx="3152">
                  <c:v>12.167178073973314</c:v>
                </c:pt>
                <c:pt idx="3153">
                  <c:v>12.170432200230078</c:v>
                </c:pt>
                <c:pt idx="3154">
                  <c:v>12.170432200230078</c:v>
                </c:pt>
                <c:pt idx="3155">
                  <c:v>12.173784936373334</c:v>
                </c:pt>
                <c:pt idx="3156">
                  <c:v>12.173784936373334</c:v>
                </c:pt>
                <c:pt idx="3157">
                  <c:v>12.177137672516768</c:v>
                </c:pt>
                <c:pt idx="3158">
                  <c:v>12.180391798773531</c:v>
                </c:pt>
                <c:pt idx="3159">
                  <c:v>12.180391798773531</c:v>
                </c:pt>
                <c:pt idx="3160">
                  <c:v>12.180391798773531</c:v>
                </c:pt>
                <c:pt idx="3161">
                  <c:v>12.183744534916787</c:v>
                </c:pt>
                <c:pt idx="3162">
                  <c:v>12.187097271060045</c:v>
                </c:pt>
                <c:pt idx="3163">
                  <c:v>12.187097271060045</c:v>
                </c:pt>
                <c:pt idx="3164">
                  <c:v>12.190351397316809</c:v>
                </c:pt>
                <c:pt idx="3165">
                  <c:v>12.193704133460241</c:v>
                </c:pt>
                <c:pt idx="3166">
                  <c:v>12.197056869603498</c:v>
                </c:pt>
                <c:pt idx="3167">
                  <c:v>12.197056869603498</c:v>
                </c:pt>
                <c:pt idx="3168">
                  <c:v>12.200310995860262</c:v>
                </c:pt>
                <c:pt idx="3169">
                  <c:v>12.203663732003518</c:v>
                </c:pt>
                <c:pt idx="3170">
                  <c:v>12.207016468146774</c:v>
                </c:pt>
                <c:pt idx="3171">
                  <c:v>12.210270594403537</c:v>
                </c:pt>
                <c:pt idx="3172">
                  <c:v>12.213623330546969</c:v>
                </c:pt>
                <c:pt idx="3173">
                  <c:v>12.216976066690227</c:v>
                </c:pt>
                <c:pt idx="3174">
                  <c:v>12.216976066690227</c:v>
                </c:pt>
                <c:pt idx="3175">
                  <c:v>12.220230192946991</c:v>
                </c:pt>
                <c:pt idx="3176">
                  <c:v>12.223582929090247</c:v>
                </c:pt>
                <c:pt idx="3177">
                  <c:v>12.223582929090247</c:v>
                </c:pt>
                <c:pt idx="3178">
                  <c:v>12.226935665233681</c:v>
                </c:pt>
                <c:pt idx="3179">
                  <c:v>12.230189791490268</c:v>
                </c:pt>
                <c:pt idx="3180">
                  <c:v>12.230189791490268</c:v>
                </c:pt>
                <c:pt idx="3181">
                  <c:v>12.2335425276337</c:v>
                </c:pt>
                <c:pt idx="3182">
                  <c:v>12.236895263776958</c:v>
                </c:pt>
                <c:pt idx="3183">
                  <c:v>12.240149390033721</c:v>
                </c:pt>
                <c:pt idx="3184">
                  <c:v>12.243502126176978</c:v>
                </c:pt>
                <c:pt idx="3185">
                  <c:v>12.243502126176978</c:v>
                </c:pt>
                <c:pt idx="3186">
                  <c:v>12.246854862320411</c:v>
                </c:pt>
                <c:pt idx="3187">
                  <c:v>12.250207598463666</c:v>
                </c:pt>
                <c:pt idx="3188">
                  <c:v>12.253461724720429</c:v>
                </c:pt>
                <c:pt idx="3189">
                  <c:v>12.253461724720429</c:v>
                </c:pt>
                <c:pt idx="3190">
                  <c:v>12.256814460863687</c:v>
                </c:pt>
                <c:pt idx="3191">
                  <c:v>12.260167197006945</c:v>
                </c:pt>
                <c:pt idx="3192">
                  <c:v>12.263421323263708</c:v>
                </c:pt>
                <c:pt idx="3193">
                  <c:v>12.263421323263708</c:v>
                </c:pt>
                <c:pt idx="3194">
                  <c:v>12.26677405940714</c:v>
                </c:pt>
                <c:pt idx="3195">
                  <c:v>12.270126795550397</c:v>
                </c:pt>
                <c:pt idx="3196">
                  <c:v>12.270126795550397</c:v>
                </c:pt>
                <c:pt idx="3197">
                  <c:v>12.27338092180716</c:v>
                </c:pt>
                <c:pt idx="3198">
                  <c:v>12.27338092180716</c:v>
                </c:pt>
                <c:pt idx="3199">
                  <c:v>12.276733657950418</c:v>
                </c:pt>
                <c:pt idx="3200">
                  <c:v>12.28008639409385</c:v>
                </c:pt>
                <c:pt idx="3201">
                  <c:v>12.283340520350613</c:v>
                </c:pt>
                <c:pt idx="3202">
                  <c:v>12.286693256493871</c:v>
                </c:pt>
                <c:pt idx="3203">
                  <c:v>12.286693256493871</c:v>
                </c:pt>
                <c:pt idx="3204">
                  <c:v>12.290045992637129</c:v>
                </c:pt>
                <c:pt idx="3205">
                  <c:v>12.293300118893889</c:v>
                </c:pt>
                <c:pt idx="3206">
                  <c:v>12.296652855037147</c:v>
                </c:pt>
                <c:pt idx="3207">
                  <c:v>12.300005591180579</c:v>
                </c:pt>
                <c:pt idx="3208">
                  <c:v>12.300005591180579</c:v>
                </c:pt>
                <c:pt idx="3209">
                  <c:v>12.303259717437342</c:v>
                </c:pt>
                <c:pt idx="3210">
                  <c:v>12.303259717437342</c:v>
                </c:pt>
                <c:pt idx="3211">
                  <c:v>12.3066124535806</c:v>
                </c:pt>
                <c:pt idx="3212">
                  <c:v>12.309965189723858</c:v>
                </c:pt>
                <c:pt idx="3213">
                  <c:v>12.309965189723858</c:v>
                </c:pt>
                <c:pt idx="3214">
                  <c:v>12.31321931598062</c:v>
                </c:pt>
                <c:pt idx="3215">
                  <c:v>12.31321931598062</c:v>
                </c:pt>
                <c:pt idx="3216">
                  <c:v>12.316572052123878</c:v>
                </c:pt>
                <c:pt idx="3217">
                  <c:v>12.316572052123878</c:v>
                </c:pt>
                <c:pt idx="3218">
                  <c:v>12.31992478826731</c:v>
                </c:pt>
                <c:pt idx="3219">
                  <c:v>12.31992478826731</c:v>
                </c:pt>
                <c:pt idx="3220">
                  <c:v>12.323178914524073</c:v>
                </c:pt>
                <c:pt idx="3221">
                  <c:v>12.323178914524073</c:v>
                </c:pt>
                <c:pt idx="3222">
                  <c:v>12.326531650667331</c:v>
                </c:pt>
                <c:pt idx="3223">
                  <c:v>12.329884386810589</c:v>
                </c:pt>
                <c:pt idx="3224">
                  <c:v>12.329884386810589</c:v>
                </c:pt>
                <c:pt idx="3225">
                  <c:v>12.33313851306735</c:v>
                </c:pt>
                <c:pt idx="3226">
                  <c:v>12.336491249210782</c:v>
                </c:pt>
                <c:pt idx="3227">
                  <c:v>12.336491249210782</c:v>
                </c:pt>
                <c:pt idx="3228">
                  <c:v>12.339843985354038</c:v>
                </c:pt>
                <c:pt idx="3229">
                  <c:v>12.339843985354038</c:v>
                </c:pt>
                <c:pt idx="3230">
                  <c:v>12.343098111610802</c:v>
                </c:pt>
                <c:pt idx="3231">
                  <c:v>12.34645084775406</c:v>
                </c:pt>
                <c:pt idx="3232">
                  <c:v>12.34645084775406</c:v>
                </c:pt>
                <c:pt idx="3233">
                  <c:v>12.349803583897318</c:v>
                </c:pt>
                <c:pt idx="3234">
                  <c:v>12.353057710154081</c:v>
                </c:pt>
                <c:pt idx="3235">
                  <c:v>12.356410446297513</c:v>
                </c:pt>
                <c:pt idx="3236">
                  <c:v>12.356410446297513</c:v>
                </c:pt>
                <c:pt idx="3237">
                  <c:v>12.359763182440771</c:v>
                </c:pt>
                <c:pt idx="3238">
                  <c:v>12.363017308697533</c:v>
                </c:pt>
                <c:pt idx="3239">
                  <c:v>12.363017308697533</c:v>
                </c:pt>
                <c:pt idx="3240">
                  <c:v>12.36637004484079</c:v>
                </c:pt>
                <c:pt idx="3241">
                  <c:v>12.369722780984223</c:v>
                </c:pt>
                <c:pt idx="3242">
                  <c:v>12.372976907240812</c:v>
                </c:pt>
                <c:pt idx="3243">
                  <c:v>12.376329643384244</c:v>
                </c:pt>
                <c:pt idx="3244">
                  <c:v>12.376329643384244</c:v>
                </c:pt>
                <c:pt idx="3245">
                  <c:v>12.3796823795275</c:v>
                </c:pt>
                <c:pt idx="3246">
                  <c:v>12.383035115670756</c:v>
                </c:pt>
                <c:pt idx="3247">
                  <c:v>12.383035115670756</c:v>
                </c:pt>
                <c:pt idx="3248">
                  <c:v>12.386289241927519</c:v>
                </c:pt>
                <c:pt idx="3249">
                  <c:v>12.386289241927519</c:v>
                </c:pt>
                <c:pt idx="3250">
                  <c:v>12.389641978070951</c:v>
                </c:pt>
                <c:pt idx="3251">
                  <c:v>12.392994714214209</c:v>
                </c:pt>
                <c:pt idx="3252">
                  <c:v>12.392994714214209</c:v>
                </c:pt>
                <c:pt idx="3253">
                  <c:v>12.396248840470973</c:v>
                </c:pt>
                <c:pt idx="3254">
                  <c:v>12.399601576614231</c:v>
                </c:pt>
                <c:pt idx="3255">
                  <c:v>12.399601576614231</c:v>
                </c:pt>
                <c:pt idx="3256">
                  <c:v>12.402954312757663</c:v>
                </c:pt>
                <c:pt idx="3257">
                  <c:v>12.40620843901425</c:v>
                </c:pt>
                <c:pt idx="3258">
                  <c:v>12.40620843901425</c:v>
                </c:pt>
                <c:pt idx="3259">
                  <c:v>12.40620843901425</c:v>
                </c:pt>
                <c:pt idx="3260">
                  <c:v>12.409561175157682</c:v>
                </c:pt>
                <c:pt idx="3261">
                  <c:v>12.409561175157682</c:v>
                </c:pt>
                <c:pt idx="3262">
                  <c:v>12.41291391130094</c:v>
                </c:pt>
                <c:pt idx="3263">
                  <c:v>12.41291391130094</c:v>
                </c:pt>
                <c:pt idx="3264">
                  <c:v>12.416168037557703</c:v>
                </c:pt>
                <c:pt idx="3265">
                  <c:v>12.419520773700961</c:v>
                </c:pt>
                <c:pt idx="3266">
                  <c:v>12.419520773700961</c:v>
                </c:pt>
                <c:pt idx="3267">
                  <c:v>12.422873509844392</c:v>
                </c:pt>
                <c:pt idx="3268">
                  <c:v>12.422873509844392</c:v>
                </c:pt>
                <c:pt idx="3269">
                  <c:v>12.426127636101155</c:v>
                </c:pt>
                <c:pt idx="3270">
                  <c:v>12.429480372244413</c:v>
                </c:pt>
                <c:pt idx="3271">
                  <c:v>12.429480372244413</c:v>
                </c:pt>
                <c:pt idx="3272">
                  <c:v>12.432833108387669</c:v>
                </c:pt>
                <c:pt idx="3273">
                  <c:v>12.436087234644432</c:v>
                </c:pt>
                <c:pt idx="3274">
                  <c:v>12.436087234644432</c:v>
                </c:pt>
                <c:pt idx="3275">
                  <c:v>12.43943997078769</c:v>
                </c:pt>
                <c:pt idx="3276">
                  <c:v>12.442792706931122</c:v>
                </c:pt>
                <c:pt idx="3277">
                  <c:v>12.446046833187886</c:v>
                </c:pt>
                <c:pt idx="3278">
                  <c:v>12.446046833187886</c:v>
                </c:pt>
                <c:pt idx="3279">
                  <c:v>12.449399569331144</c:v>
                </c:pt>
                <c:pt idx="3280">
                  <c:v>12.4527523054744</c:v>
                </c:pt>
                <c:pt idx="3281">
                  <c:v>12.456006431731163</c:v>
                </c:pt>
                <c:pt idx="3282">
                  <c:v>12.459359167874595</c:v>
                </c:pt>
                <c:pt idx="3283">
                  <c:v>12.459359167874595</c:v>
                </c:pt>
                <c:pt idx="3284">
                  <c:v>12.462711904017853</c:v>
                </c:pt>
                <c:pt idx="3285">
                  <c:v>12.465966030274615</c:v>
                </c:pt>
                <c:pt idx="3286">
                  <c:v>12.469318766417873</c:v>
                </c:pt>
                <c:pt idx="3287">
                  <c:v>12.469318766417873</c:v>
                </c:pt>
                <c:pt idx="3288">
                  <c:v>12.472671502561129</c:v>
                </c:pt>
                <c:pt idx="3289">
                  <c:v>12.475925628817892</c:v>
                </c:pt>
                <c:pt idx="3290">
                  <c:v>12.479278364961324</c:v>
                </c:pt>
                <c:pt idx="3291">
                  <c:v>12.479278364961324</c:v>
                </c:pt>
                <c:pt idx="3292">
                  <c:v>12.482631101104582</c:v>
                </c:pt>
                <c:pt idx="3293">
                  <c:v>12.485885227361345</c:v>
                </c:pt>
                <c:pt idx="3294">
                  <c:v>12.489237963504603</c:v>
                </c:pt>
                <c:pt idx="3295">
                  <c:v>12.492590699648035</c:v>
                </c:pt>
                <c:pt idx="3296">
                  <c:v>12.495844825904623</c:v>
                </c:pt>
                <c:pt idx="3297">
                  <c:v>12.495844825904623</c:v>
                </c:pt>
                <c:pt idx="3298">
                  <c:v>12.499197562048055</c:v>
                </c:pt>
                <c:pt idx="3299">
                  <c:v>12.502550298191313</c:v>
                </c:pt>
                <c:pt idx="3300">
                  <c:v>12.502550298191313</c:v>
                </c:pt>
                <c:pt idx="3301">
                  <c:v>12.505804424448076</c:v>
                </c:pt>
                <c:pt idx="3302">
                  <c:v>12.509157160591332</c:v>
                </c:pt>
                <c:pt idx="3303">
                  <c:v>12.509157160591332</c:v>
                </c:pt>
                <c:pt idx="3304">
                  <c:v>12.512509896734764</c:v>
                </c:pt>
                <c:pt idx="3305">
                  <c:v>12.512509896734764</c:v>
                </c:pt>
                <c:pt idx="3306">
                  <c:v>12.515862632878022</c:v>
                </c:pt>
                <c:pt idx="3307">
                  <c:v>12.515862632878022</c:v>
                </c:pt>
                <c:pt idx="3308">
                  <c:v>12.519116759134786</c:v>
                </c:pt>
                <c:pt idx="3309">
                  <c:v>12.522469495278042</c:v>
                </c:pt>
                <c:pt idx="3310">
                  <c:v>12.522469495278042</c:v>
                </c:pt>
                <c:pt idx="3311">
                  <c:v>12.522469495278042</c:v>
                </c:pt>
                <c:pt idx="3312">
                  <c:v>12.525822231421476</c:v>
                </c:pt>
                <c:pt idx="3313">
                  <c:v>12.525822231421476</c:v>
                </c:pt>
                <c:pt idx="3314">
                  <c:v>12.529076357678063</c:v>
                </c:pt>
                <c:pt idx="3315">
                  <c:v>12.529076357678063</c:v>
                </c:pt>
                <c:pt idx="3316">
                  <c:v>12.532429093821495</c:v>
                </c:pt>
                <c:pt idx="3317">
                  <c:v>12.532429093821495</c:v>
                </c:pt>
                <c:pt idx="3318">
                  <c:v>12.532429093821495</c:v>
                </c:pt>
                <c:pt idx="3319">
                  <c:v>12.535781829964753</c:v>
                </c:pt>
                <c:pt idx="3320">
                  <c:v>12.535781829964753</c:v>
                </c:pt>
                <c:pt idx="3321">
                  <c:v>12.535781829964753</c:v>
                </c:pt>
                <c:pt idx="3322">
                  <c:v>12.539035956221516</c:v>
                </c:pt>
                <c:pt idx="3323">
                  <c:v>12.539035956221516</c:v>
                </c:pt>
                <c:pt idx="3324">
                  <c:v>12.542388692364772</c:v>
                </c:pt>
                <c:pt idx="3325">
                  <c:v>12.545741428508206</c:v>
                </c:pt>
                <c:pt idx="3326">
                  <c:v>12.545741428508206</c:v>
                </c:pt>
                <c:pt idx="3327">
                  <c:v>12.548995554764968</c:v>
                </c:pt>
                <c:pt idx="3328">
                  <c:v>12.548995554764968</c:v>
                </c:pt>
                <c:pt idx="3329">
                  <c:v>12.552348290908224</c:v>
                </c:pt>
                <c:pt idx="3330">
                  <c:v>12.555701027051482</c:v>
                </c:pt>
                <c:pt idx="3331">
                  <c:v>12.555701027051482</c:v>
                </c:pt>
                <c:pt idx="3332">
                  <c:v>12.558955153308245</c:v>
                </c:pt>
                <c:pt idx="3333">
                  <c:v>12.562307889451501</c:v>
                </c:pt>
                <c:pt idx="3334">
                  <c:v>12.562307889451501</c:v>
                </c:pt>
                <c:pt idx="3335">
                  <c:v>12.565660625594935</c:v>
                </c:pt>
                <c:pt idx="3336">
                  <c:v>12.568914751851697</c:v>
                </c:pt>
                <c:pt idx="3337">
                  <c:v>12.572267487994955</c:v>
                </c:pt>
                <c:pt idx="3338">
                  <c:v>12.572267487994955</c:v>
                </c:pt>
                <c:pt idx="3339">
                  <c:v>12.575620224138213</c:v>
                </c:pt>
                <c:pt idx="3340">
                  <c:v>12.578874350394976</c:v>
                </c:pt>
                <c:pt idx="3341">
                  <c:v>12.578874350394976</c:v>
                </c:pt>
                <c:pt idx="3342">
                  <c:v>12.582227086538408</c:v>
                </c:pt>
                <c:pt idx="3343">
                  <c:v>12.582227086538408</c:v>
                </c:pt>
                <c:pt idx="3344">
                  <c:v>12.585579822681666</c:v>
                </c:pt>
                <c:pt idx="3345">
                  <c:v>12.588833948938429</c:v>
                </c:pt>
                <c:pt idx="3346">
                  <c:v>12.592186685081685</c:v>
                </c:pt>
                <c:pt idx="3347">
                  <c:v>12.595539421224942</c:v>
                </c:pt>
                <c:pt idx="3348">
                  <c:v>12.598793547481705</c:v>
                </c:pt>
                <c:pt idx="3349">
                  <c:v>12.602146283625137</c:v>
                </c:pt>
                <c:pt idx="3350">
                  <c:v>12.602146283625137</c:v>
                </c:pt>
                <c:pt idx="3351">
                  <c:v>12.605499019768395</c:v>
                </c:pt>
                <c:pt idx="3352">
                  <c:v>12.608753146025158</c:v>
                </c:pt>
                <c:pt idx="3353">
                  <c:v>12.608753146025158</c:v>
                </c:pt>
                <c:pt idx="3354">
                  <c:v>12.612105882168414</c:v>
                </c:pt>
                <c:pt idx="3355">
                  <c:v>12.615458618311672</c:v>
                </c:pt>
                <c:pt idx="3356">
                  <c:v>12.615458618311672</c:v>
                </c:pt>
                <c:pt idx="3357">
                  <c:v>12.618712744568436</c:v>
                </c:pt>
                <c:pt idx="3358">
                  <c:v>12.618712744568436</c:v>
                </c:pt>
                <c:pt idx="3359">
                  <c:v>12.622065480711868</c:v>
                </c:pt>
                <c:pt idx="3360">
                  <c:v>12.625418216855126</c:v>
                </c:pt>
                <c:pt idx="3361">
                  <c:v>12.625418216855126</c:v>
                </c:pt>
                <c:pt idx="3362">
                  <c:v>12.628672343111889</c:v>
                </c:pt>
                <c:pt idx="3363">
                  <c:v>12.632025079255145</c:v>
                </c:pt>
                <c:pt idx="3364">
                  <c:v>12.635377815398579</c:v>
                </c:pt>
                <c:pt idx="3365">
                  <c:v>12.635377815398579</c:v>
                </c:pt>
                <c:pt idx="3366">
                  <c:v>12.638730551541833</c:v>
                </c:pt>
                <c:pt idx="3367">
                  <c:v>12.641984677798597</c:v>
                </c:pt>
                <c:pt idx="3368">
                  <c:v>12.645337413941855</c:v>
                </c:pt>
                <c:pt idx="3369">
                  <c:v>12.645337413941855</c:v>
                </c:pt>
                <c:pt idx="3370">
                  <c:v>12.648690150085111</c:v>
                </c:pt>
                <c:pt idx="3371">
                  <c:v>12.651944276341874</c:v>
                </c:pt>
                <c:pt idx="3372">
                  <c:v>12.651944276341874</c:v>
                </c:pt>
                <c:pt idx="3373">
                  <c:v>12.655297012485308</c:v>
                </c:pt>
                <c:pt idx="3374">
                  <c:v>12.655297012485308</c:v>
                </c:pt>
                <c:pt idx="3375">
                  <c:v>12.655297012485308</c:v>
                </c:pt>
                <c:pt idx="3376">
                  <c:v>12.658649748628564</c:v>
                </c:pt>
                <c:pt idx="3377">
                  <c:v>12.658649748628564</c:v>
                </c:pt>
                <c:pt idx="3378">
                  <c:v>12.661903874885327</c:v>
                </c:pt>
                <c:pt idx="3379">
                  <c:v>12.665256611028585</c:v>
                </c:pt>
                <c:pt idx="3380">
                  <c:v>12.665256611028585</c:v>
                </c:pt>
                <c:pt idx="3381">
                  <c:v>12.668609347172017</c:v>
                </c:pt>
                <c:pt idx="3382">
                  <c:v>12.671863473428605</c:v>
                </c:pt>
                <c:pt idx="3383">
                  <c:v>12.675216209572039</c:v>
                </c:pt>
                <c:pt idx="3384">
                  <c:v>12.678568945715295</c:v>
                </c:pt>
                <c:pt idx="3385">
                  <c:v>12.678568945715295</c:v>
                </c:pt>
                <c:pt idx="3386">
                  <c:v>12.681823071972056</c:v>
                </c:pt>
                <c:pt idx="3387">
                  <c:v>12.681823071972056</c:v>
                </c:pt>
                <c:pt idx="3388">
                  <c:v>12.685175808115314</c:v>
                </c:pt>
                <c:pt idx="3389">
                  <c:v>12.688528544258746</c:v>
                </c:pt>
                <c:pt idx="3390">
                  <c:v>12.688528544258746</c:v>
                </c:pt>
                <c:pt idx="3391">
                  <c:v>12.69178267051551</c:v>
                </c:pt>
                <c:pt idx="3392">
                  <c:v>12.695135406658768</c:v>
                </c:pt>
                <c:pt idx="3393">
                  <c:v>12.695135406658768</c:v>
                </c:pt>
                <c:pt idx="3394">
                  <c:v>12.698488142802024</c:v>
                </c:pt>
                <c:pt idx="3395">
                  <c:v>12.698488142802024</c:v>
                </c:pt>
                <c:pt idx="3396">
                  <c:v>12.701742269058787</c:v>
                </c:pt>
                <c:pt idx="3397">
                  <c:v>12.701742269058787</c:v>
                </c:pt>
                <c:pt idx="3398">
                  <c:v>12.705095005202045</c:v>
                </c:pt>
                <c:pt idx="3399">
                  <c:v>12.705095005202045</c:v>
                </c:pt>
                <c:pt idx="3400">
                  <c:v>12.708447741345477</c:v>
                </c:pt>
                <c:pt idx="3401">
                  <c:v>12.71170186760224</c:v>
                </c:pt>
                <c:pt idx="3402">
                  <c:v>12.71170186760224</c:v>
                </c:pt>
                <c:pt idx="3403">
                  <c:v>12.715054603745498</c:v>
                </c:pt>
                <c:pt idx="3404">
                  <c:v>12.718407339888754</c:v>
                </c:pt>
                <c:pt idx="3405">
                  <c:v>12.718407339888754</c:v>
                </c:pt>
                <c:pt idx="3406">
                  <c:v>12.718407339888754</c:v>
                </c:pt>
                <c:pt idx="3407">
                  <c:v>12.721661466145518</c:v>
                </c:pt>
                <c:pt idx="3408">
                  <c:v>12.72501420228895</c:v>
                </c:pt>
                <c:pt idx="3409">
                  <c:v>12.72501420228895</c:v>
                </c:pt>
                <c:pt idx="3410">
                  <c:v>12.728366938432206</c:v>
                </c:pt>
                <c:pt idx="3411">
                  <c:v>12.731621064688969</c:v>
                </c:pt>
                <c:pt idx="3412">
                  <c:v>12.734973800832227</c:v>
                </c:pt>
                <c:pt idx="3413">
                  <c:v>12.734973800832227</c:v>
                </c:pt>
                <c:pt idx="3414">
                  <c:v>12.738326536975485</c:v>
                </c:pt>
                <c:pt idx="3415">
                  <c:v>12.741580663232247</c:v>
                </c:pt>
                <c:pt idx="3416">
                  <c:v>12.744933399375681</c:v>
                </c:pt>
                <c:pt idx="3417">
                  <c:v>12.744933399375681</c:v>
                </c:pt>
                <c:pt idx="3418">
                  <c:v>12.748286135518937</c:v>
                </c:pt>
                <c:pt idx="3419">
                  <c:v>12.7515402617757</c:v>
                </c:pt>
                <c:pt idx="3420">
                  <c:v>12.754892997918958</c:v>
                </c:pt>
                <c:pt idx="3421">
                  <c:v>12.754892997918958</c:v>
                </c:pt>
                <c:pt idx="3422">
                  <c:v>12.75824573406239</c:v>
                </c:pt>
                <c:pt idx="3423">
                  <c:v>12.761499860318978</c:v>
                </c:pt>
                <c:pt idx="3424">
                  <c:v>12.764852596462411</c:v>
                </c:pt>
                <c:pt idx="3425">
                  <c:v>12.768205332605666</c:v>
                </c:pt>
                <c:pt idx="3426">
                  <c:v>12.771558068748924</c:v>
                </c:pt>
                <c:pt idx="3427">
                  <c:v>12.771558068748924</c:v>
                </c:pt>
                <c:pt idx="3428">
                  <c:v>12.774812195005687</c:v>
                </c:pt>
                <c:pt idx="3429">
                  <c:v>12.778164931149119</c:v>
                </c:pt>
                <c:pt idx="3430">
                  <c:v>12.778164931149119</c:v>
                </c:pt>
                <c:pt idx="3431">
                  <c:v>12.781517667292377</c:v>
                </c:pt>
                <c:pt idx="3432">
                  <c:v>12.78477179354914</c:v>
                </c:pt>
                <c:pt idx="3433">
                  <c:v>12.78477179354914</c:v>
                </c:pt>
                <c:pt idx="3434">
                  <c:v>12.788124529692396</c:v>
                </c:pt>
                <c:pt idx="3435">
                  <c:v>12.79147726583583</c:v>
                </c:pt>
                <c:pt idx="3436">
                  <c:v>12.79147726583583</c:v>
                </c:pt>
                <c:pt idx="3437">
                  <c:v>12.794731392092418</c:v>
                </c:pt>
                <c:pt idx="3438">
                  <c:v>12.794731392092418</c:v>
                </c:pt>
                <c:pt idx="3439">
                  <c:v>12.79808412823585</c:v>
                </c:pt>
                <c:pt idx="3440">
                  <c:v>12.79808412823585</c:v>
                </c:pt>
                <c:pt idx="3441">
                  <c:v>12.801436864379108</c:v>
                </c:pt>
                <c:pt idx="3442">
                  <c:v>12.804690990635871</c:v>
                </c:pt>
                <c:pt idx="3443">
                  <c:v>12.804690990635871</c:v>
                </c:pt>
                <c:pt idx="3444">
                  <c:v>12.808043726779129</c:v>
                </c:pt>
                <c:pt idx="3445">
                  <c:v>12.808043726779129</c:v>
                </c:pt>
                <c:pt idx="3446">
                  <c:v>12.811396462922559</c:v>
                </c:pt>
                <c:pt idx="3447">
                  <c:v>12.814650589179323</c:v>
                </c:pt>
                <c:pt idx="3448">
                  <c:v>12.814650589179323</c:v>
                </c:pt>
                <c:pt idx="3449">
                  <c:v>12.818003325322579</c:v>
                </c:pt>
                <c:pt idx="3450">
                  <c:v>12.818003325322579</c:v>
                </c:pt>
                <c:pt idx="3451">
                  <c:v>12.821356061465837</c:v>
                </c:pt>
                <c:pt idx="3452">
                  <c:v>12.8246101877226</c:v>
                </c:pt>
                <c:pt idx="3453">
                  <c:v>12.8246101877226</c:v>
                </c:pt>
                <c:pt idx="3454">
                  <c:v>12.827962923865858</c:v>
                </c:pt>
                <c:pt idx="3455">
                  <c:v>12.83131566000929</c:v>
                </c:pt>
                <c:pt idx="3456">
                  <c:v>12.83131566000929</c:v>
                </c:pt>
                <c:pt idx="3457">
                  <c:v>12.834569786266053</c:v>
                </c:pt>
                <c:pt idx="3458">
                  <c:v>12.837922522409309</c:v>
                </c:pt>
                <c:pt idx="3459">
                  <c:v>12.841275258552567</c:v>
                </c:pt>
                <c:pt idx="3460">
                  <c:v>12.844529384809331</c:v>
                </c:pt>
                <c:pt idx="3461">
                  <c:v>12.844529384809331</c:v>
                </c:pt>
                <c:pt idx="3462">
                  <c:v>12.847882120952763</c:v>
                </c:pt>
                <c:pt idx="3463">
                  <c:v>12.851234857096021</c:v>
                </c:pt>
                <c:pt idx="3464">
                  <c:v>12.854488983352782</c:v>
                </c:pt>
                <c:pt idx="3465">
                  <c:v>12.857841719496038</c:v>
                </c:pt>
                <c:pt idx="3466">
                  <c:v>12.861194455639296</c:v>
                </c:pt>
                <c:pt idx="3467">
                  <c:v>12.86444858189606</c:v>
                </c:pt>
                <c:pt idx="3468">
                  <c:v>12.86444858189606</c:v>
                </c:pt>
                <c:pt idx="3469">
                  <c:v>12.867801318039492</c:v>
                </c:pt>
                <c:pt idx="3470">
                  <c:v>12.87115405418275</c:v>
                </c:pt>
                <c:pt idx="3471">
                  <c:v>12.874408180439513</c:v>
                </c:pt>
                <c:pt idx="3472">
                  <c:v>12.874408180439513</c:v>
                </c:pt>
                <c:pt idx="3473">
                  <c:v>12.877760916582769</c:v>
                </c:pt>
                <c:pt idx="3474">
                  <c:v>12.881113652726027</c:v>
                </c:pt>
                <c:pt idx="3475">
                  <c:v>12.881113652726027</c:v>
                </c:pt>
                <c:pt idx="3476">
                  <c:v>12.88436777898279</c:v>
                </c:pt>
                <c:pt idx="3477">
                  <c:v>12.887720515126222</c:v>
                </c:pt>
                <c:pt idx="3478">
                  <c:v>12.887720515126222</c:v>
                </c:pt>
                <c:pt idx="3479">
                  <c:v>12.89107325126948</c:v>
                </c:pt>
                <c:pt idx="3480">
                  <c:v>12.894425987412738</c:v>
                </c:pt>
                <c:pt idx="3481">
                  <c:v>12.8976801136695</c:v>
                </c:pt>
                <c:pt idx="3482">
                  <c:v>12.901032849812932</c:v>
                </c:pt>
                <c:pt idx="3483">
                  <c:v>12.901032849812932</c:v>
                </c:pt>
                <c:pt idx="3484">
                  <c:v>12.90438558595619</c:v>
                </c:pt>
                <c:pt idx="3485">
                  <c:v>12.907639712212951</c:v>
                </c:pt>
                <c:pt idx="3486">
                  <c:v>12.907639712212951</c:v>
                </c:pt>
                <c:pt idx="3487">
                  <c:v>12.910992448356209</c:v>
                </c:pt>
                <c:pt idx="3488">
                  <c:v>12.914345184499467</c:v>
                </c:pt>
                <c:pt idx="3489">
                  <c:v>12.914345184499467</c:v>
                </c:pt>
                <c:pt idx="3490">
                  <c:v>12.917599310756231</c:v>
                </c:pt>
                <c:pt idx="3491">
                  <c:v>12.917599310756231</c:v>
                </c:pt>
                <c:pt idx="3492">
                  <c:v>12.920952046899663</c:v>
                </c:pt>
                <c:pt idx="3493">
                  <c:v>12.920952046899663</c:v>
                </c:pt>
                <c:pt idx="3494">
                  <c:v>12.924304783042921</c:v>
                </c:pt>
                <c:pt idx="3495">
                  <c:v>12.924304783042921</c:v>
                </c:pt>
                <c:pt idx="3496">
                  <c:v>12.927558909299682</c:v>
                </c:pt>
                <c:pt idx="3497">
                  <c:v>12.93091164544294</c:v>
                </c:pt>
                <c:pt idx="3498">
                  <c:v>12.93091164544294</c:v>
                </c:pt>
                <c:pt idx="3499">
                  <c:v>12.934264381586372</c:v>
                </c:pt>
                <c:pt idx="3500">
                  <c:v>12.934264381586372</c:v>
                </c:pt>
                <c:pt idx="3501">
                  <c:v>12.937518507842961</c:v>
                </c:pt>
                <c:pt idx="3502">
                  <c:v>12.940871243986392</c:v>
                </c:pt>
                <c:pt idx="3503">
                  <c:v>12.940871243986392</c:v>
                </c:pt>
                <c:pt idx="3504">
                  <c:v>12.944223980129649</c:v>
                </c:pt>
                <c:pt idx="3505">
                  <c:v>12.944223980129649</c:v>
                </c:pt>
                <c:pt idx="3506">
                  <c:v>12.947478106386413</c:v>
                </c:pt>
                <c:pt idx="3507">
                  <c:v>12.950830842529669</c:v>
                </c:pt>
                <c:pt idx="3508">
                  <c:v>12.950830842529669</c:v>
                </c:pt>
                <c:pt idx="3509">
                  <c:v>12.954183578673101</c:v>
                </c:pt>
                <c:pt idx="3510">
                  <c:v>12.954183578673101</c:v>
                </c:pt>
                <c:pt idx="3511">
                  <c:v>12.957437704929864</c:v>
                </c:pt>
                <c:pt idx="3512">
                  <c:v>12.960790441073122</c:v>
                </c:pt>
                <c:pt idx="3513">
                  <c:v>12.960790441073122</c:v>
                </c:pt>
                <c:pt idx="3514">
                  <c:v>12.96414317721638</c:v>
                </c:pt>
                <c:pt idx="3515">
                  <c:v>12.967397303473144</c:v>
                </c:pt>
                <c:pt idx="3516">
                  <c:v>12.9707500396164</c:v>
                </c:pt>
                <c:pt idx="3517">
                  <c:v>12.9707500396164</c:v>
                </c:pt>
                <c:pt idx="3518">
                  <c:v>12.974102775759832</c:v>
                </c:pt>
                <c:pt idx="3519">
                  <c:v>12.977356902016595</c:v>
                </c:pt>
                <c:pt idx="3520">
                  <c:v>12.977356902016595</c:v>
                </c:pt>
                <c:pt idx="3521">
                  <c:v>12.980709638159853</c:v>
                </c:pt>
                <c:pt idx="3522">
                  <c:v>12.984062374303109</c:v>
                </c:pt>
                <c:pt idx="3523">
                  <c:v>12.987316500559873</c:v>
                </c:pt>
                <c:pt idx="3524">
                  <c:v>12.990669236703305</c:v>
                </c:pt>
                <c:pt idx="3525">
                  <c:v>12.994021972846562</c:v>
                </c:pt>
                <c:pt idx="3526">
                  <c:v>12.994021972846562</c:v>
                </c:pt>
                <c:pt idx="3527">
                  <c:v>12.997276099103324</c:v>
                </c:pt>
                <c:pt idx="3528">
                  <c:v>13.000628835246582</c:v>
                </c:pt>
                <c:pt idx="3529">
                  <c:v>13.00398157138984</c:v>
                </c:pt>
                <c:pt idx="3530">
                  <c:v>13.00398157138984</c:v>
                </c:pt>
                <c:pt idx="3531">
                  <c:v>13.007235697646603</c:v>
                </c:pt>
                <c:pt idx="3532">
                  <c:v>13.010588433790035</c:v>
                </c:pt>
                <c:pt idx="3533">
                  <c:v>13.010588433790035</c:v>
                </c:pt>
                <c:pt idx="3534">
                  <c:v>13.013941169933293</c:v>
                </c:pt>
                <c:pt idx="3535">
                  <c:v>13.017195296190055</c:v>
                </c:pt>
                <c:pt idx="3536">
                  <c:v>13.020548032333313</c:v>
                </c:pt>
                <c:pt idx="3537">
                  <c:v>13.020548032333313</c:v>
                </c:pt>
                <c:pt idx="3538">
                  <c:v>13.023900768476743</c:v>
                </c:pt>
                <c:pt idx="3539">
                  <c:v>13.027253504620001</c:v>
                </c:pt>
                <c:pt idx="3540">
                  <c:v>13.027253504620001</c:v>
                </c:pt>
                <c:pt idx="3541">
                  <c:v>13.030507630876764</c:v>
                </c:pt>
                <c:pt idx="3542">
                  <c:v>13.030507630876764</c:v>
                </c:pt>
                <c:pt idx="3543">
                  <c:v>13.033860367020022</c:v>
                </c:pt>
                <c:pt idx="3544">
                  <c:v>13.037213103163278</c:v>
                </c:pt>
                <c:pt idx="3545">
                  <c:v>13.040467229420042</c:v>
                </c:pt>
                <c:pt idx="3546">
                  <c:v>13.040467229420042</c:v>
                </c:pt>
                <c:pt idx="3547">
                  <c:v>13.043819965563475</c:v>
                </c:pt>
                <c:pt idx="3548">
                  <c:v>13.047172701706732</c:v>
                </c:pt>
                <c:pt idx="3549">
                  <c:v>13.047172701706732</c:v>
                </c:pt>
                <c:pt idx="3550">
                  <c:v>13.050426827963495</c:v>
                </c:pt>
                <c:pt idx="3551">
                  <c:v>13.050426827963495</c:v>
                </c:pt>
                <c:pt idx="3552">
                  <c:v>13.053779564106753</c:v>
                </c:pt>
                <c:pt idx="3553">
                  <c:v>13.057132300250185</c:v>
                </c:pt>
                <c:pt idx="3554">
                  <c:v>13.057132300250185</c:v>
                </c:pt>
                <c:pt idx="3555">
                  <c:v>13.060386426506772</c:v>
                </c:pt>
                <c:pt idx="3556">
                  <c:v>13.063739162650206</c:v>
                </c:pt>
                <c:pt idx="3557">
                  <c:v>13.063739162650206</c:v>
                </c:pt>
                <c:pt idx="3558">
                  <c:v>13.067091898793462</c:v>
                </c:pt>
                <c:pt idx="3559">
                  <c:v>13.067091898793462</c:v>
                </c:pt>
                <c:pt idx="3560">
                  <c:v>13.070346025050224</c:v>
                </c:pt>
                <c:pt idx="3561">
                  <c:v>13.070346025050224</c:v>
                </c:pt>
                <c:pt idx="3562">
                  <c:v>13.073698761193482</c:v>
                </c:pt>
                <c:pt idx="3563">
                  <c:v>13.077051497336914</c:v>
                </c:pt>
                <c:pt idx="3564">
                  <c:v>13.080305623593677</c:v>
                </c:pt>
                <c:pt idx="3565">
                  <c:v>13.080305623593677</c:v>
                </c:pt>
                <c:pt idx="3566">
                  <c:v>13.083658359736935</c:v>
                </c:pt>
                <c:pt idx="3567">
                  <c:v>13.083658359736935</c:v>
                </c:pt>
                <c:pt idx="3568">
                  <c:v>13.087011095880191</c:v>
                </c:pt>
                <c:pt idx="3569">
                  <c:v>13.090265222136955</c:v>
                </c:pt>
                <c:pt idx="3570">
                  <c:v>13.093617958280213</c:v>
                </c:pt>
                <c:pt idx="3571">
                  <c:v>13.093617958280213</c:v>
                </c:pt>
                <c:pt idx="3572">
                  <c:v>13.096970694423645</c:v>
                </c:pt>
                <c:pt idx="3573">
                  <c:v>13.100224820680408</c:v>
                </c:pt>
                <c:pt idx="3574">
                  <c:v>13.100224820680408</c:v>
                </c:pt>
                <c:pt idx="3575">
                  <c:v>13.103577556823666</c:v>
                </c:pt>
                <c:pt idx="3576">
                  <c:v>13.106930292966922</c:v>
                </c:pt>
                <c:pt idx="3577">
                  <c:v>13.106930292966922</c:v>
                </c:pt>
                <c:pt idx="3578">
                  <c:v>13.110184419223684</c:v>
                </c:pt>
                <c:pt idx="3579">
                  <c:v>13.113537155367116</c:v>
                </c:pt>
                <c:pt idx="3580">
                  <c:v>13.116889891510374</c:v>
                </c:pt>
                <c:pt idx="3581">
                  <c:v>13.120144017767137</c:v>
                </c:pt>
                <c:pt idx="3582">
                  <c:v>13.120144017767137</c:v>
                </c:pt>
                <c:pt idx="3583">
                  <c:v>13.123496753910395</c:v>
                </c:pt>
                <c:pt idx="3584">
                  <c:v>13.126849490053651</c:v>
                </c:pt>
                <c:pt idx="3585">
                  <c:v>13.130103616310414</c:v>
                </c:pt>
                <c:pt idx="3586">
                  <c:v>13.130103616310414</c:v>
                </c:pt>
                <c:pt idx="3587">
                  <c:v>13.133456352453848</c:v>
                </c:pt>
                <c:pt idx="3588">
                  <c:v>13.136809088597104</c:v>
                </c:pt>
                <c:pt idx="3589">
                  <c:v>13.136809088597104</c:v>
                </c:pt>
                <c:pt idx="3590">
                  <c:v>13.140063214853868</c:v>
                </c:pt>
                <c:pt idx="3591">
                  <c:v>13.143415950997126</c:v>
                </c:pt>
                <c:pt idx="3592">
                  <c:v>13.143415950997126</c:v>
                </c:pt>
                <c:pt idx="3593">
                  <c:v>13.146768687140558</c:v>
                </c:pt>
                <c:pt idx="3594">
                  <c:v>13.146768687140558</c:v>
                </c:pt>
                <c:pt idx="3595">
                  <c:v>13.150121423283816</c:v>
                </c:pt>
                <c:pt idx="3596">
                  <c:v>13.153375549540577</c:v>
                </c:pt>
                <c:pt idx="3597">
                  <c:v>13.153375549540577</c:v>
                </c:pt>
                <c:pt idx="3598">
                  <c:v>13.156728285683833</c:v>
                </c:pt>
                <c:pt idx="3599">
                  <c:v>13.160081021827091</c:v>
                </c:pt>
                <c:pt idx="3600">
                  <c:v>13.160081021827091</c:v>
                </c:pt>
                <c:pt idx="3601">
                  <c:v>13.163335148083855</c:v>
                </c:pt>
                <c:pt idx="3602">
                  <c:v>13.166687884227287</c:v>
                </c:pt>
                <c:pt idx="3603">
                  <c:v>13.170040620370544</c:v>
                </c:pt>
                <c:pt idx="3604">
                  <c:v>13.170040620370544</c:v>
                </c:pt>
                <c:pt idx="3605">
                  <c:v>13.173294746627308</c:v>
                </c:pt>
                <c:pt idx="3606">
                  <c:v>13.173294746627308</c:v>
                </c:pt>
                <c:pt idx="3607">
                  <c:v>13.176647482770564</c:v>
                </c:pt>
                <c:pt idx="3608">
                  <c:v>13.180000218913822</c:v>
                </c:pt>
                <c:pt idx="3609">
                  <c:v>13.180000218913822</c:v>
                </c:pt>
                <c:pt idx="3610">
                  <c:v>13.183254345170585</c:v>
                </c:pt>
                <c:pt idx="3611">
                  <c:v>13.186607081314017</c:v>
                </c:pt>
                <c:pt idx="3612">
                  <c:v>13.186607081314017</c:v>
                </c:pt>
                <c:pt idx="3613">
                  <c:v>13.189959817457275</c:v>
                </c:pt>
                <c:pt idx="3614">
                  <c:v>13.193213943714039</c:v>
                </c:pt>
                <c:pt idx="3615">
                  <c:v>13.193213943714039</c:v>
                </c:pt>
                <c:pt idx="3616">
                  <c:v>13.196566679857293</c:v>
                </c:pt>
                <c:pt idx="3617">
                  <c:v>13.199919416000727</c:v>
                </c:pt>
                <c:pt idx="3618">
                  <c:v>13.20317354225749</c:v>
                </c:pt>
                <c:pt idx="3619">
                  <c:v>13.20317354225749</c:v>
                </c:pt>
                <c:pt idx="3620">
                  <c:v>13.206526278400746</c:v>
                </c:pt>
                <c:pt idx="3621">
                  <c:v>13.209879014544004</c:v>
                </c:pt>
                <c:pt idx="3622">
                  <c:v>13.213133140800768</c:v>
                </c:pt>
                <c:pt idx="3623">
                  <c:v>13.216485876944024</c:v>
                </c:pt>
                <c:pt idx="3624">
                  <c:v>13.216485876944024</c:v>
                </c:pt>
                <c:pt idx="3625">
                  <c:v>13.219838613087457</c:v>
                </c:pt>
                <c:pt idx="3626">
                  <c:v>13.223092739344221</c:v>
                </c:pt>
                <c:pt idx="3627">
                  <c:v>13.223092739344221</c:v>
                </c:pt>
                <c:pt idx="3628">
                  <c:v>13.226445475487477</c:v>
                </c:pt>
                <c:pt idx="3629">
                  <c:v>13.226445475487477</c:v>
                </c:pt>
                <c:pt idx="3630">
                  <c:v>13.229798211630735</c:v>
                </c:pt>
                <c:pt idx="3631">
                  <c:v>13.233052337887498</c:v>
                </c:pt>
                <c:pt idx="3632">
                  <c:v>13.233052337887498</c:v>
                </c:pt>
                <c:pt idx="3633">
                  <c:v>13.236405074030754</c:v>
                </c:pt>
                <c:pt idx="3634">
                  <c:v>13.239757810174186</c:v>
                </c:pt>
                <c:pt idx="3635">
                  <c:v>13.24301193643095</c:v>
                </c:pt>
                <c:pt idx="3636">
                  <c:v>13.246364672574206</c:v>
                </c:pt>
                <c:pt idx="3637">
                  <c:v>13.246364672574206</c:v>
                </c:pt>
                <c:pt idx="3638">
                  <c:v>13.249717408717464</c:v>
                </c:pt>
                <c:pt idx="3639">
                  <c:v>13.252971534974227</c:v>
                </c:pt>
                <c:pt idx="3640">
                  <c:v>13.252971534974227</c:v>
                </c:pt>
                <c:pt idx="3641">
                  <c:v>13.256324271117659</c:v>
                </c:pt>
                <c:pt idx="3642">
                  <c:v>13.259677007260917</c:v>
                </c:pt>
                <c:pt idx="3643">
                  <c:v>13.259677007260917</c:v>
                </c:pt>
                <c:pt idx="3644">
                  <c:v>13.26293113351768</c:v>
                </c:pt>
                <c:pt idx="3645">
                  <c:v>13.266283869660937</c:v>
                </c:pt>
                <c:pt idx="3646">
                  <c:v>13.269636605804195</c:v>
                </c:pt>
                <c:pt idx="3647">
                  <c:v>13.269636605804195</c:v>
                </c:pt>
                <c:pt idx="3648">
                  <c:v>13.272890732060958</c:v>
                </c:pt>
                <c:pt idx="3649">
                  <c:v>13.27624346820439</c:v>
                </c:pt>
                <c:pt idx="3650">
                  <c:v>13.27624346820439</c:v>
                </c:pt>
                <c:pt idx="3651">
                  <c:v>13.279596204347648</c:v>
                </c:pt>
                <c:pt idx="3652">
                  <c:v>13.282948940490906</c:v>
                </c:pt>
                <c:pt idx="3653">
                  <c:v>13.286203066747666</c:v>
                </c:pt>
                <c:pt idx="3654">
                  <c:v>13.286203066747666</c:v>
                </c:pt>
                <c:pt idx="3655">
                  <c:v>13.289555802891099</c:v>
                </c:pt>
                <c:pt idx="3656">
                  <c:v>13.292908539034356</c:v>
                </c:pt>
                <c:pt idx="3657">
                  <c:v>13.292908539034356</c:v>
                </c:pt>
                <c:pt idx="3658">
                  <c:v>13.296162665291119</c:v>
                </c:pt>
                <c:pt idx="3659">
                  <c:v>13.299515401434377</c:v>
                </c:pt>
                <c:pt idx="3660">
                  <c:v>13.302868137577635</c:v>
                </c:pt>
                <c:pt idx="3661">
                  <c:v>13.302868137577635</c:v>
                </c:pt>
                <c:pt idx="3662">
                  <c:v>13.306122263834396</c:v>
                </c:pt>
                <c:pt idx="3663">
                  <c:v>13.30947499997783</c:v>
                </c:pt>
                <c:pt idx="3664">
                  <c:v>13.312827736121086</c:v>
                </c:pt>
                <c:pt idx="3665">
                  <c:v>13.312827736121086</c:v>
                </c:pt>
                <c:pt idx="3666">
                  <c:v>13.31608186237785</c:v>
                </c:pt>
                <c:pt idx="3667">
                  <c:v>13.319434598521108</c:v>
                </c:pt>
                <c:pt idx="3668">
                  <c:v>13.319434598521108</c:v>
                </c:pt>
                <c:pt idx="3669">
                  <c:v>13.32278733466454</c:v>
                </c:pt>
                <c:pt idx="3670">
                  <c:v>13.326041460921127</c:v>
                </c:pt>
                <c:pt idx="3671">
                  <c:v>13.329394197064559</c:v>
                </c:pt>
                <c:pt idx="3672">
                  <c:v>13.329394197064559</c:v>
                </c:pt>
                <c:pt idx="3673">
                  <c:v>13.332746933207815</c:v>
                </c:pt>
                <c:pt idx="3674">
                  <c:v>13.336001059464579</c:v>
                </c:pt>
                <c:pt idx="3675">
                  <c:v>13.339353795607837</c:v>
                </c:pt>
                <c:pt idx="3676">
                  <c:v>13.342706531751269</c:v>
                </c:pt>
                <c:pt idx="3677">
                  <c:v>13.345960658008032</c:v>
                </c:pt>
                <c:pt idx="3678">
                  <c:v>13.34931339415129</c:v>
                </c:pt>
                <c:pt idx="3679">
                  <c:v>13.34931339415129</c:v>
                </c:pt>
                <c:pt idx="3680">
                  <c:v>13.352666130294548</c:v>
                </c:pt>
                <c:pt idx="3681">
                  <c:v>13.355920256551309</c:v>
                </c:pt>
                <c:pt idx="3682">
                  <c:v>13.359272992694567</c:v>
                </c:pt>
                <c:pt idx="3683">
                  <c:v>13.359272992694567</c:v>
                </c:pt>
                <c:pt idx="3684">
                  <c:v>13.362625728837999</c:v>
                </c:pt>
                <c:pt idx="3685">
                  <c:v>13.365879855094763</c:v>
                </c:pt>
                <c:pt idx="3686">
                  <c:v>13.369232591238019</c:v>
                </c:pt>
                <c:pt idx="3687">
                  <c:v>13.369232591238019</c:v>
                </c:pt>
                <c:pt idx="3688">
                  <c:v>13.372585327381277</c:v>
                </c:pt>
                <c:pt idx="3689">
                  <c:v>13.372585327381277</c:v>
                </c:pt>
                <c:pt idx="3690">
                  <c:v>13.375839453638038</c:v>
                </c:pt>
                <c:pt idx="3691">
                  <c:v>13.379192189781472</c:v>
                </c:pt>
                <c:pt idx="3692">
                  <c:v>13.382544925924728</c:v>
                </c:pt>
                <c:pt idx="3693">
                  <c:v>13.382544925924728</c:v>
                </c:pt>
                <c:pt idx="3694">
                  <c:v>13.385799052181492</c:v>
                </c:pt>
                <c:pt idx="3695">
                  <c:v>13.38915178832475</c:v>
                </c:pt>
                <c:pt idx="3696">
                  <c:v>13.38915178832475</c:v>
                </c:pt>
                <c:pt idx="3697">
                  <c:v>13.392504524468007</c:v>
                </c:pt>
                <c:pt idx="3698">
                  <c:v>13.395758650724769</c:v>
                </c:pt>
                <c:pt idx="3699">
                  <c:v>13.395758650724769</c:v>
                </c:pt>
                <c:pt idx="3700">
                  <c:v>13.399111386868203</c:v>
                </c:pt>
                <c:pt idx="3701">
                  <c:v>13.399111386868203</c:v>
                </c:pt>
                <c:pt idx="3702">
                  <c:v>13.402464123011459</c:v>
                </c:pt>
                <c:pt idx="3703">
                  <c:v>13.405718249268222</c:v>
                </c:pt>
                <c:pt idx="3704">
                  <c:v>13.40907098541148</c:v>
                </c:pt>
                <c:pt idx="3705">
                  <c:v>13.40907098541148</c:v>
                </c:pt>
                <c:pt idx="3706">
                  <c:v>13.41242372155491</c:v>
                </c:pt>
                <c:pt idx="3707">
                  <c:v>13.415776457698168</c:v>
                </c:pt>
                <c:pt idx="3708">
                  <c:v>13.415776457698168</c:v>
                </c:pt>
                <c:pt idx="3709">
                  <c:v>13.419030583954932</c:v>
                </c:pt>
                <c:pt idx="3710">
                  <c:v>13.42238332009819</c:v>
                </c:pt>
                <c:pt idx="3711">
                  <c:v>13.42238332009819</c:v>
                </c:pt>
                <c:pt idx="3712">
                  <c:v>13.425736056241446</c:v>
                </c:pt>
                <c:pt idx="3713">
                  <c:v>13.428990182498209</c:v>
                </c:pt>
                <c:pt idx="3714">
                  <c:v>13.432342918641641</c:v>
                </c:pt>
                <c:pt idx="3715">
                  <c:v>13.432342918641641</c:v>
                </c:pt>
                <c:pt idx="3716">
                  <c:v>13.435695654784899</c:v>
                </c:pt>
                <c:pt idx="3717">
                  <c:v>13.438949781041662</c:v>
                </c:pt>
                <c:pt idx="3718">
                  <c:v>13.438949781041662</c:v>
                </c:pt>
                <c:pt idx="3719">
                  <c:v>13.44230251718492</c:v>
                </c:pt>
                <c:pt idx="3720">
                  <c:v>13.44230251718492</c:v>
                </c:pt>
                <c:pt idx="3721">
                  <c:v>13.445655253328352</c:v>
                </c:pt>
                <c:pt idx="3722">
                  <c:v>13.44890937958494</c:v>
                </c:pt>
                <c:pt idx="3723">
                  <c:v>13.452262115728372</c:v>
                </c:pt>
                <c:pt idx="3724">
                  <c:v>13.452262115728372</c:v>
                </c:pt>
                <c:pt idx="3725">
                  <c:v>13.455614851871628</c:v>
                </c:pt>
                <c:pt idx="3726">
                  <c:v>13.458868978128391</c:v>
                </c:pt>
                <c:pt idx="3727">
                  <c:v>13.458868978128391</c:v>
                </c:pt>
                <c:pt idx="3728">
                  <c:v>13.462221714271649</c:v>
                </c:pt>
                <c:pt idx="3729">
                  <c:v>13.465574450415081</c:v>
                </c:pt>
                <c:pt idx="3730">
                  <c:v>13.465574450415081</c:v>
                </c:pt>
                <c:pt idx="3731">
                  <c:v>13.468828576671845</c:v>
                </c:pt>
                <c:pt idx="3732">
                  <c:v>13.472181312815101</c:v>
                </c:pt>
                <c:pt idx="3733">
                  <c:v>13.472181312815101</c:v>
                </c:pt>
                <c:pt idx="3734">
                  <c:v>13.475534048958359</c:v>
                </c:pt>
                <c:pt idx="3735">
                  <c:v>13.478788175215122</c:v>
                </c:pt>
                <c:pt idx="3736">
                  <c:v>13.478788175215122</c:v>
                </c:pt>
                <c:pt idx="3737">
                  <c:v>13.48214091135838</c:v>
                </c:pt>
                <c:pt idx="3738">
                  <c:v>13.485493647501812</c:v>
                </c:pt>
                <c:pt idx="3739">
                  <c:v>13.488747773758575</c:v>
                </c:pt>
                <c:pt idx="3740">
                  <c:v>13.488747773758575</c:v>
                </c:pt>
                <c:pt idx="3741">
                  <c:v>13.492100509901832</c:v>
                </c:pt>
                <c:pt idx="3742">
                  <c:v>13.49545324604509</c:v>
                </c:pt>
                <c:pt idx="3743">
                  <c:v>13.49545324604509</c:v>
                </c:pt>
                <c:pt idx="3744">
                  <c:v>13.498707372301851</c:v>
                </c:pt>
                <c:pt idx="3745">
                  <c:v>13.502060108445109</c:v>
                </c:pt>
                <c:pt idx="3746">
                  <c:v>13.505412844588541</c:v>
                </c:pt>
                <c:pt idx="3747">
                  <c:v>13.505412844588541</c:v>
                </c:pt>
                <c:pt idx="3748">
                  <c:v>13.508666970845304</c:v>
                </c:pt>
                <c:pt idx="3749">
                  <c:v>13.512019706988562</c:v>
                </c:pt>
                <c:pt idx="3750">
                  <c:v>13.515372443131819</c:v>
                </c:pt>
                <c:pt idx="3751">
                  <c:v>13.515372443131819</c:v>
                </c:pt>
                <c:pt idx="3752">
                  <c:v>13.518626569388582</c:v>
                </c:pt>
                <c:pt idx="3753">
                  <c:v>13.521979305532014</c:v>
                </c:pt>
                <c:pt idx="3754">
                  <c:v>13.521979305532014</c:v>
                </c:pt>
                <c:pt idx="3755">
                  <c:v>13.525332041675272</c:v>
                </c:pt>
                <c:pt idx="3756">
                  <c:v>13.528586167932035</c:v>
                </c:pt>
                <c:pt idx="3757">
                  <c:v>13.531938904075293</c:v>
                </c:pt>
                <c:pt idx="3758">
                  <c:v>13.531938904075293</c:v>
                </c:pt>
                <c:pt idx="3759">
                  <c:v>13.535291640218549</c:v>
                </c:pt>
                <c:pt idx="3760">
                  <c:v>13.538644376361983</c:v>
                </c:pt>
                <c:pt idx="3761">
                  <c:v>13.538644376361983</c:v>
                </c:pt>
                <c:pt idx="3762">
                  <c:v>13.541898502618743</c:v>
                </c:pt>
                <c:pt idx="3763">
                  <c:v>13.541898502618743</c:v>
                </c:pt>
                <c:pt idx="3764">
                  <c:v>13.545251238762001</c:v>
                </c:pt>
                <c:pt idx="3765">
                  <c:v>13.545251238762001</c:v>
                </c:pt>
                <c:pt idx="3766">
                  <c:v>13.548603974905259</c:v>
                </c:pt>
                <c:pt idx="3767">
                  <c:v>13.548603974905259</c:v>
                </c:pt>
                <c:pt idx="3768">
                  <c:v>13.551858101162022</c:v>
                </c:pt>
                <c:pt idx="3769">
                  <c:v>13.555210837305454</c:v>
                </c:pt>
                <c:pt idx="3770">
                  <c:v>13.555210837305454</c:v>
                </c:pt>
                <c:pt idx="3771">
                  <c:v>13.558563573448712</c:v>
                </c:pt>
                <c:pt idx="3772">
                  <c:v>13.558563573448712</c:v>
                </c:pt>
                <c:pt idx="3773">
                  <c:v>13.561817699705474</c:v>
                </c:pt>
                <c:pt idx="3774">
                  <c:v>13.561817699705474</c:v>
                </c:pt>
                <c:pt idx="3775">
                  <c:v>13.565170435848732</c:v>
                </c:pt>
                <c:pt idx="3776">
                  <c:v>13.565170435848732</c:v>
                </c:pt>
                <c:pt idx="3777">
                  <c:v>13.568523171991989</c:v>
                </c:pt>
                <c:pt idx="3778">
                  <c:v>13.568523171991989</c:v>
                </c:pt>
                <c:pt idx="3779">
                  <c:v>13.571777298248753</c:v>
                </c:pt>
                <c:pt idx="3780">
                  <c:v>13.575130034392185</c:v>
                </c:pt>
                <c:pt idx="3781">
                  <c:v>13.575130034392185</c:v>
                </c:pt>
                <c:pt idx="3782">
                  <c:v>13.578482770535443</c:v>
                </c:pt>
                <c:pt idx="3783">
                  <c:v>13.578482770535443</c:v>
                </c:pt>
                <c:pt idx="3784">
                  <c:v>13.581736896792206</c:v>
                </c:pt>
                <c:pt idx="3785">
                  <c:v>13.58508963293546</c:v>
                </c:pt>
                <c:pt idx="3786">
                  <c:v>13.58508963293546</c:v>
                </c:pt>
                <c:pt idx="3787">
                  <c:v>13.588442369078894</c:v>
                </c:pt>
                <c:pt idx="3788">
                  <c:v>13.591696495335482</c:v>
                </c:pt>
                <c:pt idx="3789">
                  <c:v>13.591696495335482</c:v>
                </c:pt>
                <c:pt idx="3790">
                  <c:v>13.595049231478914</c:v>
                </c:pt>
                <c:pt idx="3791">
                  <c:v>13.595049231478914</c:v>
                </c:pt>
                <c:pt idx="3792">
                  <c:v>13.598401967622172</c:v>
                </c:pt>
                <c:pt idx="3793">
                  <c:v>13.601656093878935</c:v>
                </c:pt>
                <c:pt idx="3794">
                  <c:v>13.605008830022191</c:v>
                </c:pt>
                <c:pt idx="3795">
                  <c:v>13.605008830022191</c:v>
                </c:pt>
                <c:pt idx="3796">
                  <c:v>13.608361566165625</c:v>
                </c:pt>
                <c:pt idx="3797">
                  <c:v>13.608361566165625</c:v>
                </c:pt>
                <c:pt idx="3798">
                  <c:v>13.611615692422387</c:v>
                </c:pt>
                <c:pt idx="3799">
                  <c:v>13.614968428565644</c:v>
                </c:pt>
                <c:pt idx="3800">
                  <c:v>13.614968428565644</c:v>
                </c:pt>
                <c:pt idx="3801">
                  <c:v>13.618321164708902</c:v>
                </c:pt>
                <c:pt idx="3802">
                  <c:v>13.621575290965666</c:v>
                </c:pt>
                <c:pt idx="3803">
                  <c:v>13.621575290965666</c:v>
                </c:pt>
                <c:pt idx="3804">
                  <c:v>13.624928027108922</c:v>
                </c:pt>
                <c:pt idx="3805">
                  <c:v>13.628280763252354</c:v>
                </c:pt>
                <c:pt idx="3806">
                  <c:v>13.628280763252354</c:v>
                </c:pt>
                <c:pt idx="3807">
                  <c:v>13.631534889509116</c:v>
                </c:pt>
                <c:pt idx="3808">
                  <c:v>13.634887625652373</c:v>
                </c:pt>
                <c:pt idx="3809">
                  <c:v>13.634887625652373</c:v>
                </c:pt>
                <c:pt idx="3810">
                  <c:v>13.638240361795631</c:v>
                </c:pt>
                <c:pt idx="3811">
                  <c:v>13.638240361795631</c:v>
                </c:pt>
                <c:pt idx="3812">
                  <c:v>13.641494488052395</c:v>
                </c:pt>
                <c:pt idx="3813">
                  <c:v>13.644847224195827</c:v>
                </c:pt>
                <c:pt idx="3814">
                  <c:v>13.644847224195827</c:v>
                </c:pt>
                <c:pt idx="3815">
                  <c:v>13.648199960339085</c:v>
                </c:pt>
                <c:pt idx="3816">
                  <c:v>13.648199960339085</c:v>
                </c:pt>
                <c:pt idx="3817">
                  <c:v>13.651454086595848</c:v>
                </c:pt>
                <c:pt idx="3818">
                  <c:v>13.651454086595848</c:v>
                </c:pt>
                <c:pt idx="3819">
                  <c:v>13.654806822739104</c:v>
                </c:pt>
                <c:pt idx="3820">
                  <c:v>13.658159558882362</c:v>
                </c:pt>
                <c:pt idx="3821">
                  <c:v>13.658159558882362</c:v>
                </c:pt>
                <c:pt idx="3822">
                  <c:v>13.661413685139125</c:v>
                </c:pt>
                <c:pt idx="3823">
                  <c:v>13.664766421282557</c:v>
                </c:pt>
                <c:pt idx="3824">
                  <c:v>13.664766421282557</c:v>
                </c:pt>
                <c:pt idx="3825">
                  <c:v>13.668119157425815</c:v>
                </c:pt>
                <c:pt idx="3826">
                  <c:v>13.67147189356907</c:v>
                </c:pt>
                <c:pt idx="3827">
                  <c:v>13.67147189356907</c:v>
                </c:pt>
                <c:pt idx="3828">
                  <c:v>13.674726019825833</c:v>
                </c:pt>
                <c:pt idx="3829">
                  <c:v>13.678078755969267</c:v>
                </c:pt>
                <c:pt idx="3830">
                  <c:v>13.678078755969267</c:v>
                </c:pt>
                <c:pt idx="3831">
                  <c:v>13.681431492112523</c:v>
                </c:pt>
                <c:pt idx="3832">
                  <c:v>13.681431492112523</c:v>
                </c:pt>
                <c:pt idx="3833">
                  <c:v>13.684685618369286</c:v>
                </c:pt>
                <c:pt idx="3834">
                  <c:v>13.684685618369286</c:v>
                </c:pt>
                <c:pt idx="3835">
                  <c:v>13.688038354512544</c:v>
                </c:pt>
                <c:pt idx="3836">
                  <c:v>13.691391090655801</c:v>
                </c:pt>
                <c:pt idx="3837">
                  <c:v>13.691391090655801</c:v>
                </c:pt>
                <c:pt idx="3838">
                  <c:v>13.694645216912564</c:v>
                </c:pt>
                <c:pt idx="3839">
                  <c:v>13.697997953055998</c:v>
                </c:pt>
                <c:pt idx="3840">
                  <c:v>13.701350689199254</c:v>
                </c:pt>
                <c:pt idx="3841">
                  <c:v>13.701350689199254</c:v>
                </c:pt>
                <c:pt idx="3842">
                  <c:v>13.704604815456017</c:v>
                </c:pt>
                <c:pt idx="3843">
                  <c:v>13.707957551599275</c:v>
                </c:pt>
                <c:pt idx="3844">
                  <c:v>13.711310287742707</c:v>
                </c:pt>
                <c:pt idx="3845">
                  <c:v>13.714564413999293</c:v>
                </c:pt>
                <c:pt idx="3846">
                  <c:v>13.714564413999293</c:v>
                </c:pt>
                <c:pt idx="3847">
                  <c:v>13.717917150142727</c:v>
                </c:pt>
                <c:pt idx="3848">
                  <c:v>13.721269886285983</c:v>
                </c:pt>
                <c:pt idx="3849">
                  <c:v>13.721269886285983</c:v>
                </c:pt>
                <c:pt idx="3850">
                  <c:v>13.724524012542746</c:v>
                </c:pt>
                <c:pt idx="3851">
                  <c:v>13.727876748686004</c:v>
                </c:pt>
                <c:pt idx="3852">
                  <c:v>13.727876748686004</c:v>
                </c:pt>
                <c:pt idx="3853">
                  <c:v>13.731229484829436</c:v>
                </c:pt>
                <c:pt idx="3854">
                  <c:v>13.734483611086199</c:v>
                </c:pt>
                <c:pt idx="3855">
                  <c:v>13.734483611086199</c:v>
                </c:pt>
                <c:pt idx="3856">
                  <c:v>13.737836347229457</c:v>
                </c:pt>
                <c:pt idx="3857">
                  <c:v>13.741189083372713</c:v>
                </c:pt>
                <c:pt idx="3858">
                  <c:v>13.741189083372713</c:v>
                </c:pt>
                <c:pt idx="3859">
                  <c:v>13.744443209629477</c:v>
                </c:pt>
                <c:pt idx="3860">
                  <c:v>13.747795945772735</c:v>
                </c:pt>
                <c:pt idx="3861">
                  <c:v>13.747795945772735</c:v>
                </c:pt>
                <c:pt idx="3862">
                  <c:v>13.751148681916167</c:v>
                </c:pt>
                <c:pt idx="3863">
                  <c:v>13.75440280817293</c:v>
                </c:pt>
                <c:pt idx="3864">
                  <c:v>13.757755544316186</c:v>
                </c:pt>
                <c:pt idx="3865">
                  <c:v>13.757755544316186</c:v>
                </c:pt>
                <c:pt idx="3866">
                  <c:v>13.761108280459442</c:v>
                </c:pt>
                <c:pt idx="3867">
                  <c:v>13.764362406716206</c:v>
                </c:pt>
                <c:pt idx="3868">
                  <c:v>13.764362406716206</c:v>
                </c:pt>
                <c:pt idx="3869">
                  <c:v>13.76771514285964</c:v>
                </c:pt>
                <c:pt idx="3870">
                  <c:v>13.76771514285964</c:v>
                </c:pt>
                <c:pt idx="3871">
                  <c:v>13.771067879002896</c:v>
                </c:pt>
                <c:pt idx="3872">
                  <c:v>13.774322005259659</c:v>
                </c:pt>
                <c:pt idx="3873">
                  <c:v>13.774322005259659</c:v>
                </c:pt>
                <c:pt idx="3874">
                  <c:v>13.777674741402917</c:v>
                </c:pt>
                <c:pt idx="3875">
                  <c:v>13.777674741402917</c:v>
                </c:pt>
                <c:pt idx="3876">
                  <c:v>13.781027477546173</c:v>
                </c:pt>
                <c:pt idx="3877">
                  <c:v>13.781027477546173</c:v>
                </c:pt>
                <c:pt idx="3878">
                  <c:v>13.784281603802937</c:v>
                </c:pt>
                <c:pt idx="3879">
                  <c:v>13.78763433994637</c:v>
                </c:pt>
                <c:pt idx="3880">
                  <c:v>13.78763433994637</c:v>
                </c:pt>
                <c:pt idx="3881">
                  <c:v>13.790987076089626</c:v>
                </c:pt>
                <c:pt idx="3882">
                  <c:v>13.794339812232884</c:v>
                </c:pt>
                <c:pt idx="3883">
                  <c:v>13.797593938489648</c:v>
                </c:pt>
                <c:pt idx="3884">
                  <c:v>13.797593938489648</c:v>
                </c:pt>
                <c:pt idx="3885">
                  <c:v>13.800946674632904</c:v>
                </c:pt>
                <c:pt idx="3886">
                  <c:v>13.804299410776336</c:v>
                </c:pt>
                <c:pt idx="3887">
                  <c:v>13.804299410776336</c:v>
                </c:pt>
                <c:pt idx="3888">
                  <c:v>13.807553537033099</c:v>
                </c:pt>
                <c:pt idx="3889">
                  <c:v>13.807553537033099</c:v>
                </c:pt>
                <c:pt idx="3890">
                  <c:v>13.810906273176355</c:v>
                </c:pt>
                <c:pt idx="3891">
                  <c:v>13.810906273176355</c:v>
                </c:pt>
                <c:pt idx="3892">
                  <c:v>13.814259009319613</c:v>
                </c:pt>
                <c:pt idx="3893">
                  <c:v>13.814259009319613</c:v>
                </c:pt>
                <c:pt idx="3894">
                  <c:v>13.817513135576377</c:v>
                </c:pt>
                <c:pt idx="3895">
                  <c:v>13.820865871719809</c:v>
                </c:pt>
                <c:pt idx="3896">
                  <c:v>13.820865871719809</c:v>
                </c:pt>
                <c:pt idx="3897">
                  <c:v>13.824218607863067</c:v>
                </c:pt>
                <c:pt idx="3898">
                  <c:v>13.824218607863067</c:v>
                </c:pt>
                <c:pt idx="3899">
                  <c:v>13.82747273411983</c:v>
                </c:pt>
                <c:pt idx="3900">
                  <c:v>13.830825470263086</c:v>
                </c:pt>
                <c:pt idx="3901">
                  <c:v>13.830825470263086</c:v>
                </c:pt>
                <c:pt idx="3902">
                  <c:v>13.834178206406344</c:v>
                </c:pt>
                <c:pt idx="3903">
                  <c:v>13.837432332663107</c:v>
                </c:pt>
                <c:pt idx="3904">
                  <c:v>13.840785068806539</c:v>
                </c:pt>
                <c:pt idx="3905">
                  <c:v>13.840785068806539</c:v>
                </c:pt>
                <c:pt idx="3906">
                  <c:v>13.844137804949796</c:v>
                </c:pt>
                <c:pt idx="3907">
                  <c:v>13.847391931206559</c:v>
                </c:pt>
                <c:pt idx="3908">
                  <c:v>13.847391931206559</c:v>
                </c:pt>
                <c:pt idx="3909">
                  <c:v>13.850744667349815</c:v>
                </c:pt>
                <c:pt idx="3910">
                  <c:v>13.854097403493249</c:v>
                </c:pt>
                <c:pt idx="3911">
                  <c:v>13.854097403493249</c:v>
                </c:pt>
                <c:pt idx="3912">
                  <c:v>13.857351529749836</c:v>
                </c:pt>
                <c:pt idx="3913">
                  <c:v>13.860704265893268</c:v>
                </c:pt>
                <c:pt idx="3914">
                  <c:v>13.860704265893268</c:v>
                </c:pt>
                <c:pt idx="3915">
                  <c:v>13.864057002036526</c:v>
                </c:pt>
                <c:pt idx="3916">
                  <c:v>13.86731112829329</c:v>
                </c:pt>
                <c:pt idx="3917">
                  <c:v>13.870663864436546</c:v>
                </c:pt>
                <c:pt idx="3918">
                  <c:v>13.87401660057998</c:v>
                </c:pt>
                <c:pt idx="3919">
                  <c:v>13.87401660057998</c:v>
                </c:pt>
                <c:pt idx="3920">
                  <c:v>13.877270726836743</c:v>
                </c:pt>
                <c:pt idx="3921">
                  <c:v>13.880623462979999</c:v>
                </c:pt>
                <c:pt idx="3922">
                  <c:v>13.883976199123257</c:v>
                </c:pt>
                <c:pt idx="3923">
                  <c:v>13.887230325380019</c:v>
                </c:pt>
                <c:pt idx="3924">
                  <c:v>13.890583061523277</c:v>
                </c:pt>
                <c:pt idx="3925">
                  <c:v>13.893935797666709</c:v>
                </c:pt>
                <c:pt idx="3926">
                  <c:v>13.897189923923472</c:v>
                </c:pt>
                <c:pt idx="3927">
                  <c:v>13.897189923923472</c:v>
                </c:pt>
                <c:pt idx="3928">
                  <c:v>13.900542660066728</c:v>
                </c:pt>
                <c:pt idx="3929">
                  <c:v>13.900542660066728</c:v>
                </c:pt>
                <c:pt idx="3930">
                  <c:v>13.903895396209986</c:v>
                </c:pt>
                <c:pt idx="3931">
                  <c:v>13.907149522466749</c:v>
                </c:pt>
                <c:pt idx="3932">
                  <c:v>13.910502258610181</c:v>
                </c:pt>
                <c:pt idx="3933">
                  <c:v>13.910502258610181</c:v>
                </c:pt>
                <c:pt idx="3934">
                  <c:v>13.913854994753439</c:v>
                </c:pt>
                <c:pt idx="3935">
                  <c:v>13.917109121010203</c:v>
                </c:pt>
                <c:pt idx="3936">
                  <c:v>13.917109121010203</c:v>
                </c:pt>
                <c:pt idx="3937">
                  <c:v>13.920461857153459</c:v>
                </c:pt>
                <c:pt idx="3938">
                  <c:v>13.920461857153459</c:v>
                </c:pt>
                <c:pt idx="3939">
                  <c:v>13.923814593296717</c:v>
                </c:pt>
                <c:pt idx="3940">
                  <c:v>13.927167329440149</c:v>
                </c:pt>
                <c:pt idx="3941">
                  <c:v>13.927167329440149</c:v>
                </c:pt>
                <c:pt idx="3942">
                  <c:v>13.93042145569691</c:v>
                </c:pt>
                <c:pt idx="3943">
                  <c:v>13.93042145569691</c:v>
                </c:pt>
                <c:pt idx="3944">
                  <c:v>13.933774191840168</c:v>
                </c:pt>
                <c:pt idx="3945">
                  <c:v>13.933774191840168</c:v>
                </c:pt>
                <c:pt idx="3946">
                  <c:v>13.937126927983426</c:v>
                </c:pt>
                <c:pt idx="3947">
                  <c:v>13.937126927983426</c:v>
                </c:pt>
                <c:pt idx="3948">
                  <c:v>13.940381054240188</c:v>
                </c:pt>
                <c:pt idx="3949">
                  <c:v>13.940381054240188</c:v>
                </c:pt>
                <c:pt idx="3950">
                  <c:v>13.943733790383622</c:v>
                </c:pt>
                <c:pt idx="3951">
                  <c:v>13.947086526526878</c:v>
                </c:pt>
                <c:pt idx="3952">
                  <c:v>13.947086526526878</c:v>
                </c:pt>
                <c:pt idx="3953">
                  <c:v>13.950340652783641</c:v>
                </c:pt>
                <c:pt idx="3954">
                  <c:v>13.950340652783641</c:v>
                </c:pt>
                <c:pt idx="3955">
                  <c:v>13.953693388926899</c:v>
                </c:pt>
                <c:pt idx="3956">
                  <c:v>13.957046125070157</c:v>
                </c:pt>
                <c:pt idx="3957">
                  <c:v>13.96030025132692</c:v>
                </c:pt>
                <c:pt idx="3958">
                  <c:v>13.96030025132692</c:v>
                </c:pt>
                <c:pt idx="3959">
                  <c:v>13.963652987470352</c:v>
                </c:pt>
                <c:pt idx="3960">
                  <c:v>13.967005723613608</c:v>
                </c:pt>
                <c:pt idx="3961">
                  <c:v>13.967005723613608</c:v>
                </c:pt>
                <c:pt idx="3962">
                  <c:v>13.970259849870372</c:v>
                </c:pt>
                <c:pt idx="3963">
                  <c:v>13.973612586013628</c:v>
                </c:pt>
                <c:pt idx="3964">
                  <c:v>13.973612586013628</c:v>
                </c:pt>
                <c:pt idx="3965">
                  <c:v>13.97696532215706</c:v>
                </c:pt>
                <c:pt idx="3966">
                  <c:v>13.980219448413649</c:v>
                </c:pt>
                <c:pt idx="3967">
                  <c:v>13.980219448413649</c:v>
                </c:pt>
                <c:pt idx="3968">
                  <c:v>13.983572184557081</c:v>
                </c:pt>
                <c:pt idx="3969">
                  <c:v>13.986924920700339</c:v>
                </c:pt>
                <c:pt idx="3970">
                  <c:v>13.986924920700339</c:v>
                </c:pt>
                <c:pt idx="3971">
                  <c:v>13.990179046957101</c:v>
                </c:pt>
                <c:pt idx="3972">
                  <c:v>13.990179046957101</c:v>
                </c:pt>
                <c:pt idx="3973">
                  <c:v>13.993531783100359</c:v>
                </c:pt>
                <c:pt idx="3974">
                  <c:v>13.996884519243791</c:v>
                </c:pt>
                <c:pt idx="3975">
                  <c:v>13.996884519243791</c:v>
                </c:pt>
                <c:pt idx="3976">
                  <c:v>14.000138645500554</c:v>
                </c:pt>
                <c:pt idx="3977">
                  <c:v>14.000138645500554</c:v>
                </c:pt>
                <c:pt idx="3978">
                  <c:v>14.003491381643812</c:v>
                </c:pt>
                <c:pt idx="3979">
                  <c:v>14.00684411778707</c:v>
                </c:pt>
                <c:pt idx="3980">
                  <c:v>14.00684411778707</c:v>
                </c:pt>
                <c:pt idx="3981">
                  <c:v>14.010098244043832</c:v>
                </c:pt>
                <c:pt idx="3982">
                  <c:v>14.010098244043832</c:v>
                </c:pt>
                <c:pt idx="3983">
                  <c:v>14.013450980187089</c:v>
                </c:pt>
                <c:pt idx="3984">
                  <c:v>14.013450980187089</c:v>
                </c:pt>
                <c:pt idx="3985">
                  <c:v>14.01680371633052</c:v>
                </c:pt>
                <c:pt idx="3986">
                  <c:v>14.020057842587283</c:v>
                </c:pt>
                <c:pt idx="3987">
                  <c:v>14.020057842587283</c:v>
                </c:pt>
                <c:pt idx="3988">
                  <c:v>14.023410578730541</c:v>
                </c:pt>
                <c:pt idx="3989">
                  <c:v>14.023410578730541</c:v>
                </c:pt>
                <c:pt idx="3990">
                  <c:v>14.026763314873799</c:v>
                </c:pt>
                <c:pt idx="3991">
                  <c:v>14.030017441130562</c:v>
                </c:pt>
                <c:pt idx="3992">
                  <c:v>14.030017441130562</c:v>
                </c:pt>
                <c:pt idx="3993">
                  <c:v>14.033370177273994</c:v>
                </c:pt>
                <c:pt idx="3994">
                  <c:v>14.03672291341725</c:v>
                </c:pt>
                <c:pt idx="3995">
                  <c:v>14.03672291341725</c:v>
                </c:pt>
                <c:pt idx="3996">
                  <c:v>14.039977039674014</c:v>
                </c:pt>
                <c:pt idx="3997">
                  <c:v>14.043329775817272</c:v>
                </c:pt>
                <c:pt idx="3998">
                  <c:v>14.043329775817272</c:v>
                </c:pt>
                <c:pt idx="3999">
                  <c:v>14.04668251196053</c:v>
                </c:pt>
                <c:pt idx="4000">
                  <c:v>14.049936638217293</c:v>
                </c:pt>
                <c:pt idx="4001">
                  <c:v>14.049936638217293</c:v>
                </c:pt>
                <c:pt idx="4002">
                  <c:v>14.053289374360725</c:v>
                </c:pt>
                <c:pt idx="4003">
                  <c:v>14.056642110503983</c:v>
                </c:pt>
                <c:pt idx="4004">
                  <c:v>14.056642110503983</c:v>
                </c:pt>
                <c:pt idx="4005">
                  <c:v>14.059994846647237</c:v>
                </c:pt>
                <c:pt idx="4006">
                  <c:v>14.063248972904001</c:v>
                </c:pt>
                <c:pt idx="4007">
                  <c:v>14.063248972904001</c:v>
                </c:pt>
                <c:pt idx="4008">
                  <c:v>14.066601709047433</c:v>
                </c:pt>
                <c:pt idx="4009">
                  <c:v>14.069954445190691</c:v>
                </c:pt>
                <c:pt idx="4010">
                  <c:v>14.073208571447454</c:v>
                </c:pt>
                <c:pt idx="4011">
                  <c:v>14.073208571447454</c:v>
                </c:pt>
                <c:pt idx="4012">
                  <c:v>14.076561307590712</c:v>
                </c:pt>
                <c:pt idx="4013">
                  <c:v>14.079914043733968</c:v>
                </c:pt>
                <c:pt idx="4014">
                  <c:v>14.083168169990731</c:v>
                </c:pt>
                <c:pt idx="4015">
                  <c:v>14.083168169990731</c:v>
                </c:pt>
                <c:pt idx="4016">
                  <c:v>14.086520906134163</c:v>
                </c:pt>
                <c:pt idx="4017">
                  <c:v>14.089873642277421</c:v>
                </c:pt>
                <c:pt idx="4018">
                  <c:v>14.089873642277421</c:v>
                </c:pt>
                <c:pt idx="4019">
                  <c:v>14.093127768534185</c:v>
                </c:pt>
                <c:pt idx="4020">
                  <c:v>14.096480504677443</c:v>
                </c:pt>
                <c:pt idx="4021">
                  <c:v>14.096480504677443</c:v>
                </c:pt>
                <c:pt idx="4022">
                  <c:v>14.099833240820699</c:v>
                </c:pt>
                <c:pt idx="4023">
                  <c:v>14.10308736707746</c:v>
                </c:pt>
                <c:pt idx="4024">
                  <c:v>14.10308736707746</c:v>
                </c:pt>
                <c:pt idx="4025">
                  <c:v>14.106440103220892</c:v>
                </c:pt>
                <c:pt idx="4026">
                  <c:v>14.10979283936415</c:v>
                </c:pt>
                <c:pt idx="4027">
                  <c:v>14.10979283936415</c:v>
                </c:pt>
                <c:pt idx="4028">
                  <c:v>14.113046965620914</c:v>
                </c:pt>
                <c:pt idx="4029">
                  <c:v>14.116399701764172</c:v>
                </c:pt>
                <c:pt idx="4030">
                  <c:v>14.116399701764172</c:v>
                </c:pt>
                <c:pt idx="4031">
                  <c:v>14.119752437907604</c:v>
                </c:pt>
                <c:pt idx="4032">
                  <c:v>14.123006564164367</c:v>
                </c:pt>
                <c:pt idx="4033">
                  <c:v>14.123006564164367</c:v>
                </c:pt>
                <c:pt idx="4034">
                  <c:v>14.126359300307625</c:v>
                </c:pt>
                <c:pt idx="4035">
                  <c:v>14.129712036450881</c:v>
                </c:pt>
                <c:pt idx="4036">
                  <c:v>14.129712036450881</c:v>
                </c:pt>
                <c:pt idx="4037">
                  <c:v>14.132966162707644</c:v>
                </c:pt>
                <c:pt idx="4038">
                  <c:v>14.132966162707644</c:v>
                </c:pt>
                <c:pt idx="4039">
                  <c:v>14.136318898850902</c:v>
                </c:pt>
                <c:pt idx="4040">
                  <c:v>14.136318898850902</c:v>
                </c:pt>
                <c:pt idx="4041">
                  <c:v>14.139671634994334</c:v>
                </c:pt>
                <c:pt idx="4042">
                  <c:v>14.142925761251096</c:v>
                </c:pt>
                <c:pt idx="4043">
                  <c:v>14.142925761251096</c:v>
                </c:pt>
                <c:pt idx="4044">
                  <c:v>14.146278497394354</c:v>
                </c:pt>
                <c:pt idx="4045">
                  <c:v>14.146278497394354</c:v>
                </c:pt>
                <c:pt idx="4046">
                  <c:v>14.14963123353761</c:v>
                </c:pt>
                <c:pt idx="4047">
                  <c:v>14.14963123353761</c:v>
                </c:pt>
                <c:pt idx="4048">
                  <c:v>14.152885359794373</c:v>
                </c:pt>
                <c:pt idx="4049">
                  <c:v>14.156238095937631</c:v>
                </c:pt>
                <c:pt idx="4050">
                  <c:v>14.156238095937631</c:v>
                </c:pt>
                <c:pt idx="4051">
                  <c:v>14.159590832081063</c:v>
                </c:pt>
                <c:pt idx="4052">
                  <c:v>14.162844958337827</c:v>
                </c:pt>
                <c:pt idx="4053">
                  <c:v>14.162844958337827</c:v>
                </c:pt>
                <c:pt idx="4054">
                  <c:v>14.166197694481085</c:v>
                </c:pt>
                <c:pt idx="4055">
                  <c:v>14.166197694481085</c:v>
                </c:pt>
                <c:pt idx="4056">
                  <c:v>14.169550430624341</c:v>
                </c:pt>
                <c:pt idx="4057">
                  <c:v>14.172804556881104</c:v>
                </c:pt>
                <c:pt idx="4058">
                  <c:v>14.176157293024536</c:v>
                </c:pt>
                <c:pt idx="4059">
                  <c:v>14.176157293024536</c:v>
                </c:pt>
                <c:pt idx="4060">
                  <c:v>14.179510029167794</c:v>
                </c:pt>
                <c:pt idx="4061">
                  <c:v>14.182862765311052</c:v>
                </c:pt>
                <c:pt idx="4062">
                  <c:v>14.186116891567815</c:v>
                </c:pt>
                <c:pt idx="4063">
                  <c:v>14.18946962771107</c:v>
                </c:pt>
                <c:pt idx="4064">
                  <c:v>14.18946962771107</c:v>
                </c:pt>
                <c:pt idx="4065">
                  <c:v>14.192822363854503</c:v>
                </c:pt>
                <c:pt idx="4066">
                  <c:v>14.196076490111267</c:v>
                </c:pt>
                <c:pt idx="4067">
                  <c:v>14.199429226254523</c:v>
                </c:pt>
                <c:pt idx="4068">
                  <c:v>14.199429226254523</c:v>
                </c:pt>
                <c:pt idx="4069">
                  <c:v>14.202781962397781</c:v>
                </c:pt>
                <c:pt idx="4070">
                  <c:v>14.206036088654544</c:v>
                </c:pt>
                <c:pt idx="4071">
                  <c:v>14.209388824797976</c:v>
                </c:pt>
                <c:pt idx="4072">
                  <c:v>14.209388824797976</c:v>
                </c:pt>
                <c:pt idx="4073">
                  <c:v>14.212741560941234</c:v>
                </c:pt>
                <c:pt idx="4074">
                  <c:v>14.215995687197998</c:v>
                </c:pt>
                <c:pt idx="4075">
                  <c:v>14.215995687197998</c:v>
                </c:pt>
                <c:pt idx="4076">
                  <c:v>14.219348423341254</c:v>
                </c:pt>
                <c:pt idx="4077">
                  <c:v>14.219348423341254</c:v>
                </c:pt>
                <c:pt idx="4078">
                  <c:v>14.222701159484512</c:v>
                </c:pt>
                <c:pt idx="4079">
                  <c:v>14.225955285741275</c:v>
                </c:pt>
                <c:pt idx="4080">
                  <c:v>14.225955285741275</c:v>
                </c:pt>
                <c:pt idx="4081">
                  <c:v>14.229308021884705</c:v>
                </c:pt>
                <c:pt idx="4082">
                  <c:v>14.232660758027963</c:v>
                </c:pt>
                <c:pt idx="4083">
                  <c:v>14.232660758027963</c:v>
                </c:pt>
                <c:pt idx="4084">
                  <c:v>14.235914884284727</c:v>
                </c:pt>
                <c:pt idx="4085">
                  <c:v>14.235914884284727</c:v>
                </c:pt>
                <c:pt idx="4086">
                  <c:v>14.239267620427983</c:v>
                </c:pt>
                <c:pt idx="4087">
                  <c:v>14.242620356571416</c:v>
                </c:pt>
                <c:pt idx="4088">
                  <c:v>14.242620356571416</c:v>
                </c:pt>
                <c:pt idx="4089">
                  <c:v>14.245874482828004</c:v>
                </c:pt>
                <c:pt idx="4090">
                  <c:v>14.245874482828004</c:v>
                </c:pt>
                <c:pt idx="4091">
                  <c:v>14.249227218971436</c:v>
                </c:pt>
                <c:pt idx="4092">
                  <c:v>14.249227218971436</c:v>
                </c:pt>
                <c:pt idx="4093">
                  <c:v>14.252579955114694</c:v>
                </c:pt>
                <c:pt idx="4094">
                  <c:v>14.252579955114694</c:v>
                </c:pt>
                <c:pt idx="4095">
                  <c:v>14.255834081371457</c:v>
                </c:pt>
                <c:pt idx="4096">
                  <c:v>14.259186817514713</c:v>
                </c:pt>
                <c:pt idx="4097">
                  <c:v>14.259186817514713</c:v>
                </c:pt>
                <c:pt idx="4098">
                  <c:v>14.262539553658147</c:v>
                </c:pt>
                <c:pt idx="4099">
                  <c:v>14.265793679914911</c:v>
                </c:pt>
                <c:pt idx="4100">
                  <c:v>14.265793679914911</c:v>
                </c:pt>
                <c:pt idx="4101">
                  <c:v>14.269146416058167</c:v>
                </c:pt>
                <c:pt idx="4102">
                  <c:v>14.272499152201425</c:v>
                </c:pt>
                <c:pt idx="4103">
                  <c:v>14.272499152201425</c:v>
                </c:pt>
                <c:pt idx="4104">
                  <c:v>14.275753278458186</c:v>
                </c:pt>
                <c:pt idx="4105">
                  <c:v>14.279106014601442</c:v>
                </c:pt>
                <c:pt idx="4106">
                  <c:v>14.279106014601442</c:v>
                </c:pt>
                <c:pt idx="4107">
                  <c:v>14.282458750744876</c:v>
                </c:pt>
                <c:pt idx="4108">
                  <c:v>14.282458750744876</c:v>
                </c:pt>
                <c:pt idx="4109">
                  <c:v>14.285712877001639</c:v>
                </c:pt>
                <c:pt idx="4110">
                  <c:v>14.289065613144896</c:v>
                </c:pt>
                <c:pt idx="4111">
                  <c:v>14.292418349288154</c:v>
                </c:pt>
                <c:pt idx="4112">
                  <c:v>14.292418349288154</c:v>
                </c:pt>
                <c:pt idx="4113">
                  <c:v>14.295672475544917</c:v>
                </c:pt>
                <c:pt idx="4114">
                  <c:v>14.299025211688349</c:v>
                </c:pt>
                <c:pt idx="4115">
                  <c:v>14.299025211688349</c:v>
                </c:pt>
                <c:pt idx="4116">
                  <c:v>14.302377947831607</c:v>
                </c:pt>
                <c:pt idx="4117">
                  <c:v>14.30563207408837</c:v>
                </c:pt>
                <c:pt idx="4118">
                  <c:v>14.30563207408837</c:v>
                </c:pt>
                <c:pt idx="4119">
                  <c:v>14.308984810231626</c:v>
                </c:pt>
                <c:pt idx="4120">
                  <c:v>14.312337546374884</c:v>
                </c:pt>
                <c:pt idx="4121">
                  <c:v>14.312337546374884</c:v>
                </c:pt>
                <c:pt idx="4122">
                  <c:v>14.315690282518316</c:v>
                </c:pt>
                <c:pt idx="4123">
                  <c:v>14.315690282518316</c:v>
                </c:pt>
                <c:pt idx="4124">
                  <c:v>14.318944408775078</c:v>
                </c:pt>
                <c:pt idx="4125">
                  <c:v>14.322297144918336</c:v>
                </c:pt>
                <c:pt idx="4126">
                  <c:v>14.322297144918336</c:v>
                </c:pt>
                <c:pt idx="4127">
                  <c:v>14.325649881061592</c:v>
                </c:pt>
                <c:pt idx="4128">
                  <c:v>14.328904007318355</c:v>
                </c:pt>
                <c:pt idx="4129">
                  <c:v>14.332256743461789</c:v>
                </c:pt>
                <c:pt idx="4130">
                  <c:v>14.332256743461789</c:v>
                </c:pt>
                <c:pt idx="4131">
                  <c:v>14.335609479605045</c:v>
                </c:pt>
                <c:pt idx="4132">
                  <c:v>14.338863605861809</c:v>
                </c:pt>
                <c:pt idx="4133">
                  <c:v>14.342216342005067</c:v>
                </c:pt>
                <c:pt idx="4134">
                  <c:v>14.342216342005067</c:v>
                </c:pt>
                <c:pt idx="4135">
                  <c:v>14.345569078148323</c:v>
                </c:pt>
                <c:pt idx="4136">
                  <c:v>14.348823204405086</c:v>
                </c:pt>
                <c:pt idx="4137">
                  <c:v>14.348823204405086</c:v>
                </c:pt>
                <c:pt idx="4138">
                  <c:v>14.35217594054852</c:v>
                </c:pt>
                <c:pt idx="4139">
                  <c:v>14.355528676691776</c:v>
                </c:pt>
                <c:pt idx="4140">
                  <c:v>14.358782802948538</c:v>
                </c:pt>
                <c:pt idx="4141">
                  <c:v>14.358782802948538</c:v>
                </c:pt>
                <c:pt idx="4142">
                  <c:v>14.362135539091796</c:v>
                </c:pt>
                <c:pt idx="4143">
                  <c:v>14.365488275235228</c:v>
                </c:pt>
                <c:pt idx="4144">
                  <c:v>14.368742401491815</c:v>
                </c:pt>
                <c:pt idx="4145">
                  <c:v>14.368742401491815</c:v>
                </c:pt>
                <c:pt idx="4146">
                  <c:v>14.372095137635249</c:v>
                </c:pt>
                <c:pt idx="4147">
                  <c:v>14.375447873778505</c:v>
                </c:pt>
                <c:pt idx="4148">
                  <c:v>14.378702000035268</c:v>
                </c:pt>
                <c:pt idx="4149">
                  <c:v>14.382054736178526</c:v>
                </c:pt>
                <c:pt idx="4150">
                  <c:v>14.382054736178526</c:v>
                </c:pt>
                <c:pt idx="4151">
                  <c:v>14.385407472321958</c:v>
                </c:pt>
                <c:pt idx="4152">
                  <c:v>14.388661598578722</c:v>
                </c:pt>
                <c:pt idx="4153">
                  <c:v>14.39201433472198</c:v>
                </c:pt>
                <c:pt idx="4154">
                  <c:v>14.395367070865236</c:v>
                </c:pt>
                <c:pt idx="4155">
                  <c:v>14.395367070865236</c:v>
                </c:pt>
                <c:pt idx="4156">
                  <c:v>14.398621197121999</c:v>
                </c:pt>
                <c:pt idx="4157">
                  <c:v>14.401973933265255</c:v>
                </c:pt>
                <c:pt idx="4158">
                  <c:v>14.405326669408687</c:v>
                </c:pt>
                <c:pt idx="4159">
                  <c:v>14.405326669408687</c:v>
                </c:pt>
                <c:pt idx="4160">
                  <c:v>14.408580795665451</c:v>
                </c:pt>
                <c:pt idx="4161">
                  <c:v>14.411933531808709</c:v>
                </c:pt>
                <c:pt idx="4162">
                  <c:v>14.415286267951966</c:v>
                </c:pt>
                <c:pt idx="4163">
                  <c:v>14.418540394208728</c:v>
                </c:pt>
                <c:pt idx="4164">
                  <c:v>14.421893130351986</c:v>
                </c:pt>
                <c:pt idx="4165">
                  <c:v>14.421893130351986</c:v>
                </c:pt>
                <c:pt idx="4166">
                  <c:v>14.425245866495418</c:v>
                </c:pt>
                <c:pt idx="4167">
                  <c:v>14.428499992752181</c:v>
                </c:pt>
                <c:pt idx="4168">
                  <c:v>14.428499992752181</c:v>
                </c:pt>
                <c:pt idx="4169">
                  <c:v>14.431852728895439</c:v>
                </c:pt>
                <c:pt idx="4170">
                  <c:v>14.435205465038697</c:v>
                </c:pt>
                <c:pt idx="4171">
                  <c:v>14.438558201182129</c:v>
                </c:pt>
                <c:pt idx="4172">
                  <c:v>14.438558201182129</c:v>
                </c:pt>
                <c:pt idx="4173">
                  <c:v>14.441812327438893</c:v>
                </c:pt>
                <c:pt idx="4174">
                  <c:v>14.445165063582147</c:v>
                </c:pt>
                <c:pt idx="4175">
                  <c:v>14.445165063582147</c:v>
                </c:pt>
                <c:pt idx="4176">
                  <c:v>14.448517799725405</c:v>
                </c:pt>
                <c:pt idx="4177">
                  <c:v>14.451771925982168</c:v>
                </c:pt>
                <c:pt idx="4178">
                  <c:v>14.451771925982168</c:v>
                </c:pt>
                <c:pt idx="4179">
                  <c:v>14.455124662125426</c:v>
                </c:pt>
                <c:pt idx="4180">
                  <c:v>14.458477398268858</c:v>
                </c:pt>
                <c:pt idx="4181">
                  <c:v>14.458477398268858</c:v>
                </c:pt>
                <c:pt idx="4182">
                  <c:v>14.461731524525621</c:v>
                </c:pt>
                <c:pt idx="4183">
                  <c:v>14.465084260668878</c:v>
                </c:pt>
                <c:pt idx="4184">
                  <c:v>14.465084260668878</c:v>
                </c:pt>
                <c:pt idx="4185">
                  <c:v>14.468436996812136</c:v>
                </c:pt>
                <c:pt idx="4186">
                  <c:v>14.471691123068899</c:v>
                </c:pt>
                <c:pt idx="4187">
                  <c:v>14.471691123068899</c:v>
                </c:pt>
                <c:pt idx="4188">
                  <c:v>14.475043859212331</c:v>
                </c:pt>
                <c:pt idx="4189">
                  <c:v>14.475043859212331</c:v>
                </c:pt>
                <c:pt idx="4190">
                  <c:v>14.478396595355589</c:v>
                </c:pt>
                <c:pt idx="4191">
                  <c:v>14.481650721612352</c:v>
                </c:pt>
                <c:pt idx="4192">
                  <c:v>14.481650721612352</c:v>
                </c:pt>
                <c:pt idx="4193">
                  <c:v>14.485003457755608</c:v>
                </c:pt>
                <c:pt idx="4194">
                  <c:v>14.485003457755608</c:v>
                </c:pt>
                <c:pt idx="4195">
                  <c:v>14.488356193898866</c:v>
                </c:pt>
                <c:pt idx="4196">
                  <c:v>14.491610320155628</c:v>
                </c:pt>
                <c:pt idx="4197">
                  <c:v>14.491610320155628</c:v>
                </c:pt>
                <c:pt idx="4198">
                  <c:v>14.49496305629906</c:v>
                </c:pt>
                <c:pt idx="4199">
                  <c:v>14.498315792442318</c:v>
                </c:pt>
                <c:pt idx="4200">
                  <c:v>14.498315792442318</c:v>
                </c:pt>
                <c:pt idx="4201">
                  <c:v>14.501569918699081</c:v>
                </c:pt>
                <c:pt idx="4202">
                  <c:v>14.504922654842339</c:v>
                </c:pt>
                <c:pt idx="4203">
                  <c:v>14.504922654842339</c:v>
                </c:pt>
                <c:pt idx="4204">
                  <c:v>14.508275390985771</c:v>
                </c:pt>
                <c:pt idx="4205">
                  <c:v>14.511529517242359</c:v>
                </c:pt>
                <c:pt idx="4206">
                  <c:v>14.511529517242359</c:v>
                </c:pt>
                <c:pt idx="4207">
                  <c:v>14.514882253385791</c:v>
                </c:pt>
                <c:pt idx="4208">
                  <c:v>14.518234989529049</c:v>
                </c:pt>
                <c:pt idx="4209">
                  <c:v>14.521489115785812</c:v>
                </c:pt>
                <c:pt idx="4210">
                  <c:v>14.521489115785812</c:v>
                </c:pt>
                <c:pt idx="4211">
                  <c:v>14.52484185192907</c:v>
                </c:pt>
                <c:pt idx="4212">
                  <c:v>14.528194588072502</c:v>
                </c:pt>
                <c:pt idx="4213">
                  <c:v>14.531448714329263</c:v>
                </c:pt>
                <c:pt idx="4214">
                  <c:v>14.531448714329263</c:v>
                </c:pt>
                <c:pt idx="4215">
                  <c:v>14.53480145047252</c:v>
                </c:pt>
                <c:pt idx="4216">
                  <c:v>14.538154186615778</c:v>
                </c:pt>
                <c:pt idx="4217">
                  <c:v>14.541408312872541</c:v>
                </c:pt>
                <c:pt idx="4218">
                  <c:v>14.544761049015799</c:v>
                </c:pt>
                <c:pt idx="4219">
                  <c:v>14.544761049015799</c:v>
                </c:pt>
                <c:pt idx="4220">
                  <c:v>14.548113785159231</c:v>
                </c:pt>
                <c:pt idx="4221">
                  <c:v>14.551367911415994</c:v>
                </c:pt>
                <c:pt idx="4222">
                  <c:v>14.55472064755925</c:v>
                </c:pt>
                <c:pt idx="4223">
                  <c:v>14.55472064755925</c:v>
                </c:pt>
                <c:pt idx="4224">
                  <c:v>14.558073383702508</c:v>
                </c:pt>
                <c:pt idx="4225">
                  <c:v>14.561327509959272</c:v>
                </c:pt>
                <c:pt idx="4226">
                  <c:v>14.561327509959272</c:v>
                </c:pt>
                <c:pt idx="4227">
                  <c:v>14.564680246102704</c:v>
                </c:pt>
                <c:pt idx="4228">
                  <c:v>14.568032982245962</c:v>
                </c:pt>
                <c:pt idx="4229">
                  <c:v>14.571385718389219</c:v>
                </c:pt>
                <c:pt idx="4230">
                  <c:v>14.571385718389219</c:v>
                </c:pt>
                <c:pt idx="4231">
                  <c:v>14.574639844645981</c:v>
                </c:pt>
                <c:pt idx="4232">
                  <c:v>14.577992580789237</c:v>
                </c:pt>
                <c:pt idx="4233">
                  <c:v>14.577992580789237</c:v>
                </c:pt>
                <c:pt idx="4234">
                  <c:v>14.581345316932669</c:v>
                </c:pt>
                <c:pt idx="4235">
                  <c:v>14.584599443189433</c:v>
                </c:pt>
                <c:pt idx="4236">
                  <c:v>14.584599443189433</c:v>
                </c:pt>
                <c:pt idx="4237">
                  <c:v>14.587952179332691</c:v>
                </c:pt>
                <c:pt idx="4238">
                  <c:v>14.591304915475948</c:v>
                </c:pt>
                <c:pt idx="4239">
                  <c:v>14.591304915475948</c:v>
                </c:pt>
                <c:pt idx="4240">
                  <c:v>14.594559041732712</c:v>
                </c:pt>
                <c:pt idx="4241">
                  <c:v>14.594559041732712</c:v>
                </c:pt>
                <c:pt idx="4242">
                  <c:v>14.597911777876144</c:v>
                </c:pt>
                <c:pt idx="4243">
                  <c:v>14.601264514019402</c:v>
                </c:pt>
                <c:pt idx="4244">
                  <c:v>14.604518640276163</c:v>
                </c:pt>
                <c:pt idx="4245">
                  <c:v>14.607871376419421</c:v>
                </c:pt>
                <c:pt idx="4246">
                  <c:v>14.607871376419421</c:v>
                </c:pt>
                <c:pt idx="4247">
                  <c:v>14.611224112562679</c:v>
                </c:pt>
                <c:pt idx="4248">
                  <c:v>14.614478238819443</c:v>
                </c:pt>
                <c:pt idx="4249">
                  <c:v>14.614478238819443</c:v>
                </c:pt>
                <c:pt idx="4250">
                  <c:v>14.617830974962873</c:v>
                </c:pt>
                <c:pt idx="4251">
                  <c:v>14.621183711106131</c:v>
                </c:pt>
                <c:pt idx="4252">
                  <c:v>14.624437837362892</c:v>
                </c:pt>
                <c:pt idx="4253">
                  <c:v>14.624437837362892</c:v>
                </c:pt>
                <c:pt idx="4254">
                  <c:v>14.62779057350615</c:v>
                </c:pt>
                <c:pt idx="4255">
                  <c:v>14.631143309649582</c:v>
                </c:pt>
                <c:pt idx="4256">
                  <c:v>14.631143309649582</c:v>
                </c:pt>
                <c:pt idx="4257">
                  <c:v>14.634397435906171</c:v>
                </c:pt>
                <c:pt idx="4258">
                  <c:v>14.637750172049603</c:v>
                </c:pt>
                <c:pt idx="4259">
                  <c:v>14.641102908192861</c:v>
                </c:pt>
                <c:pt idx="4260">
                  <c:v>14.644357034449625</c:v>
                </c:pt>
                <c:pt idx="4261">
                  <c:v>14.644357034449625</c:v>
                </c:pt>
                <c:pt idx="4262">
                  <c:v>14.647709770592881</c:v>
                </c:pt>
                <c:pt idx="4263">
                  <c:v>14.651062506736313</c:v>
                </c:pt>
                <c:pt idx="4264">
                  <c:v>14.651062506736313</c:v>
                </c:pt>
                <c:pt idx="4265">
                  <c:v>14.654316632993076</c:v>
                </c:pt>
                <c:pt idx="4266">
                  <c:v>14.657669369136334</c:v>
                </c:pt>
                <c:pt idx="4267">
                  <c:v>14.657669369136334</c:v>
                </c:pt>
                <c:pt idx="4268">
                  <c:v>14.66102210527959</c:v>
                </c:pt>
                <c:pt idx="4269">
                  <c:v>14.66102210527959</c:v>
                </c:pt>
                <c:pt idx="4270">
                  <c:v>14.664276231536354</c:v>
                </c:pt>
                <c:pt idx="4271">
                  <c:v>14.66762896767961</c:v>
                </c:pt>
                <c:pt idx="4272">
                  <c:v>14.66762896767961</c:v>
                </c:pt>
                <c:pt idx="4273">
                  <c:v>14.670981703823044</c:v>
                </c:pt>
                <c:pt idx="4274">
                  <c:v>14.674235830079805</c:v>
                </c:pt>
                <c:pt idx="4275">
                  <c:v>14.677588566223063</c:v>
                </c:pt>
                <c:pt idx="4276">
                  <c:v>14.677588566223063</c:v>
                </c:pt>
                <c:pt idx="4277">
                  <c:v>14.680941302366321</c:v>
                </c:pt>
                <c:pt idx="4278">
                  <c:v>14.680941302366321</c:v>
                </c:pt>
                <c:pt idx="4279">
                  <c:v>14.684195428623084</c:v>
                </c:pt>
                <c:pt idx="4280">
                  <c:v>14.687548164766516</c:v>
                </c:pt>
                <c:pt idx="4281">
                  <c:v>14.687548164766516</c:v>
                </c:pt>
                <c:pt idx="4282">
                  <c:v>14.690900900909774</c:v>
                </c:pt>
                <c:pt idx="4283">
                  <c:v>14.694253637053031</c:v>
                </c:pt>
                <c:pt idx="4284">
                  <c:v>14.694253637053031</c:v>
                </c:pt>
                <c:pt idx="4285">
                  <c:v>14.697507763309794</c:v>
                </c:pt>
                <c:pt idx="4286">
                  <c:v>14.700860499453052</c:v>
                </c:pt>
                <c:pt idx="4287">
                  <c:v>14.700860499453052</c:v>
                </c:pt>
                <c:pt idx="4288">
                  <c:v>14.704213235596482</c:v>
                </c:pt>
                <c:pt idx="4289">
                  <c:v>14.707467361853245</c:v>
                </c:pt>
                <c:pt idx="4290">
                  <c:v>14.707467361853245</c:v>
                </c:pt>
                <c:pt idx="4291">
                  <c:v>14.710820097996503</c:v>
                </c:pt>
                <c:pt idx="4292">
                  <c:v>14.71417283413976</c:v>
                </c:pt>
                <c:pt idx="4293">
                  <c:v>14.71417283413976</c:v>
                </c:pt>
                <c:pt idx="4294">
                  <c:v>14.717426960396523</c:v>
                </c:pt>
                <c:pt idx="4295">
                  <c:v>14.720779696539781</c:v>
                </c:pt>
                <c:pt idx="4296">
                  <c:v>14.720779696539781</c:v>
                </c:pt>
                <c:pt idx="4297">
                  <c:v>14.724132432683213</c:v>
                </c:pt>
                <c:pt idx="4298">
                  <c:v>14.727386558939976</c:v>
                </c:pt>
                <c:pt idx="4299">
                  <c:v>14.727386558939976</c:v>
                </c:pt>
                <c:pt idx="4300">
                  <c:v>14.730739295083234</c:v>
                </c:pt>
                <c:pt idx="4301">
                  <c:v>14.730739295083234</c:v>
                </c:pt>
                <c:pt idx="4302">
                  <c:v>14.73409203122649</c:v>
                </c:pt>
                <c:pt idx="4303">
                  <c:v>14.737346157483254</c:v>
                </c:pt>
                <c:pt idx="4304">
                  <c:v>14.740698893626687</c:v>
                </c:pt>
                <c:pt idx="4305">
                  <c:v>14.740698893626687</c:v>
                </c:pt>
                <c:pt idx="4306">
                  <c:v>14.744051629769944</c:v>
                </c:pt>
                <c:pt idx="4307">
                  <c:v>14.744051629769944</c:v>
                </c:pt>
                <c:pt idx="4308">
                  <c:v>14.747305756026705</c:v>
                </c:pt>
                <c:pt idx="4309">
                  <c:v>14.750658492169963</c:v>
                </c:pt>
                <c:pt idx="4310">
                  <c:v>14.750658492169963</c:v>
                </c:pt>
                <c:pt idx="4311">
                  <c:v>14.754011228313219</c:v>
                </c:pt>
                <c:pt idx="4312">
                  <c:v>14.757265354569983</c:v>
                </c:pt>
                <c:pt idx="4313">
                  <c:v>14.757265354569983</c:v>
                </c:pt>
                <c:pt idx="4314">
                  <c:v>14.760618090713416</c:v>
                </c:pt>
                <c:pt idx="4315">
                  <c:v>14.763970826856673</c:v>
                </c:pt>
                <c:pt idx="4316">
                  <c:v>14.763970826856673</c:v>
                </c:pt>
                <c:pt idx="4317">
                  <c:v>14.767224953113436</c:v>
                </c:pt>
                <c:pt idx="4318">
                  <c:v>14.770577689256694</c:v>
                </c:pt>
                <c:pt idx="4319">
                  <c:v>14.773930425400126</c:v>
                </c:pt>
                <c:pt idx="4320">
                  <c:v>14.773930425400126</c:v>
                </c:pt>
                <c:pt idx="4321">
                  <c:v>14.777184551656713</c:v>
                </c:pt>
                <c:pt idx="4322">
                  <c:v>14.780537287800147</c:v>
                </c:pt>
                <c:pt idx="4323">
                  <c:v>14.783890023943403</c:v>
                </c:pt>
                <c:pt idx="4324">
                  <c:v>14.783890023943403</c:v>
                </c:pt>
                <c:pt idx="4325">
                  <c:v>14.787144150200167</c:v>
                </c:pt>
                <c:pt idx="4326">
                  <c:v>14.787144150200167</c:v>
                </c:pt>
                <c:pt idx="4327">
                  <c:v>14.790496886343423</c:v>
                </c:pt>
                <c:pt idx="4328">
                  <c:v>14.793849622486855</c:v>
                </c:pt>
                <c:pt idx="4329">
                  <c:v>14.793849622486855</c:v>
                </c:pt>
                <c:pt idx="4330">
                  <c:v>14.797103748743618</c:v>
                </c:pt>
                <c:pt idx="4331">
                  <c:v>14.800456484886876</c:v>
                </c:pt>
                <c:pt idx="4332">
                  <c:v>14.800456484886876</c:v>
                </c:pt>
                <c:pt idx="4333">
                  <c:v>14.803809221030132</c:v>
                </c:pt>
                <c:pt idx="4334">
                  <c:v>14.807063347286896</c:v>
                </c:pt>
                <c:pt idx="4335">
                  <c:v>14.807063347286896</c:v>
                </c:pt>
                <c:pt idx="4336">
                  <c:v>14.810416083430153</c:v>
                </c:pt>
                <c:pt idx="4337">
                  <c:v>14.813768819573585</c:v>
                </c:pt>
                <c:pt idx="4338">
                  <c:v>14.813768819573585</c:v>
                </c:pt>
                <c:pt idx="4339">
                  <c:v>14.817022945830349</c:v>
                </c:pt>
                <c:pt idx="4340">
                  <c:v>14.820375681973607</c:v>
                </c:pt>
                <c:pt idx="4341">
                  <c:v>14.820375681973607</c:v>
                </c:pt>
                <c:pt idx="4342">
                  <c:v>14.823728418116863</c:v>
                </c:pt>
                <c:pt idx="4343">
                  <c:v>14.827081154260297</c:v>
                </c:pt>
                <c:pt idx="4344">
                  <c:v>14.83033528051706</c:v>
                </c:pt>
                <c:pt idx="4345">
                  <c:v>14.83033528051706</c:v>
                </c:pt>
                <c:pt idx="4346">
                  <c:v>14.833688016660314</c:v>
                </c:pt>
                <c:pt idx="4347">
                  <c:v>14.833688016660314</c:v>
                </c:pt>
                <c:pt idx="4348">
                  <c:v>14.837040752803572</c:v>
                </c:pt>
                <c:pt idx="4349">
                  <c:v>14.840294879060336</c:v>
                </c:pt>
                <c:pt idx="4350">
                  <c:v>14.843647615203592</c:v>
                </c:pt>
                <c:pt idx="4351">
                  <c:v>14.843647615203592</c:v>
                </c:pt>
                <c:pt idx="4352">
                  <c:v>14.847000351347026</c:v>
                </c:pt>
                <c:pt idx="4353">
                  <c:v>14.850254477603789</c:v>
                </c:pt>
                <c:pt idx="4354">
                  <c:v>14.850254477603789</c:v>
                </c:pt>
                <c:pt idx="4355">
                  <c:v>14.853607213747045</c:v>
                </c:pt>
                <c:pt idx="4356">
                  <c:v>14.856959949890303</c:v>
                </c:pt>
                <c:pt idx="4357">
                  <c:v>14.860214076147066</c:v>
                </c:pt>
                <c:pt idx="4358">
                  <c:v>14.860214076147066</c:v>
                </c:pt>
                <c:pt idx="4359">
                  <c:v>14.863566812290498</c:v>
                </c:pt>
                <c:pt idx="4360">
                  <c:v>14.863566812290498</c:v>
                </c:pt>
                <c:pt idx="4361">
                  <c:v>14.866919548433756</c:v>
                </c:pt>
                <c:pt idx="4362">
                  <c:v>14.87017367469052</c:v>
                </c:pt>
                <c:pt idx="4363">
                  <c:v>14.87017367469052</c:v>
                </c:pt>
                <c:pt idx="4364">
                  <c:v>14.873526410833776</c:v>
                </c:pt>
                <c:pt idx="4365">
                  <c:v>14.876879146977032</c:v>
                </c:pt>
                <c:pt idx="4366">
                  <c:v>14.876879146977032</c:v>
                </c:pt>
                <c:pt idx="4367">
                  <c:v>14.880133273233795</c:v>
                </c:pt>
                <c:pt idx="4368">
                  <c:v>14.880133273233795</c:v>
                </c:pt>
                <c:pt idx="4369">
                  <c:v>14.883486009377227</c:v>
                </c:pt>
                <c:pt idx="4370">
                  <c:v>14.886838745520485</c:v>
                </c:pt>
                <c:pt idx="4371">
                  <c:v>14.886838745520485</c:v>
                </c:pt>
                <c:pt idx="4372">
                  <c:v>14.890092871777249</c:v>
                </c:pt>
                <c:pt idx="4373">
                  <c:v>14.893445607920505</c:v>
                </c:pt>
                <c:pt idx="4374">
                  <c:v>14.893445607920505</c:v>
                </c:pt>
                <c:pt idx="4375">
                  <c:v>14.896798344063939</c:v>
                </c:pt>
                <c:pt idx="4376">
                  <c:v>14.896798344063939</c:v>
                </c:pt>
                <c:pt idx="4377">
                  <c:v>14.900052470320526</c:v>
                </c:pt>
                <c:pt idx="4378">
                  <c:v>14.903405206463958</c:v>
                </c:pt>
                <c:pt idx="4379">
                  <c:v>14.903405206463958</c:v>
                </c:pt>
                <c:pt idx="4380">
                  <c:v>14.906757942607216</c:v>
                </c:pt>
                <c:pt idx="4381">
                  <c:v>14.910012068863979</c:v>
                </c:pt>
                <c:pt idx="4382">
                  <c:v>14.910012068863979</c:v>
                </c:pt>
                <c:pt idx="4383">
                  <c:v>14.913364805007236</c:v>
                </c:pt>
                <c:pt idx="4384">
                  <c:v>14.916717541150669</c:v>
                </c:pt>
                <c:pt idx="4385">
                  <c:v>14.916717541150669</c:v>
                </c:pt>
                <c:pt idx="4386">
                  <c:v>14.919971667407431</c:v>
                </c:pt>
                <c:pt idx="4387">
                  <c:v>14.923324403550687</c:v>
                </c:pt>
                <c:pt idx="4388">
                  <c:v>14.923324403550687</c:v>
                </c:pt>
                <c:pt idx="4389">
                  <c:v>14.926677139693945</c:v>
                </c:pt>
                <c:pt idx="4390">
                  <c:v>14.929931265950708</c:v>
                </c:pt>
                <c:pt idx="4391">
                  <c:v>14.929931265950708</c:v>
                </c:pt>
                <c:pt idx="4392">
                  <c:v>14.933284002093965</c:v>
                </c:pt>
                <c:pt idx="4393">
                  <c:v>14.936636738237398</c:v>
                </c:pt>
                <c:pt idx="4394">
                  <c:v>14.936636738237398</c:v>
                </c:pt>
                <c:pt idx="4395">
                  <c:v>14.939890864494162</c:v>
                </c:pt>
                <c:pt idx="4396">
                  <c:v>14.939890864494162</c:v>
                </c:pt>
                <c:pt idx="4397">
                  <c:v>14.943243600637418</c:v>
                </c:pt>
                <c:pt idx="4398">
                  <c:v>14.946596336780676</c:v>
                </c:pt>
                <c:pt idx="4399">
                  <c:v>14.946596336780676</c:v>
                </c:pt>
                <c:pt idx="4400">
                  <c:v>14.949850463037439</c:v>
                </c:pt>
                <c:pt idx="4401">
                  <c:v>14.953203199180871</c:v>
                </c:pt>
                <c:pt idx="4402">
                  <c:v>14.956555935324129</c:v>
                </c:pt>
                <c:pt idx="4403">
                  <c:v>14.956555935324129</c:v>
                </c:pt>
                <c:pt idx="4404">
                  <c:v>14.959908671467385</c:v>
                </c:pt>
                <c:pt idx="4405">
                  <c:v>14.963162797724147</c:v>
                </c:pt>
                <c:pt idx="4406">
                  <c:v>14.963162797724147</c:v>
                </c:pt>
                <c:pt idx="4407">
                  <c:v>14.966515533867405</c:v>
                </c:pt>
                <c:pt idx="4408">
                  <c:v>14.969868270010837</c:v>
                </c:pt>
                <c:pt idx="4409">
                  <c:v>14.9731223962676</c:v>
                </c:pt>
                <c:pt idx="4410">
                  <c:v>14.976475132410858</c:v>
                </c:pt>
                <c:pt idx="4411">
                  <c:v>14.976475132410858</c:v>
                </c:pt>
                <c:pt idx="4412">
                  <c:v>14.979827868554116</c:v>
                </c:pt>
                <c:pt idx="4413">
                  <c:v>14.983081994810878</c:v>
                </c:pt>
                <c:pt idx="4414">
                  <c:v>14.983081994810878</c:v>
                </c:pt>
                <c:pt idx="4415">
                  <c:v>14.986434730954311</c:v>
                </c:pt>
                <c:pt idx="4416">
                  <c:v>14.989787467097567</c:v>
                </c:pt>
                <c:pt idx="4417">
                  <c:v>14.993041593354331</c:v>
                </c:pt>
                <c:pt idx="4418">
                  <c:v>14.993041593354331</c:v>
                </c:pt>
                <c:pt idx="4419">
                  <c:v>14.996394329497589</c:v>
                </c:pt>
                <c:pt idx="4420">
                  <c:v>14.999747065640847</c:v>
                </c:pt>
                <c:pt idx="4421">
                  <c:v>15.003001191897608</c:v>
                </c:pt>
                <c:pt idx="4422">
                  <c:v>15.003001191897608</c:v>
                </c:pt>
                <c:pt idx="4423">
                  <c:v>15.00635392804104</c:v>
                </c:pt>
                <c:pt idx="4424">
                  <c:v>15.009706664184296</c:v>
                </c:pt>
                <c:pt idx="4425">
                  <c:v>15.009706664184296</c:v>
                </c:pt>
                <c:pt idx="4426">
                  <c:v>15.01296079044106</c:v>
                </c:pt>
                <c:pt idx="4427">
                  <c:v>15.016313526584318</c:v>
                </c:pt>
                <c:pt idx="4428">
                  <c:v>15.016313526584318</c:v>
                </c:pt>
                <c:pt idx="4429">
                  <c:v>15.019666262727576</c:v>
                </c:pt>
                <c:pt idx="4430">
                  <c:v>15.022920388984339</c:v>
                </c:pt>
                <c:pt idx="4431">
                  <c:v>15.022920388984339</c:v>
                </c:pt>
                <c:pt idx="4432">
                  <c:v>15.026273125127771</c:v>
                </c:pt>
                <c:pt idx="4433">
                  <c:v>15.029625861271027</c:v>
                </c:pt>
                <c:pt idx="4434">
                  <c:v>15.029625861271027</c:v>
                </c:pt>
                <c:pt idx="4435">
                  <c:v>15.032879987527791</c:v>
                </c:pt>
                <c:pt idx="4436">
                  <c:v>15.032879987527791</c:v>
                </c:pt>
                <c:pt idx="4437">
                  <c:v>15.036232723671048</c:v>
                </c:pt>
                <c:pt idx="4438">
                  <c:v>15.03958545981448</c:v>
                </c:pt>
                <c:pt idx="4439">
                  <c:v>15.03958545981448</c:v>
                </c:pt>
                <c:pt idx="4440">
                  <c:v>15.04283958607107</c:v>
                </c:pt>
                <c:pt idx="4441">
                  <c:v>15.046192322214502</c:v>
                </c:pt>
                <c:pt idx="4442">
                  <c:v>15.046192322214502</c:v>
                </c:pt>
                <c:pt idx="4443">
                  <c:v>15.049545058357758</c:v>
                </c:pt>
                <c:pt idx="4444">
                  <c:v>15.052799184614519</c:v>
                </c:pt>
                <c:pt idx="4445">
                  <c:v>15.052799184614519</c:v>
                </c:pt>
                <c:pt idx="4446">
                  <c:v>15.056151920757777</c:v>
                </c:pt>
                <c:pt idx="4447">
                  <c:v>15.059504656901209</c:v>
                </c:pt>
                <c:pt idx="4448">
                  <c:v>15.059504656901209</c:v>
                </c:pt>
                <c:pt idx="4449">
                  <c:v>15.062758783157973</c:v>
                </c:pt>
                <c:pt idx="4450">
                  <c:v>15.066111519301231</c:v>
                </c:pt>
                <c:pt idx="4451">
                  <c:v>15.066111519301231</c:v>
                </c:pt>
                <c:pt idx="4452">
                  <c:v>15.069464255444489</c:v>
                </c:pt>
                <c:pt idx="4453">
                  <c:v>15.069464255444489</c:v>
                </c:pt>
                <c:pt idx="4454">
                  <c:v>15.07271838170125</c:v>
                </c:pt>
                <c:pt idx="4455">
                  <c:v>15.076071117844508</c:v>
                </c:pt>
                <c:pt idx="4456">
                  <c:v>15.076071117844508</c:v>
                </c:pt>
                <c:pt idx="4457">
                  <c:v>15.07942385398794</c:v>
                </c:pt>
                <c:pt idx="4458">
                  <c:v>15.082776590131198</c:v>
                </c:pt>
                <c:pt idx="4459">
                  <c:v>15.082776590131198</c:v>
                </c:pt>
                <c:pt idx="4460">
                  <c:v>15.086030716387961</c:v>
                </c:pt>
                <c:pt idx="4461">
                  <c:v>15.089383452531219</c:v>
                </c:pt>
                <c:pt idx="4462">
                  <c:v>15.089383452531219</c:v>
                </c:pt>
                <c:pt idx="4463">
                  <c:v>15.09273618867465</c:v>
                </c:pt>
                <c:pt idx="4464">
                  <c:v>15.095990314931413</c:v>
                </c:pt>
                <c:pt idx="4465">
                  <c:v>15.095990314931413</c:v>
                </c:pt>
                <c:pt idx="4466">
                  <c:v>15.099343051074669</c:v>
                </c:pt>
                <c:pt idx="4467">
                  <c:v>15.102695787217927</c:v>
                </c:pt>
                <c:pt idx="4468">
                  <c:v>15.102695787217927</c:v>
                </c:pt>
                <c:pt idx="4469">
                  <c:v>15.10594991347469</c:v>
                </c:pt>
                <c:pt idx="4470">
                  <c:v>15.109302649617948</c:v>
                </c:pt>
                <c:pt idx="4471">
                  <c:v>15.11265538576138</c:v>
                </c:pt>
                <c:pt idx="4472">
                  <c:v>15.11265538576138</c:v>
                </c:pt>
                <c:pt idx="4473">
                  <c:v>15.115909512018144</c:v>
                </c:pt>
                <c:pt idx="4474">
                  <c:v>15.119262248161402</c:v>
                </c:pt>
                <c:pt idx="4475">
                  <c:v>15.119262248161402</c:v>
                </c:pt>
                <c:pt idx="4476">
                  <c:v>15.122614984304658</c:v>
                </c:pt>
                <c:pt idx="4477">
                  <c:v>15.125869110561421</c:v>
                </c:pt>
                <c:pt idx="4478">
                  <c:v>15.129221846704853</c:v>
                </c:pt>
                <c:pt idx="4479">
                  <c:v>15.129221846704853</c:v>
                </c:pt>
                <c:pt idx="4480">
                  <c:v>15.132574582848111</c:v>
                </c:pt>
                <c:pt idx="4481">
                  <c:v>15.135828709104873</c:v>
                </c:pt>
                <c:pt idx="4482">
                  <c:v>15.135828709104873</c:v>
                </c:pt>
                <c:pt idx="4483">
                  <c:v>15.139181445248131</c:v>
                </c:pt>
                <c:pt idx="4484">
                  <c:v>15.142534181391387</c:v>
                </c:pt>
                <c:pt idx="4485">
                  <c:v>15.14578830764815</c:v>
                </c:pt>
                <c:pt idx="4486">
                  <c:v>15.14578830764815</c:v>
                </c:pt>
                <c:pt idx="4487">
                  <c:v>15.149141043791582</c:v>
                </c:pt>
                <c:pt idx="4488">
                  <c:v>15.15249377993484</c:v>
                </c:pt>
                <c:pt idx="4489">
                  <c:v>15.15249377993484</c:v>
                </c:pt>
                <c:pt idx="4490">
                  <c:v>15.155747906191603</c:v>
                </c:pt>
                <c:pt idx="4491">
                  <c:v>15.155747906191603</c:v>
                </c:pt>
                <c:pt idx="4492">
                  <c:v>15.159100642334861</c:v>
                </c:pt>
                <c:pt idx="4493">
                  <c:v>15.162453378478293</c:v>
                </c:pt>
                <c:pt idx="4494">
                  <c:v>15.162453378478293</c:v>
                </c:pt>
                <c:pt idx="4495">
                  <c:v>15.165707504734881</c:v>
                </c:pt>
                <c:pt idx="4496">
                  <c:v>15.169060240878313</c:v>
                </c:pt>
                <c:pt idx="4497">
                  <c:v>15.169060240878313</c:v>
                </c:pt>
                <c:pt idx="4498">
                  <c:v>15.172412977021571</c:v>
                </c:pt>
                <c:pt idx="4499">
                  <c:v>15.175667103278334</c:v>
                </c:pt>
                <c:pt idx="4500">
                  <c:v>15.175667103278334</c:v>
                </c:pt>
                <c:pt idx="4501">
                  <c:v>15.17901983942159</c:v>
                </c:pt>
                <c:pt idx="4502">
                  <c:v>15.182372575565022</c:v>
                </c:pt>
                <c:pt idx="4503">
                  <c:v>15.182372575565022</c:v>
                </c:pt>
                <c:pt idx="4504">
                  <c:v>15.185626701821786</c:v>
                </c:pt>
                <c:pt idx="4505">
                  <c:v>15.188979437965044</c:v>
                </c:pt>
                <c:pt idx="4506">
                  <c:v>15.188979437965044</c:v>
                </c:pt>
                <c:pt idx="4507">
                  <c:v>15.1923321741083</c:v>
                </c:pt>
                <c:pt idx="4508">
                  <c:v>15.1923321741083</c:v>
                </c:pt>
                <c:pt idx="4509">
                  <c:v>15.195586300365063</c:v>
                </c:pt>
                <c:pt idx="4510">
                  <c:v>15.195586300365063</c:v>
                </c:pt>
                <c:pt idx="4511">
                  <c:v>15.198939036508321</c:v>
                </c:pt>
                <c:pt idx="4512">
                  <c:v>15.202291772651753</c:v>
                </c:pt>
                <c:pt idx="4513">
                  <c:v>15.202291772651753</c:v>
                </c:pt>
                <c:pt idx="4514">
                  <c:v>15.205545898908516</c:v>
                </c:pt>
                <c:pt idx="4515">
                  <c:v>15.208898635051774</c:v>
                </c:pt>
                <c:pt idx="4516">
                  <c:v>15.208898635051774</c:v>
                </c:pt>
                <c:pt idx="4517">
                  <c:v>15.21225137119503</c:v>
                </c:pt>
                <c:pt idx="4518">
                  <c:v>15.215604107338464</c:v>
                </c:pt>
                <c:pt idx="4519">
                  <c:v>15.215604107338464</c:v>
                </c:pt>
                <c:pt idx="4520">
                  <c:v>15.218858233595224</c:v>
                </c:pt>
                <c:pt idx="4521">
                  <c:v>15.218858233595224</c:v>
                </c:pt>
                <c:pt idx="4522">
                  <c:v>15.222210969738482</c:v>
                </c:pt>
                <c:pt idx="4523">
                  <c:v>15.22556370588174</c:v>
                </c:pt>
                <c:pt idx="4524">
                  <c:v>15.22556370588174</c:v>
                </c:pt>
                <c:pt idx="4525">
                  <c:v>15.228817832138503</c:v>
                </c:pt>
                <c:pt idx="4526">
                  <c:v>15.232170568281759</c:v>
                </c:pt>
                <c:pt idx="4527">
                  <c:v>15.232170568281759</c:v>
                </c:pt>
                <c:pt idx="4528">
                  <c:v>15.235523304425193</c:v>
                </c:pt>
                <c:pt idx="4529">
                  <c:v>15.238777430681955</c:v>
                </c:pt>
                <c:pt idx="4530">
                  <c:v>15.238777430681955</c:v>
                </c:pt>
                <c:pt idx="4531">
                  <c:v>15.242130166825213</c:v>
                </c:pt>
                <c:pt idx="4532">
                  <c:v>15.245482902968471</c:v>
                </c:pt>
                <c:pt idx="4533">
                  <c:v>15.245482902968471</c:v>
                </c:pt>
                <c:pt idx="4534">
                  <c:v>15.248737029225234</c:v>
                </c:pt>
                <c:pt idx="4535">
                  <c:v>15.252089765368666</c:v>
                </c:pt>
                <c:pt idx="4536">
                  <c:v>15.255442501511924</c:v>
                </c:pt>
                <c:pt idx="4537">
                  <c:v>15.255442501511924</c:v>
                </c:pt>
                <c:pt idx="4538">
                  <c:v>15.258696627768686</c:v>
                </c:pt>
                <c:pt idx="4539">
                  <c:v>15.262049363911943</c:v>
                </c:pt>
                <c:pt idx="4540">
                  <c:v>15.262049363911943</c:v>
                </c:pt>
                <c:pt idx="4541">
                  <c:v>15.2654021000552</c:v>
                </c:pt>
                <c:pt idx="4542">
                  <c:v>15.268656226311963</c:v>
                </c:pt>
                <c:pt idx="4543">
                  <c:v>15.268656226311963</c:v>
                </c:pt>
                <c:pt idx="4544">
                  <c:v>15.272008962455395</c:v>
                </c:pt>
                <c:pt idx="4545">
                  <c:v>15.275361698598653</c:v>
                </c:pt>
                <c:pt idx="4546">
                  <c:v>15.275361698598653</c:v>
                </c:pt>
                <c:pt idx="4547">
                  <c:v>15.278615824855416</c:v>
                </c:pt>
                <c:pt idx="4548">
                  <c:v>15.281968560998672</c:v>
                </c:pt>
                <c:pt idx="4549">
                  <c:v>15.281968560998672</c:v>
                </c:pt>
                <c:pt idx="4550">
                  <c:v>15.285321297142106</c:v>
                </c:pt>
                <c:pt idx="4551">
                  <c:v>15.288575423398694</c:v>
                </c:pt>
                <c:pt idx="4552">
                  <c:v>15.288575423398694</c:v>
                </c:pt>
                <c:pt idx="4553">
                  <c:v>15.291928159542126</c:v>
                </c:pt>
                <c:pt idx="4554">
                  <c:v>15.295280895685384</c:v>
                </c:pt>
                <c:pt idx="4555">
                  <c:v>15.295280895685384</c:v>
                </c:pt>
                <c:pt idx="4556">
                  <c:v>15.298535021942147</c:v>
                </c:pt>
                <c:pt idx="4557">
                  <c:v>15.298535021942147</c:v>
                </c:pt>
                <c:pt idx="4558">
                  <c:v>15.301887758085403</c:v>
                </c:pt>
                <c:pt idx="4559">
                  <c:v>15.305240494228837</c:v>
                </c:pt>
                <c:pt idx="4560">
                  <c:v>15.305240494228837</c:v>
                </c:pt>
                <c:pt idx="4561">
                  <c:v>15.308494620485597</c:v>
                </c:pt>
                <c:pt idx="4562">
                  <c:v>15.311847356628855</c:v>
                </c:pt>
                <c:pt idx="4563">
                  <c:v>15.311847356628855</c:v>
                </c:pt>
                <c:pt idx="4564">
                  <c:v>15.315200092772113</c:v>
                </c:pt>
                <c:pt idx="4565">
                  <c:v>15.318454219028876</c:v>
                </c:pt>
                <c:pt idx="4566">
                  <c:v>15.321806955172132</c:v>
                </c:pt>
                <c:pt idx="4567">
                  <c:v>15.321806955172132</c:v>
                </c:pt>
                <c:pt idx="4568">
                  <c:v>15.325159691315566</c:v>
                </c:pt>
                <c:pt idx="4569">
                  <c:v>15.325159691315566</c:v>
                </c:pt>
                <c:pt idx="4570">
                  <c:v>15.328413817572329</c:v>
                </c:pt>
                <c:pt idx="4571">
                  <c:v>15.331766553715585</c:v>
                </c:pt>
                <c:pt idx="4572">
                  <c:v>15.335119289858843</c:v>
                </c:pt>
                <c:pt idx="4573">
                  <c:v>15.335119289858843</c:v>
                </c:pt>
                <c:pt idx="4574">
                  <c:v>15.338472026002275</c:v>
                </c:pt>
                <c:pt idx="4575">
                  <c:v>15.341726152258863</c:v>
                </c:pt>
                <c:pt idx="4576">
                  <c:v>15.341726152258863</c:v>
                </c:pt>
                <c:pt idx="4577">
                  <c:v>15.345078888402297</c:v>
                </c:pt>
                <c:pt idx="4578">
                  <c:v>15.348431624545553</c:v>
                </c:pt>
                <c:pt idx="4579">
                  <c:v>15.348431624545553</c:v>
                </c:pt>
                <c:pt idx="4580">
                  <c:v>15.351685750802314</c:v>
                </c:pt>
                <c:pt idx="4581">
                  <c:v>15.355038486945572</c:v>
                </c:pt>
                <c:pt idx="4582">
                  <c:v>15.358391223089004</c:v>
                </c:pt>
                <c:pt idx="4583">
                  <c:v>15.358391223089004</c:v>
                </c:pt>
                <c:pt idx="4584">
                  <c:v>15.361645349345768</c:v>
                </c:pt>
                <c:pt idx="4585">
                  <c:v>15.364998085489026</c:v>
                </c:pt>
                <c:pt idx="4586">
                  <c:v>15.364998085489026</c:v>
                </c:pt>
                <c:pt idx="4587">
                  <c:v>15.368350821632282</c:v>
                </c:pt>
                <c:pt idx="4588">
                  <c:v>15.371604947889045</c:v>
                </c:pt>
                <c:pt idx="4589">
                  <c:v>15.371604947889045</c:v>
                </c:pt>
                <c:pt idx="4590">
                  <c:v>15.374957684032303</c:v>
                </c:pt>
                <c:pt idx="4591">
                  <c:v>15.378310420175735</c:v>
                </c:pt>
                <c:pt idx="4592">
                  <c:v>15.378310420175735</c:v>
                </c:pt>
                <c:pt idx="4593">
                  <c:v>15.381564546432498</c:v>
                </c:pt>
                <c:pt idx="4594">
                  <c:v>15.384917282575756</c:v>
                </c:pt>
                <c:pt idx="4595">
                  <c:v>15.384917282575756</c:v>
                </c:pt>
                <c:pt idx="4596">
                  <c:v>15.388270018719012</c:v>
                </c:pt>
                <c:pt idx="4597">
                  <c:v>15.391524144975776</c:v>
                </c:pt>
                <c:pt idx="4598">
                  <c:v>15.391524144975776</c:v>
                </c:pt>
                <c:pt idx="4599">
                  <c:v>15.394876881119208</c:v>
                </c:pt>
                <c:pt idx="4600">
                  <c:v>15.398229617262464</c:v>
                </c:pt>
                <c:pt idx="4601">
                  <c:v>15.398229617262464</c:v>
                </c:pt>
                <c:pt idx="4602">
                  <c:v>15.401483743519227</c:v>
                </c:pt>
                <c:pt idx="4603">
                  <c:v>15.404836479662485</c:v>
                </c:pt>
                <c:pt idx="4604">
                  <c:v>15.404836479662485</c:v>
                </c:pt>
                <c:pt idx="4605">
                  <c:v>15.408189215805741</c:v>
                </c:pt>
                <c:pt idx="4606">
                  <c:v>15.411443342062505</c:v>
                </c:pt>
                <c:pt idx="4607">
                  <c:v>15.411443342062505</c:v>
                </c:pt>
                <c:pt idx="4608">
                  <c:v>15.414796078205939</c:v>
                </c:pt>
                <c:pt idx="4609">
                  <c:v>15.418148814349195</c:v>
                </c:pt>
                <c:pt idx="4610">
                  <c:v>15.418148814349195</c:v>
                </c:pt>
                <c:pt idx="4611">
                  <c:v>15.421402940605958</c:v>
                </c:pt>
                <c:pt idx="4612">
                  <c:v>15.424755676749216</c:v>
                </c:pt>
                <c:pt idx="4613">
                  <c:v>15.424755676749216</c:v>
                </c:pt>
                <c:pt idx="4614">
                  <c:v>15.428108412892648</c:v>
                </c:pt>
                <c:pt idx="4615">
                  <c:v>15.431362539149236</c:v>
                </c:pt>
                <c:pt idx="4616">
                  <c:v>15.431362539149236</c:v>
                </c:pt>
                <c:pt idx="4617">
                  <c:v>15.434715275292668</c:v>
                </c:pt>
                <c:pt idx="4618">
                  <c:v>15.434715275292668</c:v>
                </c:pt>
                <c:pt idx="4619">
                  <c:v>15.438068011435924</c:v>
                </c:pt>
                <c:pt idx="4620">
                  <c:v>15.441322137692687</c:v>
                </c:pt>
                <c:pt idx="4621">
                  <c:v>15.444674873835945</c:v>
                </c:pt>
                <c:pt idx="4622">
                  <c:v>15.444674873835945</c:v>
                </c:pt>
                <c:pt idx="4623">
                  <c:v>15.448027609979377</c:v>
                </c:pt>
                <c:pt idx="4624">
                  <c:v>15.45128173623614</c:v>
                </c:pt>
                <c:pt idx="4625">
                  <c:v>15.45128173623614</c:v>
                </c:pt>
                <c:pt idx="4626">
                  <c:v>15.454634472379398</c:v>
                </c:pt>
                <c:pt idx="4627">
                  <c:v>15.457987208522654</c:v>
                </c:pt>
                <c:pt idx="4628">
                  <c:v>15.457987208522654</c:v>
                </c:pt>
                <c:pt idx="4629">
                  <c:v>15.461241334779418</c:v>
                </c:pt>
                <c:pt idx="4630">
                  <c:v>15.464594070922676</c:v>
                </c:pt>
                <c:pt idx="4631">
                  <c:v>15.464594070922676</c:v>
                </c:pt>
                <c:pt idx="4632">
                  <c:v>15.467946807066108</c:v>
                </c:pt>
                <c:pt idx="4633">
                  <c:v>15.471299543209366</c:v>
                </c:pt>
                <c:pt idx="4634">
                  <c:v>15.471299543209366</c:v>
                </c:pt>
                <c:pt idx="4635">
                  <c:v>15.474553669466129</c:v>
                </c:pt>
                <c:pt idx="4636">
                  <c:v>15.474553669466129</c:v>
                </c:pt>
                <c:pt idx="4637">
                  <c:v>15.477906405609385</c:v>
                </c:pt>
                <c:pt idx="4638">
                  <c:v>15.481259141752817</c:v>
                </c:pt>
                <c:pt idx="4639">
                  <c:v>15.481259141752817</c:v>
                </c:pt>
                <c:pt idx="4640">
                  <c:v>15.484513268009581</c:v>
                </c:pt>
                <c:pt idx="4641">
                  <c:v>15.487866004152837</c:v>
                </c:pt>
                <c:pt idx="4642">
                  <c:v>15.487866004152837</c:v>
                </c:pt>
                <c:pt idx="4643">
                  <c:v>15.491218740296095</c:v>
                </c:pt>
                <c:pt idx="4644">
                  <c:v>15.494472866552858</c:v>
                </c:pt>
                <c:pt idx="4645">
                  <c:v>15.494472866552858</c:v>
                </c:pt>
                <c:pt idx="4646">
                  <c:v>15.497825602696116</c:v>
                </c:pt>
                <c:pt idx="4647">
                  <c:v>15.501178338839548</c:v>
                </c:pt>
                <c:pt idx="4648">
                  <c:v>15.504432465096311</c:v>
                </c:pt>
                <c:pt idx="4649">
                  <c:v>15.504432465096311</c:v>
                </c:pt>
                <c:pt idx="4650">
                  <c:v>15.507785201239567</c:v>
                </c:pt>
                <c:pt idx="4651">
                  <c:v>15.511137937382825</c:v>
                </c:pt>
                <c:pt idx="4652">
                  <c:v>15.514392063639589</c:v>
                </c:pt>
                <c:pt idx="4653">
                  <c:v>15.514392063639589</c:v>
                </c:pt>
                <c:pt idx="4654">
                  <c:v>15.517744799783021</c:v>
                </c:pt>
                <c:pt idx="4655">
                  <c:v>15.521097535926279</c:v>
                </c:pt>
                <c:pt idx="4656">
                  <c:v>15.52435166218304</c:v>
                </c:pt>
                <c:pt idx="4657">
                  <c:v>15.527704398326296</c:v>
                </c:pt>
                <c:pt idx="4658">
                  <c:v>15.531057134469554</c:v>
                </c:pt>
                <c:pt idx="4659">
                  <c:v>15.531057134469554</c:v>
                </c:pt>
                <c:pt idx="4660">
                  <c:v>15.534311260726318</c:v>
                </c:pt>
                <c:pt idx="4661">
                  <c:v>15.53766399686975</c:v>
                </c:pt>
                <c:pt idx="4662">
                  <c:v>15.53766399686975</c:v>
                </c:pt>
                <c:pt idx="4663">
                  <c:v>15.541016733013008</c:v>
                </c:pt>
                <c:pt idx="4664">
                  <c:v>15.544270859269771</c:v>
                </c:pt>
                <c:pt idx="4665">
                  <c:v>15.547623595413027</c:v>
                </c:pt>
                <c:pt idx="4666">
                  <c:v>15.550976331556461</c:v>
                </c:pt>
                <c:pt idx="4667">
                  <c:v>15.550976331556461</c:v>
                </c:pt>
                <c:pt idx="4668">
                  <c:v>15.554230457813048</c:v>
                </c:pt>
                <c:pt idx="4669">
                  <c:v>15.55758319395648</c:v>
                </c:pt>
                <c:pt idx="4670">
                  <c:v>15.55758319395648</c:v>
                </c:pt>
                <c:pt idx="4671">
                  <c:v>15.560935930099738</c:v>
                </c:pt>
                <c:pt idx="4672">
                  <c:v>15.5641900563565</c:v>
                </c:pt>
                <c:pt idx="4673">
                  <c:v>15.5641900563565</c:v>
                </c:pt>
                <c:pt idx="4674">
                  <c:v>15.567542792499758</c:v>
                </c:pt>
                <c:pt idx="4675">
                  <c:v>15.57089552864319</c:v>
                </c:pt>
                <c:pt idx="4676">
                  <c:v>15.574149654899953</c:v>
                </c:pt>
                <c:pt idx="4677">
                  <c:v>15.574149654899953</c:v>
                </c:pt>
                <c:pt idx="4678">
                  <c:v>15.577502391043209</c:v>
                </c:pt>
                <c:pt idx="4679">
                  <c:v>15.577502391043209</c:v>
                </c:pt>
                <c:pt idx="4680">
                  <c:v>15.580855127186467</c:v>
                </c:pt>
                <c:pt idx="4681">
                  <c:v>15.584109253443231</c:v>
                </c:pt>
                <c:pt idx="4682">
                  <c:v>15.584109253443231</c:v>
                </c:pt>
                <c:pt idx="4683">
                  <c:v>15.587461989586489</c:v>
                </c:pt>
                <c:pt idx="4684">
                  <c:v>15.590814725729921</c:v>
                </c:pt>
                <c:pt idx="4685">
                  <c:v>15.590814725729921</c:v>
                </c:pt>
                <c:pt idx="4686">
                  <c:v>15.594167461873178</c:v>
                </c:pt>
                <c:pt idx="4687">
                  <c:v>15.594167461873178</c:v>
                </c:pt>
                <c:pt idx="4688">
                  <c:v>15.59742158812994</c:v>
                </c:pt>
                <c:pt idx="4689">
                  <c:v>15.600774324273198</c:v>
                </c:pt>
                <c:pt idx="4690">
                  <c:v>15.600774324273198</c:v>
                </c:pt>
                <c:pt idx="4691">
                  <c:v>15.60412706041663</c:v>
                </c:pt>
                <c:pt idx="4692">
                  <c:v>15.607381186673392</c:v>
                </c:pt>
                <c:pt idx="4693">
                  <c:v>15.607381186673392</c:v>
                </c:pt>
                <c:pt idx="4694">
                  <c:v>15.61073392281665</c:v>
                </c:pt>
                <c:pt idx="4695">
                  <c:v>15.61073392281665</c:v>
                </c:pt>
                <c:pt idx="4696">
                  <c:v>15.614086658959907</c:v>
                </c:pt>
                <c:pt idx="4697">
                  <c:v>15.617340785216669</c:v>
                </c:pt>
                <c:pt idx="4698">
                  <c:v>15.617340785216669</c:v>
                </c:pt>
                <c:pt idx="4699">
                  <c:v>15.620693521359927</c:v>
                </c:pt>
                <c:pt idx="4700">
                  <c:v>15.624046257503359</c:v>
                </c:pt>
                <c:pt idx="4701">
                  <c:v>15.624046257503359</c:v>
                </c:pt>
                <c:pt idx="4702">
                  <c:v>15.627300383760124</c:v>
                </c:pt>
                <c:pt idx="4703">
                  <c:v>15.627300383760124</c:v>
                </c:pt>
                <c:pt idx="4704">
                  <c:v>15.63065311990338</c:v>
                </c:pt>
                <c:pt idx="4705">
                  <c:v>15.634005856046636</c:v>
                </c:pt>
                <c:pt idx="4706">
                  <c:v>15.634005856046636</c:v>
                </c:pt>
                <c:pt idx="4707">
                  <c:v>15.6372599823034</c:v>
                </c:pt>
                <c:pt idx="4708">
                  <c:v>15.6372599823034</c:v>
                </c:pt>
                <c:pt idx="4709">
                  <c:v>15.640612718446658</c:v>
                </c:pt>
                <c:pt idx="4710">
                  <c:v>15.640612718446658</c:v>
                </c:pt>
                <c:pt idx="4711">
                  <c:v>15.64396545459009</c:v>
                </c:pt>
                <c:pt idx="4712">
                  <c:v>15.647219580846853</c:v>
                </c:pt>
                <c:pt idx="4713">
                  <c:v>15.647219580846853</c:v>
                </c:pt>
                <c:pt idx="4714">
                  <c:v>15.650572316990109</c:v>
                </c:pt>
                <c:pt idx="4715">
                  <c:v>15.650572316990109</c:v>
                </c:pt>
                <c:pt idx="4716">
                  <c:v>15.653925053133369</c:v>
                </c:pt>
                <c:pt idx="4717">
                  <c:v>15.653925053133369</c:v>
                </c:pt>
                <c:pt idx="4718">
                  <c:v>15.657179179390132</c:v>
                </c:pt>
                <c:pt idx="4719">
                  <c:v>15.660531915533564</c:v>
                </c:pt>
                <c:pt idx="4720">
                  <c:v>15.660531915533564</c:v>
                </c:pt>
                <c:pt idx="4721">
                  <c:v>15.66388465167682</c:v>
                </c:pt>
                <c:pt idx="4722">
                  <c:v>15.66388465167682</c:v>
                </c:pt>
                <c:pt idx="4723">
                  <c:v>15.667138777933582</c:v>
                </c:pt>
                <c:pt idx="4724">
                  <c:v>15.670491514076842</c:v>
                </c:pt>
                <c:pt idx="4725">
                  <c:v>15.670491514076842</c:v>
                </c:pt>
                <c:pt idx="4726">
                  <c:v>15.673844250220098</c:v>
                </c:pt>
                <c:pt idx="4727">
                  <c:v>15.673844250220098</c:v>
                </c:pt>
                <c:pt idx="4728">
                  <c:v>15.677098376476861</c:v>
                </c:pt>
                <c:pt idx="4729">
                  <c:v>15.677098376476861</c:v>
                </c:pt>
                <c:pt idx="4730">
                  <c:v>15.680451112620293</c:v>
                </c:pt>
                <c:pt idx="4731">
                  <c:v>15.680451112620293</c:v>
                </c:pt>
                <c:pt idx="4732">
                  <c:v>15.683803848763549</c:v>
                </c:pt>
                <c:pt idx="4733">
                  <c:v>15.683803848763549</c:v>
                </c:pt>
                <c:pt idx="4734">
                  <c:v>15.687057975020311</c:v>
                </c:pt>
                <c:pt idx="4735">
                  <c:v>15.690410711163571</c:v>
                </c:pt>
                <c:pt idx="4736">
                  <c:v>15.693763447307003</c:v>
                </c:pt>
                <c:pt idx="4737">
                  <c:v>15.693763447307003</c:v>
                </c:pt>
                <c:pt idx="4738">
                  <c:v>15.69701757356359</c:v>
                </c:pt>
                <c:pt idx="4739">
                  <c:v>15.700370309707022</c:v>
                </c:pt>
                <c:pt idx="4740">
                  <c:v>15.700370309707022</c:v>
                </c:pt>
                <c:pt idx="4741">
                  <c:v>15.703723045850282</c:v>
                </c:pt>
                <c:pt idx="4742">
                  <c:v>15.706977172107043</c:v>
                </c:pt>
                <c:pt idx="4743">
                  <c:v>15.706977172107043</c:v>
                </c:pt>
                <c:pt idx="4744">
                  <c:v>15.7103299082503</c:v>
                </c:pt>
                <c:pt idx="4745">
                  <c:v>15.7103299082503</c:v>
                </c:pt>
                <c:pt idx="4746">
                  <c:v>15.713682644393732</c:v>
                </c:pt>
                <c:pt idx="4747">
                  <c:v>15.713682644393732</c:v>
                </c:pt>
                <c:pt idx="4748">
                  <c:v>15.716936770650495</c:v>
                </c:pt>
                <c:pt idx="4749">
                  <c:v>15.720289506793751</c:v>
                </c:pt>
                <c:pt idx="4750">
                  <c:v>15.720289506793751</c:v>
                </c:pt>
                <c:pt idx="4751">
                  <c:v>15.723642242937011</c:v>
                </c:pt>
                <c:pt idx="4752">
                  <c:v>15.723642242937011</c:v>
                </c:pt>
                <c:pt idx="4753">
                  <c:v>15.726994979080443</c:v>
                </c:pt>
                <c:pt idx="4754">
                  <c:v>15.730249105337029</c:v>
                </c:pt>
                <c:pt idx="4755">
                  <c:v>15.733601841480462</c:v>
                </c:pt>
                <c:pt idx="4756">
                  <c:v>15.733601841480462</c:v>
                </c:pt>
                <c:pt idx="4757">
                  <c:v>15.73695457762372</c:v>
                </c:pt>
                <c:pt idx="4758">
                  <c:v>15.740208703880484</c:v>
                </c:pt>
                <c:pt idx="4759">
                  <c:v>15.740208703880484</c:v>
                </c:pt>
                <c:pt idx="4760">
                  <c:v>15.74356144002374</c:v>
                </c:pt>
                <c:pt idx="4761">
                  <c:v>15.74356144002374</c:v>
                </c:pt>
                <c:pt idx="4762">
                  <c:v>15.746914176167172</c:v>
                </c:pt>
                <c:pt idx="4763">
                  <c:v>15.746914176167172</c:v>
                </c:pt>
                <c:pt idx="4764">
                  <c:v>15.750168302423935</c:v>
                </c:pt>
                <c:pt idx="4765">
                  <c:v>15.753521038567195</c:v>
                </c:pt>
                <c:pt idx="4766">
                  <c:v>15.753521038567195</c:v>
                </c:pt>
                <c:pt idx="4767">
                  <c:v>15.756873774710449</c:v>
                </c:pt>
                <c:pt idx="4768">
                  <c:v>15.760127900967213</c:v>
                </c:pt>
                <c:pt idx="4769">
                  <c:v>15.760127900967213</c:v>
                </c:pt>
                <c:pt idx="4770">
                  <c:v>15.763480637110469</c:v>
                </c:pt>
                <c:pt idx="4771">
                  <c:v>15.766833373253901</c:v>
                </c:pt>
                <c:pt idx="4772">
                  <c:v>15.766833373253901</c:v>
                </c:pt>
                <c:pt idx="4773">
                  <c:v>15.770087499510664</c:v>
                </c:pt>
                <c:pt idx="4774">
                  <c:v>15.773440235653924</c:v>
                </c:pt>
                <c:pt idx="4775">
                  <c:v>15.776792971797178</c:v>
                </c:pt>
                <c:pt idx="4776">
                  <c:v>15.776792971797178</c:v>
                </c:pt>
                <c:pt idx="4777">
                  <c:v>15.780047098053942</c:v>
                </c:pt>
                <c:pt idx="4778">
                  <c:v>15.783399834197374</c:v>
                </c:pt>
                <c:pt idx="4779">
                  <c:v>15.783399834197374</c:v>
                </c:pt>
                <c:pt idx="4780">
                  <c:v>15.786752570340633</c:v>
                </c:pt>
                <c:pt idx="4781">
                  <c:v>15.786752570340633</c:v>
                </c:pt>
                <c:pt idx="4782">
                  <c:v>15.790006696597397</c:v>
                </c:pt>
                <c:pt idx="4783">
                  <c:v>15.793359432740653</c:v>
                </c:pt>
                <c:pt idx="4784">
                  <c:v>15.793359432740653</c:v>
                </c:pt>
                <c:pt idx="4785">
                  <c:v>15.796712168883911</c:v>
                </c:pt>
                <c:pt idx="4786">
                  <c:v>15.799966295140674</c:v>
                </c:pt>
                <c:pt idx="4787">
                  <c:v>15.799966295140674</c:v>
                </c:pt>
                <c:pt idx="4788">
                  <c:v>15.803319031284104</c:v>
                </c:pt>
                <c:pt idx="4789">
                  <c:v>15.806671767427362</c:v>
                </c:pt>
                <c:pt idx="4790">
                  <c:v>15.806671767427362</c:v>
                </c:pt>
                <c:pt idx="4791">
                  <c:v>15.809925893684126</c:v>
                </c:pt>
                <c:pt idx="4792">
                  <c:v>15.813278629827382</c:v>
                </c:pt>
                <c:pt idx="4793">
                  <c:v>15.813278629827382</c:v>
                </c:pt>
                <c:pt idx="4794">
                  <c:v>15.816631365970814</c:v>
                </c:pt>
                <c:pt idx="4795">
                  <c:v>15.819885492227403</c:v>
                </c:pt>
                <c:pt idx="4796">
                  <c:v>15.819885492227403</c:v>
                </c:pt>
                <c:pt idx="4797">
                  <c:v>15.823238228370837</c:v>
                </c:pt>
                <c:pt idx="4798">
                  <c:v>15.826590964514091</c:v>
                </c:pt>
                <c:pt idx="4799">
                  <c:v>15.826590964514091</c:v>
                </c:pt>
                <c:pt idx="4800">
                  <c:v>15.829845090770855</c:v>
                </c:pt>
                <c:pt idx="4801">
                  <c:v>15.829845090770855</c:v>
                </c:pt>
                <c:pt idx="4802">
                  <c:v>15.833197826914114</c:v>
                </c:pt>
                <c:pt idx="4803">
                  <c:v>15.836550563057546</c:v>
                </c:pt>
                <c:pt idx="4804">
                  <c:v>15.836550563057546</c:v>
                </c:pt>
                <c:pt idx="4805">
                  <c:v>15.83980468931431</c:v>
                </c:pt>
                <c:pt idx="4806">
                  <c:v>15.83980468931431</c:v>
                </c:pt>
                <c:pt idx="4807">
                  <c:v>15.843157425457566</c:v>
                </c:pt>
                <c:pt idx="4808">
                  <c:v>15.84651016160082</c:v>
                </c:pt>
                <c:pt idx="4809">
                  <c:v>15.84651016160082</c:v>
                </c:pt>
                <c:pt idx="4810">
                  <c:v>15.849764287857584</c:v>
                </c:pt>
                <c:pt idx="4811">
                  <c:v>15.849764287857584</c:v>
                </c:pt>
                <c:pt idx="4812">
                  <c:v>15.853117024000843</c:v>
                </c:pt>
                <c:pt idx="4813">
                  <c:v>15.856469760144275</c:v>
                </c:pt>
                <c:pt idx="4814">
                  <c:v>15.856469760144275</c:v>
                </c:pt>
                <c:pt idx="4815">
                  <c:v>15.859822496287531</c:v>
                </c:pt>
                <c:pt idx="4816">
                  <c:v>15.859822496287531</c:v>
                </c:pt>
                <c:pt idx="4817">
                  <c:v>15.863076622544295</c:v>
                </c:pt>
                <c:pt idx="4818">
                  <c:v>15.866429358687553</c:v>
                </c:pt>
                <c:pt idx="4819">
                  <c:v>15.866429358687553</c:v>
                </c:pt>
                <c:pt idx="4820">
                  <c:v>15.869782094830986</c:v>
                </c:pt>
                <c:pt idx="4821">
                  <c:v>15.869782094830986</c:v>
                </c:pt>
                <c:pt idx="4822">
                  <c:v>15.873036221087748</c:v>
                </c:pt>
                <c:pt idx="4823">
                  <c:v>15.876388957231004</c:v>
                </c:pt>
                <c:pt idx="4824">
                  <c:v>15.876388957231004</c:v>
                </c:pt>
                <c:pt idx="4825">
                  <c:v>15.879741693374264</c:v>
                </c:pt>
                <c:pt idx="4826">
                  <c:v>15.882995819631027</c:v>
                </c:pt>
                <c:pt idx="4827">
                  <c:v>15.886348555774282</c:v>
                </c:pt>
                <c:pt idx="4828">
                  <c:v>15.889701291917715</c:v>
                </c:pt>
                <c:pt idx="4829">
                  <c:v>15.889701291917715</c:v>
                </c:pt>
                <c:pt idx="4830">
                  <c:v>15.892955418174479</c:v>
                </c:pt>
                <c:pt idx="4831">
                  <c:v>15.896308154317733</c:v>
                </c:pt>
                <c:pt idx="4832">
                  <c:v>15.899660890460993</c:v>
                </c:pt>
                <c:pt idx="4833">
                  <c:v>15.899660890460993</c:v>
                </c:pt>
                <c:pt idx="4834">
                  <c:v>15.902915016717756</c:v>
                </c:pt>
                <c:pt idx="4835">
                  <c:v>15.906267752861188</c:v>
                </c:pt>
                <c:pt idx="4836">
                  <c:v>15.909620489004444</c:v>
                </c:pt>
                <c:pt idx="4837">
                  <c:v>15.909620489004444</c:v>
                </c:pt>
                <c:pt idx="4838">
                  <c:v>15.912874615261208</c:v>
                </c:pt>
                <c:pt idx="4839">
                  <c:v>15.916227351404466</c:v>
                </c:pt>
                <c:pt idx="4840">
                  <c:v>15.919580087547722</c:v>
                </c:pt>
                <c:pt idx="4841">
                  <c:v>15.919580087547722</c:v>
                </c:pt>
                <c:pt idx="4842">
                  <c:v>15.922834213804485</c:v>
                </c:pt>
                <c:pt idx="4843">
                  <c:v>15.926186949947917</c:v>
                </c:pt>
                <c:pt idx="4844">
                  <c:v>15.929539686091177</c:v>
                </c:pt>
                <c:pt idx="4845">
                  <c:v>15.932793812347937</c:v>
                </c:pt>
                <c:pt idx="4846">
                  <c:v>15.936146548491195</c:v>
                </c:pt>
                <c:pt idx="4847">
                  <c:v>15.936146548491195</c:v>
                </c:pt>
                <c:pt idx="4848">
                  <c:v>15.939499284634451</c:v>
                </c:pt>
                <c:pt idx="4849">
                  <c:v>15.942753410891214</c:v>
                </c:pt>
                <c:pt idx="4850">
                  <c:v>15.942753410891214</c:v>
                </c:pt>
                <c:pt idx="4851">
                  <c:v>15.946106147034646</c:v>
                </c:pt>
                <c:pt idx="4852">
                  <c:v>15.949458883177906</c:v>
                </c:pt>
                <c:pt idx="4853">
                  <c:v>15.949458883177906</c:v>
                </c:pt>
                <c:pt idx="4854">
                  <c:v>15.952713009434669</c:v>
                </c:pt>
                <c:pt idx="4855">
                  <c:v>15.956065745577924</c:v>
                </c:pt>
                <c:pt idx="4856">
                  <c:v>15.956065745577924</c:v>
                </c:pt>
                <c:pt idx="4857">
                  <c:v>15.959418481721357</c:v>
                </c:pt>
                <c:pt idx="4858">
                  <c:v>15.959418481721357</c:v>
                </c:pt>
                <c:pt idx="4859">
                  <c:v>15.962672607977947</c:v>
                </c:pt>
                <c:pt idx="4860">
                  <c:v>15.966025344121379</c:v>
                </c:pt>
                <c:pt idx="4861">
                  <c:v>15.966025344121379</c:v>
                </c:pt>
                <c:pt idx="4862">
                  <c:v>15.969378080264635</c:v>
                </c:pt>
                <c:pt idx="4863">
                  <c:v>15.969378080264635</c:v>
                </c:pt>
                <c:pt idx="4864">
                  <c:v>15.972632206521398</c:v>
                </c:pt>
                <c:pt idx="4865">
                  <c:v>15.975984942664653</c:v>
                </c:pt>
                <c:pt idx="4866">
                  <c:v>15.975984942664653</c:v>
                </c:pt>
                <c:pt idx="4867">
                  <c:v>15.979337678808086</c:v>
                </c:pt>
                <c:pt idx="4868">
                  <c:v>15.979337678808086</c:v>
                </c:pt>
                <c:pt idx="4869">
                  <c:v>15.982690414951344</c:v>
                </c:pt>
                <c:pt idx="4870">
                  <c:v>15.985944541208108</c:v>
                </c:pt>
                <c:pt idx="4871">
                  <c:v>15.985944541208108</c:v>
                </c:pt>
                <c:pt idx="4872">
                  <c:v>15.989297277351364</c:v>
                </c:pt>
                <c:pt idx="4873">
                  <c:v>15.992650013494796</c:v>
                </c:pt>
                <c:pt idx="4874">
                  <c:v>15.992650013494796</c:v>
                </c:pt>
                <c:pt idx="4875">
                  <c:v>15.995904139751385</c:v>
                </c:pt>
                <c:pt idx="4876">
                  <c:v>15.995904139751385</c:v>
                </c:pt>
                <c:pt idx="4877">
                  <c:v>15.999256875894819</c:v>
                </c:pt>
                <c:pt idx="4878">
                  <c:v>16.002609612038075</c:v>
                </c:pt>
                <c:pt idx="4879">
                  <c:v>16.002609612038075</c:v>
                </c:pt>
                <c:pt idx="4880">
                  <c:v>16.005863738294838</c:v>
                </c:pt>
                <c:pt idx="4881">
                  <c:v>16.009216474438094</c:v>
                </c:pt>
                <c:pt idx="4882">
                  <c:v>16.009216474438094</c:v>
                </c:pt>
                <c:pt idx="4883">
                  <c:v>16.012569210581528</c:v>
                </c:pt>
                <c:pt idx="4884">
                  <c:v>16.012569210581528</c:v>
                </c:pt>
                <c:pt idx="4885">
                  <c:v>16.015823336838288</c:v>
                </c:pt>
                <c:pt idx="4886">
                  <c:v>16.019176072981548</c:v>
                </c:pt>
                <c:pt idx="4887">
                  <c:v>16.022528809124804</c:v>
                </c:pt>
                <c:pt idx="4888">
                  <c:v>16.022528809124804</c:v>
                </c:pt>
                <c:pt idx="4889">
                  <c:v>16.025782935381567</c:v>
                </c:pt>
                <c:pt idx="4890">
                  <c:v>16.029135671524827</c:v>
                </c:pt>
                <c:pt idx="4891">
                  <c:v>16.029135671524827</c:v>
                </c:pt>
                <c:pt idx="4892">
                  <c:v>16.032488407668257</c:v>
                </c:pt>
                <c:pt idx="4893">
                  <c:v>16.035742533925021</c:v>
                </c:pt>
                <c:pt idx="4894">
                  <c:v>16.039095270068277</c:v>
                </c:pt>
                <c:pt idx="4895">
                  <c:v>16.039095270068277</c:v>
                </c:pt>
                <c:pt idx="4896">
                  <c:v>16.042448006211536</c:v>
                </c:pt>
                <c:pt idx="4897">
                  <c:v>16.0457021324683</c:v>
                </c:pt>
                <c:pt idx="4898">
                  <c:v>16.0457021324683</c:v>
                </c:pt>
                <c:pt idx="4899">
                  <c:v>16.04905486861173</c:v>
                </c:pt>
                <c:pt idx="4900">
                  <c:v>16.04905486861173</c:v>
                </c:pt>
                <c:pt idx="4901">
                  <c:v>16.052407604754986</c:v>
                </c:pt>
                <c:pt idx="4902">
                  <c:v>16.05566173101175</c:v>
                </c:pt>
                <c:pt idx="4903">
                  <c:v>16.059014467155009</c:v>
                </c:pt>
                <c:pt idx="4904">
                  <c:v>16.059014467155009</c:v>
                </c:pt>
                <c:pt idx="4905">
                  <c:v>16.062367203298265</c:v>
                </c:pt>
                <c:pt idx="4906">
                  <c:v>16.065621329555029</c:v>
                </c:pt>
                <c:pt idx="4907">
                  <c:v>16.065621329555029</c:v>
                </c:pt>
                <c:pt idx="4908">
                  <c:v>16.068974065698459</c:v>
                </c:pt>
                <c:pt idx="4909">
                  <c:v>16.072326801841715</c:v>
                </c:pt>
                <c:pt idx="4910">
                  <c:v>16.072326801841715</c:v>
                </c:pt>
                <c:pt idx="4911">
                  <c:v>16.075580928098478</c:v>
                </c:pt>
                <c:pt idx="4912">
                  <c:v>16.075580928098478</c:v>
                </c:pt>
                <c:pt idx="4913">
                  <c:v>16.078933664241738</c:v>
                </c:pt>
                <c:pt idx="4914">
                  <c:v>16.078933664241738</c:v>
                </c:pt>
                <c:pt idx="4915">
                  <c:v>16.082286400385172</c:v>
                </c:pt>
                <c:pt idx="4916">
                  <c:v>16.082286400385172</c:v>
                </c:pt>
                <c:pt idx="4917">
                  <c:v>16.085540526641758</c:v>
                </c:pt>
                <c:pt idx="4918">
                  <c:v>16.085540526641758</c:v>
                </c:pt>
                <c:pt idx="4919">
                  <c:v>16.088893262785188</c:v>
                </c:pt>
                <c:pt idx="4920">
                  <c:v>16.088893262785188</c:v>
                </c:pt>
                <c:pt idx="4921">
                  <c:v>16.092245998928448</c:v>
                </c:pt>
                <c:pt idx="4922">
                  <c:v>16.092245998928448</c:v>
                </c:pt>
                <c:pt idx="4923">
                  <c:v>16.095500125185211</c:v>
                </c:pt>
                <c:pt idx="4924">
                  <c:v>16.098852861328467</c:v>
                </c:pt>
                <c:pt idx="4925">
                  <c:v>16.102205597471901</c:v>
                </c:pt>
                <c:pt idx="4926">
                  <c:v>16.102205597471901</c:v>
                </c:pt>
                <c:pt idx="4927">
                  <c:v>16.105459723728664</c:v>
                </c:pt>
                <c:pt idx="4928">
                  <c:v>16.108812459871917</c:v>
                </c:pt>
                <c:pt idx="4929">
                  <c:v>16.108812459871917</c:v>
                </c:pt>
                <c:pt idx="4930">
                  <c:v>16.112165196015177</c:v>
                </c:pt>
                <c:pt idx="4931">
                  <c:v>16.11551793215861</c:v>
                </c:pt>
                <c:pt idx="4932">
                  <c:v>16.11551793215861</c:v>
                </c:pt>
                <c:pt idx="4933">
                  <c:v>16.118772058415196</c:v>
                </c:pt>
                <c:pt idx="4934">
                  <c:v>16.12212479455863</c:v>
                </c:pt>
                <c:pt idx="4935">
                  <c:v>16.12547753070189</c:v>
                </c:pt>
                <c:pt idx="4936">
                  <c:v>16.128731656958649</c:v>
                </c:pt>
                <c:pt idx="4937">
                  <c:v>16.128731656958649</c:v>
                </c:pt>
                <c:pt idx="4938">
                  <c:v>16.132084393101906</c:v>
                </c:pt>
                <c:pt idx="4939">
                  <c:v>16.132084393101906</c:v>
                </c:pt>
                <c:pt idx="4940">
                  <c:v>16.135437129245339</c:v>
                </c:pt>
                <c:pt idx="4941">
                  <c:v>16.138691255502103</c:v>
                </c:pt>
                <c:pt idx="4942">
                  <c:v>16.138691255502103</c:v>
                </c:pt>
                <c:pt idx="4943">
                  <c:v>16.142043991645362</c:v>
                </c:pt>
                <c:pt idx="4944">
                  <c:v>16.145396727788619</c:v>
                </c:pt>
                <c:pt idx="4945">
                  <c:v>16.145396727788619</c:v>
                </c:pt>
                <c:pt idx="4946">
                  <c:v>16.148650854045378</c:v>
                </c:pt>
                <c:pt idx="4947">
                  <c:v>16.152003590188635</c:v>
                </c:pt>
                <c:pt idx="4948">
                  <c:v>16.152003590188635</c:v>
                </c:pt>
                <c:pt idx="4949">
                  <c:v>16.155356326332068</c:v>
                </c:pt>
                <c:pt idx="4950">
                  <c:v>16.155356326332068</c:v>
                </c:pt>
                <c:pt idx="4951">
                  <c:v>16.158610452588832</c:v>
                </c:pt>
                <c:pt idx="4952">
                  <c:v>16.158610452588832</c:v>
                </c:pt>
                <c:pt idx="4953">
                  <c:v>16.161963188732091</c:v>
                </c:pt>
                <c:pt idx="4954">
                  <c:v>16.161963188732091</c:v>
                </c:pt>
                <c:pt idx="4955">
                  <c:v>16.165315924875348</c:v>
                </c:pt>
                <c:pt idx="4956">
                  <c:v>16.168570051132111</c:v>
                </c:pt>
                <c:pt idx="4957">
                  <c:v>16.168570051132111</c:v>
                </c:pt>
                <c:pt idx="4958">
                  <c:v>16.171922787275541</c:v>
                </c:pt>
                <c:pt idx="4959">
                  <c:v>16.171922787275541</c:v>
                </c:pt>
                <c:pt idx="4960">
                  <c:v>16.175275523418801</c:v>
                </c:pt>
                <c:pt idx="4961">
                  <c:v>16.178529649675564</c:v>
                </c:pt>
                <c:pt idx="4962">
                  <c:v>16.18188238581882</c:v>
                </c:pt>
                <c:pt idx="4963">
                  <c:v>16.18188238581882</c:v>
                </c:pt>
                <c:pt idx="4964">
                  <c:v>16.18523512196208</c:v>
                </c:pt>
                <c:pt idx="4965">
                  <c:v>16.18848924821884</c:v>
                </c:pt>
                <c:pt idx="4966">
                  <c:v>16.19184198436227</c:v>
                </c:pt>
                <c:pt idx="4967">
                  <c:v>16.19184198436227</c:v>
                </c:pt>
                <c:pt idx="4968">
                  <c:v>16.19519472050553</c:v>
                </c:pt>
                <c:pt idx="4969">
                  <c:v>16.198448846762293</c:v>
                </c:pt>
                <c:pt idx="4970">
                  <c:v>16.201801582905549</c:v>
                </c:pt>
                <c:pt idx="4971">
                  <c:v>16.20515431904898</c:v>
                </c:pt>
                <c:pt idx="4972">
                  <c:v>16.20515431904898</c:v>
                </c:pt>
                <c:pt idx="4973">
                  <c:v>16.208408445305572</c:v>
                </c:pt>
                <c:pt idx="4974">
                  <c:v>16.211761181449003</c:v>
                </c:pt>
                <c:pt idx="4975">
                  <c:v>16.215113917592259</c:v>
                </c:pt>
                <c:pt idx="4976">
                  <c:v>16.215113917592259</c:v>
                </c:pt>
                <c:pt idx="4977">
                  <c:v>16.218368043849022</c:v>
                </c:pt>
                <c:pt idx="4978">
                  <c:v>16.221720779992282</c:v>
                </c:pt>
                <c:pt idx="4979">
                  <c:v>16.225073516135712</c:v>
                </c:pt>
                <c:pt idx="4980">
                  <c:v>16.225073516135712</c:v>
                </c:pt>
                <c:pt idx="4981">
                  <c:v>16.228327642392475</c:v>
                </c:pt>
                <c:pt idx="4982">
                  <c:v>16.231680378535732</c:v>
                </c:pt>
                <c:pt idx="4983">
                  <c:v>16.235033114678988</c:v>
                </c:pt>
                <c:pt idx="4984">
                  <c:v>16.235033114678988</c:v>
                </c:pt>
                <c:pt idx="4985">
                  <c:v>16.238385850822247</c:v>
                </c:pt>
                <c:pt idx="4986">
                  <c:v>16.238385850822247</c:v>
                </c:pt>
                <c:pt idx="4987">
                  <c:v>16.241639977079011</c:v>
                </c:pt>
                <c:pt idx="4988">
                  <c:v>16.244992713222441</c:v>
                </c:pt>
                <c:pt idx="4989">
                  <c:v>16.244992713222441</c:v>
                </c:pt>
                <c:pt idx="4990">
                  <c:v>16.248345449365697</c:v>
                </c:pt>
                <c:pt idx="4991">
                  <c:v>16.25159957562246</c:v>
                </c:pt>
                <c:pt idx="4992">
                  <c:v>16.25159957562246</c:v>
                </c:pt>
                <c:pt idx="4993">
                  <c:v>16.25495231176572</c:v>
                </c:pt>
                <c:pt idx="4994">
                  <c:v>16.258305047909154</c:v>
                </c:pt>
                <c:pt idx="4995">
                  <c:v>16.258305047909154</c:v>
                </c:pt>
                <c:pt idx="4996">
                  <c:v>16.26155917416574</c:v>
                </c:pt>
                <c:pt idx="4997">
                  <c:v>16.264911910309173</c:v>
                </c:pt>
                <c:pt idx="4998">
                  <c:v>16.264911910309173</c:v>
                </c:pt>
                <c:pt idx="4999">
                  <c:v>16.26826464645243</c:v>
                </c:pt>
                <c:pt idx="5000">
                  <c:v>16.26826464645243</c:v>
                </c:pt>
                <c:pt idx="5001">
                  <c:v>16.271518772709193</c:v>
                </c:pt>
                <c:pt idx="5002">
                  <c:v>16.271518772709193</c:v>
                </c:pt>
                <c:pt idx="5003">
                  <c:v>16.274871508852449</c:v>
                </c:pt>
                <c:pt idx="5004">
                  <c:v>16.278224244995883</c:v>
                </c:pt>
                <c:pt idx="5005">
                  <c:v>16.278224244995883</c:v>
                </c:pt>
                <c:pt idx="5006">
                  <c:v>16.281478371252646</c:v>
                </c:pt>
                <c:pt idx="5007">
                  <c:v>16.281478371252646</c:v>
                </c:pt>
                <c:pt idx="5008">
                  <c:v>16.284831107395902</c:v>
                </c:pt>
                <c:pt idx="5009">
                  <c:v>16.288183843539159</c:v>
                </c:pt>
                <c:pt idx="5010">
                  <c:v>16.288183843539159</c:v>
                </c:pt>
                <c:pt idx="5011">
                  <c:v>16.291437969795922</c:v>
                </c:pt>
                <c:pt idx="5012">
                  <c:v>16.291437969795922</c:v>
                </c:pt>
                <c:pt idx="5013">
                  <c:v>16.294790705939178</c:v>
                </c:pt>
                <c:pt idx="5014">
                  <c:v>16.298143442082612</c:v>
                </c:pt>
                <c:pt idx="5015">
                  <c:v>16.298143442082612</c:v>
                </c:pt>
                <c:pt idx="5016">
                  <c:v>16.301397568339375</c:v>
                </c:pt>
                <c:pt idx="5017">
                  <c:v>16.301397568339375</c:v>
                </c:pt>
                <c:pt idx="5018">
                  <c:v>16.304750304482635</c:v>
                </c:pt>
                <c:pt idx="5019">
                  <c:v>16.304750304482635</c:v>
                </c:pt>
                <c:pt idx="5020">
                  <c:v>16.308103040625888</c:v>
                </c:pt>
                <c:pt idx="5021">
                  <c:v>16.308103040625888</c:v>
                </c:pt>
                <c:pt idx="5022">
                  <c:v>16.311357166882651</c:v>
                </c:pt>
                <c:pt idx="5023">
                  <c:v>16.314709903026085</c:v>
                </c:pt>
                <c:pt idx="5024">
                  <c:v>16.314709903026085</c:v>
                </c:pt>
                <c:pt idx="5025">
                  <c:v>16.318062639169341</c:v>
                </c:pt>
                <c:pt idx="5026">
                  <c:v>16.318062639169341</c:v>
                </c:pt>
                <c:pt idx="5027">
                  <c:v>16.321316765426104</c:v>
                </c:pt>
                <c:pt idx="5028">
                  <c:v>16.321316765426104</c:v>
                </c:pt>
                <c:pt idx="5029">
                  <c:v>16.324669501569364</c:v>
                </c:pt>
                <c:pt idx="5030">
                  <c:v>16.324669501569364</c:v>
                </c:pt>
                <c:pt idx="5031">
                  <c:v>16.328022237712617</c:v>
                </c:pt>
                <c:pt idx="5032">
                  <c:v>16.33127636396938</c:v>
                </c:pt>
                <c:pt idx="5033">
                  <c:v>16.33127636396938</c:v>
                </c:pt>
                <c:pt idx="5034">
                  <c:v>16.334629100112814</c:v>
                </c:pt>
                <c:pt idx="5035">
                  <c:v>16.337981836256073</c:v>
                </c:pt>
                <c:pt idx="5036">
                  <c:v>16.337981836256073</c:v>
                </c:pt>
                <c:pt idx="5037">
                  <c:v>16.341235962512837</c:v>
                </c:pt>
                <c:pt idx="5038">
                  <c:v>16.344588698656093</c:v>
                </c:pt>
                <c:pt idx="5039">
                  <c:v>16.347941434799523</c:v>
                </c:pt>
                <c:pt idx="5040">
                  <c:v>16.347941434799523</c:v>
                </c:pt>
                <c:pt idx="5041">
                  <c:v>16.351195561056112</c:v>
                </c:pt>
                <c:pt idx="5042">
                  <c:v>16.354548297199546</c:v>
                </c:pt>
                <c:pt idx="5043">
                  <c:v>16.354548297199546</c:v>
                </c:pt>
                <c:pt idx="5044">
                  <c:v>16.357901033342802</c:v>
                </c:pt>
                <c:pt idx="5045">
                  <c:v>16.361155159599566</c:v>
                </c:pt>
                <c:pt idx="5046">
                  <c:v>16.364507895742822</c:v>
                </c:pt>
                <c:pt idx="5047">
                  <c:v>16.364507895742822</c:v>
                </c:pt>
                <c:pt idx="5048">
                  <c:v>16.367860631886252</c:v>
                </c:pt>
                <c:pt idx="5049">
                  <c:v>16.371213368029512</c:v>
                </c:pt>
                <c:pt idx="5050">
                  <c:v>16.374467494286275</c:v>
                </c:pt>
                <c:pt idx="5051">
                  <c:v>16.374467494286275</c:v>
                </c:pt>
                <c:pt idx="5052">
                  <c:v>16.377820230429531</c:v>
                </c:pt>
                <c:pt idx="5053">
                  <c:v>16.381172966572965</c:v>
                </c:pt>
                <c:pt idx="5054">
                  <c:v>16.381172966572965</c:v>
                </c:pt>
                <c:pt idx="5055">
                  <c:v>16.384427092829554</c:v>
                </c:pt>
                <c:pt idx="5056">
                  <c:v>16.387779828972985</c:v>
                </c:pt>
                <c:pt idx="5057">
                  <c:v>16.387779828972985</c:v>
                </c:pt>
                <c:pt idx="5058">
                  <c:v>16.391132565116241</c:v>
                </c:pt>
                <c:pt idx="5059">
                  <c:v>16.391132565116241</c:v>
                </c:pt>
                <c:pt idx="5060">
                  <c:v>16.394386691373004</c:v>
                </c:pt>
                <c:pt idx="5061">
                  <c:v>16.397739427516264</c:v>
                </c:pt>
                <c:pt idx="5062">
                  <c:v>16.397739427516264</c:v>
                </c:pt>
                <c:pt idx="5063">
                  <c:v>16.401092163659698</c:v>
                </c:pt>
                <c:pt idx="5064">
                  <c:v>16.401092163659698</c:v>
                </c:pt>
                <c:pt idx="5065">
                  <c:v>16.404346289916457</c:v>
                </c:pt>
                <c:pt idx="5066">
                  <c:v>16.404346289916457</c:v>
                </c:pt>
                <c:pt idx="5067">
                  <c:v>16.407699026059714</c:v>
                </c:pt>
                <c:pt idx="5068">
                  <c:v>16.41105176220297</c:v>
                </c:pt>
                <c:pt idx="5069">
                  <c:v>16.41105176220297</c:v>
                </c:pt>
                <c:pt idx="5070">
                  <c:v>16.414305888459733</c:v>
                </c:pt>
                <c:pt idx="5071">
                  <c:v>16.417658624602993</c:v>
                </c:pt>
                <c:pt idx="5072">
                  <c:v>16.417658624602993</c:v>
                </c:pt>
                <c:pt idx="5073">
                  <c:v>16.421011360746427</c:v>
                </c:pt>
                <c:pt idx="5074">
                  <c:v>16.42426548700319</c:v>
                </c:pt>
                <c:pt idx="5075">
                  <c:v>16.42426548700319</c:v>
                </c:pt>
                <c:pt idx="5076">
                  <c:v>16.427618223146442</c:v>
                </c:pt>
                <c:pt idx="5077">
                  <c:v>16.427618223146442</c:v>
                </c:pt>
                <c:pt idx="5078">
                  <c:v>16.430970959289702</c:v>
                </c:pt>
                <c:pt idx="5079">
                  <c:v>16.434225085546466</c:v>
                </c:pt>
                <c:pt idx="5080">
                  <c:v>16.434225085546466</c:v>
                </c:pt>
                <c:pt idx="5081">
                  <c:v>16.437577821689899</c:v>
                </c:pt>
                <c:pt idx="5082">
                  <c:v>16.440930557833155</c:v>
                </c:pt>
                <c:pt idx="5083">
                  <c:v>16.440930557833155</c:v>
                </c:pt>
                <c:pt idx="5084">
                  <c:v>16.444184684089919</c:v>
                </c:pt>
                <c:pt idx="5085">
                  <c:v>16.447537420233171</c:v>
                </c:pt>
                <c:pt idx="5086">
                  <c:v>16.447537420233171</c:v>
                </c:pt>
                <c:pt idx="5087">
                  <c:v>16.450890156376431</c:v>
                </c:pt>
                <c:pt idx="5088">
                  <c:v>16.454144282633195</c:v>
                </c:pt>
                <c:pt idx="5089">
                  <c:v>16.454144282633195</c:v>
                </c:pt>
                <c:pt idx="5090">
                  <c:v>16.457497018776628</c:v>
                </c:pt>
                <c:pt idx="5091">
                  <c:v>16.460849754919884</c:v>
                </c:pt>
                <c:pt idx="5092">
                  <c:v>16.460849754919884</c:v>
                </c:pt>
                <c:pt idx="5093">
                  <c:v>16.464103881176648</c:v>
                </c:pt>
                <c:pt idx="5094">
                  <c:v>16.467456617319904</c:v>
                </c:pt>
                <c:pt idx="5095">
                  <c:v>16.467456617319904</c:v>
                </c:pt>
                <c:pt idx="5096">
                  <c:v>16.470809353463338</c:v>
                </c:pt>
                <c:pt idx="5097">
                  <c:v>16.470809353463338</c:v>
                </c:pt>
                <c:pt idx="5098">
                  <c:v>16.474063479719923</c:v>
                </c:pt>
                <c:pt idx="5099">
                  <c:v>16.474063479719923</c:v>
                </c:pt>
                <c:pt idx="5100">
                  <c:v>16.477416215863357</c:v>
                </c:pt>
                <c:pt idx="5101">
                  <c:v>16.480768952006617</c:v>
                </c:pt>
                <c:pt idx="5102">
                  <c:v>16.480768952006617</c:v>
                </c:pt>
                <c:pt idx="5103">
                  <c:v>16.480768952006617</c:v>
                </c:pt>
                <c:pt idx="5104">
                  <c:v>16.48402307826338</c:v>
                </c:pt>
                <c:pt idx="5105">
                  <c:v>16.490728550550067</c:v>
                </c:pt>
                <c:pt idx="5106">
                  <c:v>16.494081286693323</c:v>
                </c:pt>
                <c:pt idx="5107">
                  <c:v>16.504040885236602</c:v>
                </c:pt>
                <c:pt idx="5108">
                  <c:v>16.500688149093346</c:v>
                </c:pt>
                <c:pt idx="5109">
                  <c:v>16.497335412950086</c:v>
                </c:pt>
                <c:pt idx="5110">
                  <c:v>16.494081286693323</c:v>
                </c:pt>
                <c:pt idx="5111">
                  <c:v>16.494081286693323</c:v>
                </c:pt>
                <c:pt idx="5112">
                  <c:v>16.494081286693323</c:v>
                </c:pt>
                <c:pt idx="5113">
                  <c:v>16.494081286693323</c:v>
                </c:pt>
                <c:pt idx="5114">
                  <c:v>16.494081286693323</c:v>
                </c:pt>
                <c:pt idx="5115">
                  <c:v>16.494081286693323</c:v>
                </c:pt>
                <c:pt idx="5116">
                  <c:v>16.497335412950086</c:v>
                </c:pt>
                <c:pt idx="5117">
                  <c:v>16.497335412950086</c:v>
                </c:pt>
                <c:pt idx="5118">
                  <c:v>16.500688149093346</c:v>
                </c:pt>
                <c:pt idx="5119">
                  <c:v>16.500688149093346</c:v>
                </c:pt>
                <c:pt idx="5120">
                  <c:v>16.504040885236602</c:v>
                </c:pt>
                <c:pt idx="5121">
                  <c:v>16.507295011493362</c:v>
                </c:pt>
                <c:pt idx="5122">
                  <c:v>16.510647747636796</c:v>
                </c:pt>
                <c:pt idx="5123">
                  <c:v>16.510647747636796</c:v>
                </c:pt>
                <c:pt idx="5124">
                  <c:v>16.514000483780055</c:v>
                </c:pt>
                <c:pt idx="5125">
                  <c:v>16.517254610036819</c:v>
                </c:pt>
                <c:pt idx="5126">
                  <c:v>16.517254610036819</c:v>
                </c:pt>
                <c:pt idx="5127">
                  <c:v>16.520607346180075</c:v>
                </c:pt>
                <c:pt idx="5128">
                  <c:v>16.523960082323505</c:v>
                </c:pt>
                <c:pt idx="5129">
                  <c:v>16.523960082323505</c:v>
                </c:pt>
                <c:pt idx="5130">
                  <c:v>16.527214208580268</c:v>
                </c:pt>
                <c:pt idx="5131">
                  <c:v>16.527214208580268</c:v>
                </c:pt>
                <c:pt idx="5132">
                  <c:v>16.520607346180075</c:v>
                </c:pt>
                <c:pt idx="5133">
                  <c:v>16.527214208580268</c:v>
                </c:pt>
                <c:pt idx="5134">
                  <c:v>16.537173807123548</c:v>
                </c:pt>
                <c:pt idx="5135">
                  <c:v>16.543879279410234</c:v>
                </c:pt>
                <c:pt idx="5136">
                  <c:v>16.547133405666997</c:v>
                </c:pt>
                <c:pt idx="5137">
                  <c:v>16.553838877953513</c:v>
                </c:pt>
                <c:pt idx="5138">
                  <c:v>16.557093004210277</c:v>
                </c:pt>
                <c:pt idx="5139">
                  <c:v>16.560445740353536</c:v>
                </c:pt>
                <c:pt idx="5140">
                  <c:v>16.563798476496967</c:v>
                </c:pt>
                <c:pt idx="5141">
                  <c:v>16.56705260275373</c:v>
                </c:pt>
                <c:pt idx="5142">
                  <c:v>16.570405338896986</c:v>
                </c:pt>
                <c:pt idx="5143">
                  <c:v>16.573758075040246</c:v>
                </c:pt>
                <c:pt idx="5144">
                  <c:v>16.577012201297006</c:v>
                </c:pt>
                <c:pt idx="5145">
                  <c:v>16.580364937440439</c:v>
                </c:pt>
                <c:pt idx="5146">
                  <c:v>16.580364937440439</c:v>
                </c:pt>
                <c:pt idx="5147">
                  <c:v>16.583717673583696</c:v>
                </c:pt>
                <c:pt idx="5148">
                  <c:v>16.586971799840459</c:v>
                </c:pt>
                <c:pt idx="5149">
                  <c:v>16.590324535983715</c:v>
                </c:pt>
                <c:pt idx="5150">
                  <c:v>16.590324535983715</c:v>
                </c:pt>
                <c:pt idx="5151">
                  <c:v>16.593677272126975</c:v>
                </c:pt>
                <c:pt idx="5152">
                  <c:v>16.596931398383738</c:v>
                </c:pt>
                <c:pt idx="5153">
                  <c:v>16.600284134527172</c:v>
                </c:pt>
                <c:pt idx="5154">
                  <c:v>16.600284134527172</c:v>
                </c:pt>
                <c:pt idx="5155">
                  <c:v>16.603636870670424</c:v>
                </c:pt>
                <c:pt idx="5156">
                  <c:v>16.606890996927188</c:v>
                </c:pt>
                <c:pt idx="5157">
                  <c:v>16.606890996927188</c:v>
                </c:pt>
                <c:pt idx="5158">
                  <c:v>16.610243733070448</c:v>
                </c:pt>
                <c:pt idx="5159">
                  <c:v>16.610243733070448</c:v>
                </c:pt>
                <c:pt idx="5160">
                  <c:v>16.613596469213881</c:v>
                </c:pt>
                <c:pt idx="5161">
                  <c:v>16.616850595470467</c:v>
                </c:pt>
                <c:pt idx="5162">
                  <c:v>16.616850595470467</c:v>
                </c:pt>
                <c:pt idx="5163">
                  <c:v>16.620203331613901</c:v>
                </c:pt>
                <c:pt idx="5164">
                  <c:v>16.620203331613901</c:v>
                </c:pt>
                <c:pt idx="5165">
                  <c:v>16.623556067757153</c:v>
                </c:pt>
                <c:pt idx="5166">
                  <c:v>16.623556067757153</c:v>
                </c:pt>
                <c:pt idx="5167">
                  <c:v>16.626908803900413</c:v>
                </c:pt>
                <c:pt idx="5168">
                  <c:v>16.626908803900413</c:v>
                </c:pt>
                <c:pt idx="5169">
                  <c:v>16.630162930157177</c:v>
                </c:pt>
                <c:pt idx="5170">
                  <c:v>16.630162930157177</c:v>
                </c:pt>
                <c:pt idx="5171">
                  <c:v>16.63351566630061</c:v>
                </c:pt>
                <c:pt idx="5172">
                  <c:v>16.63351566630061</c:v>
                </c:pt>
                <c:pt idx="5173">
                  <c:v>16.636868402443866</c:v>
                </c:pt>
                <c:pt idx="5174">
                  <c:v>16.636868402443866</c:v>
                </c:pt>
                <c:pt idx="5175">
                  <c:v>16.64012252870063</c:v>
                </c:pt>
                <c:pt idx="5176">
                  <c:v>16.64012252870063</c:v>
                </c:pt>
                <c:pt idx="5177">
                  <c:v>16.643475264843886</c:v>
                </c:pt>
                <c:pt idx="5178">
                  <c:v>16.643475264843886</c:v>
                </c:pt>
                <c:pt idx="5179">
                  <c:v>16.643475264843886</c:v>
                </c:pt>
                <c:pt idx="5180">
                  <c:v>16.64012252870063</c:v>
                </c:pt>
                <c:pt idx="5181">
                  <c:v>16.64012252870063</c:v>
                </c:pt>
                <c:pt idx="5182">
                  <c:v>16.64012252870063</c:v>
                </c:pt>
                <c:pt idx="5183">
                  <c:v>16.643475264843886</c:v>
                </c:pt>
                <c:pt idx="5184">
                  <c:v>16.650082127243905</c:v>
                </c:pt>
                <c:pt idx="5185">
                  <c:v>16.643475264843886</c:v>
                </c:pt>
                <c:pt idx="5186">
                  <c:v>16.636868402443866</c:v>
                </c:pt>
                <c:pt idx="5187">
                  <c:v>16.636868402443866</c:v>
                </c:pt>
                <c:pt idx="5188">
                  <c:v>16.63351566630061</c:v>
                </c:pt>
                <c:pt idx="5189">
                  <c:v>16.63351566630061</c:v>
                </c:pt>
                <c:pt idx="5190">
                  <c:v>16.63351566630061</c:v>
                </c:pt>
                <c:pt idx="5191">
                  <c:v>16.636868402443866</c:v>
                </c:pt>
                <c:pt idx="5192">
                  <c:v>16.636868402443866</c:v>
                </c:pt>
                <c:pt idx="5193">
                  <c:v>16.64012252870063</c:v>
                </c:pt>
                <c:pt idx="5194">
                  <c:v>16.64012252870063</c:v>
                </c:pt>
                <c:pt idx="5195">
                  <c:v>16.643475264843886</c:v>
                </c:pt>
                <c:pt idx="5196">
                  <c:v>16.64682800098732</c:v>
                </c:pt>
                <c:pt idx="5197">
                  <c:v>16.650082127243905</c:v>
                </c:pt>
                <c:pt idx="5198">
                  <c:v>16.650082127243905</c:v>
                </c:pt>
                <c:pt idx="5199">
                  <c:v>16.653434863387339</c:v>
                </c:pt>
                <c:pt idx="5200">
                  <c:v>16.656787599530599</c:v>
                </c:pt>
                <c:pt idx="5201">
                  <c:v>16.660041725787362</c:v>
                </c:pt>
                <c:pt idx="5202">
                  <c:v>16.660041725787362</c:v>
                </c:pt>
                <c:pt idx="5203">
                  <c:v>16.663394461930618</c:v>
                </c:pt>
                <c:pt idx="5204">
                  <c:v>16.670001324330812</c:v>
                </c:pt>
                <c:pt idx="5205">
                  <c:v>16.676706796617328</c:v>
                </c:pt>
                <c:pt idx="5206">
                  <c:v>16.679960922874091</c:v>
                </c:pt>
                <c:pt idx="5207">
                  <c:v>16.683313659017347</c:v>
                </c:pt>
                <c:pt idx="5208">
                  <c:v>16.686666395160778</c:v>
                </c:pt>
                <c:pt idx="5209">
                  <c:v>16.683313659017347</c:v>
                </c:pt>
                <c:pt idx="5210">
                  <c:v>16.693273257560801</c:v>
                </c:pt>
                <c:pt idx="5211">
                  <c:v>16.70323285610425</c:v>
                </c:pt>
                <c:pt idx="5212">
                  <c:v>16.70983971850427</c:v>
                </c:pt>
                <c:pt idx="5213">
                  <c:v>16.71319245464753</c:v>
                </c:pt>
                <c:pt idx="5214">
                  <c:v>16.719799317047549</c:v>
                </c:pt>
                <c:pt idx="5215">
                  <c:v>16.723152053190979</c:v>
                </c:pt>
                <c:pt idx="5216">
                  <c:v>16.726504789334239</c:v>
                </c:pt>
                <c:pt idx="5217">
                  <c:v>16.729758915591002</c:v>
                </c:pt>
                <c:pt idx="5218">
                  <c:v>16.729758915591002</c:v>
                </c:pt>
                <c:pt idx="5219">
                  <c:v>16.733111651734259</c:v>
                </c:pt>
                <c:pt idx="5220">
                  <c:v>16.736464387877692</c:v>
                </c:pt>
                <c:pt idx="5221">
                  <c:v>16.736464387877692</c:v>
                </c:pt>
                <c:pt idx="5222">
                  <c:v>16.736464387877692</c:v>
                </c:pt>
                <c:pt idx="5223">
                  <c:v>16.739718514134282</c:v>
                </c:pt>
                <c:pt idx="5224">
                  <c:v>16.739718514134282</c:v>
                </c:pt>
                <c:pt idx="5225">
                  <c:v>16.743071250277712</c:v>
                </c:pt>
                <c:pt idx="5226">
                  <c:v>16.743071250277712</c:v>
                </c:pt>
                <c:pt idx="5227">
                  <c:v>16.746423986420968</c:v>
                </c:pt>
                <c:pt idx="5228">
                  <c:v>16.746423986420968</c:v>
                </c:pt>
                <c:pt idx="5229">
                  <c:v>16.749678112677731</c:v>
                </c:pt>
                <c:pt idx="5230">
                  <c:v>16.749678112677731</c:v>
                </c:pt>
                <c:pt idx="5231">
                  <c:v>16.753030848820988</c:v>
                </c:pt>
                <c:pt idx="5232">
                  <c:v>16.756383584964421</c:v>
                </c:pt>
                <c:pt idx="5233">
                  <c:v>16.756383584964421</c:v>
                </c:pt>
                <c:pt idx="5234">
                  <c:v>16.759736321107681</c:v>
                </c:pt>
                <c:pt idx="5235">
                  <c:v>16.762990447364441</c:v>
                </c:pt>
                <c:pt idx="5236">
                  <c:v>16.762990447364441</c:v>
                </c:pt>
                <c:pt idx="5237">
                  <c:v>16.766343183507697</c:v>
                </c:pt>
                <c:pt idx="5238">
                  <c:v>16.766343183507697</c:v>
                </c:pt>
                <c:pt idx="5239">
                  <c:v>16.769695919651131</c:v>
                </c:pt>
                <c:pt idx="5240">
                  <c:v>16.77295004590772</c:v>
                </c:pt>
                <c:pt idx="5241">
                  <c:v>16.776302782051154</c:v>
                </c:pt>
                <c:pt idx="5242">
                  <c:v>16.776302782051154</c:v>
                </c:pt>
                <c:pt idx="5243">
                  <c:v>16.77965551819441</c:v>
                </c:pt>
                <c:pt idx="5244">
                  <c:v>16.77965551819441</c:v>
                </c:pt>
                <c:pt idx="5245">
                  <c:v>16.782909644451173</c:v>
                </c:pt>
                <c:pt idx="5246">
                  <c:v>16.78626238059443</c:v>
                </c:pt>
                <c:pt idx="5247">
                  <c:v>16.78626238059443</c:v>
                </c:pt>
                <c:pt idx="5248">
                  <c:v>16.789615116737863</c:v>
                </c:pt>
                <c:pt idx="5249">
                  <c:v>16.792869242994623</c:v>
                </c:pt>
                <c:pt idx="5250">
                  <c:v>16.792869242994623</c:v>
                </c:pt>
                <c:pt idx="5251">
                  <c:v>16.796221979137883</c:v>
                </c:pt>
                <c:pt idx="5252">
                  <c:v>16.799574715281139</c:v>
                </c:pt>
                <c:pt idx="5253">
                  <c:v>16.799574715281139</c:v>
                </c:pt>
                <c:pt idx="5254">
                  <c:v>16.802828841537902</c:v>
                </c:pt>
                <c:pt idx="5255">
                  <c:v>16.802828841537902</c:v>
                </c:pt>
                <c:pt idx="5256">
                  <c:v>16.806181577681159</c:v>
                </c:pt>
                <c:pt idx="5257">
                  <c:v>16.809534313824592</c:v>
                </c:pt>
                <c:pt idx="5258">
                  <c:v>16.809534313824592</c:v>
                </c:pt>
                <c:pt idx="5259">
                  <c:v>16.812788440081356</c:v>
                </c:pt>
                <c:pt idx="5260">
                  <c:v>16.816141176224612</c:v>
                </c:pt>
                <c:pt idx="5261">
                  <c:v>16.816141176224612</c:v>
                </c:pt>
                <c:pt idx="5262">
                  <c:v>16.819493912367872</c:v>
                </c:pt>
                <c:pt idx="5263">
                  <c:v>16.822748038624635</c:v>
                </c:pt>
                <c:pt idx="5264">
                  <c:v>16.822748038624635</c:v>
                </c:pt>
                <c:pt idx="5265">
                  <c:v>16.822748038624635</c:v>
                </c:pt>
                <c:pt idx="5266">
                  <c:v>16.826100774768065</c:v>
                </c:pt>
                <c:pt idx="5267">
                  <c:v>16.829453510911321</c:v>
                </c:pt>
                <c:pt idx="5268">
                  <c:v>16.832707637168085</c:v>
                </c:pt>
                <c:pt idx="5269">
                  <c:v>16.832707637168085</c:v>
                </c:pt>
                <c:pt idx="5270">
                  <c:v>16.836060373311341</c:v>
                </c:pt>
                <c:pt idx="5271">
                  <c:v>16.836060373311341</c:v>
                </c:pt>
                <c:pt idx="5272">
                  <c:v>16.8394131094546</c:v>
                </c:pt>
                <c:pt idx="5273">
                  <c:v>16.842667235711364</c:v>
                </c:pt>
                <c:pt idx="5274">
                  <c:v>16.842667235711364</c:v>
                </c:pt>
                <c:pt idx="5275">
                  <c:v>16.846019971854794</c:v>
                </c:pt>
                <c:pt idx="5276">
                  <c:v>16.846019971854794</c:v>
                </c:pt>
                <c:pt idx="5277">
                  <c:v>16.84937270799805</c:v>
                </c:pt>
                <c:pt idx="5278">
                  <c:v>16.84937270799805</c:v>
                </c:pt>
                <c:pt idx="5279">
                  <c:v>16.852626834254814</c:v>
                </c:pt>
                <c:pt idx="5280">
                  <c:v>16.855979570398073</c:v>
                </c:pt>
                <c:pt idx="5281">
                  <c:v>16.855979570398073</c:v>
                </c:pt>
                <c:pt idx="5282">
                  <c:v>16.859332306541329</c:v>
                </c:pt>
                <c:pt idx="5283">
                  <c:v>16.859332306541329</c:v>
                </c:pt>
                <c:pt idx="5284">
                  <c:v>16.862586432798093</c:v>
                </c:pt>
                <c:pt idx="5285">
                  <c:v>16.862586432798093</c:v>
                </c:pt>
                <c:pt idx="5286">
                  <c:v>16.865939168941523</c:v>
                </c:pt>
                <c:pt idx="5287">
                  <c:v>16.865939168941523</c:v>
                </c:pt>
                <c:pt idx="5288">
                  <c:v>16.869291905084783</c:v>
                </c:pt>
                <c:pt idx="5289">
                  <c:v>16.869291905084783</c:v>
                </c:pt>
                <c:pt idx="5290">
                  <c:v>16.872546031341546</c:v>
                </c:pt>
                <c:pt idx="5291">
                  <c:v>16.872546031341546</c:v>
                </c:pt>
                <c:pt idx="5292">
                  <c:v>16.875898767484802</c:v>
                </c:pt>
                <c:pt idx="5293">
                  <c:v>16.875898767484802</c:v>
                </c:pt>
                <c:pt idx="5294">
                  <c:v>16.879251503628232</c:v>
                </c:pt>
                <c:pt idx="5295">
                  <c:v>16.879251503628232</c:v>
                </c:pt>
                <c:pt idx="5296">
                  <c:v>16.882604239771489</c:v>
                </c:pt>
                <c:pt idx="5297">
                  <c:v>16.882604239771489</c:v>
                </c:pt>
                <c:pt idx="5298">
                  <c:v>16.885858366028252</c:v>
                </c:pt>
                <c:pt idx="5299">
                  <c:v>16.885858366028252</c:v>
                </c:pt>
                <c:pt idx="5300">
                  <c:v>16.889211102171512</c:v>
                </c:pt>
                <c:pt idx="5301">
                  <c:v>16.892563838314768</c:v>
                </c:pt>
                <c:pt idx="5302">
                  <c:v>16.892563838314768</c:v>
                </c:pt>
                <c:pt idx="5303">
                  <c:v>16.895817964571531</c:v>
                </c:pt>
                <c:pt idx="5304">
                  <c:v>16.899170700714965</c:v>
                </c:pt>
                <c:pt idx="5305">
                  <c:v>16.899170700714965</c:v>
                </c:pt>
                <c:pt idx="5306">
                  <c:v>16.902523436858221</c:v>
                </c:pt>
                <c:pt idx="5307">
                  <c:v>16.902523436858221</c:v>
                </c:pt>
                <c:pt idx="5308">
                  <c:v>16.905777563114984</c:v>
                </c:pt>
                <c:pt idx="5309">
                  <c:v>16.905777563114984</c:v>
                </c:pt>
                <c:pt idx="5310">
                  <c:v>16.909130299258241</c:v>
                </c:pt>
                <c:pt idx="5311">
                  <c:v>16.912483035401674</c:v>
                </c:pt>
                <c:pt idx="5312">
                  <c:v>16.912483035401674</c:v>
                </c:pt>
                <c:pt idx="5313">
                  <c:v>16.915737161658264</c:v>
                </c:pt>
                <c:pt idx="5314">
                  <c:v>16.915737161658264</c:v>
                </c:pt>
                <c:pt idx="5315">
                  <c:v>16.919089897801697</c:v>
                </c:pt>
                <c:pt idx="5316">
                  <c:v>16.919089897801697</c:v>
                </c:pt>
                <c:pt idx="5317">
                  <c:v>16.92244263394495</c:v>
                </c:pt>
                <c:pt idx="5318">
                  <c:v>16.92244263394495</c:v>
                </c:pt>
                <c:pt idx="5319">
                  <c:v>16.925696760201713</c:v>
                </c:pt>
                <c:pt idx="5320">
                  <c:v>16.925696760201713</c:v>
                </c:pt>
                <c:pt idx="5321">
                  <c:v>16.92904949634497</c:v>
                </c:pt>
                <c:pt idx="5322">
                  <c:v>16.92904949634497</c:v>
                </c:pt>
                <c:pt idx="5323">
                  <c:v>16.932402232488403</c:v>
                </c:pt>
                <c:pt idx="5324">
                  <c:v>16.935656358745167</c:v>
                </c:pt>
                <c:pt idx="5325">
                  <c:v>16.935656358745167</c:v>
                </c:pt>
                <c:pt idx="5326">
                  <c:v>16.939009094888426</c:v>
                </c:pt>
                <c:pt idx="5327">
                  <c:v>16.942361831031679</c:v>
                </c:pt>
                <c:pt idx="5328">
                  <c:v>16.942361831031679</c:v>
                </c:pt>
                <c:pt idx="5329">
                  <c:v>16.945615957288442</c:v>
                </c:pt>
                <c:pt idx="5330">
                  <c:v>16.948968693431702</c:v>
                </c:pt>
                <c:pt idx="5331">
                  <c:v>16.952321429575136</c:v>
                </c:pt>
                <c:pt idx="5332">
                  <c:v>16.952321429575136</c:v>
                </c:pt>
                <c:pt idx="5333">
                  <c:v>16.955575555831899</c:v>
                </c:pt>
                <c:pt idx="5334">
                  <c:v>16.958928291975155</c:v>
                </c:pt>
                <c:pt idx="5335">
                  <c:v>16.958928291975155</c:v>
                </c:pt>
                <c:pt idx="5336">
                  <c:v>16.962281028118412</c:v>
                </c:pt>
                <c:pt idx="5337">
                  <c:v>16.965535154375171</c:v>
                </c:pt>
                <c:pt idx="5338">
                  <c:v>16.965535154375171</c:v>
                </c:pt>
                <c:pt idx="5339">
                  <c:v>16.968887890518605</c:v>
                </c:pt>
                <c:pt idx="5340">
                  <c:v>16.972240626661865</c:v>
                </c:pt>
                <c:pt idx="5341">
                  <c:v>16.972240626661865</c:v>
                </c:pt>
                <c:pt idx="5342">
                  <c:v>16.975494752918628</c:v>
                </c:pt>
                <c:pt idx="5343">
                  <c:v>16.978847489061884</c:v>
                </c:pt>
                <c:pt idx="5344">
                  <c:v>16.978847489061884</c:v>
                </c:pt>
                <c:pt idx="5345">
                  <c:v>16.98220022520514</c:v>
                </c:pt>
                <c:pt idx="5346">
                  <c:v>16.985454351461904</c:v>
                </c:pt>
                <c:pt idx="5347">
                  <c:v>16.985454351461904</c:v>
                </c:pt>
                <c:pt idx="5348">
                  <c:v>16.988807087605338</c:v>
                </c:pt>
                <c:pt idx="5349">
                  <c:v>16.992159823748594</c:v>
                </c:pt>
                <c:pt idx="5350">
                  <c:v>16.992159823748594</c:v>
                </c:pt>
                <c:pt idx="5351">
                  <c:v>16.995413950005357</c:v>
                </c:pt>
                <c:pt idx="5352">
                  <c:v>16.995413950005357</c:v>
                </c:pt>
                <c:pt idx="5353">
                  <c:v>16.998766686148617</c:v>
                </c:pt>
                <c:pt idx="5354">
                  <c:v>17.002119422292047</c:v>
                </c:pt>
                <c:pt idx="5355">
                  <c:v>17.002119422292047</c:v>
                </c:pt>
                <c:pt idx="5356">
                  <c:v>17.005373548548633</c:v>
                </c:pt>
                <c:pt idx="5357">
                  <c:v>17.005373548548633</c:v>
                </c:pt>
                <c:pt idx="5358">
                  <c:v>17.008726284692067</c:v>
                </c:pt>
                <c:pt idx="5359">
                  <c:v>17.012079020835323</c:v>
                </c:pt>
                <c:pt idx="5360">
                  <c:v>17.012079020835323</c:v>
                </c:pt>
                <c:pt idx="5361">
                  <c:v>17.015431756978582</c:v>
                </c:pt>
                <c:pt idx="5362">
                  <c:v>17.018685883235346</c:v>
                </c:pt>
                <c:pt idx="5363">
                  <c:v>17.018685883235346</c:v>
                </c:pt>
                <c:pt idx="5364">
                  <c:v>17.022038619378776</c:v>
                </c:pt>
                <c:pt idx="5365">
                  <c:v>17.025391355522032</c:v>
                </c:pt>
                <c:pt idx="5366">
                  <c:v>17.025391355522032</c:v>
                </c:pt>
                <c:pt idx="5367">
                  <c:v>17.028645481778796</c:v>
                </c:pt>
                <c:pt idx="5368">
                  <c:v>17.031998217922055</c:v>
                </c:pt>
                <c:pt idx="5369">
                  <c:v>17.035350954065489</c:v>
                </c:pt>
                <c:pt idx="5370">
                  <c:v>17.035350954065489</c:v>
                </c:pt>
                <c:pt idx="5371">
                  <c:v>17.038605080322075</c:v>
                </c:pt>
                <c:pt idx="5372">
                  <c:v>17.038605080322075</c:v>
                </c:pt>
                <c:pt idx="5373">
                  <c:v>17.041957816465505</c:v>
                </c:pt>
                <c:pt idx="5374">
                  <c:v>17.045310552608765</c:v>
                </c:pt>
                <c:pt idx="5375">
                  <c:v>17.048564678865528</c:v>
                </c:pt>
                <c:pt idx="5376">
                  <c:v>17.048564678865528</c:v>
                </c:pt>
                <c:pt idx="5377">
                  <c:v>17.051917415008784</c:v>
                </c:pt>
                <c:pt idx="5378">
                  <c:v>17.051917415008784</c:v>
                </c:pt>
                <c:pt idx="5379">
                  <c:v>17.055270151152218</c:v>
                </c:pt>
                <c:pt idx="5380">
                  <c:v>17.058524277408981</c:v>
                </c:pt>
                <c:pt idx="5381">
                  <c:v>17.058524277408981</c:v>
                </c:pt>
                <c:pt idx="5382">
                  <c:v>17.061877013552234</c:v>
                </c:pt>
                <c:pt idx="5383">
                  <c:v>17.061877013552234</c:v>
                </c:pt>
                <c:pt idx="5384">
                  <c:v>17.065229749695494</c:v>
                </c:pt>
                <c:pt idx="5385">
                  <c:v>17.065229749695494</c:v>
                </c:pt>
                <c:pt idx="5386">
                  <c:v>17.068483875952257</c:v>
                </c:pt>
                <c:pt idx="5387">
                  <c:v>17.071836612095513</c:v>
                </c:pt>
                <c:pt idx="5388">
                  <c:v>17.071836612095513</c:v>
                </c:pt>
                <c:pt idx="5389">
                  <c:v>17.075189348238947</c:v>
                </c:pt>
                <c:pt idx="5390">
                  <c:v>17.075189348238947</c:v>
                </c:pt>
                <c:pt idx="5391">
                  <c:v>17.07844347449571</c:v>
                </c:pt>
                <c:pt idx="5392">
                  <c:v>17.07844347449571</c:v>
                </c:pt>
                <c:pt idx="5393">
                  <c:v>17.081796210638966</c:v>
                </c:pt>
                <c:pt idx="5394">
                  <c:v>17.085148946782223</c:v>
                </c:pt>
                <c:pt idx="5395">
                  <c:v>17.085148946782223</c:v>
                </c:pt>
                <c:pt idx="5396">
                  <c:v>17.088403073038986</c:v>
                </c:pt>
                <c:pt idx="5397">
                  <c:v>17.088403073038986</c:v>
                </c:pt>
                <c:pt idx="5398">
                  <c:v>17.09175580918242</c:v>
                </c:pt>
                <c:pt idx="5399">
                  <c:v>17.09175580918242</c:v>
                </c:pt>
                <c:pt idx="5400">
                  <c:v>17.095108545325676</c:v>
                </c:pt>
                <c:pt idx="5401">
                  <c:v>17.095108545325676</c:v>
                </c:pt>
                <c:pt idx="5402">
                  <c:v>17.098362671582439</c:v>
                </c:pt>
                <c:pt idx="5403">
                  <c:v>17.098362671582439</c:v>
                </c:pt>
                <c:pt idx="5404">
                  <c:v>17.101715407725695</c:v>
                </c:pt>
                <c:pt idx="5405">
                  <c:v>17.101715407725695</c:v>
                </c:pt>
                <c:pt idx="5406">
                  <c:v>17.105068143868952</c:v>
                </c:pt>
                <c:pt idx="5407">
                  <c:v>17.108322270125715</c:v>
                </c:pt>
                <c:pt idx="5408">
                  <c:v>17.108322270125715</c:v>
                </c:pt>
                <c:pt idx="5409">
                  <c:v>17.111675006269149</c:v>
                </c:pt>
                <c:pt idx="5410">
                  <c:v>17.115027742412408</c:v>
                </c:pt>
                <c:pt idx="5411">
                  <c:v>17.115027742412408</c:v>
                </c:pt>
                <c:pt idx="5412">
                  <c:v>17.118281868669172</c:v>
                </c:pt>
                <c:pt idx="5413">
                  <c:v>17.118281868669172</c:v>
                </c:pt>
                <c:pt idx="5414">
                  <c:v>17.121634604812424</c:v>
                </c:pt>
                <c:pt idx="5415">
                  <c:v>17.124987340955858</c:v>
                </c:pt>
                <c:pt idx="5416">
                  <c:v>17.124987340955858</c:v>
                </c:pt>
                <c:pt idx="5417">
                  <c:v>17.128241467212447</c:v>
                </c:pt>
                <c:pt idx="5418">
                  <c:v>17.128241467212447</c:v>
                </c:pt>
                <c:pt idx="5419">
                  <c:v>17.131594203355881</c:v>
                </c:pt>
                <c:pt idx="5420">
                  <c:v>17.131594203355881</c:v>
                </c:pt>
                <c:pt idx="5421">
                  <c:v>17.134946939499137</c:v>
                </c:pt>
                <c:pt idx="5422">
                  <c:v>17.138299675642394</c:v>
                </c:pt>
                <c:pt idx="5423">
                  <c:v>17.141553801899153</c:v>
                </c:pt>
                <c:pt idx="5424">
                  <c:v>17.141553801899153</c:v>
                </c:pt>
                <c:pt idx="5425">
                  <c:v>17.144906538042587</c:v>
                </c:pt>
                <c:pt idx="5426">
                  <c:v>17.148259274185847</c:v>
                </c:pt>
                <c:pt idx="5427">
                  <c:v>17.148259274185847</c:v>
                </c:pt>
                <c:pt idx="5428">
                  <c:v>17.15151340044261</c:v>
                </c:pt>
                <c:pt idx="5429">
                  <c:v>17.154866136585866</c:v>
                </c:pt>
                <c:pt idx="5430">
                  <c:v>17.154866136585866</c:v>
                </c:pt>
                <c:pt idx="5431">
                  <c:v>17.158218872729126</c:v>
                </c:pt>
                <c:pt idx="5432">
                  <c:v>17.161472998985886</c:v>
                </c:pt>
                <c:pt idx="5433">
                  <c:v>17.161472998985886</c:v>
                </c:pt>
                <c:pt idx="5434">
                  <c:v>17.16482573512932</c:v>
                </c:pt>
                <c:pt idx="5435">
                  <c:v>17.16482573512932</c:v>
                </c:pt>
                <c:pt idx="5436">
                  <c:v>17.168178471272576</c:v>
                </c:pt>
                <c:pt idx="5437">
                  <c:v>17.171432597529339</c:v>
                </c:pt>
                <c:pt idx="5438">
                  <c:v>17.171432597529339</c:v>
                </c:pt>
                <c:pt idx="5439">
                  <c:v>17.174785333672599</c:v>
                </c:pt>
                <c:pt idx="5440">
                  <c:v>17.178138069816029</c:v>
                </c:pt>
                <c:pt idx="5441">
                  <c:v>17.178138069816029</c:v>
                </c:pt>
                <c:pt idx="5442">
                  <c:v>17.181392196072618</c:v>
                </c:pt>
                <c:pt idx="5443">
                  <c:v>17.181392196072618</c:v>
                </c:pt>
                <c:pt idx="5444">
                  <c:v>17.184744932216049</c:v>
                </c:pt>
                <c:pt idx="5445">
                  <c:v>17.188097668359305</c:v>
                </c:pt>
                <c:pt idx="5446">
                  <c:v>17.191351794616068</c:v>
                </c:pt>
                <c:pt idx="5447">
                  <c:v>17.191351794616068</c:v>
                </c:pt>
                <c:pt idx="5448">
                  <c:v>17.194704530759328</c:v>
                </c:pt>
                <c:pt idx="5449">
                  <c:v>17.198057266902758</c:v>
                </c:pt>
                <c:pt idx="5450">
                  <c:v>17.198057266902758</c:v>
                </c:pt>
                <c:pt idx="5451">
                  <c:v>17.201311393159521</c:v>
                </c:pt>
                <c:pt idx="5452">
                  <c:v>17.204664129302778</c:v>
                </c:pt>
                <c:pt idx="5453">
                  <c:v>17.208016865446037</c:v>
                </c:pt>
                <c:pt idx="5454">
                  <c:v>17.211270991702801</c:v>
                </c:pt>
                <c:pt idx="5455">
                  <c:v>17.211270991702801</c:v>
                </c:pt>
                <c:pt idx="5456">
                  <c:v>17.214623727846057</c:v>
                </c:pt>
                <c:pt idx="5457">
                  <c:v>17.214623727846057</c:v>
                </c:pt>
                <c:pt idx="5458">
                  <c:v>17.217976463989487</c:v>
                </c:pt>
                <c:pt idx="5459">
                  <c:v>17.22123059024625</c:v>
                </c:pt>
                <c:pt idx="5460">
                  <c:v>17.22123059024625</c:v>
                </c:pt>
                <c:pt idx="5461">
                  <c:v>17.224583326389507</c:v>
                </c:pt>
                <c:pt idx="5462">
                  <c:v>17.227936062532766</c:v>
                </c:pt>
                <c:pt idx="5463">
                  <c:v>17.227936062532766</c:v>
                </c:pt>
                <c:pt idx="5464">
                  <c:v>17.23119018878953</c:v>
                </c:pt>
                <c:pt idx="5465">
                  <c:v>17.234542924932963</c:v>
                </c:pt>
                <c:pt idx="5466">
                  <c:v>17.234542924932963</c:v>
                </c:pt>
                <c:pt idx="5467">
                  <c:v>17.237895661076216</c:v>
                </c:pt>
                <c:pt idx="5468">
                  <c:v>17.237895661076216</c:v>
                </c:pt>
                <c:pt idx="5469">
                  <c:v>17.241149787332979</c:v>
                </c:pt>
                <c:pt idx="5470">
                  <c:v>17.241149787332979</c:v>
                </c:pt>
                <c:pt idx="5471">
                  <c:v>17.244502523476239</c:v>
                </c:pt>
                <c:pt idx="5472">
                  <c:v>17.244502523476239</c:v>
                </c:pt>
                <c:pt idx="5473">
                  <c:v>17.247855259619495</c:v>
                </c:pt>
                <c:pt idx="5474">
                  <c:v>17.247855259619495</c:v>
                </c:pt>
                <c:pt idx="5475">
                  <c:v>17.251109385876259</c:v>
                </c:pt>
                <c:pt idx="5476">
                  <c:v>17.251109385876259</c:v>
                </c:pt>
                <c:pt idx="5477">
                  <c:v>17.254462122019692</c:v>
                </c:pt>
                <c:pt idx="5478">
                  <c:v>17.254462122019692</c:v>
                </c:pt>
                <c:pt idx="5479">
                  <c:v>17.257814858162948</c:v>
                </c:pt>
                <c:pt idx="5480">
                  <c:v>17.261068984419712</c:v>
                </c:pt>
                <c:pt idx="5481">
                  <c:v>17.261068984419712</c:v>
                </c:pt>
                <c:pt idx="5482">
                  <c:v>17.264421720562968</c:v>
                </c:pt>
                <c:pt idx="5483">
                  <c:v>17.267774456706402</c:v>
                </c:pt>
                <c:pt idx="5484">
                  <c:v>17.267774456706402</c:v>
                </c:pt>
                <c:pt idx="5485">
                  <c:v>17.271127192849658</c:v>
                </c:pt>
                <c:pt idx="5486">
                  <c:v>17.274381319106421</c:v>
                </c:pt>
                <c:pt idx="5487">
                  <c:v>17.274381319106421</c:v>
                </c:pt>
                <c:pt idx="5488">
                  <c:v>17.277734055249681</c:v>
                </c:pt>
                <c:pt idx="5489">
                  <c:v>17.281086791392934</c:v>
                </c:pt>
                <c:pt idx="5490">
                  <c:v>17.281086791392934</c:v>
                </c:pt>
                <c:pt idx="5491">
                  <c:v>17.284340917649697</c:v>
                </c:pt>
                <c:pt idx="5492">
                  <c:v>17.287693653793131</c:v>
                </c:pt>
                <c:pt idx="5493">
                  <c:v>17.287693653793131</c:v>
                </c:pt>
                <c:pt idx="5494">
                  <c:v>17.29104638993639</c:v>
                </c:pt>
                <c:pt idx="5495">
                  <c:v>17.29104638993639</c:v>
                </c:pt>
                <c:pt idx="5496">
                  <c:v>17.294300516193154</c:v>
                </c:pt>
                <c:pt idx="5497">
                  <c:v>17.29765325233641</c:v>
                </c:pt>
                <c:pt idx="5498">
                  <c:v>17.30100598847984</c:v>
                </c:pt>
                <c:pt idx="5499">
                  <c:v>17.30100598847984</c:v>
                </c:pt>
                <c:pt idx="5500">
                  <c:v>17.304260114736429</c:v>
                </c:pt>
                <c:pt idx="5501">
                  <c:v>17.30761285087986</c:v>
                </c:pt>
                <c:pt idx="5502">
                  <c:v>17.30761285087986</c:v>
                </c:pt>
                <c:pt idx="5503">
                  <c:v>17.310965587023119</c:v>
                </c:pt>
                <c:pt idx="5504">
                  <c:v>17.310965587023119</c:v>
                </c:pt>
                <c:pt idx="5505">
                  <c:v>17.314219713279883</c:v>
                </c:pt>
                <c:pt idx="5506">
                  <c:v>17.317572449423139</c:v>
                </c:pt>
                <c:pt idx="5507">
                  <c:v>17.317572449423139</c:v>
                </c:pt>
                <c:pt idx="5508">
                  <c:v>17.320925185566569</c:v>
                </c:pt>
                <c:pt idx="5509">
                  <c:v>17.320925185566569</c:v>
                </c:pt>
                <c:pt idx="5510">
                  <c:v>17.324179311823332</c:v>
                </c:pt>
                <c:pt idx="5511">
                  <c:v>17.324179311823332</c:v>
                </c:pt>
                <c:pt idx="5512">
                  <c:v>17.327532047966592</c:v>
                </c:pt>
                <c:pt idx="5513">
                  <c:v>17.327532047966592</c:v>
                </c:pt>
                <c:pt idx="5514">
                  <c:v>17.330884784109848</c:v>
                </c:pt>
                <c:pt idx="5515">
                  <c:v>17.330884784109848</c:v>
                </c:pt>
                <c:pt idx="5516">
                  <c:v>17.334138910366612</c:v>
                </c:pt>
                <c:pt idx="5517">
                  <c:v>17.337491646509871</c:v>
                </c:pt>
                <c:pt idx="5518">
                  <c:v>17.337491646509871</c:v>
                </c:pt>
                <c:pt idx="5519">
                  <c:v>17.340844382653302</c:v>
                </c:pt>
                <c:pt idx="5520">
                  <c:v>17.344098508910065</c:v>
                </c:pt>
                <c:pt idx="5521">
                  <c:v>17.344098508910065</c:v>
                </c:pt>
                <c:pt idx="5522">
                  <c:v>17.347451245053321</c:v>
                </c:pt>
                <c:pt idx="5523">
                  <c:v>17.350803981196581</c:v>
                </c:pt>
                <c:pt idx="5524">
                  <c:v>17.350803981196581</c:v>
                </c:pt>
                <c:pt idx="5525">
                  <c:v>17.354058107453341</c:v>
                </c:pt>
                <c:pt idx="5526">
                  <c:v>17.354058107453341</c:v>
                </c:pt>
                <c:pt idx="5527">
                  <c:v>17.357410843596771</c:v>
                </c:pt>
                <c:pt idx="5528">
                  <c:v>17.357410843596771</c:v>
                </c:pt>
                <c:pt idx="5529">
                  <c:v>17.360763579740031</c:v>
                </c:pt>
                <c:pt idx="5530">
                  <c:v>17.360763579740031</c:v>
                </c:pt>
                <c:pt idx="5531">
                  <c:v>17.364017705996794</c:v>
                </c:pt>
                <c:pt idx="5532">
                  <c:v>17.364017705996794</c:v>
                </c:pt>
                <c:pt idx="5533">
                  <c:v>17.36737044214005</c:v>
                </c:pt>
                <c:pt idx="5534">
                  <c:v>17.36737044214005</c:v>
                </c:pt>
                <c:pt idx="5535">
                  <c:v>17.37072317828331</c:v>
                </c:pt>
                <c:pt idx="5536">
                  <c:v>17.373977304540073</c:v>
                </c:pt>
                <c:pt idx="5537">
                  <c:v>17.373977304540073</c:v>
                </c:pt>
                <c:pt idx="5538">
                  <c:v>17.377330040683503</c:v>
                </c:pt>
                <c:pt idx="5539">
                  <c:v>17.377330040683503</c:v>
                </c:pt>
                <c:pt idx="5540">
                  <c:v>17.38068277682676</c:v>
                </c:pt>
                <c:pt idx="5541">
                  <c:v>17.38068277682676</c:v>
                </c:pt>
                <c:pt idx="5542">
                  <c:v>17.383936903083523</c:v>
                </c:pt>
                <c:pt idx="5543">
                  <c:v>17.387289639226783</c:v>
                </c:pt>
                <c:pt idx="5544">
                  <c:v>17.387289639226783</c:v>
                </c:pt>
                <c:pt idx="5545">
                  <c:v>17.390642375370216</c:v>
                </c:pt>
                <c:pt idx="5546">
                  <c:v>17.390642375370216</c:v>
                </c:pt>
                <c:pt idx="5547">
                  <c:v>17.393896501626802</c:v>
                </c:pt>
                <c:pt idx="5548">
                  <c:v>17.397249237770232</c:v>
                </c:pt>
                <c:pt idx="5549">
                  <c:v>17.397249237770232</c:v>
                </c:pt>
                <c:pt idx="5550">
                  <c:v>17.400601973913489</c:v>
                </c:pt>
                <c:pt idx="5551">
                  <c:v>17.403954710056748</c:v>
                </c:pt>
                <c:pt idx="5552">
                  <c:v>17.407208836313512</c:v>
                </c:pt>
                <c:pt idx="5553">
                  <c:v>17.410561572456945</c:v>
                </c:pt>
                <c:pt idx="5554">
                  <c:v>17.410561572456945</c:v>
                </c:pt>
                <c:pt idx="5555">
                  <c:v>17.413914308600202</c:v>
                </c:pt>
                <c:pt idx="5556">
                  <c:v>17.417168434856965</c:v>
                </c:pt>
                <c:pt idx="5557">
                  <c:v>17.417168434856965</c:v>
                </c:pt>
                <c:pt idx="5558">
                  <c:v>17.420521171000221</c:v>
                </c:pt>
                <c:pt idx="5559">
                  <c:v>17.423873907143477</c:v>
                </c:pt>
                <c:pt idx="5560">
                  <c:v>17.423873907143477</c:v>
                </c:pt>
                <c:pt idx="5561">
                  <c:v>17.427128033400241</c:v>
                </c:pt>
                <c:pt idx="5562">
                  <c:v>17.430480769543674</c:v>
                </c:pt>
                <c:pt idx="5563">
                  <c:v>17.433833505686934</c:v>
                </c:pt>
                <c:pt idx="5564">
                  <c:v>17.433833505686934</c:v>
                </c:pt>
                <c:pt idx="5565">
                  <c:v>17.437087631943694</c:v>
                </c:pt>
                <c:pt idx="5566">
                  <c:v>17.44044036808695</c:v>
                </c:pt>
                <c:pt idx="5567">
                  <c:v>17.44044036808695</c:v>
                </c:pt>
                <c:pt idx="5568">
                  <c:v>17.443793104230384</c:v>
                </c:pt>
                <c:pt idx="5569">
                  <c:v>17.443793104230384</c:v>
                </c:pt>
                <c:pt idx="5570">
                  <c:v>17.447047230487147</c:v>
                </c:pt>
                <c:pt idx="5571">
                  <c:v>17.447047230487147</c:v>
                </c:pt>
                <c:pt idx="5572">
                  <c:v>17.450399966630403</c:v>
                </c:pt>
                <c:pt idx="5573">
                  <c:v>17.450399966630403</c:v>
                </c:pt>
                <c:pt idx="5574">
                  <c:v>17.453752702773663</c:v>
                </c:pt>
                <c:pt idx="5575">
                  <c:v>17.453752702773663</c:v>
                </c:pt>
                <c:pt idx="5576">
                  <c:v>17.457006829030426</c:v>
                </c:pt>
                <c:pt idx="5577">
                  <c:v>17.457006829030426</c:v>
                </c:pt>
                <c:pt idx="5578">
                  <c:v>17.460359565173679</c:v>
                </c:pt>
                <c:pt idx="5579">
                  <c:v>17.460359565173679</c:v>
                </c:pt>
                <c:pt idx="5580">
                  <c:v>17.463712301317113</c:v>
                </c:pt>
                <c:pt idx="5581">
                  <c:v>17.463712301317113</c:v>
                </c:pt>
                <c:pt idx="5582">
                  <c:v>17.466966427573876</c:v>
                </c:pt>
                <c:pt idx="5583">
                  <c:v>17.470319163717136</c:v>
                </c:pt>
                <c:pt idx="5584">
                  <c:v>17.470319163717136</c:v>
                </c:pt>
                <c:pt idx="5585">
                  <c:v>17.473671899860392</c:v>
                </c:pt>
                <c:pt idx="5586">
                  <c:v>17.476926026117155</c:v>
                </c:pt>
                <c:pt idx="5587">
                  <c:v>17.476926026117155</c:v>
                </c:pt>
                <c:pt idx="5588">
                  <c:v>17.480278762260408</c:v>
                </c:pt>
                <c:pt idx="5589">
                  <c:v>17.483631498403842</c:v>
                </c:pt>
                <c:pt idx="5590">
                  <c:v>17.483631498403842</c:v>
                </c:pt>
                <c:pt idx="5591">
                  <c:v>17.486885624660605</c:v>
                </c:pt>
                <c:pt idx="5592">
                  <c:v>17.490238360803865</c:v>
                </c:pt>
                <c:pt idx="5593">
                  <c:v>17.490238360803865</c:v>
                </c:pt>
                <c:pt idx="5594">
                  <c:v>17.493591096947121</c:v>
                </c:pt>
                <c:pt idx="5595">
                  <c:v>17.496845223203884</c:v>
                </c:pt>
                <c:pt idx="5596">
                  <c:v>17.500197959347314</c:v>
                </c:pt>
                <c:pt idx="5597">
                  <c:v>17.500197959347314</c:v>
                </c:pt>
                <c:pt idx="5598">
                  <c:v>17.503550695490574</c:v>
                </c:pt>
                <c:pt idx="5599">
                  <c:v>17.506804821747338</c:v>
                </c:pt>
                <c:pt idx="5600">
                  <c:v>17.510157557890594</c:v>
                </c:pt>
                <c:pt idx="5601">
                  <c:v>17.510157557890594</c:v>
                </c:pt>
                <c:pt idx="5602">
                  <c:v>17.513510294033853</c:v>
                </c:pt>
                <c:pt idx="5603">
                  <c:v>17.516764420290617</c:v>
                </c:pt>
                <c:pt idx="5604">
                  <c:v>17.516764420290617</c:v>
                </c:pt>
                <c:pt idx="5605">
                  <c:v>17.520117156434047</c:v>
                </c:pt>
                <c:pt idx="5606">
                  <c:v>17.520117156434047</c:v>
                </c:pt>
                <c:pt idx="5607">
                  <c:v>17.523469892577303</c:v>
                </c:pt>
                <c:pt idx="5608">
                  <c:v>17.526822628720559</c:v>
                </c:pt>
                <c:pt idx="5609">
                  <c:v>17.530076754977323</c:v>
                </c:pt>
                <c:pt idx="5610">
                  <c:v>17.530076754977323</c:v>
                </c:pt>
                <c:pt idx="5611">
                  <c:v>17.533429491120756</c:v>
                </c:pt>
                <c:pt idx="5612">
                  <c:v>17.536782227264013</c:v>
                </c:pt>
                <c:pt idx="5613">
                  <c:v>17.536782227264013</c:v>
                </c:pt>
                <c:pt idx="5614">
                  <c:v>17.540036353520776</c:v>
                </c:pt>
                <c:pt idx="5615">
                  <c:v>17.543389089664032</c:v>
                </c:pt>
                <c:pt idx="5616">
                  <c:v>17.543389089664032</c:v>
                </c:pt>
                <c:pt idx="5617">
                  <c:v>17.546741825807292</c:v>
                </c:pt>
                <c:pt idx="5618">
                  <c:v>17.546741825807292</c:v>
                </c:pt>
                <c:pt idx="5619">
                  <c:v>17.549995952064055</c:v>
                </c:pt>
                <c:pt idx="5620">
                  <c:v>17.553348688207489</c:v>
                </c:pt>
                <c:pt idx="5621">
                  <c:v>17.553348688207489</c:v>
                </c:pt>
                <c:pt idx="5622">
                  <c:v>17.556701424350742</c:v>
                </c:pt>
                <c:pt idx="5623">
                  <c:v>17.556701424350742</c:v>
                </c:pt>
                <c:pt idx="5624">
                  <c:v>17.559955550607505</c:v>
                </c:pt>
                <c:pt idx="5625">
                  <c:v>17.563308286750765</c:v>
                </c:pt>
                <c:pt idx="5626">
                  <c:v>17.563308286750765</c:v>
                </c:pt>
                <c:pt idx="5627">
                  <c:v>17.566661022894195</c:v>
                </c:pt>
                <c:pt idx="5628">
                  <c:v>17.569915149150784</c:v>
                </c:pt>
                <c:pt idx="5629">
                  <c:v>17.569915149150784</c:v>
                </c:pt>
                <c:pt idx="5630">
                  <c:v>17.573267885294218</c:v>
                </c:pt>
                <c:pt idx="5631">
                  <c:v>17.576620621437471</c:v>
                </c:pt>
                <c:pt idx="5632">
                  <c:v>17.576620621437471</c:v>
                </c:pt>
                <c:pt idx="5633">
                  <c:v>17.579874747694234</c:v>
                </c:pt>
                <c:pt idx="5634">
                  <c:v>17.579874747694234</c:v>
                </c:pt>
                <c:pt idx="5635">
                  <c:v>17.579874747694234</c:v>
                </c:pt>
                <c:pt idx="5636">
                  <c:v>17.583227483837494</c:v>
                </c:pt>
                <c:pt idx="5637">
                  <c:v>17.583227483837494</c:v>
                </c:pt>
                <c:pt idx="5638">
                  <c:v>17.586580219980927</c:v>
                </c:pt>
                <c:pt idx="5639">
                  <c:v>17.586580219980927</c:v>
                </c:pt>
                <c:pt idx="5640">
                  <c:v>17.589834346237691</c:v>
                </c:pt>
                <c:pt idx="5641">
                  <c:v>17.589834346237691</c:v>
                </c:pt>
                <c:pt idx="5642">
                  <c:v>17.593187082380947</c:v>
                </c:pt>
                <c:pt idx="5643">
                  <c:v>17.596539818524203</c:v>
                </c:pt>
                <c:pt idx="5644">
                  <c:v>17.599793944780966</c:v>
                </c:pt>
                <c:pt idx="5645">
                  <c:v>17.599793944780966</c:v>
                </c:pt>
                <c:pt idx="5646">
                  <c:v>17.603146680924223</c:v>
                </c:pt>
                <c:pt idx="5647">
                  <c:v>17.606499417067656</c:v>
                </c:pt>
                <c:pt idx="5648">
                  <c:v>17.606499417067656</c:v>
                </c:pt>
                <c:pt idx="5649">
                  <c:v>17.60975354332442</c:v>
                </c:pt>
                <c:pt idx="5650">
                  <c:v>17.613106279467676</c:v>
                </c:pt>
                <c:pt idx="5651">
                  <c:v>17.613106279467676</c:v>
                </c:pt>
                <c:pt idx="5652">
                  <c:v>17.616459015610932</c:v>
                </c:pt>
                <c:pt idx="5653">
                  <c:v>17.616459015610932</c:v>
                </c:pt>
                <c:pt idx="5654">
                  <c:v>17.619713141867695</c:v>
                </c:pt>
                <c:pt idx="5655">
                  <c:v>17.623065878011129</c:v>
                </c:pt>
                <c:pt idx="5656">
                  <c:v>17.623065878011129</c:v>
                </c:pt>
                <c:pt idx="5657">
                  <c:v>17.626418614154385</c:v>
                </c:pt>
                <c:pt idx="5658">
                  <c:v>17.629672740411149</c:v>
                </c:pt>
                <c:pt idx="5659">
                  <c:v>17.629672740411149</c:v>
                </c:pt>
                <c:pt idx="5660">
                  <c:v>17.633025476554408</c:v>
                </c:pt>
                <c:pt idx="5661">
                  <c:v>17.636378212697664</c:v>
                </c:pt>
                <c:pt idx="5662">
                  <c:v>17.639632338954424</c:v>
                </c:pt>
                <c:pt idx="5663">
                  <c:v>17.639632338954424</c:v>
                </c:pt>
                <c:pt idx="5664">
                  <c:v>17.642985075097858</c:v>
                </c:pt>
                <c:pt idx="5665">
                  <c:v>17.646337811241118</c:v>
                </c:pt>
                <c:pt idx="5666">
                  <c:v>17.646337811241118</c:v>
                </c:pt>
                <c:pt idx="5667">
                  <c:v>17.649591937497881</c:v>
                </c:pt>
                <c:pt idx="5668">
                  <c:v>17.649591937497881</c:v>
                </c:pt>
                <c:pt idx="5669">
                  <c:v>17.652944673641137</c:v>
                </c:pt>
                <c:pt idx="5670">
                  <c:v>17.652944673641137</c:v>
                </c:pt>
                <c:pt idx="5671">
                  <c:v>17.656297409784568</c:v>
                </c:pt>
                <c:pt idx="5672">
                  <c:v>17.656297409784568</c:v>
                </c:pt>
                <c:pt idx="5673">
                  <c:v>17.656297409784568</c:v>
                </c:pt>
                <c:pt idx="5674">
                  <c:v>17.659650145927824</c:v>
                </c:pt>
                <c:pt idx="5675">
                  <c:v>17.659650145927824</c:v>
                </c:pt>
                <c:pt idx="5676">
                  <c:v>17.662904272184587</c:v>
                </c:pt>
                <c:pt idx="5677">
                  <c:v>17.662904272184587</c:v>
                </c:pt>
                <c:pt idx="5678">
                  <c:v>17.666257008327847</c:v>
                </c:pt>
                <c:pt idx="5679">
                  <c:v>17.666257008327847</c:v>
                </c:pt>
                <c:pt idx="5680">
                  <c:v>17.669609744471103</c:v>
                </c:pt>
                <c:pt idx="5681">
                  <c:v>17.669609744471103</c:v>
                </c:pt>
                <c:pt idx="5682">
                  <c:v>17.669609744471103</c:v>
                </c:pt>
                <c:pt idx="5683">
                  <c:v>17.672863870727866</c:v>
                </c:pt>
                <c:pt idx="5684">
                  <c:v>17.672863870727866</c:v>
                </c:pt>
                <c:pt idx="5685">
                  <c:v>17.676216606871296</c:v>
                </c:pt>
                <c:pt idx="5686">
                  <c:v>17.676216606871296</c:v>
                </c:pt>
                <c:pt idx="5687">
                  <c:v>17.679569343014556</c:v>
                </c:pt>
                <c:pt idx="5688">
                  <c:v>17.679569343014556</c:v>
                </c:pt>
                <c:pt idx="5689">
                  <c:v>17.679569343014556</c:v>
                </c:pt>
                <c:pt idx="5690">
                  <c:v>17.68282346927132</c:v>
                </c:pt>
                <c:pt idx="5691">
                  <c:v>17.68282346927132</c:v>
                </c:pt>
                <c:pt idx="5692">
                  <c:v>17.686176205414576</c:v>
                </c:pt>
                <c:pt idx="5693">
                  <c:v>17.686176205414576</c:v>
                </c:pt>
                <c:pt idx="5694">
                  <c:v>17.689528941558009</c:v>
                </c:pt>
                <c:pt idx="5695">
                  <c:v>17.689528941558009</c:v>
                </c:pt>
                <c:pt idx="5696">
                  <c:v>17.692783067814599</c:v>
                </c:pt>
                <c:pt idx="5697">
                  <c:v>17.692783067814599</c:v>
                </c:pt>
                <c:pt idx="5698">
                  <c:v>17.696135803958025</c:v>
                </c:pt>
                <c:pt idx="5699">
                  <c:v>17.699488540101285</c:v>
                </c:pt>
                <c:pt idx="5700">
                  <c:v>17.699488540101285</c:v>
                </c:pt>
                <c:pt idx="5701">
                  <c:v>17.702742666358048</c:v>
                </c:pt>
                <c:pt idx="5702">
                  <c:v>17.702742666358048</c:v>
                </c:pt>
                <c:pt idx="5703">
                  <c:v>17.706095402501305</c:v>
                </c:pt>
                <c:pt idx="5704">
                  <c:v>17.706095402501305</c:v>
                </c:pt>
                <c:pt idx="5705">
                  <c:v>17.709448138644738</c:v>
                </c:pt>
                <c:pt idx="5706">
                  <c:v>17.712702264901502</c:v>
                </c:pt>
                <c:pt idx="5707">
                  <c:v>17.712702264901502</c:v>
                </c:pt>
                <c:pt idx="5708">
                  <c:v>17.716055001044758</c:v>
                </c:pt>
                <c:pt idx="5709">
                  <c:v>17.719407737188014</c:v>
                </c:pt>
                <c:pt idx="5710">
                  <c:v>17.719407737188014</c:v>
                </c:pt>
                <c:pt idx="5711">
                  <c:v>17.722661863444777</c:v>
                </c:pt>
                <c:pt idx="5712">
                  <c:v>17.722661863444777</c:v>
                </c:pt>
                <c:pt idx="5713">
                  <c:v>17.726014599588037</c:v>
                </c:pt>
                <c:pt idx="5714">
                  <c:v>17.729367335731471</c:v>
                </c:pt>
                <c:pt idx="5715">
                  <c:v>17.729367335731471</c:v>
                </c:pt>
                <c:pt idx="5716">
                  <c:v>17.732621461988234</c:v>
                </c:pt>
                <c:pt idx="5717">
                  <c:v>17.735974198131487</c:v>
                </c:pt>
                <c:pt idx="5718">
                  <c:v>17.735974198131487</c:v>
                </c:pt>
                <c:pt idx="5719">
                  <c:v>17.739326934274743</c:v>
                </c:pt>
                <c:pt idx="5720">
                  <c:v>17.739326934274743</c:v>
                </c:pt>
                <c:pt idx="5721">
                  <c:v>17.742581060531506</c:v>
                </c:pt>
                <c:pt idx="5722">
                  <c:v>17.742581060531506</c:v>
                </c:pt>
                <c:pt idx="5723">
                  <c:v>17.74593379667494</c:v>
                </c:pt>
                <c:pt idx="5724">
                  <c:v>17.7492865328182</c:v>
                </c:pt>
                <c:pt idx="5725">
                  <c:v>17.7492865328182</c:v>
                </c:pt>
                <c:pt idx="5726">
                  <c:v>17.752540659074963</c:v>
                </c:pt>
                <c:pt idx="5727">
                  <c:v>17.752540659074963</c:v>
                </c:pt>
                <c:pt idx="5728">
                  <c:v>17.755893395218216</c:v>
                </c:pt>
                <c:pt idx="5729">
                  <c:v>17.755893395218216</c:v>
                </c:pt>
                <c:pt idx="5730">
                  <c:v>17.759246131361476</c:v>
                </c:pt>
                <c:pt idx="5731">
                  <c:v>17.759246131361476</c:v>
                </c:pt>
                <c:pt idx="5732">
                  <c:v>17.762500257618239</c:v>
                </c:pt>
                <c:pt idx="5733">
                  <c:v>17.762500257618239</c:v>
                </c:pt>
                <c:pt idx="5734">
                  <c:v>17.765852993761673</c:v>
                </c:pt>
                <c:pt idx="5735">
                  <c:v>17.765852993761673</c:v>
                </c:pt>
                <c:pt idx="5736">
                  <c:v>17.769205729904929</c:v>
                </c:pt>
                <c:pt idx="5737">
                  <c:v>17.769205729904929</c:v>
                </c:pt>
                <c:pt idx="5738">
                  <c:v>17.772459856161692</c:v>
                </c:pt>
                <c:pt idx="5739">
                  <c:v>17.775812592304948</c:v>
                </c:pt>
                <c:pt idx="5740">
                  <c:v>17.775812592304948</c:v>
                </c:pt>
                <c:pt idx="5741">
                  <c:v>17.779165328448205</c:v>
                </c:pt>
                <c:pt idx="5742">
                  <c:v>17.782518064591638</c:v>
                </c:pt>
                <c:pt idx="5743">
                  <c:v>17.782518064591638</c:v>
                </c:pt>
                <c:pt idx="5744">
                  <c:v>17.785772190848402</c:v>
                </c:pt>
                <c:pt idx="5745">
                  <c:v>17.789124926991658</c:v>
                </c:pt>
                <c:pt idx="5746">
                  <c:v>17.789124926991658</c:v>
                </c:pt>
                <c:pt idx="5747">
                  <c:v>17.792477663134918</c:v>
                </c:pt>
                <c:pt idx="5748">
                  <c:v>17.792477663134918</c:v>
                </c:pt>
                <c:pt idx="5749">
                  <c:v>17.795731789391681</c:v>
                </c:pt>
                <c:pt idx="5750">
                  <c:v>17.799084525535111</c:v>
                </c:pt>
                <c:pt idx="5751">
                  <c:v>17.799084525535111</c:v>
                </c:pt>
                <c:pt idx="5752">
                  <c:v>17.802437261678367</c:v>
                </c:pt>
                <c:pt idx="5753">
                  <c:v>17.802437261678367</c:v>
                </c:pt>
                <c:pt idx="5754">
                  <c:v>17.805691387935131</c:v>
                </c:pt>
                <c:pt idx="5755">
                  <c:v>17.80904412407839</c:v>
                </c:pt>
                <c:pt idx="5756">
                  <c:v>17.812396860221646</c:v>
                </c:pt>
                <c:pt idx="5757">
                  <c:v>17.812396860221646</c:v>
                </c:pt>
                <c:pt idx="5758">
                  <c:v>17.81565098647841</c:v>
                </c:pt>
                <c:pt idx="5759">
                  <c:v>17.81900372262184</c:v>
                </c:pt>
                <c:pt idx="5760">
                  <c:v>17.81900372262184</c:v>
                </c:pt>
                <c:pt idx="5761">
                  <c:v>17.8223564587651</c:v>
                </c:pt>
                <c:pt idx="5762">
                  <c:v>17.82561058502186</c:v>
                </c:pt>
                <c:pt idx="5763">
                  <c:v>17.82561058502186</c:v>
                </c:pt>
                <c:pt idx="5764">
                  <c:v>17.828963321165119</c:v>
                </c:pt>
                <c:pt idx="5765">
                  <c:v>17.828963321165119</c:v>
                </c:pt>
                <c:pt idx="5766">
                  <c:v>17.83231605730855</c:v>
                </c:pt>
                <c:pt idx="5767">
                  <c:v>17.83231605730855</c:v>
                </c:pt>
                <c:pt idx="5768">
                  <c:v>17.835570183565139</c:v>
                </c:pt>
                <c:pt idx="5769">
                  <c:v>17.835570183565139</c:v>
                </c:pt>
                <c:pt idx="5770">
                  <c:v>17.838922919708569</c:v>
                </c:pt>
                <c:pt idx="5771">
                  <c:v>17.838922919708569</c:v>
                </c:pt>
                <c:pt idx="5772">
                  <c:v>17.842275655851829</c:v>
                </c:pt>
                <c:pt idx="5773">
                  <c:v>17.842275655851829</c:v>
                </c:pt>
                <c:pt idx="5774">
                  <c:v>17.845529782108592</c:v>
                </c:pt>
                <c:pt idx="5775">
                  <c:v>17.845529782108592</c:v>
                </c:pt>
                <c:pt idx="5776">
                  <c:v>17.848882518251848</c:v>
                </c:pt>
                <c:pt idx="5777">
                  <c:v>17.848882518251848</c:v>
                </c:pt>
                <c:pt idx="5778">
                  <c:v>17.852235254395278</c:v>
                </c:pt>
                <c:pt idx="5779">
                  <c:v>17.852235254395278</c:v>
                </c:pt>
                <c:pt idx="5780">
                  <c:v>17.855489380652042</c:v>
                </c:pt>
                <c:pt idx="5781">
                  <c:v>17.855489380652042</c:v>
                </c:pt>
                <c:pt idx="5782">
                  <c:v>17.858842116795302</c:v>
                </c:pt>
                <c:pt idx="5783">
                  <c:v>17.858842116795302</c:v>
                </c:pt>
                <c:pt idx="5784">
                  <c:v>17.862194852938558</c:v>
                </c:pt>
                <c:pt idx="5785">
                  <c:v>17.865448979195321</c:v>
                </c:pt>
                <c:pt idx="5786">
                  <c:v>17.865448979195321</c:v>
                </c:pt>
                <c:pt idx="5787">
                  <c:v>17.868801715338577</c:v>
                </c:pt>
                <c:pt idx="5788">
                  <c:v>17.868801715338577</c:v>
                </c:pt>
                <c:pt idx="5789">
                  <c:v>17.872154451482011</c:v>
                </c:pt>
                <c:pt idx="5790">
                  <c:v>17.872154451482011</c:v>
                </c:pt>
                <c:pt idx="5791">
                  <c:v>17.875408577738771</c:v>
                </c:pt>
                <c:pt idx="5792">
                  <c:v>17.875408577738771</c:v>
                </c:pt>
                <c:pt idx="5793">
                  <c:v>17.87876131388203</c:v>
                </c:pt>
                <c:pt idx="5794">
                  <c:v>17.87876131388203</c:v>
                </c:pt>
                <c:pt idx="5795">
                  <c:v>17.882114050025287</c:v>
                </c:pt>
                <c:pt idx="5796">
                  <c:v>17.88536817628205</c:v>
                </c:pt>
                <c:pt idx="5797">
                  <c:v>17.888720912425484</c:v>
                </c:pt>
                <c:pt idx="5798">
                  <c:v>17.888720912425484</c:v>
                </c:pt>
                <c:pt idx="5799">
                  <c:v>17.892073648568743</c:v>
                </c:pt>
                <c:pt idx="5800">
                  <c:v>17.895327774825503</c:v>
                </c:pt>
                <c:pt idx="5801">
                  <c:v>17.895327774825503</c:v>
                </c:pt>
                <c:pt idx="5802">
                  <c:v>17.898680510968759</c:v>
                </c:pt>
                <c:pt idx="5803">
                  <c:v>17.902033247112019</c:v>
                </c:pt>
                <c:pt idx="5804">
                  <c:v>17.902033247112019</c:v>
                </c:pt>
                <c:pt idx="5805">
                  <c:v>17.905287373368783</c:v>
                </c:pt>
                <c:pt idx="5806">
                  <c:v>17.905287373368783</c:v>
                </c:pt>
                <c:pt idx="5807">
                  <c:v>17.908640109512216</c:v>
                </c:pt>
                <c:pt idx="5808">
                  <c:v>17.908640109512216</c:v>
                </c:pt>
                <c:pt idx="5809">
                  <c:v>17.911992845655472</c:v>
                </c:pt>
                <c:pt idx="5810">
                  <c:v>17.911992845655472</c:v>
                </c:pt>
                <c:pt idx="5811">
                  <c:v>17.915345581798725</c:v>
                </c:pt>
                <c:pt idx="5812">
                  <c:v>17.918599708055488</c:v>
                </c:pt>
                <c:pt idx="5813">
                  <c:v>17.918599708055488</c:v>
                </c:pt>
                <c:pt idx="5814">
                  <c:v>17.921952444198922</c:v>
                </c:pt>
                <c:pt idx="5815">
                  <c:v>17.925305180342182</c:v>
                </c:pt>
                <c:pt idx="5816">
                  <c:v>17.925305180342182</c:v>
                </c:pt>
                <c:pt idx="5817">
                  <c:v>17.928559306598945</c:v>
                </c:pt>
                <c:pt idx="5818">
                  <c:v>17.928559306598945</c:v>
                </c:pt>
                <c:pt idx="5819">
                  <c:v>17.931912042742201</c:v>
                </c:pt>
                <c:pt idx="5820">
                  <c:v>17.935264778885458</c:v>
                </c:pt>
                <c:pt idx="5821">
                  <c:v>17.935264778885458</c:v>
                </c:pt>
                <c:pt idx="5822">
                  <c:v>17.938518905142221</c:v>
                </c:pt>
                <c:pt idx="5823">
                  <c:v>17.938518905142221</c:v>
                </c:pt>
                <c:pt idx="5824">
                  <c:v>17.941871641285655</c:v>
                </c:pt>
                <c:pt idx="5825">
                  <c:v>17.941871641285655</c:v>
                </c:pt>
                <c:pt idx="5826">
                  <c:v>17.945224377428911</c:v>
                </c:pt>
                <c:pt idx="5827">
                  <c:v>17.945224377428911</c:v>
                </c:pt>
                <c:pt idx="5828">
                  <c:v>17.948478503685674</c:v>
                </c:pt>
                <c:pt idx="5829">
                  <c:v>17.948478503685674</c:v>
                </c:pt>
                <c:pt idx="5830">
                  <c:v>17.951831239828934</c:v>
                </c:pt>
                <c:pt idx="5831">
                  <c:v>17.955183975972361</c:v>
                </c:pt>
                <c:pt idx="5832">
                  <c:v>17.955183975972361</c:v>
                </c:pt>
                <c:pt idx="5833">
                  <c:v>17.95843810222895</c:v>
                </c:pt>
                <c:pt idx="5834">
                  <c:v>17.95843810222895</c:v>
                </c:pt>
                <c:pt idx="5835">
                  <c:v>17.961790838372384</c:v>
                </c:pt>
                <c:pt idx="5836">
                  <c:v>17.961790838372384</c:v>
                </c:pt>
                <c:pt idx="5837">
                  <c:v>17.96514357451564</c:v>
                </c:pt>
                <c:pt idx="5838">
                  <c:v>17.968397700772403</c:v>
                </c:pt>
                <c:pt idx="5839">
                  <c:v>17.968397700772403</c:v>
                </c:pt>
                <c:pt idx="5840">
                  <c:v>17.971750436915663</c:v>
                </c:pt>
                <c:pt idx="5841">
                  <c:v>17.971750436915663</c:v>
                </c:pt>
                <c:pt idx="5842">
                  <c:v>17.975103173059093</c:v>
                </c:pt>
                <c:pt idx="5843">
                  <c:v>17.975103173059093</c:v>
                </c:pt>
                <c:pt idx="5844">
                  <c:v>17.978357299315856</c:v>
                </c:pt>
                <c:pt idx="5845">
                  <c:v>17.978357299315856</c:v>
                </c:pt>
                <c:pt idx="5846">
                  <c:v>17.981710035459113</c:v>
                </c:pt>
                <c:pt idx="5847">
                  <c:v>17.985062771602372</c:v>
                </c:pt>
                <c:pt idx="5848">
                  <c:v>17.985062771602372</c:v>
                </c:pt>
                <c:pt idx="5849">
                  <c:v>17.985062771602372</c:v>
                </c:pt>
                <c:pt idx="5850">
                  <c:v>17.988316897859136</c:v>
                </c:pt>
                <c:pt idx="5851">
                  <c:v>17.988316897859136</c:v>
                </c:pt>
                <c:pt idx="5852">
                  <c:v>17.991669634002392</c:v>
                </c:pt>
                <c:pt idx="5853">
                  <c:v>17.991669634002392</c:v>
                </c:pt>
                <c:pt idx="5854">
                  <c:v>17.995022370145822</c:v>
                </c:pt>
                <c:pt idx="5855">
                  <c:v>17.998276496402585</c:v>
                </c:pt>
                <c:pt idx="5856">
                  <c:v>17.998276496402585</c:v>
                </c:pt>
                <c:pt idx="5857">
                  <c:v>18.001629232545842</c:v>
                </c:pt>
                <c:pt idx="5858">
                  <c:v>18.001629232545842</c:v>
                </c:pt>
                <c:pt idx="5859">
                  <c:v>18.004981968689101</c:v>
                </c:pt>
                <c:pt idx="5860">
                  <c:v>18.008236094945865</c:v>
                </c:pt>
                <c:pt idx="5861">
                  <c:v>18.008236094945865</c:v>
                </c:pt>
                <c:pt idx="5862">
                  <c:v>18.011588831089295</c:v>
                </c:pt>
                <c:pt idx="5863">
                  <c:v>18.011588831089295</c:v>
                </c:pt>
                <c:pt idx="5864">
                  <c:v>18.014941567232551</c:v>
                </c:pt>
                <c:pt idx="5865">
                  <c:v>18.018195693489314</c:v>
                </c:pt>
                <c:pt idx="5866">
                  <c:v>18.021548429632574</c:v>
                </c:pt>
                <c:pt idx="5867">
                  <c:v>18.021548429632574</c:v>
                </c:pt>
                <c:pt idx="5868">
                  <c:v>18.02490116577583</c:v>
                </c:pt>
                <c:pt idx="5869">
                  <c:v>18.02490116577583</c:v>
                </c:pt>
                <c:pt idx="5870">
                  <c:v>18.028155292032594</c:v>
                </c:pt>
                <c:pt idx="5871">
                  <c:v>18.031508028176027</c:v>
                </c:pt>
                <c:pt idx="5872">
                  <c:v>18.031508028176027</c:v>
                </c:pt>
                <c:pt idx="5873">
                  <c:v>18.034860764319284</c:v>
                </c:pt>
                <c:pt idx="5874">
                  <c:v>18.034860764319284</c:v>
                </c:pt>
                <c:pt idx="5875">
                  <c:v>18.03821350046254</c:v>
                </c:pt>
                <c:pt idx="5876">
                  <c:v>18.041467626719303</c:v>
                </c:pt>
                <c:pt idx="5877">
                  <c:v>18.044820362862559</c:v>
                </c:pt>
                <c:pt idx="5878">
                  <c:v>18.044820362862559</c:v>
                </c:pt>
                <c:pt idx="5879">
                  <c:v>18.048173099005993</c:v>
                </c:pt>
                <c:pt idx="5880">
                  <c:v>18.051427225262756</c:v>
                </c:pt>
                <c:pt idx="5881">
                  <c:v>18.054779961406012</c:v>
                </c:pt>
                <c:pt idx="5882">
                  <c:v>18.058132697549269</c:v>
                </c:pt>
                <c:pt idx="5883">
                  <c:v>18.058132697549269</c:v>
                </c:pt>
                <c:pt idx="5884">
                  <c:v>18.061386823806032</c:v>
                </c:pt>
                <c:pt idx="5885">
                  <c:v>18.061386823806032</c:v>
                </c:pt>
                <c:pt idx="5886">
                  <c:v>18.064739559949466</c:v>
                </c:pt>
                <c:pt idx="5887">
                  <c:v>18.068092296092725</c:v>
                </c:pt>
                <c:pt idx="5888">
                  <c:v>18.071346422349489</c:v>
                </c:pt>
                <c:pt idx="5889">
                  <c:v>18.071346422349489</c:v>
                </c:pt>
                <c:pt idx="5890">
                  <c:v>18.074699158492741</c:v>
                </c:pt>
                <c:pt idx="5891">
                  <c:v>18.074699158492741</c:v>
                </c:pt>
                <c:pt idx="5892">
                  <c:v>18.078051894636001</c:v>
                </c:pt>
                <c:pt idx="5893">
                  <c:v>18.078051894636001</c:v>
                </c:pt>
                <c:pt idx="5894">
                  <c:v>18.081306020892765</c:v>
                </c:pt>
                <c:pt idx="5895">
                  <c:v>18.084658757036195</c:v>
                </c:pt>
                <c:pt idx="5896">
                  <c:v>18.084658757036195</c:v>
                </c:pt>
                <c:pt idx="5897">
                  <c:v>18.088011493179454</c:v>
                </c:pt>
                <c:pt idx="5898">
                  <c:v>18.091265619436218</c:v>
                </c:pt>
                <c:pt idx="5899">
                  <c:v>18.09461835557947</c:v>
                </c:pt>
                <c:pt idx="5900">
                  <c:v>18.09461835557947</c:v>
                </c:pt>
                <c:pt idx="5901">
                  <c:v>18.097971091722904</c:v>
                </c:pt>
                <c:pt idx="5902">
                  <c:v>18.097971091722904</c:v>
                </c:pt>
                <c:pt idx="5903">
                  <c:v>18.101225217979493</c:v>
                </c:pt>
                <c:pt idx="5904">
                  <c:v>18.101225217979493</c:v>
                </c:pt>
                <c:pt idx="5905">
                  <c:v>18.104577954122927</c:v>
                </c:pt>
                <c:pt idx="5906">
                  <c:v>18.104577954122927</c:v>
                </c:pt>
                <c:pt idx="5907">
                  <c:v>18.107930690266183</c:v>
                </c:pt>
                <c:pt idx="5908">
                  <c:v>18.107930690266183</c:v>
                </c:pt>
                <c:pt idx="5909">
                  <c:v>18.107930690266183</c:v>
                </c:pt>
                <c:pt idx="5910">
                  <c:v>18.111184816522947</c:v>
                </c:pt>
                <c:pt idx="5911">
                  <c:v>18.114537552666203</c:v>
                </c:pt>
                <c:pt idx="5912">
                  <c:v>18.114537552666203</c:v>
                </c:pt>
                <c:pt idx="5913">
                  <c:v>18.117890288809637</c:v>
                </c:pt>
                <c:pt idx="5914">
                  <c:v>18.117890288809637</c:v>
                </c:pt>
                <c:pt idx="5915">
                  <c:v>18.1211444150664</c:v>
                </c:pt>
                <c:pt idx="5916">
                  <c:v>18.124497151209656</c:v>
                </c:pt>
                <c:pt idx="5917">
                  <c:v>18.127849887352912</c:v>
                </c:pt>
                <c:pt idx="5918">
                  <c:v>18.127849887352912</c:v>
                </c:pt>
                <c:pt idx="5919">
                  <c:v>18.131104013609676</c:v>
                </c:pt>
                <c:pt idx="5920">
                  <c:v>18.134456749752932</c:v>
                </c:pt>
                <c:pt idx="5921">
                  <c:v>18.134456749752932</c:v>
                </c:pt>
                <c:pt idx="5922">
                  <c:v>18.137809485896366</c:v>
                </c:pt>
                <c:pt idx="5923">
                  <c:v>18.137809485896366</c:v>
                </c:pt>
                <c:pt idx="5924">
                  <c:v>18.137809485896366</c:v>
                </c:pt>
                <c:pt idx="5925">
                  <c:v>18.141063612153129</c:v>
                </c:pt>
                <c:pt idx="5926">
                  <c:v>18.141063612153129</c:v>
                </c:pt>
                <c:pt idx="5927">
                  <c:v>18.141063612153129</c:v>
                </c:pt>
                <c:pt idx="5928">
                  <c:v>18.144416348296385</c:v>
                </c:pt>
                <c:pt idx="5929">
                  <c:v>18.144416348296385</c:v>
                </c:pt>
                <c:pt idx="5930">
                  <c:v>18.147769084439645</c:v>
                </c:pt>
                <c:pt idx="5931">
                  <c:v>18.151023210696408</c:v>
                </c:pt>
                <c:pt idx="5932">
                  <c:v>18.151023210696408</c:v>
                </c:pt>
                <c:pt idx="5933">
                  <c:v>18.154375946839838</c:v>
                </c:pt>
                <c:pt idx="5934">
                  <c:v>18.157728682983095</c:v>
                </c:pt>
                <c:pt idx="5935">
                  <c:v>18.160982809239858</c:v>
                </c:pt>
                <c:pt idx="5936">
                  <c:v>18.164335545383118</c:v>
                </c:pt>
                <c:pt idx="5937">
                  <c:v>18.167688281526374</c:v>
                </c:pt>
                <c:pt idx="5938">
                  <c:v>18.171041017669804</c:v>
                </c:pt>
                <c:pt idx="5939">
                  <c:v>18.171041017669804</c:v>
                </c:pt>
                <c:pt idx="5940">
                  <c:v>18.174295143926567</c:v>
                </c:pt>
                <c:pt idx="5941">
                  <c:v>18.174295143926567</c:v>
                </c:pt>
                <c:pt idx="5942">
                  <c:v>18.177647880069824</c:v>
                </c:pt>
                <c:pt idx="5943">
                  <c:v>18.177647880069824</c:v>
                </c:pt>
                <c:pt idx="5944">
                  <c:v>18.181000616213083</c:v>
                </c:pt>
                <c:pt idx="5945">
                  <c:v>18.181000616213083</c:v>
                </c:pt>
                <c:pt idx="5946">
                  <c:v>18.184254742469847</c:v>
                </c:pt>
                <c:pt idx="5947">
                  <c:v>18.184254742469847</c:v>
                </c:pt>
                <c:pt idx="5948">
                  <c:v>18.18760747861328</c:v>
                </c:pt>
                <c:pt idx="5949">
                  <c:v>18.190960214756533</c:v>
                </c:pt>
                <c:pt idx="5950">
                  <c:v>18.194214341013296</c:v>
                </c:pt>
                <c:pt idx="5951">
                  <c:v>18.197567077156556</c:v>
                </c:pt>
                <c:pt idx="5952">
                  <c:v>18.200919813299812</c:v>
                </c:pt>
                <c:pt idx="5953">
                  <c:v>18.200919813299812</c:v>
                </c:pt>
                <c:pt idx="5954">
                  <c:v>18.204173939556576</c:v>
                </c:pt>
                <c:pt idx="5955">
                  <c:v>18.207526675700009</c:v>
                </c:pt>
                <c:pt idx="5956">
                  <c:v>18.207526675700009</c:v>
                </c:pt>
                <c:pt idx="5957">
                  <c:v>18.210879411843266</c:v>
                </c:pt>
                <c:pt idx="5958">
                  <c:v>18.210879411843266</c:v>
                </c:pt>
                <c:pt idx="5959">
                  <c:v>18.214133538100025</c:v>
                </c:pt>
                <c:pt idx="5960">
                  <c:v>18.214133538100025</c:v>
                </c:pt>
                <c:pt idx="5961">
                  <c:v>18.214133538100025</c:v>
                </c:pt>
                <c:pt idx="5962">
                  <c:v>18.214133538100025</c:v>
                </c:pt>
                <c:pt idx="5963">
                  <c:v>18.217486274243285</c:v>
                </c:pt>
                <c:pt idx="5964">
                  <c:v>18.217486274243285</c:v>
                </c:pt>
                <c:pt idx="5965">
                  <c:v>18.220839010386719</c:v>
                </c:pt>
                <c:pt idx="5966">
                  <c:v>18.220839010386719</c:v>
                </c:pt>
                <c:pt idx="5967">
                  <c:v>18.220839010386719</c:v>
                </c:pt>
                <c:pt idx="5968">
                  <c:v>18.224093136643305</c:v>
                </c:pt>
                <c:pt idx="5969">
                  <c:v>18.224093136643305</c:v>
                </c:pt>
                <c:pt idx="5970">
                  <c:v>18.227445872786738</c:v>
                </c:pt>
                <c:pt idx="5971">
                  <c:v>18.227445872786738</c:v>
                </c:pt>
                <c:pt idx="5972">
                  <c:v>18.230798608929994</c:v>
                </c:pt>
                <c:pt idx="5973">
                  <c:v>18.234052735186758</c:v>
                </c:pt>
                <c:pt idx="5974">
                  <c:v>18.234052735186758</c:v>
                </c:pt>
                <c:pt idx="5975">
                  <c:v>18.237405471330014</c:v>
                </c:pt>
                <c:pt idx="5976">
                  <c:v>18.237405471330014</c:v>
                </c:pt>
                <c:pt idx="5977">
                  <c:v>18.240758207473448</c:v>
                </c:pt>
                <c:pt idx="5978">
                  <c:v>18.240758207473448</c:v>
                </c:pt>
                <c:pt idx="5979">
                  <c:v>18.244012333730211</c:v>
                </c:pt>
                <c:pt idx="5980">
                  <c:v>18.247365069873471</c:v>
                </c:pt>
                <c:pt idx="5981">
                  <c:v>18.247365069873471</c:v>
                </c:pt>
                <c:pt idx="5982">
                  <c:v>18.247365069873471</c:v>
                </c:pt>
                <c:pt idx="5983">
                  <c:v>18.250717806016723</c:v>
                </c:pt>
                <c:pt idx="5984">
                  <c:v>18.250717806016723</c:v>
                </c:pt>
                <c:pt idx="5985">
                  <c:v>18.253971932273487</c:v>
                </c:pt>
                <c:pt idx="5986">
                  <c:v>18.257324668416743</c:v>
                </c:pt>
                <c:pt idx="5987">
                  <c:v>18.257324668416743</c:v>
                </c:pt>
                <c:pt idx="5988">
                  <c:v>18.260677404560177</c:v>
                </c:pt>
                <c:pt idx="5989">
                  <c:v>18.26393153081694</c:v>
                </c:pt>
                <c:pt idx="5990">
                  <c:v>18.2672842669602</c:v>
                </c:pt>
                <c:pt idx="5991">
                  <c:v>18.2672842669602</c:v>
                </c:pt>
                <c:pt idx="5992">
                  <c:v>18.270637003103456</c:v>
                </c:pt>
                <c:pt idx="5993">
                  <c:v>18.273891129360216</c:v>
                </c:pt>
                <c:pt idx="5994">
                  <c:v>18.273891129360216</c:v>
                </c:pt>
                <c:pt idx="5995">
                  <c:v>18.27724386550365</c:v>
                </c:pt>
                <c:pt idx="5996">
                  <c:v>18.280596601646909</c:v>
                </c:pt>
                <c:pt idx="5997">
                  <c:v>18.280596601646909</c:v>
                </c:pt>
                <c:pt idx="5998">
                  <c:v>18.283850727903673</c:v>
                </c:pt>
                <c:pt idx="5999">
                  <c:v>18.283850727903673</c:v>
                </c:pt>
                <c:pt idx="6000">
                  <c:v>18.287203464046929</c:v>
                </c:pt>
                <c:pt idx="6001">
                  <c:v>18.290556200190188</c:v>
                </c:pt>
                <c:pt idx="6002">
                  <c:v>18.290556200190188</c:v>
                </c:pt>
                <c:pt idx="6003">
                  <c:v>18.293810326446948</c:v>
                </c:pt>
                <c:pt idx="6004">
                  <c:v>18.297163062590379</c:v>
                </c:pt>
                <c:pt idx="6005">
                  <c:v>18.297163062590379</c:v>
                </c:pt>
                <c:pt idx="6006">
                  <c:v>18.300515798733638</c:v>
                </c:pt>
                <c:pt idx="6007">
                  <c:v>18.303868534876894</c:v>
                </c:pt>
                <c:pt idx="6008">
                  <c:v>18.303868534876894</c:v>
                </c:pt>
                <c:pt idx="6009">
                  <c:v>18.307122661133658</c:v>
                </c:pt>
                <c:pt idx="6010">
                  <c:v>18.310475397277088</c:v>
                </c:pt>
                <c:pt idx="6011">
                  <c:v>18.310475397277088</c:v>
                </c:pt>
                <c:pt idx="6012">
                  <c:v>18.313828133420348</c:v>
                </c:pt>
                <c:pt idx="6013">
                  <c:v>18.313828133420348</c:v>
                </c:pt>
                <c:pt idx="6014">
                  <c:v>18.317082259677111</c:v>
                </c:pt>
                <c:pt idx="6015">
                  <c:v>18.317082259677111</c:v>
                </c:pt>
                <c:pt idx="6016">
                  <c:v>18.320434995820367</c:v>
                </c:pt>
                <c:pt idx="6017">
                  <c:v>18.323787731963627</c:v>
                </c:pt>
                <c:pt idx="6018">
                  <c:v>18.323787731963627</c:v>
                </c:pt>
                <c:pt idx="6019">
                  <c:v>18.32704185822039</c:v>
                </c:pt>
                <c:pt idx="6020">
                  <c:v>18.32704185822039</c:v>
                </c:pt>
                <c:pt idx="6021">
                  <c:v>18.33039459436382</c:v>
                </c:pt>
                <c:pt idx="6022">
                  <c:v>18.333747330507077</c:v>
                </c:pt>
                <c:pt idx="6023">
                  <c:v>18.333747330507077</c:v>
                </c:pt>
                <c:pt idx="6024">
                  <c:v>18.33700145676384</c:v>
                </c:pt>
                <c:pt idx="6025">
                  <c:v>18.33700145676384</c:v>
                </c:pt>
                <c:pt idx="6026">
                  <c:v>18.3403541929071</c:v>
                </c:pt>
                <c:pt idx="6027">
                  <c:v>18.3403541929071</c:v>
                </c:pt>
                <c:pt idx="6028">
                  <c:v>18.343706929050356</c:v>
                </c:pt>
                <c:pt idx="6029">
                  <c:v>18.346961055307119</c:v>
                </c:pt>
                <c:pt idx="6030">
                  <c:v>18.346961055307119</c:v>
                </c:pt>
                <c:pt idx="6031">
                  <c:v>18.350313791450549</c:v>
                </c:pt>
                <c:pt idx="6032">
                  <c:v>18.353666527593806</c:v>
                </c:pt>
                <c:pt idx="6033">
                  <c:v>18.353666527593806</c:v>
                </c:pt>
                <c:pt idx="6034">
                  <c:v>18.356920653850569</c:v>
                </c:pt>
                <c:pt idx="6035">
                  <c:v>18.360273389993829</c:v>
                </c:pt>
                <c:pt idx="6036">
                  <c:v>18.363626126137262</c:v>
                </c:pt>
                <c:pt idx="6037">
                  <c:v>18.363626126137262</c:v>
                </c:pt>
                <c:pt idx="6038">
                  <c:v>18.366880252394026</c:v>
                </c:pt>
                <c:pt idx="6039">
                  <c:v>18.370232988537278</c:v>
                </c:pt>
                <c:pt idx="6040">
                  <c:v>18.370232988537278</c:v>
                </c:pt>
                <c:pt idx="6041">
                  <c:v>18.373585724680538</c:v>
                </c:pt>
                <c:pt idx="6042">
                  <c:v>18.373585724680538</c:v>
                </c:pt>
                <c:pt idx="6043">
                  <c:v>18.376839850937301</c:v>
                </c:pt>
                <c:pt idx="6044">
                  <c:v>18.376839850937301</c:v>
                </c:pt>
                <c:pt idx="6045">
                  <c:v>18.380192587080558</c:v>
                </c:pt>
                <c:pt idx="6046">
                  <c:v>18.383545323223991</c:v>
                </c:pt>
                <c:pt idx="6047">
                  <c:v>18.383545323223991</c:v>
                </c:pt>
                <c:pt idx="6048">
                  <c:v>18.386799449480755</c:v>
                </c:pt>
                <c:pt idx="6049">
                  <c:v>18.386799449480755</c:v>
                </c:pt>
                <c:pt idx="6050">
                  <c:v>18.390152185624011</c:v>
                </c:pt>
                <c:pt idx="6051">
                  <c:v>18.390152185624011</c:v>
                </c:pt>
                <c:pt idx="6052">
                  <c:v>18.393504921767267</c:v>
                </c:pt>
                <c:pt idx="6053">
                  <c:v>18.39675904802403</c:v>
                </c:pt>
                <c:pt idx="6054">
                  <c:v>18.39675904802403</c:v>
                </c:pt>
                <c:pt idx="6055">
                  <c:v>18.39675904802403</c:v>
                </c:pt>
                <c:pt idx="6056">
                  <c:v>18.400111784167287</c:v>
                </c:pt>
                <c:pt idx="6057">
                  <c:v>18.400111784167287</c:v>
                </c:pt>
                <c:pt idx="6058">
                  <c:v>18.40346452031072</c:v>
                </c:pt>
                <c:pt idx="6059">
                  <c:v>18.40346452031072</c:v>
                </c:pt>
                <c:pt idx="6060">
                  <c:v>18.406718646567484</c:v>
                </c:pt>
                <c:pt idx="6061">
                  <c:v>18.406718646567484</c:v>
                </c:pt>
                <c:pt idx="6062">
                  <c:v>18.410071382710743</c:v>
                </c:pt>
                <c:pt idx="6063">
                  <c:v>18.410071382710743</c:v>
                </c:pt>
                <c:pt idx="6064">
                  <c:v>18.413424118853996</c:v>
                </c:pt>
                <c:pt idx="6065">
                  <c:v>18.416678245110759</c:v>
                </c:pt>
                <c:pt idx="6066">
                  <c:v>18.416678245110759</c:v>
                </c:pt>
                <c:pt idx="6067">
                  <c:v>18.420030981254193</c:v>
                </c:pt>
                <c:pt idx="6068">
                  <c:v>18.420030981254193</c:v>
                </c:pt>
                <c:pt idx="6069">
                  <c:v>18.423383717397453</c:v>
                </c:pt>
                <c:pt idx="6070">
                  <c:v>18.426736453540709</c:v>
                </c:pt>
                <c:pt idx="6071">
                  <c:v>18.426736453540709</c:v>
                </c:pt>
                <c:pt idx="6072">
                  <c:v>18.429990579797472</c:v>
                </c:pt>
                <c:pt idx="6073">
                  <c:v>18.433343315940725</c:v>
                </c:pt>
                <c:pt idx="6074">
                  <c:v>18.433343315940725</c:v>
                </c:pt>
                <c:pt idx="6075">
                  <c:v>18.436696052084159</c:v>
                </c:pt>
                <c:pt idx="6076">
                  <c:v>18.436696052084159</c:v>
                </c:pt>
                <c:pt idx="6077">
                  <c:v>18.439950178340922</c:v>
                </c:pt>
                <c:pt idx="6078">
                  <c:v>18.439950178340922</c:v>
                </c:pt>
                <c:pt idx="6079">
                  <c:v>18.443302914484182</c:v>
                </c:pt>
                <c:pt idx="6080">
                  <c:v>18.446655650627438</c:v>
                </c:pt>
                <c:pt idx="6081">
                  <c:v>18.446655650627438</c:v>
                </c:pt>
                <c:pt idx="6082">
                  <c:v>18.449909776884201</c:v>
                </c:pt>
                <c:pt idx="6083">
                  <c:v>18.449909776884201</c:v>
                </c:pt>
                <c:pt idx="6084">
                  <c:v>18.449909776884201</c:v>
                </c:pt>
                <c:pt idx="6085">
                  <c:v>18.453262513027632</c:v>
                </c:pt>
                <c:pt idx="6086">
                  <c:v>18.453262513027632</c:v>
                </c:pt>
                <c:pt idx="6087">
                  <c:v>18.456615249170891</c:v>
                </c:pt>
                <c:pt idx="6088">
                  <c:v>18.459869375427655</c:v>
                </c:pt>
                <c:pt idx="6089">
                  <c:v>18.459869375427655</c:v>
                </c:pt>
                <c:pt idx="6090">
                  <c:v>18.463222111570911</c:v>
                </c:pt>
                <c:pt idx="6091">
                  <c:v>18.463222111570911</c:v>
                </c:pt>
                <c:pt idx="6092">
                  <c:v>18.46657484771417</c:v>
                </c:pt>
                <c:pt idx="6093">
                  <c:v>18.46657484771417</c:v>
                </c:pt>
                <c:pt idx="6094">
                  <c:v>18.469828973970934</c:v>
                </c:pt>
                <c:pt idx="6095">
                  <c:v>18.469828973970934</c:v>
                </c:pt>
                <c:pt idx="6096">
                  <c:v>18.47318171011436</c:v>
                </c:pt>
                <c:pt idx="6097">
                  <c:v>18.47653444625762</c:v>
                </c:pt>
                <c:pt idx="6098">
                  <c:v>18.47653444625762</c:v>
                </c:pt>
                <c:pt idx="6099">
                  <c:v>18.47653444625762</c:v>
                </c:pt>
                <c:pt idx="6100">
                  <c:v>18.479788572514384</c:v>
                </c:pt>
                <c:pt idx="6101">
                  <c:v>18.479788572514384</c:v>
                </c:pt>
                <c:pt idx="6102">
                  <c:v>18.48314130865764</c:v>
                </c:pt>
                <c:pt idx="6103">
                  <c:v>18.48314130865764</c:v>
                </c:pt>
                <c:pt idx="6104">
                  <c:v>18.48649404480107</c:v>
                </c:pt>
                <c:pt idx="6105">
                  <c:v>18.48649404480107</c:v>
                </c:pt>
                <c:pt idx="6106">
                  <c:v>18.489748171057663</c:v>
                </c:pt>
                <c:pt idx="6107">
                  <c:v>18.493100907201093</c:v>
                </c:pt>
                <c:pt idx="6108">
                  <c:v>18.493100907201093</c:v>
                </c:pt>
                <c:pt idx="6109">
                  <c:v>18.496453643344349</c:v>
                </c:pt>
                <c:pt idx="6110">
                  <c:v>18.499707769601113</c:v>
                </c:pt>
                <c:pt idx="6111">
                  <c:v>18.499707769601113</c:v>
                </c:pt>
                <c:pt idx="6112">
                  <c:v>18.499707769601113</c:v>
                </c:pt>
                <c:pt idx="6113">
                  <c:v>18.503060505744372</c:v>
                </c:pt>
                <c:pt idx="6114">
                  <c:v>18.506413241887806</c:v>
                </c:pt>
                <c:pt idx="6115">
                  <c:v>18.506413241887806</c:v>
                </c:pt>
                <c:pt idx="6116">
                  <c:v>18.509667368144566</c:v>
                </c:pt>
                <c:pt idx="6117">
                  <c:v>18.509667368144566</c:v>
                </c:pt>
                <c:pt idx="6118">
                  <c:v>18.509667368144566</c:v>
                </c:pt>
                <c:pt idx="6119">
                  <c:v>18.513020104287822</c:v>
                </c:pt>
                <c:pt idx="6120">
                  <c:v>18.513020104287822</c:v>
                </c:pt>
                <c:pt idx="6121">
                  <c:v>18.516372840431078</c:v>
                </c:pt>
                <c:pt idx="6122">
                  <c:v>18.516372840431078</c:v>
                </c:pt>
                <c:pt idx="6123">
                  <c:v>18.519626966687841</c:v>
                </c:pt>
                <c:pt idx="6124">
                  <c:v>18.519626966687841</c:v>
                </c:pt>
                <c:pt idx="6125">
                  <c:v>18.522979702831101</c:v>
                </c:pt>
                <c:pt idx="6126">
                  <c:v>18.526332438974535</c:v>
                </c:pt>
                <c:pt idx="6127">
                  <c:v>18.526332438974535</c:v>
                </c:pt>
                <c:pt idx="6128">
                  <c:v>18.529586565231295</c:v>
                </c:pt>
                <c:pt idx="6129">
                  <c:v>18.532939301374551</c:v>
                </c:pt>
                <c:pt idx="6130">
                  <c:v>18.532939301374551</c:v>
                </c:pt>
                <c:pt idx="6131">
                  <c:v>18.536292037517811</c:v>
                </c:pt>
                <c:pt idx="6132">
                  <c:v>18.536292037517811</c:v>
                </c:pt>
                <c:pt idx="6133">
                  <c:v>18.539546163774574</c:v>
                </c:pt>
                <c:pt idx="6134">
                  <c:v>18.539546163774574</c:v>
                </c:pt>
                <c:pt idx="6135">
                  <c:v>18.542898899918008</c:v>
                </c:pt>
                <c:pt idx="6136">
                  <c:v>18.542898899918008</c:v>
                </c:pt>
                <c:pt idx="6137">
                  <c:v>18.546251636061264</c:v>
                </c:pt>
                <c:pt idx="6138">
                  <c:v>18.546251636061264</c:v>
                </c:pt>
                <c:pt idx="6139">
                  <c:v>18.549505762318027</c:v>
                </c:pt>
                <c:pt idx="6140">
                  <c:v>18.549505762318027</c:v>
                </c:pt>
                <c:pt idx="6141">
                  <c:v>18.552858498461283</c:v>
                </c:pt>
                <c:pt idx="6142">
                  <c:v>18.55621123460454</c:v>
                </c:pt>
                <c:pt idx="6143">
                  <c:v>18.55621123460454</c:v>
                </c:pt>
                <c:pt idx="6144">
                  <c:v>18.559563970747973</c:v>
                </c:pt>
                <c:pt idx="6145">
                  <c:v>18.559563970747973</c:v>
                </c:pt>
                <c:pt idx="6146">
                  <c:v>18.562818097004737</c:v>
                </c:pt>
                <c:pt idx="6147">
                  <c:v>18.562818097004737</c:v>
                </c:pt>
                <c:pt idx="6148">
                  <c:v>18.566170833147993</c:v>
                </c:pt>
                <c:pt idx="6149">
                  <c:v>18.566170833147993</c:v>
                </c:pt>
                <c:pt idx="6150">
                  <c:v>18.569523569291249</c:v>
                </c:pt>
                <c:pt idx="6151">
                  <c:v>18.569523569291249</c:v>
                </c:pt>
                <c:pt idx="6152">
                  <c:v>18.572777695548012</c:v>
                </c:pt>
                <c:pt idx="6153">
                  <c:v>18.572777695548012</c:v>
                </c:pt>
                <c:pt idx="6154">
                  <c:v>18.576130431691446</c:v>
                </c:pt>
                <c:pt idx="6155">
                  <c:v>18.576130431691446</c:v>
                </c:pt>
                <c:pt idx="6156">
                  <c:v>18.579483167834702</c:v>
                </c:pt>
                <c:pt idx="6157">
                  <c:v>18.579483167834702</c:v>
                </c:pt>
                <c:pt idx="6158">
                  <c:v>18.582737294091466</c:v>
                </c:pt>
                <c:pt idx="6159">
                  <c:v>18.582737294091466</c:v>
                </c:pt>
                <c:pt idx="6160">
                  <c:v>18.586090030234725</c:v>
                </c:pt>
                <c:pt idx="6161">
                  <c:v>18.589442766377978</c:v>
                </c:pt>
                <c:pt idx="6162">
                  <c:v>18.589442766377978</c:v>
                </c:pt>
                <c:pt idx="6163">
                  <c:v>18.592696892634741</c:v>
                </c:pt>
                <c:pt idx="6164">
                  <c:v>18.592696892634741</c:v>
                </c:pt>
                <c:pt idx="6165">
                  <c:v>18.596049628778175</c:v>
                </c:pt>
                <c:pt idx="6166">
                  <c:v>18.596049628778175</c:v>
                </c:pt>
                <c:pt idx="6167">
                  <c:v>18.599402364921435</c:v>
                </c:pt>
                <c:pt idx="6168">
                  <c:v>18.602656491178195</c:v>
                </c:pt>
                <c:pt idx="6169">
                  <c:v>18.602656491178195</c:v>
                </c:pt>
                <c:pt idx="6170">
                  <c:v>18.606009227321454</c:v>
                </c:pt>
                <c:pt idx="6171">
                  <c:v>18.606009227321454</c:v>
                </c:pt>
                <c:pt idx="6172">
                  <c:v>18.609361963464885</c:v>
                </c:pt>
                <c:pt idx="6173">
                  <c:v>18.609361963464885</c:v>
                </c:pt>
                <c:pt idx="6174">
                  <c:v>18.61261608972147</c:v>
                </c:pt>
                <c:pt idx="6175">
                  <c:v>18.615968825864904</c:v>
                </c:pt>
                <c:pt idx="6176">
                  <c:v>18.615968825864904</c:v>
                </c:pt>
                <c:pt idx="6177">
                  <c:v>18.619321562008164</c:v>
                </c:pt>
                <c:pt idx="6178">
                  <c:v>18.619321562008164</c:v>
                </c:pt>
                <c:pt idx="6179">
                  <c:v>18.619321562008164</c:v>
                </c:pt>
                <c:pt idx="6180">
                  <c:v>18.622575688264927</c:v>
                </c:pt>
                <c:pt idx="6181">
                  <c:v>18.625928424408183</c:v>
                </c:pt>
                <c:pt idx="6182">
                  <c:v>18.625928424408183</c:v>
                </c:pt>
                <c:pt idx="6183">
                  <c:v>18.629281160551614</c:v>
                </c:pt>
                <c:pt idx="6184">
                  <c:v>18.629281160551614</c:v>
                </c:pt>
                <c:pt idx="6185">
                  <c:v>18.632535286808377</c:v>
                </c:pt>
                <c:pt idx="6186">
                  <c:v>18.632535286808377</c:v>
                </c:pt>
                <c:pt idx="6187">
                  <c:v>18.635888022951637</c:v>
                </c:pt>
                <c:pt idx="6188">
                  <c:v>18.635888022951637</c:v>
                </c:pt>
                <c:pt idx="6189">
                  <c:v>18.639240759094893</c:v>
                </c:pt>
                <c:pt idx="6190">
                  <c:v>18.639240759094893</c:v>
                </c:pt>
                <c:pt idx="6191">
                  <c:v>18.642494885351656</c:v>
                </c:pt>
                <c:pt idx="6192">
                  <c:v>18.645847621494912</c:v>
                </c:pt>
                <c:pt idx="6193">
                  <c:v>18.645847621494912</c:v>
                </c:pt>
                <c:pt idx="6194">
                  <c:v>18.649200357638342</c:v>
                </c:pt>
                <c:pt idx="6195">
                  <c:v>18.649200357638342</c:v>
                </c:pt>
                <c:pt idx="6196">
                  <c:v>18.652454483895106</c:v>
                </c:pt>
                <c:pt idx="6197">
                  <c:v>18.652454483895106</c:v>
                </c:pt>
                <c:pt idx="6198">
                  <c:v>18.655807220038366</c:v>
                </c:pt>
                <c:pt idx="6199">
                  <c:v>18.659159956181622</c:v>
                </c:pt>
                <c:pt idx="6200">
                  <c:v>18.659159956181622</c:v>
                </c:pt>
                <c:pt idx="6201">
                  <c:v>18.662414082438385</c:v>
                </c:pt>
                <c:pt idx="6202">
                  <c:v>18.665766818581819</c:v>
                </c:pt>
                <c:pt idx="6203">
                  <c:v>18.665766818581819</c:v>
                </c:pt>
                <c:pt idx="6204">
                  <c:v>18.669119554725075</c:v>
                </c:pt>
                <c:pt idx="6205">
                  <c:v>18.669119554725075</c:v>
                </c:pt>
                <c:pt idx="6206">
                  <c:v>18.672373680981838</c:v>
                </c:pt>
                <c:pt idx="6207">
                  <c:v>18.672373680981838</c:v>
                </c:pt>
                <c:pt idx="6208">
                  <c:v>18.675726417125095</c:v>
                </c:pt>
                <c:pt idx="6209">
                  <c:v>18.679079153268354</c:v>
                </c:pt>
                <c:pt idx="6210">
                  <c:v>18.679079153268354</c:v>
                </c:pt>
                <c:pt idx="6211">
                  <c:v>18.682431889411788</c:v>
                </c:pt>
                <c:pt idx="6212">
                  <c:v>18.682431889411788</c:v>
                </c:pt>
                <c:pt idx="6213">
                  <c:v>18.685686015668548</c:v>
                </c:pt>
                <c:pt idx="6214">
                  <c:v>18.685686015668548</c:v>
                </c:pt>
                <c:pt idx="6215">
                  <c:v>18.689038751811804</c:v>
                </c:pt>
                <c:pt idx="6216">
                  <c:v>18.69239148795506</c:v>
                </c:pt>
                <c:pt idx="6217">
                  <c:v>18.69239148795506</c:v>
                </c:pt>
                <c:pt idx="6218">
                  <c:v>18.695645614211823</c:v>
                </c:pt>
                <c:pt idx="6219">
                  <c:v>18.695645614211823</c:v>
                </c:pt>
                <c:pt idx="6220">
                  <c:v>18.698998350355083</c:v>
                </c:pt>
                <c:pt idx="6221">
                  <c:v>18.698998350355083</c:v>
                </c:pt>
                <c:pt idx="6222">
                  <c:v>18.702351086498517</c:v>
                </c:pt>
                <c:pt idx="6223">
                  <c:v>18.702351086498517</c:v>
                </c:pt>
                <c:pt idx="6224">
                  <c:v>18.70560521275528</c:v>
                </c:pt>
                <c:pt idx="6225">
                  <c:v>18.70560521275528</c:v>
                </c:pt>
                <c:pt idx="6226">
                  <c:v>18.708957948898533</c:v>
                </c:pt>
                <c:pt idx="6227">
                  <c:v>18.708957948898533</c:v>
                </c:pt>
                <c:pt idx="6228">
                  <c:v>18.712310685041793</c:v>
                </c:pt>
                <c:pt idx="6229">
                  <c:v>18.715564811298556</c:v>
                </c:pt>
                <c:pt idx="6230">
                  <c:v>18.715564811298556</c:v>
                </c:pt>
                <c:pt idx="6231">
                  <c:v>18.71891754744199</c:v>
                </c:pt>
                <c:pt idx="6232">
                  <c:v>18.71891754744199</c:v>
                </c:pt>
                <c:pt idx="6233">
                  <c:v>18.722270283585246</c:v>
                </c:pt>
                <c:pt idx="6234">
                  <c:v>18.722270283585246</c:v>
                </c:pt>
                <c:pt idx="6235">
                  <c:v>18.725524409842009</c:v>
                </c:pt>
                <c:pt idx="6236">
                  <c:v>18.725524409842009</c:v>
                </c:pt>
                <c:pt idx="6237">
                  <c:v>18.728877145985262</c:v>
                </c:pt>
                <c:pt idx="6238">
                  <c:v>18.728877145985262</c:v>
                </c:pt>
                <c:pt idx="6239">
                  <c:v>18.732229882128522</c:v>
                </c:pt>
                <c:pt idx="6240">
                  <c:v>18.732229882128522</c:v>
                </c:pt>
                <c:pt idx="6241">
                  <c:v>18.735484008385285</c:v>
                </c:pt>
                <c:pt idx="6242">
                  <c:v>18.735484008385285</c:v>
                </c:pt>
                <c:pt idx="6243">
                  <c:v>18.738836744528719</c:v>
                </c:pt>
                <c:pt idx="6244">
                  <c:v>18.738836744528719</c:v>
                </c:pt>
                <c:pt idx="6245">
                  <c:v>18.742189480671975</c:v>
                </c:pt>
                <c:pt idx="6246">
                  <c:v>18.742189480671975</c:v>
                </c:pt>
                <c:pt idx="6247">
                  <c:v>18.745443606928738</c:v>
                </c:pt>
                <c:pt idx="6248">
                  <c:v>18.748796343071994</c:v>
                </c:pt>
                <c:pt idx="6249">
                  <c:v>18.748796343071994</c:v>
                </c:pt>
                <c:pt idx="6250">
                  <c:v>18.752149079215428</c:v>
                </c:pt>
                <c:pt idx="6251">
                  <c:v>18.752149079215428</c:v>
                </c:pt>
                <c:pt idx="6252">
                  <c:v>18.755403205472014</c:v>
                </c:pt>
                <c:pt idx="6253">
                  <c:v>18.758755941615448</c:v>
                </c:pt>
                <c:pt idx="6254">
                  <c:v>18.758755941615448</c:v>
                </c:pt>
                <c:pt idx="6255">
                  <c:v>18.762108677758707</c:v>
                </c:pt>
                <c:pt idx="6256">
                  <c:v>18.765362804015471</c:v>
                </c:pt>
                <c:pt idx="6257">
                  <c:v>18.765362804015471</c:v>
                </c:pt>
                <c:pt idx="6258">
                  <c:v>18.768715540158723</c:v>
                </c:pt>
                <c:pt idx="6259">
                  <c:v>18.768715540158723</c:v>
                </c:pt>
                <c:pt idx="6260">
                  <c:v>18.772068276302157</c:v>
                </c:pt>
                <c:pt idx="6261">
                  <c:v>18.77532240255892</c:v>
                </c:pt>
                <c:pt idx="6262">
                  <c:v>18.77532240255892</c:v>
                </c:pt>
                <c:pt idx="6263">
                  <c:v>18.778675138702177</c:v>
                </c:pt>
                <c:pt idx="6264">
                  <c:v>18.778675138702177</c:v>
                </c:pt>
                <c:pt idx="6265">
                  <c:v>18.778675138702177</c:v>
                </c:pt>
                <c:pt idx="6266">
                  <c:v>18.782027874845436</c:v>
                </c:pt>
                <c:pt idx="6267">
                  <c:v>18.7852820011022</c:v>
                </c:pt>
                <c:pt idx="6268">
                  <c:v>18.7852820011022</c:v>
                </c:pt>
                <c:pt idx="6269">
                  <c:v>18.788634737245456</c:v>
                </c:pt>
                <c:pt idx="6270">
                  <c:v>18.788634737245456</c:v>
                </c:pt>
                <c:pt idx="6271">
                  <c:v>18.791987473388886</c:v>
                </c:pt>
                <c:pt idx="6272">
                  <c:v>18.791987473388886</c:v>
                </c:pt>
                <c:pt idx="6273">
                  <c:v>18.791987473388886</c:v>
                </c:pt>
                <c:pt idx="6274">
                  <c:v>18.795241599645649</c:v>
                </c:pt>
                <c:pt idx="6275">
                  <c:v>18.795241599645649</c:v>
                </c:pt>
                <c:pt idx="6276">
                  <c:v>18.798594335788909</c:v>
                </c:pt>
                <c:pt idx="6277">
                  <c:v>18.798594335788909</c:v>
                </c:pt>
                <c:pt idx="6278">
                  <c:v>18.801947071932165</c:v>
                </c:pt>
                <c:pt idx="6279">
                  <c:v>18.801947071932165</c:v>
                </c:pt>
                <c:pt idx="6280">
                  <c:v>18.805201198188929</c:v>
                </c:pt>
                <c:pt idx="6281">
                  <c:v>18.805201198188929</c:v>
                </c:pt>
                <c:pt idx="6282">
                  <c:v>18.805201198188929</c:v>
                </c:pt>
                <c:pt idx="6283">
                  <c:v>18.808553934332359</c:v>
                </c:pt>
                <c:pt idx="6284">
                  <c:v>18.811906670475619</c:v>
                </c:pt>
                <c:pt idx="6285">
                  <c:v>18.811906670475619</c:v>
                </c:pt>
                <c:pt idx="6286">
                  <c:v>18.815259406618875</c:v>
                </c:pt>
                <c:pt idx="6287">
                  <c:v>18.818513532875638</c:v>
                </c:pt>
                <c:pt idx="6288">
                  <c:v>18.818513532875638</c:v>
                </c:pt>
                <c:pt idx="6289">
                  <c:v>18.821866269018894</c:v>
                </c:pt>
                <c:pt idx="6290">
                  <c:v>18.825219005162324</c:v>
                </c:pt>
                <c:pt idx="6291">
                  <c:v>18.825219005162324</c:v>
                </c:pt>
                <c:pt idx="6292">
                  <c:v>18.828473131419088</c:v>
                </c:pt>
                <c:pt idx="6293">
                  <c:v>18.828473131419088</c:v>
                </c:pt>
                <c:pt idx="6294">
                  <c:v>18.831825867562348</c:v>
                </c:pt>
                <c:pt idx="6295">
                  <c:v>18.831825867562348</c:v>
                </c:pt>
                <c:pt idx="6296">
                  <c:v>18.835178603705604</c:v>
                </c:pt>
                <c:pt idx="6297">
                  <c:v>18.838432729962367</c:v>
                </c:pt>
                <c:pt idx="6298">
                  <c:v>18.838432729962367</c:v>
                </c:pt>
                <c:pt idx="6299">
                  <c:v>18.841785466105801</c:v>
                </c:pt>
                <c:pt idx="6300">
                  <c:v>18.841785466105801</c:v>
                </c:pt>
                <c:pt idx="6301">
                  <c:v>18.845138202249057</c:v>
                </c:pt>
                <c:pt idx="6302">
                  <c:v>18.845138202249057</c:v>
                </c:pt>
                <c:pt idx="6303">
                  <c:v>18.84839232850582</c:v>
                </c:pt>
                <c:pt idx="6304">
                  <c:v>18.84839232850582</c:v>
                </c:pt>
                <c:pt idx="6305">
                  <c:v>18.851745064649077</c:v>
                </c:pt>
                <c:pt idx="6306">
                  <c:v>18.851745064649077</c:v>
                </c:pt>
                <c:pt idx="6307">
                  <c:v>18.855097800792336</c:v>
                </c:pt>
                <c:pt idx="6308">
                  <c:v>18.855097800792336</c:v>
                </c:pt>
                <c:pt idx="6309">
                  <c:v>18.858351927049096</c:v>
                </c:pt>
                <c:pt idx="6310">
                  <c:v>18.858351927049096</c:v>
                </c:pt>
                <c:pt idx="6311">
                  <c:v>18.858351927049096</c:v>
                </c:pt>
                <c:pt idx="6312">
                  <c:v>18.86170466319253</c:v>
                </c:pt>
                <c:pt idx="6313">
                  <c:v>18.86170466319253</c:v>
                </c:pt>
                <c:pt idx="6314">
                  <c:v>18.865057399335786</c:v>
                </c:pt>
                <c:pt idx="6315">
                  <c:v>18.865057399335786</c:v>
                </c:pt>
                <c:pt idx="6316">
                  <c:v>18.868311525592549</c:v>
                </c:pt>
                <c:pt idx="6317">
                  <c:v>18.868311525592549</c:v>
                </c:pt>
                <c:pt idx="6318">
                  <c:v>18.868311525592549</c:v>
                </c:pt>
                <c:pt idx="6319">
                  <c:v>18.871664261735805</c:v>
                </c:pt>
                <c:pt idx="6320">
                  <c:v>18.871664261735805</c:v>
                </c:pt>
                <c:pt idx="6321">
                  <c:v>18.875016997879239</c:v>
                </c:pt>
                <c:pt idx="6322">
                  <c:v>18.878271124135829</c:v>
                </c:pt>
                <c:pt idx="6323">
                  <c:v>18.878271124135829</c:v>
                </c:pt>
                <c:pt idx="6324">
                  <c:v>18.881623860279262</c:v>
                </c:pt>
                <c:pt idx="6325">
                  <c:v>18.884976596422518</c:v>
                </c:pt>
                <c:pt idx="6326">
                  <c:v>18.884976596422518</c:v>
                </c:pt>
                <c:pt idx="6327">
                  <c:v>18.888230722679278</c:v>
                </c:pt>
                <c:pt idx="6328">
                  <c:v>18.891583458822538</c:v>
                </c:pt>
                <c:pt idx="6329">
                  <c:v>18.891583458822538</c:v>
                </c:pt>
                <c:pt idx="6330">
                  <c:v>18.894936194965972</c:v>
                </c:pt>
                <c:pt idx="6331">
                  <c:v>18.894936194965972</c:v>
                </c:pt>
                <c:pt idx="6332">
                  <c:v>18.898190321222735</c:v>
                </c:pt>
                <c:pt idx="6333">
                  <c:v>18.901543057365991</c:v>
                </c:pt>
                <c:pt idx="6334">
                  <c:v>18.901543057365991</c:v>
                </c:pt>
                <c:pt idx="6335">
                  <c:v>18.904895793509247</c:v>
                </c:pt>
                <c:pt idx="6336">
                  <c:v>18.904895793509247</c:v>
                </c:pt>
                <c:pt idx="6337">
                  <c:v>18.908149919766007</c:v>
                </c:pt>
                <c:pt idx="6338">
                  <c:v>18.911502655909267</c:v>
                </c:pt>
                <c:pt idx="6339">
                  <c:v>18.911502655909267</c:v>
                </c:pt>
                <c:pt idx="6340">
                  <c:v>18.914855392052701</c:v>
                </c:pt>
                <c:pt idx="6341">
                  <c:v>18.914855392052701</c:v>
                </c:pt>
                <c:pt idx="6342">
                  <c:v>18.918109518309464</c:v>
                </c:pt>
                <c:pt idx="6343">
                  <c:v>18.92146225445272</c:v>
                </c:pt>
                <c:pt idx="6344">
                  <c:v>18.92146225445272</c:v>
                </c:pt>
                <c:pt idx="6345">
                  <c:v>18.92481499059598</c:v>
                </c:pt>
                <c:pt idx="6346">
                  <c:v>18.92806911685274</c:v>
                </c:pt>
                <c:pt idx="6347">
                  <c:v>18.92806911685274</c:v>
                </c:pt>
                <c:pt idx="6348">
                  <c:v>18.931421852996174</c:v>
                </c:pt>
                <c:pt idx="6349">
                  <c:v>18.931421852996174</c:v>
                </c:pt>
                <c:pt idx="6350">
                  <c:v>18.93477458913943</c:v>
                </c:pt>
                <c:pt idx="6351">
                  <c:v>18.93477458913943</c:v>
                </c:pt>
                <c:pt idx="6352">
                  <c:v>18.938127325282689</c:v>
                </c:pt>
                <c:pt idx="6353">
                  <c:v>18.938127325282689</c:v>
                </c:pt>
                <c:pt idx="6354">
                  <c:v>18.941381451539453</c:v>
                </c:pt>
                <c:pt idx="6355">
                  <c:v>18.941381451539453</c:v>
                </c:pt>
                <c:pt idx="6356">
                  <c:v>18.944734187682709</c:v>
                </c:pt>
                <c:pt idx="6357">
                  <c:v>18.944734187682709</c:v>
                </c:pt>
                <c:pt idx="6358">
                  <c:v>18.948086923826139</c:v>
                </c:pt>
                <c:pt idx="6359">
                  <c:v>18.951341050082902</c:v>
                </c:pt>
                <c:pt idx="6360">
                  <c:v>18.951341050082902</c:v>
                </c:pt>
                <c:pt idx="6361">
                  <c:v>18.954693786226159</c:v>
                </c:pt>
                <c:pt idx="6362">
                  <c:v>18.954693786226159</c:v>
                </c:pt>
                <c:pt idx="6363">
                  <c:v>18.958046522369418</c:v>
                </c:pt>
                <c:pt idx="6364">
                  <c:v>18.958046522369418</c:v>
                </c:pt>
                <c:pt idx="6365">
                  <c:v>18.961300648626182</c:v>
                </c:pt>
                <c:pt idx="6366">
                  <c:v>18.961300648626182</c:v>
                </c:pt>
                <c:pt idx="6367">
                  <c:v>18.964653384769438</c:v>
                </c:pt>
                <c:pt idx="6368">
                  <c:v>18.968006120912868</c:v>
                </c:pt>
                <c:pt idx="6369">
                  <c:v>18.968006120912868</c:v>
                </c:pt>
                <c:pt idx="6370">
                  <c:v>18.968006120912868</c:v>
                </c:pt>
                <c:pt idx="6371">
                  <c:v>18.971260247169631</c:v>
                </c:pt>
                <c:pt idx="6372">
                  <c:v>18.971260247169631</c:v>
                </c:pt>
                <c:pt idx="6373">
                  <c:v>18.974612983312891</c:v>
                </c:pt>
                <c:pt idx="6374">
                  <c:v>18.974612983312891</c:v>
                </c:pt>
                <c:pt idx="6375">
                  <c:v>18.977965719456147</c:v>
                </c:pt>
                <c:pt idx="6376">
                  <c:v>18.977965719456147</c:v>
                </c:pt>
                <c:pt idx="6377">
                  <c:v>18.981219845712911</c:v>
                </c:pt>
                <c:pt idx="6378">
                  <c:v>18.981219845712911</c:v>
                </c:pt>
                <c:pt idx="6379">
                  <c:v>18.984572581856341</c:v>
                </c:pt>
                <c:pt idx="6380">
                  <c:v>18.984572581856341</c:v>
                </c:pt>
                <c:pt idx="6381">
                  <c:v>18.987925317999597</c:v>
                </c:pt>
                <c:pt idx="6382">
                  <c:v>18.987925317999597</c:v>
                </c:pt>
                <c:pt idx="6383">
                  <c:v>18.99117944425636</c:v>
                </c:pt>
                <c:pt idx="6384">
                  <c:v>18.99117944425636</c:v>
                </c:pt>
                <c:pt idx="6385">
                  <c:v>18.99453218039962</c:v>
                </c:pt>
                <c:pt idx="6386">
                  <c:v>18.99453218039962</c:v>
                </c:pt>
                <c:pt idx="6387">
                  <c:v>18.997884916542876</c:v>
                </c:pt>
                <c:pt idx="6388">
                  <c:v>19.00113904279964</c:v>
                </c:pt>
                <c:pt idx="6389">
                  <c:v>19.00113904279964</c:v>
                </c:pt>
                <c:pt idx="6390">
                  <c:v>19.00449177894307</c:v>
                </c:pt>
                <c:pt idx="6391">
                  <c:v>19.00784451508633</c:v>
                </c:pt>
                <c:pt idx="6392">
                  <c:v>19.00784451508633</c:v>
                </c:pt>
                <c:pt idx="6393">
                  <c:v>19.011098641343093</c:v>
                </c:pt>
                <c:pt idx="6394">
                  <c:v>19.011098641343093</c:v>
                </c:pt>
                <c:pt idx="6395">
                  <c:v>19.014451377486349</c:v>
                </c:pt>
                <c:pt idx="6396">
                  <c:v>19.017804113629783</c:v>
                </c:pt>
                <c:pt idx="6397">
                  <c:v>19.021058239886372</c:v>
                </c:pt>
                <c:pt idx="6398">
                  <c:v>19.021058239886372</c:v>
                </c:pt>
                <c:pt idx="6399">
                  <c:v>19.024410976029806</c:v>
                </c:pt>
                <c:pt idx="6400">
                  <c:v>19.024410976029806</c:v>
                </c:pt>
                <c:pt idx="6401">
                  <c:v>19.027763712173059</c:v>
                </c:pt>
                <c:pt idx="6402">
                  <c:v>19.027763712173059</c:v>
                </c:pt>
                <c:pt idx="6403">
                  <c:v>19.031017838429822</c:v>
                </c:pt>
                <c:pt idx="6404">
                  <c:v>19.031017838429822</c:v>
                </c:pt>
                <c:pt idx="6405">
                  <c:v>19.034370574573078</c:v>
                </c:pt>
                <c:pt idx="6406">
                  <c:v>19.037723310716512</c:v>
                </c:pt>
                <c:pt idx="6407">
                  <c:v>19.037723310716512</c:v>
                </c:pt>
                <c:pt idx="6408">
                  <c:v>19.040977436973275</c:v>
                </c:pt>
                <c:pt idx="6409">
                  <c:v>19.040977436973275</c:v>
                </c:pt>
                <c:pt idx="6410">
                  <c:v>19.044330173116535</c:v>
                </c:pt>
                <c:pt idx="6411">
                  <c:v>19.047682909259787</c:v>
                </c:pt>
                <c:pt idx="6412">
                  <c:v>19.047682909259787</c:v>
                </c:pt>
                <c:pt idx="6413">
                  <c:v>19.050937035516551</c:v>
                </c:pt>
                <c:pt idx="6414">
                  <c:v>19.050937035516551</c:v>
                </c:pt>
                <c:pt idx="6415">
                  <c:v>19.054289771659811</c:v>
                </c:pt>
                <c:pt idx="6416">
                  <c:v>19.054289771659811</c:v>
                </c:pt>
                <c:pt idx="6417">
                  <c:v>19.057642507803244</c:v>
                </c:pt>
                <c:pt idx="6418">
                  <c:v>19.057642507803244</c:v>
                </c:pt>
                <c:pt idx="6419">
                  <c:v>19.060896634060008</c:v>
                </c:pt>
                <c:pt idx="6420">
                  <c:v>19.060896634060008</c:v>
                </c:pt>
                <c:pt idx="6421">
                  <c:v>19.064249370203264</c:v>
                </c:pt>
                <c:pt idx="6422">
                  <c:v>19.064249370203264</c:v>
                </c:pt>
                <c:pt idx="6423">
                  <c:v>19.06760210634652</c:v>
                </c:pt>
                <c:pt idx="6424">
                  <c:v>19.06760210634652</c:v>
                </c:pt>
                <c:pt idx="6425">
                  <c:v>19.070954842489954</c:v>
                </c:pt>
                <c:pt idx="6426">
                  <c:v>19.074208968746714</c:v>
                </c:pt>
                <c:pt idx="6427">
                  <c:v>19.074208968746714</c:v>
                </c:pt>
                <c:pt idx="6428">
                  <c:v>19.077561704889973</c:v>
                </c:pt>
                <c:pt idx="6429">
                  <c:v>19.077561704889973</c:v>
                </c:pt>
                <c:pt idx="6430">
                  <c:v>19.080914441033229</c:v>
                </c:pt>
                <c:pt idx="6431">
                  <c:v>19.080914441033229</c:v>
                </c:pt>
                <c:pt idx="6432">
                  <c:v>19.084168567289993</c:v>
                </c:pt>
                <c:pt idx="6433">
                  <c:v>19.084168567289993</c:v>
                </c:pt>
                <c:pt idx="6434">
                  <c:v>19.087521303433249</c:v>
                </c:pt>
                <c:pt idx="6435">
                  <c:v>19.087521303433249</c:v>
                </c:pt>
                <c:pt idx="6436">
                  <c:v>19.090874039576683</c:v>
                </c:pt>
                <c:pt idx="6437">
                  <c:v>19.090874039576683</c:v>
                </c:pt>
                <c:pt idx="6438">
                  <c:v>19.094128165833446</c:v>
                </c:pt>
                <c:pt idx="6439">
                  <c:v>19.097480901976702</c:v>
                </c:pt>
                <c:pt idx="6440">
                  <c:v>19.097480901976702</c:v>
                </c:pt>
                <c:pt idx="6441">
                  <c:v>19.100833638119962</c:v>
                </c:pt>
                <c:pt idx="6442">
                  <c:v>19.100833638119962</c:v>
                </c:pt>
                <c:pt idx="6443">
                  <c:v>19.104087764376725</c:v>
                </c:pt>
                <c:pt idx="6444">
                  <c:v>19.104087764376725</c:v>
                </c:pt>
                <c:pt idx="6445">
                  <c:v>19.107440500520156</c:v>
                </c:pt>
                <c:pt idx="6446">
                  <c:v>19.110793236663412</c:v>
                </c:pt>
                <c:pt idx="6447">
                  <c:v>19.110793236663412</c:v>
                </c:pt>
                <c:pt idx="6448">
                  <c:v>19.114047362920175</c:v>
                </c:pt>
                <c:pt idx="6449">
                  <c:v>19.114047362920175</c:v>
                </c:pt>
                <c:pt idx="6450">
                  <c:v>19.117400099063431</c:v>
                </c:pt>
                <c:pt idx="6451">
                  <c:v>19.117400099063431</c:v>
                </c:pt>
                <c:pt idx="6452">
                  <c:v>19.120752835206691</c:v>
                </c:pt>
                <c:pt idx="6453">
                  <c:v>19.120752835206691</c:v>
                </c:pt>
                <c:pt idx="6454">
                  <c:v>19.124006961463454</c:v>
                </c:pt>
                <c:pt idx="6455">
                  <c:v>19.124006961463454</c:v>
                </c:pt>
                <c:pt idx="6456">
                  <c:v>19.127359697606884</c:v>
                </c:pt>
                <c:pt idx="6457">
                  <c:v>19.127359697606884</c:v>
                </c:pt>
                <c:pt idx="6458">
                  <c:v>19.130712433750141</c:v>
                </c:pt>
                <c:pt idx="6459">
                  <c:v>19.130712433750141</c:v>
                </c:pt>
                <c:pt idx="6460">
                  <c:v>19.133966560006904</c:v>
                </c:pt>
                <c:pt idx="6461">
                  <c:v>19.133966560006904</c:v>
                </c:pt>
                <c:pt idx="6462">
                  <c:v>19.133966560006904</c:v>
                </c:pt>
                <c:pt idx="6463">
                  <c:v>19.137319296150164</c:v>
                </c:pt>
                <c:pt idx="6464">
                  <c:v>19.137319296150164</c:v>
                </c:pt>
                <c:pt idx="6465">
                  <c:v>19.140672032293597</c:v>
                </c:pt>
                <c:pt idx="6466">
                  <c:v>19.143926158550183</c:v>
                </c:pt>
                <c:pt idx="6467">
                  <c:v>19.143926158550183</c:v>
                </c:pt>
                <c:pt idx="6468">
                  <c:v>19.147278894693613</c:v>
                </c:pt>
                <c:pt idx="6469">
                  <c:v>19.147278894693613</c:v>
                </c:pt>
                <c:pt idx="6470">
                  <c:v>19.150631630836873</c:v>
                </c:pt>
                <c:pt idx="6471">
                  <c:v>19.150631630836873</c:v>
                </c:pt>
                <c:pt idx="6472">
                  <c:v>19.153885757093636</c:v>
                </c:pt>
                <c:pt idx="6473">
                  <c:v>19.153885757093636</c:v>
                </c:pt>
                <c:pt idx="6474">
                  <c:v>19.157238493236893</c:v>
                </c:pt>
                <c:pt idx="6475">
                  <c:v>19.160591229380326</c:v>
                </c:pt>
                <c:pt idx="6476">
                  <c:v>19.160591229380326</c:v>
                </c:pt>
                <c:pt idx="6477">
                  <c:v>19.163845355637086</c:v>
                </c:pt>
                <c:pt idx="6478">
                  <c:v>19.167198091780342</c:v>
                </c:pt>
                <c:pt idx="6479">
                  <c:v>19.170550827923602</c:v>
                </c:pt>
                <c:pt idx="6480">
                  <c:v>19.170550827923602</c:v>
                </c:pt>
                <c:pt idx="6481">
                  <c:v>19.173804954180365</c:v>
                </c:pt>
                <c:pt idx="6482">
                  <c:v>19.177157690323622</c:v>
                </c:pt>
                <c:pt idx="6483">
                  <c:v>19.177157690323622</c:v>
                </c:pt>
                <c:pt idx="6484">
                  <c:v>19.180510426467055</c:v>
                </c:pt>
                <c:pt idx="6485">
                  <c:v>19.180510426467055</c:v>
                </c:pt>
                <c:pt idx="6486">
                  <c:v>19.183764552723819</c:v>
                </c:pt>
                <c:pt idx="6487">
                  <c:v>19.187117288867075</c:v>
                </c:pt>
                <c:pt idx="6488">
                  <c:v>19.187117288867075</c:v>
                </c:pt>
                <c:pt idx="6489">
                  <c:v>19.190470025010331</c:v>
                </c:pt>
                <c:pt idx="6490">
                  <c:v>19.193724151267094</c:v>
                </c:pt>
                <c:pt idx="6491">
                  <c:v>19.193724151267094</c:v>
                </c:pt>
                <c:pt idx="6492">
                  <c:v>19.197076887410528</c:v>
                </c:pt>
                <c:pt idx="6493">
                  <c:v>19.197076887410528</c:v>
                </c:pt>
                <c:pt idx="6494">
                  <c:v>19.200429623553788</c:v>
                </c:pt>
                <c:pt idx="6495">
                  <c:v>19.203782359697041</c:v>
                </c:pt>
                <c:pt idx="6496">
                  <c:v>19.203782359697041</c:v>
                </c:pt>
                <c:pt idx="6497">
                  <c:v>19.207036485953804</c:v>
                </c:pt>
                <c:pt idx="6498">
                  <c:v>19.207036485953804</c:v>
                </c:pt>
                <c:pt idx="6499">
                  <c:v>19.21038922209706</c:v>
                </c:pt>
                <c:pt idx="6500">
                  <c:v>19.21038922209706</c:v>
                </c:pt>
                <c:pt idx="6501">
                  <c:v>19.213741958240494</c:v>
                </c:pt>
                <c:pt idx="6502">
                  <c:v>19.213741958240494</c:v>
                </c:pt>
                <c:pt idx="6503">
                  <c:v>19.213741958240494</c:v>
                </c:pt>
                <c:pt idx="6504">
                  <c:v>19.216996084497257</c:v>
                </c:pt>
                <c:pt idx="6505">
                  <c:v>19.216996084497257</c:v>
                </c:pt>
                <c:pt idx="6506">
                  <c:v>19.220348820640517</c:v>
                </c:pt>
                <c:pt idx="6507">
                  <c:v>19.220348820640517</c:v>
                </c:pt>
                <c:pt idx="6508">
                  <c:v>19.223701556783769</c:v>
                </c:pt>
                <c:pt idx="6509">
                  <c:v>19.223701556783769</c:v>
                </c:pt>
                <c:pt idx="6510">
                  <c:v>19.226955683040533</c:v>
                </c:pt>
                <c:pt idx="6511">
                  <c:v>19.230308419183967</c:v>
                </c:pt>
                <c:pt idx="6512">
                  <c:v>19.230308419183967</c:v>
                </c:pt>
                <c:pt idx="6513">
                  <c:v>19.233661155327226</c:v>
                </c:pt>
                <c:pt idx="6514">
                  <c:v>19.233661155327226</c:v>
                </c:pt>
                <c:pt idx="6515">
                  <c:v>19.23691528158399</c:v>
                </c:pt>
                <c:pt idx="6516">
                  <c:v>19.23691528158399</c:v>
                </c:pt>
                <c:pt idx="6517">
                  <c:v>19.240268017727246</c:v>
                </c:pt>
                <c:pt idx="6518">
                  <c:v>19.240268017727246</c:v>
                </c:pt>
                <c:pt idx="6519">
                  <c:v>19.243620753870502</c:v>
                </c:pt>
                <c:pt idx="6520">
                  <c:v>19.243620753870502</c:v>
                </c:pt>
                <c:pt idx="6521">
                  <c:v>19.246874880127262</c:v>
                </c:pt>
                <c:pt idx="6522">
                  <c:v>19.246874880127262</c:v>
                </c:pt>
                <c:pt idx="6523">
                  <c:v>19.250227616270696</c:v>
                </c:pt>
                <c:pt idx="6524">
                  <c:v>19.250227616270696</c:v>
                </c:pt>
                <c:pt idx="6525">
                  <c:v>19.253580352413955</c:v>
                </c:pt>
                <c:pt idx="6526">
                  <c:v>19.256834478670719</c:v>
                </c:pt>
                <c:pt idx="6527">
                  <c:v>19.256834478670719</c:v>
                </c:pt>
                <c:pt idx="6528">
                  <c:v>19.260187214813975</c:v>
                </c:pt>
                <c:pt idx="6529">
                  <c:v>19.260187214813975</c:v>
                </c:pt>
                <c:pt idx="6530">
                  <c:v>19.263539950957234</c:v>
                </c:pt>
                <c:pt idx="6531">
                  <c:v>19.266794077213994</c:v>
                </c:pt>
                <c:pt idx="6532">
                  <c:v>19.266794077213994</c:v>
                </c:pt>
                <c:pt idx="6533">
                  <c:v>19.270146813357428</c:v>
                </c:pt>
                <c:pt idx="6534">
                  <c:v>19.270146813357428</c:v>
                </c:pt>
                <c:pt idx="6535">
                  <c:v>19.270146813357428</c:v>
                </c:pt>
                <c:pt idx="6536">
                  <c:v>19.273499549500684</c:v>
                </c:pt>
                <c:pt idx="6537">
                  <c:v>19.273499549500684</c:v>
                </c:pt>
                <c:pt idx="6538">
                  <c:v>19.276753675757448</c:v>
                </c:pt>
                <c:pt idx="6539">
                  <c:v>19.280106411900707</c:v>
                </c:pt>
                <c:pt idx="6540">
                  <c:v>19.280106411900707</c:v>
                </c:pt>
                <c:pt idx="6541">
                  <c:v>19.283459148044138</c:v>
                </c:pt>
                <c:pt idx="6542">
                  <c:v>19.283459148044138</c:v>
                </c:pt>
                <c:pt idx="6543">
                  <c:v>19.286713274300901</c:v>
                </c:pt>
                <c:pt idx="6544">
                  <c:v>19.286713274300901</c:v>
                </c:pt>
                <c:pt idx="6545">
                  <c:v>19.290066010444157</c:v>
                </c:pt>
                <c:pt idx="6546">
                  <c:v>19.290066010444157</c:v>
                </c:pt>
                <c:pt idx="6547">
                  <c:v>19.293418746587413</c:v>
                </c:pt>
                <c:pt idx="6548">
                  <c:v>19.293418746587413</c:v>
                </c:pt>
                <c:pt idx="6549">
                  <c:v>19.296672872844177</c:v>
                </c:pt>
                <c:pt idx="6550">
                  <c:v>19.296672872844177</c:v>
                </c:pt>
                <c:pt idx="6551">
                  <c:v>19.300025608987436</c:v>
                </c:pt>
                <c:pt idx="6552">
                  <c:v>19.300025608987436</c:v>
                </c:pt>
                <c:pt idx="6553">
                  <c:v>19.303378345130866</c:v>
                </c:pt>
                <c:pt idx="6554">
                  <c:v>19.30663247138763</c:v>
                </c:pt>
                <c:pt idx="6555">
                  <c:v>19.30663247138763</c:v>
                </c:pt>
                <c:pt idx="6556">
                  <c:v>19.309985207530886</c:v>
                </c:pt>
                <c:pt idx="6557">
                  <c:v>19.309985207530886</c:v>
                </c:pt>
                <c:pt idx="6558">
                  <c:v>19.313337943674146</c:v>
                </c:pt>
                <c:pt idx="6559">
                  <c:v>19.313337943674146</c:v>
                </c:pt>
                <c:pt idx="6560">
                  <c:v>19.316592069930909</c:v>
                </c:pt>
                <c:pt idx="6561">
                  <c:v>19.316592069930909</c:v>
                </c:pt>
                <c:pt idx="6562">
                  <c:v>19.319944806074165</c:v>
                </c:pt>
                <c:pt idx="6563">
                  <c:v>19.319944806074165</c:v>
                </c:pt>
                <c:pt idx="6564">
                  <c:v>19.323297542217595</c:v>
                </c:pt>
                <c:pt idx="6565">
                  <c:v>19.326650278360855</c:v>
                </c:pt>
                <c:pt idx="6566">
                  <c:v>19.326650278360855</c:v>
                </c:pt>
                <c:pt idx="6567">
                  <c:v>19.329904404617618</c:v>
                </c:pt>
                <c:pt idx="6568">
                  <c:v>19.329904404617618</c:v>
                </c:pt>
                <c:pt idx="6569">
                  <c:v>19.333257140760875</c:v>
                </c:pt>
                <c:pt idx="6570">
                  <c:v>19.336609876904308</c:v>
                </c:pt>
                <c:pt idx="6571">
                  <c:v>19.336609876904308</c:v>
                </c:pt>
                <c:pt idx="6572">
                  <c:v>19.339864003161072</c:v>
                </c:pt>
                <c:pt idx="6573">
                  <c:v>19.339864003161072</c:v>
                </c:pt>
                <c:pt idx="6574">
                  <c:v>19.343216739304324</c:v>
                </c:pt>
                <c:pt idx="6575">
                  <c:v>19.346569475447584</c:v>
                </c:pt>
                <c:pt idx="6576">
                  <c:v>19.346569475447584</c:v>
                </c:pt>
                <c:pt idx="6577">
                  <c:v>19.349823601704347</c:v>
                </c:pt>
                <c:pt idx="6578">
                  <c:v>19.353176337847604</c:v>
                </c:pt>
                <c:pt idx="6579">
                  <c:v>19.353176337847604</c:v>
                </c:pt>
                <c:pt idx="6580">
                  <c:v>19.356529073991037</c:v>
                </c:pt>
                <c:pt idx="6581">
                  <c:v>19.356529073991037</c:v>
                </c:pt>
                <c:pt idx="6582">
                  <c:v>19.359783200247801</c:v>
                </c:pt>
                <c:pt idx="6583">
                  <c:v>19.359783200247801</c:v>
                </c:pt>
                <c:pt idx="6584">
                  <c:v>19.363135936391057</c:v>
                </c:pt>
                <c:pt idx="6585">
                  <c:v>19.363135936391057</c:v>
                </c:pt>
                <c:pt idx="6586">
                  <c:v>19.366488672534313</c:v>
                </c:pt>
                <c:pt idx="6587">
                  <c:v>19.366488672534313</c:v>
                </c:pt>
                <c:pt idx="6588">
                  <c:v>19.369742798791076</c:v>
                </c:pt>
                <c:pt idx="6589">
                  <c:v>19.37309553493451</c:v>
                </c:pt>
                <c:pt idx="6590">
                  <c:v>19.37309553493451</c:v>
                </c:pt>
                <c:pt idx="6591">
                  <c:v>19.376448271077766</c:v>
                </c:pt>
                <c:pt idx="6592">
                  <c:v>19.376448271077766</c:v>
                </c:pt>
                <c:pt idx="6593">
                  <c:v>19.37970239733453</c:v>
                </c:pt>
                <c:pt idx="6594">
                  <c:v>19.37970239733453</c:v>
                </c:pt>
                <c:pt idx="6595">
                  <c:v>19.383055133477786</c:v>
                </c:pt>
                <c:pt idx="6596">
                  <c:v>19.383055133477786</c:v>
                </c:pt>
                <c:pt idx="6597">
                  <c:v>19.386407869621042</c:v>
                </c:pt>
                <c:pt idx="6598">
                  <c:v>19.386407869621042</c:v>
                </c:pt>
                <c:pt idx="6599">
                  <c:v>19.389661995877805</c:v>
                </c:pt>
                <c:pt idx="6600">
                  <c:v>19.389661995877805</c:v>
                </c:pt>
                <c:pt idx="6601">
                  <c:v>19.393014732021239</c:v>
                </c:pt>
                <c:pt idx="6602">
                  <c:v>19.393014732021239</c:v>
                </c:pt>
                <c:pt idx="6603">
                  <c:v>19.396367468164499</c:v>
                </c:pt>
                <c:pt idx="6604">
                  <c:v>19.396367468164499</c:v>
                </c:pt>
                <c:pt idx="6605">
                  <c:v>19.399621594421262</c:v>
                </c:pt>
                <c:pt idx="6606">
                  <c:v>19.399621594421262</c:v>
                </c:pt>
                <c:pt idx="6607">
                  <c:v>19.402974330564518</c:v>
                </c:pt>
                <c:pt idx="6608">
                  <c:v>19.402974330564518</c:v>
                </c:pt>
                <c:pt idx="6609">
                  <c:v>19.406327066707949</c:v>
                </c:pt>
                <c:pt idx="6610">
                  <c:v>19.409581192964538</c:v>
                </c:pt>
                <c:pt idx="6611">
                  <c:v>19.409581192964538</c:v>
                </c:pt>
                <c:pt idx="6612">
                  <c:v>19.412933929107972</c:v>
                </c:pt>
                <c:pt idx="6613">
                  <c:v>19.412933929107972</c:v>
                </c:pt>
                <c:pt idx="6614">
                  <c:v>19.416286665251228</c:v>
                </c:pt>
                <c:pt idx="6615">
                  <c:v>19.416286665251228</c:v>
                </c:pt>
                <c:pt idx="6616">
                  <c:v>19.419540791507991</c:v>
                </c:pt>
                <c:pt idx="6617">
                  <c:v>19.422893527651247</c:v>
                </c:pt>
                <c:pt idx="6618">
                  <c:v>19.422893527651247</c:v>
                </c:pt>
                <c:pt idx="6619">
                  <c:v>19.426246263794678</c:v>
                </c:pt>
                <c:pt idx="6620">
                  <c:v>19.426246263794678</c:v>
                </c:pt>
                <c:pt idx="6621">
                  <c:v>19.429500390051441</c:v>
                </c:pt>
                <c:pt idx="6622">
                  <c:v>19.429500390051441</c:v>
                </c:pt>
                <c:pt idx="6623">
                  <c:v>19.432853126194701</c:v>
                </c:pt>
                <c:pt idx="6624">
                  <c:v>19.432853126194701</c:v>
                </c:pt>
                <c:pt idx="6625">
                  <c:v>19.436205862337957</c:v>
                </c:pt>
                <c:pt idx="6626">
                  <c:v>19.436205862337957</c:v>
                </c:pt>
                <c:pt idx="6627">
                  <c:v>19.43945998859472</c:v>
                </c:pt>
                <c:pt idx="6628">
                  <c:v>19.43945998859472</c:v>
                </c:pt>
                <c:pt idx="6629">
                  <c:v>19.44281272473798</c:v>
                </c:pt>
                <c:pt idx="6630">
                  <c:v>19.44281272473798</c:v>
                </c:pt>
                <c:pt idx="6631">
                  <c:v>19.44616546088141</c:v>
                </c:pt>
                <c:pt idx="6632">
                  <c:v>19.44616546088141</c:v>
                </c:pt>
                <c:pt idx="6633">
                  <c:v>19.449419587138173</c:v>
                </c:pt>
                <c:pt idx="6634">
                  <c:v>19.449419587138173</c:v>
                </c:pt>
                <c:pt idx="6635">
                  <c:v>19.45277232328143</c:v>
                </c:pt>
                <c:pt idx="6636">
                  <c:v>19.45277232328143</c:v>
                </c:pt>
                <c:pt idx="6637">
                  <c:v>19.456125059424689</c:v>
                </c:pt>
                <c:pt idx="6638">
                  <c:v>19.45947779556812</c:v>
                </c:pt>
                <c:pt idx="6639">
                  <c:v>19.45947779556812</c:v>
                </c:pt>
                <c:pt idx="6640">
                  <c:v>19.462731921824879</c:v>
                </c:pt>
                <c:pt idx="6641">
                  <c:v>19.462731921824879</c:v>
                </c:pt>
                <c:pt idx="6642">
                  <c:v>19.466084657968139</c:v>
                </c:pt>
                <c:pt idx="6643">
                  <c:v>19.466084657968139</c:v>
                </c:pt>
                <c:pt idx="6644">
                  <c:v>19.469437394111395</c:v>
                </c:pt>
                <c:pt idx="6645">
                  <c:v>19.469437394111395</c:v>
                </c:pt>
                <c:pt idx="6646">
                  <c:v>19.472691520368159</c:v>
                </c:pt>
                <c:pt idx="6647">
                  <c:v>19.476044256511418</c:v>
                </c:pt>
                <c:pt idx="6648">
                  <c:v>19.476044256511418</c:v>
                </c:pt>
                <c:pt idx="6649">
                  <c:v>19.479396992654848</c:v>
                </c:pt>
                <c:pt idx="6650">
                  <c:v>19.479396992654848</c:v>
                </c:pt>
                <c:pt idx="6651">
                  <c:v>19.482651118911612</c:v>
                </c:pt>
                <c:pt idx="6652">
                  <c:v>19.482651118911612</c:v>
                </c:pt>
                <c:pt idx="6653">
                  <c:v>19.486003855054868</c:v>
                </c:pt>
                <c:pt idx="6654">
                  <c:v>19.489356591198128</c:v>
                </c:pt>
                <c:pt idx="6655">
                  <c:v>19.489356591198128</c:v>
                </c:pt>
                <c:pt idx="6656">
                  <c:v>19.492610717454891</c:v>
                </c:pt>
                <c:pt idx="6657">
                  <c:v>19.492610717454891</c:v>
                </c:pt>
                <c:pt idx="6658">
                  <c:v>19.495963453598325</c:v>
                </c:pt>
                <c:pt idx="6659">
                  <c:v>19.495963453598325</c:v>
                </c:pt>
                <c:pt idx="6660">
                  <c:v>19.499316189741581</c:v>
                </c:pt>
                <c:pt idx="6661">
                  <c:v>19.499316189741581</c:v>
                </c:pt>
                <c:pt idx="6662">
                  <c:v>19.502570315998341</c:v>
                </c:pt>
                <c:pt idx="6663">
                  <c:v>19.502570315998341</c:v>
                </c:pt>
                <c:pt idx="6664">
                  <c:v>19.505923052141597</c:v>
                </c:pt>
                <c:pt idx="6665">
                  <c:v>19.509275788284857</c:v>
                </c:pt>
                <c:pt idx="6666">
                  <c:v>19.509275788284857</c:v>
                </c:pt>
                <c:pt idx="6667">
                  <c:v>19.51252991454162</c:v>
                </c:pt>
                <c:pt idx="6668">
                  <c:v>19.51252991454162</c:v>
                </c:pt>
                <c:pt idx="6669">
                  <c:v>19.515882650685054</c:v>
                </c:pt>
                <c:pt idx="6670">
                  <c:v>19.515882650685054</c:v>
                </c:pt>
                <c:pt idx="6671">
                  <c:v>19.515882650685054</c:v>
                </c:pt>
                <c:pt idx="6672">
                  <c:v>19.51923538682831</c:v>
                </c:pt>
                <c:pt idx="6673">
                  <c:v>19.52248951308507</c:v>
                </c:pt>
                <c:pt idx="6674">
                  <c:v>19.52248951308507</c:v>
                </c:pt>
                <c:pt idx="6675">
                  <c:v>19.525842249228329</c:v>
                </c:pt>
                <c:pt idx="6676">
                  <c:v>19.525842249228329</c:v>
                </c:pt>
                <c:pt idx="6677">
                  <c:v>19.529194985371763</c:v>
                </c:pt>
                <c:pt idx="6678">
                  <c:v>19.529194985371763</c:v>
                </c:pt>
                <c:pt idx="6679">
                  <c:v>19.532449111628349</c:v>
                </c:pt>
                <c:pt idx="6680">
                  <c:v>19.535801847771783</c:v>
                </c:pt>
                <c:pt idx="6681">
                  <c:v>19.535801847771783</c:v>
                </c:pt>
                <c:pt idx="6682">
                  <c:v>19.539154583915042</c:v>
                </c:pt>
                <c:pt idx="6683">
                  <c:v>19.539154583915042</c:v>
                </c:pt>
                <c:pt idx="6684">
                  <c:v>19.542408710171802</c:v>
                </c:pt>
                <c:pt idx="6685">
                  <c:v>19.542408710171802</c:v>
                </c:pt>
                <c:pt idx="6686">
                  <c:v>19.545761446315058</c:v>
                </c:pt>
                <c:pt idx="6687">
                  <c:v>19.549114182458492</c:v>
                </c:pt>
                <c:pt idx="6688">
                  <c:v>19.549114182458492</c:v>
                </c:pt>
                <c:pt idx="6689">
                  <c:v>19.552368308715256</c:v>
                </c:pt>
                <c:pt idx="6690">
                  <c:v>19.555721044858512</c:v>
                </c:pt>
                <c:pt idx="6691">
                  <c:v>19.555721044858512</c:v>
                </c:pt>
                <c:pt idx="6692">
                  <c:v>19.559073781001771</c:v>
                </c:pt>
                <c:pt idx="6693">
                  <c:v>19.562327907258535</c:v>
                </c:pt>
                <c:pt idx="6694">
                  <c:v>19.562327907258535</c:v>
                </c:pt>
                <c:pt idx="6695">
                  <c:v>19.565680643401787</c:v>
                </c:pt>
                <c:pt idx="6696">
                  <c:v>19.565680643401787</c:v>
                </c:pt>
                <c:pt idx="6697">
                  <c:v>19.569033379545221</c:v>
                </c:pt>
                <c:pt idx="6698">
                  <c:v>19.569033379545221</c:v>
                </c:pt>
                <c:pt idx="6699">
                  <c:v>19.572287505801985</c:v>
                </c:pt>
                <c:pt idx="6700">
                  <c:v>19.572287505801985</c:v>
                </c:pt>
                <c:pt idx="6701">
                  <c:v>19.575640241945244</c:v>
                </c:pt>
                <c:pt idx="6702">
                  <c:v>19.5789929780885</c:v>
                </c:pt>
                <c:pt idx="6703">
                  <c:v>19.5789929780885</c:v>
                </c:pt>
                <c:pt idx="6704">
                  <c:v>19.582345714231931</c:v>
                </c:pt>
                <c:pt idx="6705">
                  <c:v>19.582345714231931</c:v>
                </c:pt>
                <c:pt idx="6706">
                  <c:v>19.58559984048852</c:v>
                </c:pt>
                <c:pt idx="6707">
                  <c:v>19.58559984048852</c:v>
                </c:pt>
                <c:pt idx="6708">
                  <c:v>19.588952576631954</c:v>
                </c:pt>
                <c:pt idx="6709">
                  <c:v>19.588952576631954</c:v>
                </c:pt>
                <c:pt idx="6710">
                  <c:v>19.588952576631954</c:v>
                </c:pt>
                <c:pt idx="6711">
                  <c:v>19.59230531277521</c:v>
                </c:pt>
                <c:pt idx="6712">
                  <c:v>19.595559439031973</c:v>
                </c:pt>
                <c:pt idx="6713">
                  <c:v>19.595559439031973</c:v>
                </c:pt>
                <c:pt idx="6714">
                  <c:v>19.598912175175229</c:v>
                </c:pt>
                <c:pt idx="6715">
                  <c:v>19.598912175175229</c:v>
                </c:pt>
                <c:pt idx="6716">
                  <c:v>19.60226491131866</c:v>
                </c:pt>
                <c:pt idx="6717">
                  <c:v>19.60226491131866</c:v>
                </c:pt>
                <c:pt idx="6718">
                  <c:v>19.605519037575423</c:v>
                </c:pt>
                <c:pt idx="6719">
                  <c:v>19.605519037575423</c:v>
                </c:pt>
                <c:pt idx="6720">
                  <c:v>19.608871773718683</c:v>
                </c:pt>
                <c:pt idx="6721">
                  <c:v>19.608871773718683</c:v>
                </c:pt>
                <c:pt idx="6722">
                  <c:v>19.612224509861939</c:v>
                </c:pt>
                <c:pt idx="6723">
                  <c:v>19.612224509861939</c:v>
                </c:pt>
                <c:pt idx="6724">
                  <c:v>19.615478636118702</c:v>
                </c:pt>
                <c:pt idx="6725">
                  <c:v>19.615478636118702</c:v>
                </c:pt>
                <c:pt idx="6726">
                  <c:v>19.618831372261962</c:v>
                </c:pt>
                <c:pt idx="6727">
                  <c:v>19.618831372261962</c:v>
                </c:pt>
                <c:pt idx="6728">
                  <c:v>19.622184108405392</c:v>
                </c:pt>
                <c:pt idx="6729">
                  <c:v>19.622184108405392</c:v>
                </c:pt>
                <c:pt idx="6730">
                  <c:v>19.625438234662155</c:v>
                </c:pt>
                <c:pt idx="6731">
                  <c:v>19.628790970805412</c:v>
                </c:pt>
                <c:pt idx="6732">
                  <c:v>19.628790970805412</c:v>
                </c:pt>
                <c:pt idx="6733">
                  <c:v>19.632143706948671</c:v>
                </c:pt>
                <c:pt idx="6734">
                  <c:v>19.635397833205431</c:v>
                </c:pt>
                <c:pt idx="6735">
                  <c:v>19.635397833205431</c:v>
                </c:pt>
                <c:pt idx="6736">
                  <c:v>19.638750569348865</c:v>
                </c:pt>
                <c:pt idx="6737">
                  <c:v>19.638750569348865</c:v>
                </c:pt>
                <c:pt idx="6738">
                  <c:v>19.642103305492121</c:v>
                </c:pt>
                <c:pt idx="6739">
                  <c:v>19.642103305492121</c:v>
                </c:pt>
                <c:pt idx="6740">
                  <c:v>19.645357431748884</c:v>
                </c:pt>
                <c:pt idx="6741">
                  <c:v>19.645357431748884</c:v>
                </c:pt>
                <c:pt idx="6742">
                  <c:v>19.648710167892141</c:v>
                </c:pt>
                <c:pt idx="6743">
                  <c:v>19.648710167892141</c:v>
                </c:pt>
                <c:pt idx="6744">
                  <c:v>19.6520629040354</c:v>
                </c:pt>
                <c:pt idx="6745">
                  <c:v>19.655317030292164</c:v>
                </c:pt>
                <c:pt idx="6746">
                  <c:v>19.655317030292164</c:v>
                </c:pt>
                <c:pt idx="6747">
                  <c:v>19.658669766435597</c:v>
                </c:pt>
                <c:pt idx="6748">
                  <c:v>19.658669766435597</c:v>
                </c:pt>
                <c:pt idx="6749">
                  <c:v>19.66202250257885</c:v>
                </c:pt>
                <c:pt idx="6750">
                  <c:v>19.665276628835613</c:v>
                </c:pt>
                <c:pt idx="6751">
                  <c:v>19.665276628835613</c:v>
                </c:pt>
                <c:pt idx="6752">
                  <c:v>19.668629364978873</c:v>
                </c:pt>
                <c:pt idx="6753">
                  <c:v>19.668629364978873</c:v>
                </c:pt>
                <c:pt idx="6754">
                  <c:v>19.671982101122307</c:v>
                </c:pt>
                <c:pt idx="6755">
                  <c:v>19.671982101122307</c:v>
                </c:pt>
                <c:pt idx="6756">
                  <c:v>19.675236227378893</c:v>
                </c:pt>
                <c:pt idx="6757">
                  <c:v>19.678588963522326</c:v>
                </c:pt>
                <c:pt idx="6758">
                  <c:v>19.678588963522326</c:v>
                </c:pt>
                <c:pt idx="6759">
                  <c:v>19.681941699665579</c:v>
                </c:pt>
                <c:pt idx="6760">
                  <c:v>19.681941699665579</c:v>
                </c:pt>
                <c:pt idx="6761">
                  <c:v>19.685195825922342</c:v>
                </c:pt>
                <c:pt idx="6762">
                  <c:v>19.685195825922342</c:v>
                </c:pt>
                <c:pt idx="6763">
                  <c:v>19.688548562065602</c:v>
                </c:pt>
                <c:pt idx="6764">
                  <c:v>19.688548562065602</c:v>
                </c:pt>
                <c:pt idx="6765">
                  <c:v>19.691901298209036</c:v>
                </c:pt>
                <c:pt idx="6766">
                  <c:v>19.695155424465799</c:v>
                </c:pt>
                <c:pt idx="6767">
                  <c:v>19.695155424465799</c:v>
                </c:pt>
                <c:pt idx="6768">
                  <c:v>19.698508160609055</c:v>
                </c:pt>
                <c:pt idx="6769">
                  <c:v>19.698508160609055</c:v>
                </c:pt>
                <c:pt idx="6770">
                  <c:v>19.701860896752311</c:v>
                </c:pt>
                <c:pt idx="6771">
                  <c:v>19.701860896752311</c:v>
                </c:pt>
                <c:pt idx="6772">
                  <c:v>19.705115023009075</c:v>
                </c:pt>
                <c:pt idx="6773">
                  <c:v>19.705115023009075</c:v>
                </c:pt>
                <c:pt idx="6774">
                  <c:v>19.708467759152331</c:v>
                </c:pt>
                <c:pt idx="6775">
                  <c:v>19.708467759152331</c:v>
                </c:pt>
                <c:pt idx="6776">
                  <c:v>19.711820495295765</c:v>
                </c:pt>
                <c:pt idx="6777">
                  <c:v>19.711820495295765</c:v>
                </c:pt>
                <c:pt idx="6778">
                  <c:v>19.715173231439024</c:v>
                </c:pt>
                <c:pt idx="6779">
                  <c:v>19.715173231439024</c:v>
                </c:pt>
                <c:pt idx="6780">
                  <c:v>19.718427357695784</c:v>
                </c:pt>
                <c:pt idx="6781">
                  <c:v>19.718427357695784</c:v>
                </c:pt>
                <c:pt idx="6782">
                  <c:v>19.718427357695784</c:v>
                </c:pt>
                <c:pt idx="6783">
                  <c:v>19.72178009383904</c:v>
                </c:pt>
                <c:pt idx="6784">
                  <c:v>19.725132829982474</c:v>
                </c:pt>
                <c:pt idx="6785">
                  <c:v>19.725132829982474</c:v>
                </c:pt>
                <c:pt idx="6786">
                  <c:v>19.725132829982474</c:v>
                </c:pt>
                <c:pt idx="6787">
                  <c:v>19.728386956239238</c:v>
                </c:pt>
                <c:pt idx="6788">
                  <c:v>19.728386956239238</c:v>
                </c:pt>
                <c:pt idx="6789">
                  <c:v>19.731739692382494</c:v>
                </c:pt>
                <c:pt idx="6790">
                  <c:v>19.731739692382494</c:v>
                </c:pt>
                <c:pt idx="6791">
                  <c:v>19.735092428525753</c:v>
                </c:pt>
                <c:pt idx="6792">
                  <c:v>19.735092428525753</c:v>
                </c:pt>
                <c:pt idx="6793">
                  <c:v>19.738346554782517</c:v>
                </c:pt>
                <c:pt idx="6794">
                  <c:v>19.738346554782517</c:v>
                </c:pt>
                <c:pt idx="6795">
                  <c:v>19.741699290925769</c:v>
                </c:pt>
                <c:pt idx="6796">
                  <c:v>19.745052027069203</c:v>
                </c:pt>
                <c:pt idx="6797">
                  <c:v>19.745052027069203</c:v>
                </c:pt>
                <c:pt idx="6798">
                  <c:v>19.748306153325967</c:v>
                </c:pt>
                <c:pt idx="6799">
                  <c:v>19.748306153325967</c:v>
                </c:pt>
                <c:pt idx="6800">
                  <c:v>19.751658889469226</c:v>
                </c:pt>
                <c:pt idx="6801">
                  <c:v>19.751658889469226</c:v>
                </c:pt>
                <c:pt idx="6802">
                  <c:v>19.755011625612482</c:v>
                </c:pt>
                <c:pt idx="6803">
                  <c:v>19.755011625612482</c:v>
                </c:pt>
                <c:pt idx="6804">
                  <c:v>19.758265751869246</c:v>
                </c:pt>
                <c:pt idx="6805">
                  <c:v>19.758265751869246</c:v>
                </c:pt>
                <c:pt idx="6806">
                  <c:v>19.761618488012676</c:v>
                </c:pt>
                <c:pt idx="6807">
                  <c:v>19.764971224155932</c:v>
                </c:pt>
                <c:pt idx="6808">
                  <c:v>19.764971224155932</c:v>
                </c:pt>
                <c:pt idx="6809">
                  <c:v>19.768225350412695</c:v>
                </c:pt>
                <c:pt idx="6810">
                  <c:v>19.768225350412695</c:v>
                </c:pt>
                <c:pt idx="6811">
                  <c:v>19.771578086555955</c:v>
                </c:pt>
                <c:pt idx="6812">
                  <c:v>19.774930822699211</c:v>
                </c:pt>
                <c:pt idx="6813">
                  <c:v>19.774930822699211</c:v>
                </c:pt>
                <c:pt idx="6814">
                  <c:v>19.778184948955975</c:v>
                </c:pt>
                <c:pt idx="6815">
                  <c:v>19.778184948955975</c:v>
                </c:pt>
                <c:pt idx="6816">
                  <c:v>19.781537685099405</c:v>
                </c:pt>
                <c:pt idx="6817">
                  <c:v>19.781537685099405</c:v>
                </c:pt>
                <c:pt idx="6818">
                  <c:v>19.784890421242665</c:v>
                </c:pt>
                <c:pt idx="6819">
                  <c:v>19.784890421242665</c:v>
                </c:pt>
                <c:pt idx="6820">
                  <c:v>19.788144547499428</c:v>
                </c:pt>
                <c:pt idx="6821">
                  <c:v>19.788144547499428</c:v>
                </c:pt>
                <c:pt idx="6822">
                  <c:v>19.788144547499428</c:v>
                </c:pt>
                <c:pt idx="6823">
                  <c:v>19.791497283642684</c:v>
                </c:pt>
                <c:pt idx="6824">
                  <c:v>19.791497283642684</c:v>
                </c:pt>
                <c:pt idx="6825">
                  <c:v>19.794850019786118</c:v>
                </c:pt>
                <c:pt idx="6826">
                  <c:v>19.794850019786118</c:v>
                </c:pt>
                <c:pt idx="6827">
                  <c:v>19.798104146042707</c:v>
                </c:pt>
                <c:pt idx="6828">
                  <c:v>19.798104146042707</c:v>
                </c:pt>
                <c:pt idx="6829">
                  <c:v>19.801456882186137</c:v>
                </c:pt>
                <c:pt idx="6830">
                  <c:v>19.801456882186137</c:v>
                </c:pt>
                <c:pt idx="6831">
                  <c:v>19.804809618329394</c:v>
                </c:pt>
                <c:pt idx="6832">
                  <c:v>19.804809618329394</c:v>
                </c:pt>
                <c:pt idx="6833">
                  <c:v>19.808063744586157</c:v>
                </c:pt>
                <c:pt idx="6834">
                  <c:v>19.808063744586157</c:v>
                </c:pt>
                <c:pt idx="6835">
                  <c:v>19.811416480729413</c:v>
                </c:pt>
                <c:pt idx="6836">
                  <c:v>19.811416480729413</c:v>
                </c:pt>
                <c:pt idx="6837">
                  <c:v>19.814769216872847</c:v>
                </c:pt>
                <c:pt idx="6838">
                  <c:v>19.814769216872847</c:v>
                </c:pt>
                <c:pt idx="6839">
                  <c:v>19.81802334312961</c:v>
                </c:pt>
                <c:pt idx="6840">
                  <c:v>19.81802334312961</c:v>
                </c:pt>
                <c:pt idx="6841">
                  <c:v>19.821376079272866</c:v>
                </c:pt>
                <c:pt idx="6842">
                  <c:v>19.821376079272866</c:v>
                </c:pt>
                <c:pt idx="6843">
                  <c:v>19.824728815416123</c:v>
                </c:pt>
                <c:pt idx="6844">
                  <c:v>19.824728815416123</c:v>
                </c:pt>
                <c:pt idx="6845">
                  <c:v>19.827982941672886</c:v>
                </c:pt>
                <c:pt idx="6846">
                  <c:v>19.827982941672886</c:v>
                </c:pt>
                <c:pt idx="6847">
                  <c:v>19.831335677816146</c:v>
                </c:pt>
                <c:pt idx="6848">
                  <c:v>19.831335677816146</c:v>
                </c:pt>
                <c:pt idx="6849">
                  <c:v>19.834688413959579</c:v>
                </c:pt>
                <c:pt idx="6850">
                  <c:v>19.837942540216343</c:v>
                </c:pt>
                <c:pt idx="6851">
                  <c:v>19.837942540216343</c:v>
                </c:pt>
                <c:pt idx="6852">
                  <c:v>19.841295276359595</c:v>
                </c:pt>
                <c:pt idx="6853">
                  <c:v>19.841295276359595</c:v>
                </c:pt>
                <c:pt idx="6854">
                  <c:v>19.844648012502855</c:v>
                </c:pt>
                <c:pt idx="6855">
                  <c:v>19.848000748646285</c:v>
                </c:pt>
                <c:pt idx="6856">
                  <c:v>19.848000748646285</c:v>
                </c:pt>
                <c:pt idx="6857">
                  <c:v>19.851254874903049</c:v>
                </c:pt>
                <c:pt idx="6858">
                  <c:v>19.851254874903049</c:v>
                </c:pt>
                <c:pt idx="6859">
                  <c:v>19.854607611046308</c:v>
                </c:pt>
                <c:pt idx="6860">
                  <c:v>19.854607611046308</c:v>
                </c:pt>
                <c:pt idx="6861">
                  <c:v>19.857960347189561</c:v>
                </c:pt>
                <c:pt idx="6862">
                  <c:v>19.857960347189561</c:v>
                </c:pt>
                <c:pt idx="6863">
                  <c:v>19.861214473446324</c:v>
                </c:pt>
                <c:pt idx="6864">
                  <c:v>19.861214473446324</c:v>
                </c:pt>
                <c:pt idx="6865">
                  <c:v>19.864567209589584</c:v>
                </c:pt>
                <c:pt idx="6866">
                  <c:v>19.864567209589584</c:v>
                </c:pt>
                <c:pt idx="6867">
                  <c:v>19.867919945733018</c:v>
                </c:pt>
                <c:pt idx="6868">
                  <c:v>19.867919945733018</c:v>
                </c:pt>
                <c:pt idx="6869">
                  <c:v>19.871174071989781</c:v>
                </c:pt>
                <c:pt idx="6870">
                  <c:v>19.871174071989781</c:v>
                </c:pt>
                <c:pt idx="6871">
                  <c:v>19.874526808133037</c:v>
                </c:pt>
                <c:pt idx="6872">
                  <c:v>19.874526808133037</c:v>
                </c:pt>
                <c:pt idx="6873">
                  <c:v>19.877879544276297</c:v>
                </c:pt>
                <c:pt idx="6874">
                  <c:v>19.881133670533057</c:v>
                </c:pt>
                <c:pt idx="6875">
                  <c:v>19.881133670533057</c:v>
                </c:pt>
                <c:pt idx="6876">
                  <c:v>19.881133670533057</c:v>
                </c:pt>
                <c:pt idx="6877">
                  <c:v>19.884486406676313</c:v>
                </c:pt>
                <c:pt idx="6878">
                  <c:v>19.884486406676313</c:v>
                </c:pt>
                <c:pt idx="6879">
                  <c:v>19.887839142819747</c:v>
                </c:pt>
                <c:pt idx="6880">
                  <c:v>19.887839142819747</c:v>
                </c:pt>
                <c:pt idx="6881">
                  <c:v>19.887839142819747</c:v>
                </c:pt>
                <c:pt idx="6882">
                  <c:v>19.89109326907651</c:v>
                </c:pt>
                <c:pt idx="6883">
                  <c:v>19.89109326907651</c:v>
                </c:pt>
                <c:pt idx="6884">
                  <c:v>19.89109326907651</c:v>
                </c:pt>
                <c:pt idx="6885">
                  <c:v>19.894446005219766</c:v>
                </c:pt>
                <c:pt idx="6886">
                  <c:v>19.894446005219766</c:v>
                </c:pt>
                <c:pt idx="6887">
                  <c:v>19.897798741363026</c:v>
                </c:pt>
                <c:pt idx="6888">
                  <c:v>19.897798741363026</c:v>
                </c:pt>
                <c:pt idx="6889">
                  <c:v>19.897798741363026</c:v>
                </c:pt>
                <c:pt idx="6890">
                  <c:v>19.901052867619786</c:v>
                </c:pt>
                <c:pt idx="6891">
                  <c:v>19.901052867619786</c:v>
                </c:pt>
                <c:pt idx="6892">
                  <c:v>19.90440560376322</c:v>
                </c:pt>
                <c:pt idx="6893">
                  <c:v>19.90440560376322</c:v>
                </c:pt>
                <c:pt idx="6894">
                  <c:v>19.90440560376322</c:v>
                </c:pt>
                <c:pt idx="6895">
                  <c:v>19.90440560376322</c:v>
                </c:pt>
                <c:pt idx="6896">
                  <c:v>19.907758339906476</c:v>
                </c:pt>
                <c:pt idx="6897">
                  <c:v>19.907758339906476</c:v>
                </c:pt>
                <c:pt idx="6898">
                  <c:v>19.911012466163239</c:v>
                </c:pt>
                <c:pt idx="6899">
                  <c:v>19.911012466163239</c:v>
                </c:pt>
                <c:pt idx="6900">
                  <c:v>19.911012466163239</c:v>
                </c:pt>
                <c:pt idx="6901">
                  <c:v>19.914365202306499</c:v>
                </c:pt>
                <c:pt idx="6902">
                  <c:v>19.917717938449755</c:v>
                </c:pt>
                <c:pt idx="6903">
                  <c:v>19.917717938449755</c:v>
                </c:pt>
                <c:pt idx="6904">
                  <c:v>19.920972064706518</c:v>
                </c:pt>
                <c:pt idx="6905">
                  <c:v>19.920972064706518</c:v>
                </c:pt>
                <c:pt idx="6906">
                  <c:v>19.924324800849949</c:v>
                </c:pt>
                <c:pt idx="6907">
                  <c:v>19.924324800849949</c:v>
                </c:pt>
                <c:pt idx="6908">
                  <c:v>19.927677536993208</c:v>
                </c:pt>
                <c:pt idx="6909">
                  <c:v>19.927677536993208</c:v>
                </c:pt>
                <c:pt idx="6910">
                  <c:v>19.930931663249972</c:v>
                </c:pt>
                <c:pt idx="6911">
                  <c:v>19.930931663249972</c:v>
                </c:pt>
                <c:pt idx="6912">
                  <c:v>19.930931663249972</c:v>
                </c:pt>
                <c:pt idx="6913">
                  <c:v>19.934284399393228</c:v>
                </c:pt>
                <c:pt idx="6914">
                  <c:v>19.937637135536658</c:v>
                </c:pt>
                <c:pt idx="6915">
                  <c:v>19.937637135536658</c:v>
                </c:pt>
                <c:pt idx="6916">
                  <c:v>19.937637135536658</c:v>
                </c:pt>
                <c:pt idx="6917">
                  <c:v>19.940891261793247</c:v>
                </c:pt>
                <c:pt idx="6918">
                  <c:v>19.940891261793247</c:v>
                </c:pt>
                <c:pt idx="6919">
                  <c:v>19.944243997936677</c:v>
                </c:pt>
                <c:pt idx="6920">
                  <c:v>19.947596734079937</c:v>
                </c:pt>
                <c:pt idx="6921">
                  <c:v>19.947596734079937</c:v>
                </c:pt>
                <c:pt idx="6922">
                  <c:v>19.950850860336701</c:v>
                </c:pt>
                <c:pt idx="6923">
                  <c:v>19.950850860336701</c:v>
                </c:pt>
                <c:pt idx="6924">
                  <c:v>19.954203596479957</c:v>
                </c:pt>
                <c:pt idx="6925">
                  <c:v>19.954203596479957</c:v>
                </c:pt>
                <c:pt idx="6926">
                  <c:v>19.954203596479957</c:v>
                </c:pt>
                <c:pt idx="6927">
                  <c:v>19.957556332623387</c:v>
                </c:pt>
                <c:pt idx="6928">
                  <c:v>19.957556332623387</c:v>
                </c:pt>
                <c:pt idx="6929">
                  <c:v>19.96081045888015</c:v>
                </c:pt>
                <c:pt idx="6930">
                  <c:v>19.96081045888015</c:v>
                </c:pt>
                <c:pt idx="6931">
                  <c:v>19.96416319502341</c:v>
                </c:pt>
                <c:pt idx="6932">
                  <c:v>19.96416319502341</c:v>
                </c:pt>
                <c:pt idx="6933">
                  <c:v>19.967515931166666</c:v>
                </c:pt>
                <c:pt idx="6934">
                  <c:v>19.967515931166666</c:v>
                </c:pt>
                <c:pt idx="6935">
                  <c:v>19.9708686673101</c:v>
                </c:pt>
                <c:pt idx="6936">
                  <c:v>19.9708686673101</c:v>
                </c:pt>
                <c:pt idx="6937">
                  <c:v>19.974122793566689</c:v>
                </c:pt>
                <c:pt idx="6938">
                  <c:v>19.974122793566689</c:v>
                </c:pt>
                <c:pt idx="6939">
                  <c:v>19.974122793566689</c:v>
                </c:pt>
                <c:pt idx="6940">
                  <c:v>19.977475529710116</c:v>
                </c:pt>
                <c:pt idx="6941">
                  <c:v>19.980828265853376</c:v>
                </c:pt>
                <c:pt idx="6942">
                  <c:v>19.980828265853376</c:v>
                </c:pt>
                <c:pt idx="6943">
                  <c:v>19.984082392110139</c:v>
                </c:pt>
                <c:pt idx="6944">
                  <c:v>19.984082392110139</c:v>
                </c:pt>
                <c:pt idx="6945">
                  <c:v>19.987435128253395</c:v>
                </c:pt>
                <c:pt idx="6946">
                  <c:v>19.990787864396829</c:v>
                </c:pt>
                <c:pt idx="6947">
                  <c:v>19.990787864396829</c:v>
                </c:pt>
                <c:pt idx="6948">
                  <c:v>19.994041990653592</c:v>
                </c:pt>
                <c:pt idx="6949">
                  <c:v>19.994041990653592</c:v>
                </c:pt>
                <c:pt idx="6950">
                  <c:v>19.997394726796848</c:v>
                </c:pt>
                <c:pt idx="6951">
                  <c:v>19.997394726796848</c:v>
                </c:pt>
                <c:pt idx="6952">
                  <c:v>20.000747462940105</c:v>
                </c:pt>
                <c:pt idx="6953">
                  <c:v>20.000747462940105</c:v>
                </c:pt>
                <c:pt idx="6954">
                  <c:v>20.004001589196868</c:v>
                </c:pt>
                <c:pt idx="6955">
                  <c:v>20.004001589196868</c:v>
                </c:pt>
                <c:pt idx="6956">
                  <c:v>20.007354325340128</c:v>
                </c:pt>
                <c:pt idx="6957">
                  <c:v>20.007354325340128</c:v>
                </c:pt>
                <c:pt idx="6958">
                  <c:v>20.010707061483561</c:v>
                </c:pt>
                <c:pt idx="6959">
                  <c:v>20.010707061483561</c:v>
                </c:pt>
                <c:pt idx="6960">
                  <c:v>20.013961187740325</c:v>
                </c:pt>
                <c:pt idx="6961">
                  <c:v>20.013961187740325</c:v>
                </c:pt>
                <c:pt idx="6962">
                  <c:v>20.017313923883581</c:v>
                </c:pt>
                <c:pt idx="6963">
                  <c:v>20.020666660026833</c:v>
                </c:pt>
                <c:pt idx="6964">
                  <c:v>20.020666660026833</c:v>
                </c:pt>
                <c:pt idx="6965">
                  <c:v>20.023920786283597</c:v>
                </c:pt>
                <c:pt idx="6966">
                  <c:v>20.023920786283597</c:v>
                </c:pt>
                <c:pt idx="6967">
                  <c:v>20.023920786283597</c:v>
                </c:pt>
                <c:pt idx="6968">
                  <c:v>20.027273522427031</c:v>
                </c:pt>
                <c:pt idx="6969">
                  <c:v>20.03062625857029</c:v>
                </c:pt>
                <c:pt idx="6970">
                  <c:v>20.03062625857029</c:v>
                </c:pt>
                <c:pt idx="6971">
                  <c:v>20.03062625857029</c:v>
                </c:pt>
                <c:pt idx="6972">
                  <c:v>20.033880384827054</c:v>
                </c:pt>
                <c:pt idx="6973">
                  <c:v>20.033880384827054</c:v>
                </c:pt>
                <c:pt idx="6974">
                  <c:v>20.03723312097031</c:v>
                </c:pt>
                <c:pt idx="6975">
                  <c:v>20.03723312097031</c:v>
                </c:pt>
                <c:pt idx="6976">
                  <c:v>20.040585857113566</c:v>
                </c:pt>
                <c:pt idx="6977">
                  <c:v>20.040585857113566</c:v>
                </c:pt>
                <c:pt idx="6978">
                  <c:v>20.040585857113566</c:v>
                </c:pt>
                <c:pt idx="6979">
                  <c:v>20.043839983370329</c:v>
                </c:pt>
                <c:pt idx="6980">
                  <c:v>20.043839983370329</c:v>
                </c:pt>
                <c:pt idx="6981">
                  <c:v>20.047192719513763</c:v>
                </c:pt>
                <c:pt idx="6982">
                  <c:v>20.047192719513763</c:v>
                </c:pt>
                <c:pt idx="6983">
                  <c:v>20.047192719513763</c:v>
                </c:pt>
                <c:pt idx="6984">
                  <c:v>20.050545455657019</c:v>
                </c:pt>
                <c:pt idx="6985">
                  <c:v>20.050545455657019</c:v>
                </c:pt>
                <c:pt idx="6986">
                  <c:v>20.050545455657019</c:v>
                </c:pt>
                <c:pt idx="6987">
                  <c:v>20.053799581913783</c:v>
                </c:pt>
                <c:pt idx="6988">
                  <c:v>20.053799581913783</c:v>
                </c:pt>
                <c:pt idx="6989">
                  <c:v>20.057152318057042</c:v>
                </c:pt>
                <c:pt idx="6990">
                  <c:v>20.057152318057042</c:v>
                </c:pt>
                <c:pt idx="6991">
                  <c:v>20.057152318057042</c:v>
                </c:pt>
                <c:pt idx="6992">
                  <c:v>20.060505054200473</c:v>
                </c:pt>
                <c:pt idx="6993">
                  <c:v>20.060505054200473</c:v>
                </c:pt>
                <c:pt idx="6994">
                  <c:v>20.063759180457058</c:v>
                </c:pt>
                <c:pt idx="6995">
                  <c:v>20.063759180457058</c:v>
                </c:pt>
                <c:pt idx="6996">
                  <c:v>20.067111916600492</c:v>
                </c:pt>
                <c:pt idx="6997">
                  <c:v>20.067111916600492</c:v>
                </c:pt>
                <c:pt idx="6998">
                  <c:v>20.070464652743748</c:v>
                </c:pt>
                <c:pt idx="6999">
                  <c:v>20.070464652743748</c:v>
                </c:pt>
                <c:pt idx="7000">
                  <c:v>20.070464652743748</c:v>
                </c:pt>
                <c:pt idx="7001">
                  <c:v>20.073718779000512</c:v>
                </c:pt>
                <c:pt idx="7002">
                  <c:v>20.073718779000512</c:v>
                </c:pt>
                <c:pt idx="7003">
                  <c:v>20.077071515143771</c:v>
                </c:pt>
                <c:pt idx="7004">
                  <c:v>20.077071515143771</c:v>
                </c:pt>
                <c:pt idx="7005">
                  <c:v>20.080424251287202</c:v>
                </c:pt>
                <c:pt idx="7006">
                  <c:v>20.080424251287202</c:v>
                </c:pt>
                <c:pt idx="7007">
                  <c:v>20.083678377543965</c:v>
                </c:pt>
                <c:pt idx="7008">
                  <c:v>20.083678377543965</c:v>
                </c:pt>
                <c:pt idx="7009">
                  <c:v>20.087031113687221</c:v>
                </c:pt>
                <c:pt idx="7010">
                  <c:v>20.087031113687221</c:v>
                </c:pt>
                <c:pt idx="7011">
                  <c:v>20.090383849830481</c:v>
                </c:pt>
                <c:pt idx="7012">
                  <c:v>20.090383849830481</c:v>
                </c:pt>
                <c:pt idx="7013">
                  <c:v>20.093637976087244</c:v>
                </c:pt>
                <c:pt idx="7014">
                  <c:v>20.093637976087244</c:v>
                </c:pt>
                <c:pt idx="7015">
                  <c:v>20.093637976087244</c:v>
                </c:pt>
                <c:pt idx="7016">
                  <c:v>20.0969907122305</c:v>
                </c:pt>
                <c:pt idx="7017">
                  <c:v>20.0969907122305</c:v>
                </c:pt>
                <c:pt idx="7018">
                  <c:v>20.0969907122305</c:v>
                </c:pt>
                <c:pt idx="7019">
                  <c:v>20.10034344837393</c:v>
                </c:pt>
                <c:pt idx="7020">
                  <c:v>20.10034344837393</c:v>
                </c:pt>
                <c:pt idx="7021">
                  <c:v>20.10369618451719</c:v>
                </c:pt>
                <c:pt idx="7022">
                  <c:v>20.10369618451719</c:v>
                </c:pt>
                <c:pt idx="7023">
                  <c:v>20.10369618451719</c:v>
                </c:pt>
                <c:pt idx="7024">
                  <c:v>20.10695031077395</c:v>
                </c:pt>
                <c:pt idx="7025">
                  <c:v>20.10695031077395</c:v>
                </c:pt>
                <c:pt idx="7026">
                  <c:v>20.11030304691721</c:v>
                </c:pt>
                <c:pt idx="7027">
                  <c:v>20.11030304691721</c:v>
                </c:pt>
                <c:pt idx="7028">
                  <c:v>20.11030304691721</c:v>
                </c:pt>
                <c:pt idx="7029">
                  <c:v>20.113655783060644</c:v>
                </c:pt>
                <c:pt idx="7030">
                  <c:v>20.113655783060644</c:v>
                </c:pt>
                <c:pt idx="7031">
                  <c:v>20.116909909317403</c:v>
                </c:pt>
                <c:pt idx="7032">
                  <c:v>20.116909909317403</c:v>
                </c:pt>
                <c:pt idx="7033">
                  <c:v>20.116909909317403</c:v>
                </c:pt>
                <c:pt idx="7034">
                  <c:v>20.120262645460659</c:v>
                </c:pt>
                <c:pt idx="7035">
                  <c:v>20.120262645460659</c:v>
                </c:pt>
                <c:pt idx="7036">
                  <c:v>20.123615381603919</c:v>
                </c:pt>
                <c:pt idx="7037">
                  <c:v>20.123615381603919</c:v>
                </c:pt>
                <c:pt idx="7038">
                  <c:v>20.126869507860683</c:v>
                </c:pt>
                <c:pt idx="7039">
                  <c:v>20.126869507860683</c:v>
                </c:pt>
                <c:pt idx="7040">
                  <c:v>20.130222244003939</c:v>
                </c:pt>
                <c:pt idx="7041">
                  <c:v>20.130222244003939</c:v>
                </c:pt>
                <c:pt idx="7042">
                  <c:v>20.133574980147372</c:v>
                </c:pt>
                <c:pt idx="7043">
                  <c:v>20.133574980147372</c:v>
                </c:pt>
                <c:pt idx="7044">
                  <c:v>20.136829106404132</c:v>
                </c:pt>
                <c:pt idx="7045">
                  <c:v>20.136829106404132</c:v>
                </c:pt>
                <c:pt idx="7046">
                  <c:v>20.140181842547392</c:v>
                </c:pt>
                <c:pt idx="7047">
                  <c:v>20.140181842547392</c:v>
                </c:pt>
                <c:pt idx="7048">
                  <c:v>20.140181842547392</c:v>
                </c:pt>
                <c:pt idx="7049">
                  <c:v>20.143534578690648</c:v>
                </c:pt>
                <c:pt idx="7050">
                  <c:v>20.143534578690648</c:v>
                </c:pt>
                <c:pt idx="7051">
                  <c:v>20.146788704947411</c:v>
                </c:pt>
                <c:pt idx="7052">
                  <c:v>20.146788704947411</c:v>
                </c:pt>
                <c:pt idx="7053">
                  <c:v>20.146788704947411</c:v>
                </c:pt>
                <c:pt idx="7054">
                  <c:v>20.150141441090845</c:v>
                </c:pt>
                <c:pt idx="7055">
                  <c:v>20.150141441090845</c:v>
                </c:pt>
                <c:pt idx="7056">
                  <c:v>20.153494177234101</c:v>
                </c:pt>
                <c:pt idx="7057">
                  <c:v>20.153494177234101</c:v>
                </c:pt>
                <c:pt idx="7058">
                  <c:v>20.153494177234101</c:v>
                </c:pt>
                <c:pt idx="7059">
                  <c:v>20.156748303490865</c:v>
                </c:pt>
                <c:pt idx="7060">
                  <c:v>20.156748303490865</c:v>
                </c:pt>
                <c:pt idx="7061">
                  <c:v>20.156748303490865</c:v>
                </c:pt>
                <c:pt idx="7062">
                  <c:v>20.160101039634121</c:v>
                </c:pt>
                <c:pt idx="7063">
                  <c:v>20.160101039634121</c:v>
                </c:pt>
                <c:pt idx="7064">
                  <c:v>20.163453775777377</c:v>
                </c:pt>
                <c:pt idx="7065">
                  <c:v>20.163453775777377</c:v>
                </c:pt>
                <c:pt idx="7066">
                  <c:v>20.163453775777377</c:v>
                </c:pt>
                <c:pt idx="7067">
                  <c:v>20.16670790203414</c:v>
                </c:pt>
                <c:pt idx="7068">
                  <c:v>20.16670790203414</c:v>
                </c:pt>
                <c:pt idx="7069">
                  <c:v>20.170060638177574</c:v>
                </c:pt>
                <c:pt idx="7070">
                  <c:v>20.170060638177574</c:v>
                </c:pt>
                <c:pt idx="7071">
                  <c:v>20.173413374320834</c:v>
                </c:pt>
                <c:pt idx="7072">
                  <c:v>20.173413374320834</c:v>
                </c:pt>
                <c:pt idx="7073">
                  <c:v>20.176667500577597</c:v>
                </c:pt>
                <c:pt idx="7074">
                  <c:v>20.176667500577597</c:v>
                </c:pt>
                <c:pt idx="7075">
                  <c:v>20.18002023672085</c:v>
                </c:pt>
                <c:pt idx="7076">
                  <c:v>20.18002023672085</c:v>
                </c:pt>
                <c:pt idx="7077">
                  <c:v>20.18337297286411</c:v>
                </c:pt>
                <c:pt idx="7078">
                  <c:v>20.18337297286411</c:v>
                </c:pt>
                <c:pt idx="7079">
                  <c:v>20.186627099120873</c:v>
                </c:pt>
                <c:pt idx="7080">
                  <c:v>20.186627099120873</c:v>
                </c:pt>
                <c:pt idx="7081">
                  <c:v>20.189979835264307</c:v>
                </c:pt>
                <c:pt idx="7082">
                  <c:v>20.189979835264307</c:v>
                </c:pt>
                <c:pt idx="7083">
                  <c:v>20.193332571407563</c:v>
                </c:pt>
                <c:pt idx="7084">
                  <c:v>20.193332571407563</c:v>
                </c:pt>
                <c:pt idx="7085">
                  <c:v>20.196586697664326</c:v>
                </c:pt>
                <c:pt idx="7086">
                  <c:v>20.196586697664326</c:v>
                </c:pt>
                <c:pt idx="7087">
                  <c:v>20.199939433807579</c:v>
                </c:pt>
                <c:pt idx="7088">
                  <c:v>20.199939433807579</c:v>
                </c:pt>
                <c:pt idx="7089">
                  <c:v>20.203292169951013</c:v>
                </c:pt>
                <c:pt idx="7090">
                  <c:v>20.203292169951013</c:v>
                </c:pt>
                <c:pt idx="7091">
                  <c:v>20.206546296207776</c:v>
                </c:pt>
                <c:pt idx="7092">
                  <c:v>20.206546296207776</c:v>
                </c:pt>
                <c:pt idx="7093">
                  <c:v>20.206546296207776</c:v>
                </c:pt>
                <c:pt idx="7094">
                  <c:v>20.209899032351036</c:v>
                </c:pt>
                <c:pt idx="7095">
                  <c:v>20.209899032351036</c:v>
                </c:pt>
                <c:pt idx="7096">
                  <c:v>20.213251768494292</c:v>
                </c:pt>
                <c:pt idx="7097">
                  <c:v>20.213251768494292</c:v>
                </c:pt>
                <c:pt idx="7098">
                  <c:v>20.216505894751055</c:v>
                </c:pt>
                <c:pt idx="7099">
                  <c:v>20.216505894751055</c:v>
                </c:pt>
                <c:pt idx="7100">
                  <c:v>20.219858630894311</c:v>
                </c:pt>
                <c:pt idx="7101">
                  <c:v>20.219858630894311</c:v>
                </c:pt>
                <c:pt idx="7102">
                  <c:v>20.223211367037745</c:v>
                </c:pt>
                <c:pt idx="7103">
                  <c:v>20.226564103181001</c:v>
                </c:pt>
                <c:pt idx="7104">
                  <c:v>20.226564103181001</c:v>
                </c:pt>
                <c:pt idx="7105">
                  <c:v>20.229818229437765</c:v>
                </c:pt>
                <c:pt idx="7106">
                  <c:v>20.229818229437765</c:v>
                </c:pt>
                <c:pt idx="7107">
                  <c:v>20.233170965581024</c:v>
                </c:pt>
                <c:pt idx="7108">
                  <c:v>20.236523701724451</c:v>
                </c:pt>
                <c:pt idx="7109">
                  <c:v>20.236523701724451</c:v>
                </c:pt>
                <c:pt idx="7110">
                  <c:v>20.23977782798104</c:v>
                </c:pt>
                <c:pt idx="7111">
                  <c:v>20.23977782798104</c:v>
                </c:pt>
                <c:pt idx="7112">
                  <c:v>20.23977782798104</c:v>
                </c:pt>
                <c:pt idx="7113">
                  <c:v>20.243130564124474</c:v>
                </c:pt>
                <c:pt idx="7114">
                  <c:v>20.243130564124474</c:v>
                </c:pt>
                <c:pt idx="7115">
                  <c:v>20.24648330026773</c:v>
                </c:pt>
                <c:pt idx="7116">
                  <c:v>20.249737426524494</c:v>
                </c:pt>
                <c:pt idx="7117">
                  <c:v>20.249737426524494</c:v>
                </c:pt>
                <c:pt idx="7118">
                  <c:v>20.253090162667753</c:v>
                </c:pt>
                <c:pt idx="7119">
                  <c:v>20.253090162667753</c:v>
                </c:pt>
                <c:pt idx="7120">
                  <c:v>20.256442898811184</c:v>
                </c:pt>
                <c:pt idx="7121">
                  <c:v>20.256442898811184</c:v>
                </c:pt>
                <c:pt idx="7122">
                  <c:v>20.259697025067947</c:v>
                </c:pt>
                <c:pt idx="7123">
                  <c:v>20.259697025067947</c:v>
                </c:pt>
                <c:pt idx="7124">
                  <c:v>20.263049761211203</c:v>
                </c:pt>
                <c:pt idx="7125">
                  <c:v>20.266402497354463</c:v>
                </c:pt>
                <c:pt idx="7126">
                  <c:v>20.266402497354463</c:v>
                </c:pt>
                <c:pt idx="7127">
                  <c:v>20.269656623611226</c:v>
                </c:pt>
                <c:pt idx="7128">
                  <c:v>20.269656623611226</c:v>
                </c:pt>
                <c:pt idx="7129">
                  <c:v>20.273009359754482</c:v>
                </c:pt>
                <c:pt idx="7130">
                  <c:v>20.273009359754482</c:v>
                </c:pt>
                <c:pt idx="7131">
                  <c:v>20.276362095897912</c:v>
                </c:pt>
                <c:pt idx="7132">
                  <c:v>20.276362095897912</c:v>
                </c:pt>
                <c:pt idx="7133">
                  <c:v>20.279616222154676</c:v>
                </c:pt>
                <c:pt idx="7134">
                  <c:v>20.282968958297932</c:v>
                </c:pt>
                <c:pt idx="7135">
                  <c:v>20.282968958297932</c:v>
                </c:pt>
                <c:pt idx="7136">
                  <c:v>20.286321694441192</c:v>
                </c:pt>
                <c:pt idx="7137">
                  <c:v>20.286321694441192</c:v>
                </c:pt>
                <c:pt idx="7138">
                  <c:v>20.289575820697955</c:v>
                </c:pt>
                <c:pt idx="7139">
                  <c:v>20.289575820697955</c:v>
                </c:pt>
                <c:pt idx="7140">
                  <c:v>20.292928556841389</c:v>
                </c:pt>
                <c:pt idx="7141">
                  <c:v>20.292928556841389</c:v>
                </c:pt>
                <c:pt idx="7142">
                  <c:v>20.296281292984641</c:v>
                </c:pt>
                <c:pt idx="7143">
                  <c:v>20.296281292984641</c:v>
                </c:pt>
                <c:pt idx="7144">
                  <c:v>20.299535419241405</c:v>
                </c:pt>
                <c:pt idx="7145">
                  <c:v>20.299535419241405</c:v>
                </c:pt>
                <c:pt idx="7146">
                  <c:v>20.302888155384665</c:v>
                </c:pt>
                <c:pt idx="7147">
                  <c:v>20.302888155384665</c:v>
                </c:pt>
                <c:pt idx="7148">
                  <c:v>20.306240891527921</c:v>
                </c:pt>
                <c:pt idx="7149">
                  <c:v>20.306240891527921</c:v>
                </c:pt>
                <c:pt idx="7150">
                  <c:v>20.309495017784684</c:v>
                </c:pt>
                <c:pt idx="7151">
                  <c:v>20.309495017784684</c:v>
                </c:pt>
                <c:pt idx="7152">
                  <c:v>20.312847753928118</c:v>
                </c:pt>
                <c:pt idx="7153">
                  <c:v>20.312847753928118</c:v>
                </c:pt>
                <c:pt idx="7154">
                  <c:v>20.316200490071374</c:v>
                </c:pt>
                <c:pt idx="7155">
                  <c:v>20.316200490071374</c:v>
                </c:pt>
                <c:pt idx="7156">
                  <c:v>20.319454616328137</c:v>
                </c:pt>
                <c:pt idx="7157">
                  <c:v>20.319454616328137</c:v>
                </c:pt>
                <c:pt idx="7158">
                  <c:v>20.322807352471393</c:v>
                </c:pt>
                <c:pt idx="7159">
                  <c:v>20.322807352471393</c:v>
                </c:pt>
                <c:pt idx="7160">
                  <c:v>20.322807352471393</c:v>
                </c:pt>
                <c:pt idx="7161">
                  <c:v>20.326160088614827</c:v>
                </c:pt>
                <c:pt idx="7162">
                  <c:v>20.326160088614827</c:v>
                </c:pt>
                <c:pt idx="7163">
                  <c:v>20.329414214871413</c:v>
                </c:pt>
                <c:pt idx="7164">
                  <c:v>20.329414214871413</c:v>
                </c:pt>
                <c:pt idx="7165">
                  <c:v>20.329414214871413</c:v>
                </c:pt>
                <c:pt idx="7166">
                  <c:v>20.332766951014847</c:v>
                </c:pt>
                <c:pt idx="7167">
                  <c:v>20.332766951014847</c:v>
                </c:pt>
                <c:pt idx="7168">
                  <c:v>20.336119687158103</c:v>
                </c:pt>
                <c:pt idx="7169">
                  <c:v>20.336119687158103</c:v>
                </c:pt>
                <c:pt idx="7170">
                  <c:v>20.339373813414866</c:v>
                </c:pt>
                <c:pt idx="7171">
                  <c:v>20.339373813414866</c:v>
                </c:pt>
                <c:pt idx="7172">
                  <c:v>20.342726549558122</c:v>
                </c:pt>
                <c:pt idx="7173">
                  <c:v>20.342726549558122</c:v>
                </c:pt>
                <c:pt idx="7174">
                  <c:v>20.346079285701556</c:v>
                </c:pt>
                <c:pt idx="7175">
                  <c:v>20.346079285701556</c:v>
                </c:pt>
                <c:pt idx="7176">
                  <c:v>20.34933341195832</c:v>
                </c:pt>
                <c:pt idx="7177">
                  <c:v>20.34933341195832</c:v>
                </c:pt>
                <c:pt idx="7178">
                  <c:v>20.352686148101579</c:v>
                </c:pt>
                <c:pt idx="7179">
                  <c:v>20.356038884244832</c:v>
                </c:pt>
                <c:pt idx="7180">
                  <c:v>20.356038884244832</c:v>
                </c:pt>
                <c:pt idx="7181">
                  <c:v>20.359391620388266</c:v>
                </c:pt>
                <c:pt idx="7182">
                  <c:v>20.359391620388266</c:v>
                </c:pt>
                <c:pt idx="7183">
                  <c:v>20.362645746644855</c:v>
                </c:pt>
                <c:pt idx="7184">
                  <c:v>20.362645746644855</c:v>
                </c:pt>
                <c:pt idx="7185">
                  <c:v>20.365998482788285</c:v>
                </c:pt>
                <c:pt idx="7186">
                  <c:v>20.369351218931545</c:v>
                </c:pt>
                <c:pt idx="7187">
                  <c:v>20.369351218931545</c:v>
                </c:pt>
                <c:pt idx="7188">
                  <c:v>20.372605345188308</c:v>
                </c:pt>
                <c:pt idx="7189">
                  <c:v>20.375958081331561</c:v>
                </c:pt>
                <c:pt idx="7190">
                  <c:v>20.379310817474995</c:v>
                </c:pt>
                <c:pt idx="7191">
                  <c:v>20.379310817474995</c:v>
                </c:pt>
                <c:pt idx="7192">
                  <c:v>20.382564943731758</c:v>
                </c:pt>
                <c:pt idx="7193">
                  <c:v>20.382564943731758</c:v>
                </c:pt>
                <c:pt idx="7194">
                  <c:v>20.385917679875018</c:v>
                </c:pt>
                <c:pt idx="7195">
                  <c:v>20.385917679875018</c:v>
                </c:pt>
                <c:pt idx="7196">
                  <c:v>20.389270416018274</c:v>
                </c:pt>
                <c:pt idx="7197">
                  <c:v>20.389270416018274</c:v>
                </c:pt>
                <c:pt idx="7198">
                  <c:v>20.392524542275037</c:v>
                </c:pt>
                <c:pt idx="7199">
                  <c:v>20.392524542275037</c:v>
                </c:pt>
                <c:pt idx="7200">
                  <c:v>20.392524542275037</c:v>
                </c:pt>
                <c:pt idx="7201">
                  <c:v>20.395877278418297</c:v>
                </c:pt>
                <c:pt idx="7202">
                  <c:v>20.395877278418297</c:v>
                </c:pt>
                <c:pt idx="7203">
                  <c:v>20.399230014561727</c:v>
                </c:pt>
                <c:pt idx="7204">
                  <c:v>20.399230014561727</c:v>
                </c:pt>
                <c:pt idx="7205">
                  <c:v>20.40248414081849</c:v>
                </c:pt>
                <c:pt idx="7206">
                  <c:v>20.40248414081849</c:v>
                </c:pt>
                <c:pt idx="7207">
                  <c:v>20.405836876961747</c:v>
                </c:pt>
                <c:pt idx="7208">
                  <c:v>20.405836876961747</c:v>
                </c:pt>
                <c:pt idx="7209">
                  <c:v>20.409189613105003</c:v>
                </c:pt>
                <c:pt idx="7210">
                  <c:v>20.409189613105003</c:v>
                </c:pt>
                <c:pt idx="7211">
                  <c:v>20.412443739361766</c:v>
                </c:pt>
                <c:pt idx="7212">
                  <c:v>20.412443739361766</c:v>
                </c:pt>
                <c:pt idx="7213">
                  <c:v>20.415796475505196</c:v>
                </c:pt>
                <c:pt idx="7214">
                  <c:v>20.415796475505196</c:v>
                </c:pt>
                <c:pt idx="7215">
                  <c:v>20.419149211648456</c:v>
                </c:pt>
                <c:pt idx="7216">
                  <c:v>20.419149211648456</c:v>
                </c:pt>
                <c:pt idx="7217">
                  <c:v>20.422403337905219</c:v>
                </c:pt>
                <c:pt idx="7218">
                  <c:v>20.422403337905219</c:v>
                </c:pt>
                <c:pt idx="7219">
                  <c:v>20.422403337905219</c:v>
                </c:pt>
                <c:pt idx="7220">
                  <c:v>20.425756074048476</c:v>
                </c:pt>
                <c:pt idx="7221">
                  <c:v>20.425756074048476</c:v>
                </c:pt>
                <c:pt idx="7222">
                  <c:v>20.429108810191735</c:v>
                </c:pt>
                <c:pt idx="7223">
                  <c:v>20.432362936448499</c:v>
                </c:pt>
                <c:pt idx="7224">
                  <c:v>20.432362936448499</c:v>
                </c:pt>
                <c:pt idx="7225">
                  <c:v>20.435715672591929</c:v>
                </c:pt>
                <c:pt idx="7226">
                  <c:v>20.435715672591929</c:v>
                </c:pt>
                <c:pt idx="7227">
                  <c:v>20.439068408735185</c:v>
                </c:pt>
                <c:pt idx="7228">
                  <c:v>20.439068408735185</c:v>
                </c:pt>
                <c:pt idx="7229">
                  <c:v>20.442322534991948</c:v>
                </c:pt>
                <c:pt idx="7230">
                  <c:v>20.442322534991948</c:v>
                </c:pt>
                <c:pt idx="7231">
                  <c:v>20.445675271135208</c:v>
                </c:pt>
                <c:pt idx="7232">
                  <c:v>20.445675271135208</c:v>
                </c:pt>
                <c:pt idx="7233">
                  <c:v>20.449028007278642</c:v>
                </c:pt>
                <c:pt idx="7234">
                  <c:v>20.452282133535228</c:v>
                </c:pt>
                <c:pt idx="7235">
                  <c:v>20.452282133535228</c:v>
                </c:pt>
                <c:pt idx="7236">
                  <c:v>20.455634869678658</c:v>
                </c:pt>
                <c:pt idx="7237">
                  <c:v>20.455634869678658</c:v>
                </c:pt>
                <c:pt idx="7238">
                  <c:v>20.458987605821914</c:v>
                </c:pt>
                <c:pt idx="7239">
                  <c:v>20.458987605821914</c:v>
                </c:pt>
                <c:pt idx="7240">
                  <c:v>20.462241732078677</c:v>
                </c:pt>
                <c:pt idx="7241">
                  <c:v>20.462241732078677</c:v>
                </c:pt>
                <c:pt idx="7242">
                  <c:v>20.465594468221937</c:v>
                </c:pt>
                <c:pt idx="7243">
                  <c:v>20.465594468221937</c:v>
                </c:pt>
                <c:pt idx="7244">
                  <c:v>20.468947204365371</c:v>
                </c:pt>
                <c:pt idx="7245">
                  <c:v>20.472201330622134</c:v>
                </c:pt>
                <c:pt idx="7246">
                  <c:v>20.472201330622134</c:v>
                </c:pt>
                <c:pt idx="7247">
                  <c:v>20.475554066765387</c:v>
                </c:pt>
                <c:pt idx="7248">
                  <c:v>20.475554066765387</c:v>
                </c:pt>
                <c:pt idx="7249">
                  <c:v>20.478906802908647</c:v>
                </c:pt>
                <c:pt idx="7250">
                  <c:v>20.478906802908647</c:v>
                </c:pt>
                <c:pt idx="7251">
                  <c:v>20.482259539051903</c:v>
                </c:pt>
                <c:pt idx="7252">
                  <c:v>20.482259539051903</c:v>
                </c:pt>
                <c:pt idx="7253">
                  <c:v>20.485513665308666</c:v>
                </c:pt>
                <c:pt idx="7254">
                  <c:v>20.485513665308666</c:v>
                </c:pt>
                <c:pt idx="7255">
                  <c:v>20.4888664014521</c:v>
                </c:pt>
                <c:pt idx="7256">
                  <c:v>20.4888664014521</c:v>
                </c:pt>
                <c:pt idx="7257">
                  <c:v>20.492219137595356</c:v>
                </c:pt>
                <c:pt idx="7258">
                  <c:v>20.492219137595356</c:v>
                </c:pt>
                <c:pt idx="7259">
                  <c:v>20.495473263852116</c:v>
                </c:pt>
                <c:pt idx="7260">
                  <c:v>20.495473263852116</c:v>
                </c:pt>
                <c:pt idx="7261">
                  <c:v>20.498825999995375</c:v>
                </c:pt>
                <c:pt idx="7262">
                  <c:v>20.498825999995375</c:v>
                </c:pt>
                <c:pt idx="7263">
                  <c:v>20.502178736138809</c:v>
                </c:pt>
                <c:pt idx="7264">
                  <c:v>20.502178736138809</c:v>
                </c:pt>
                <c:pt idx="7265">
                  <c:v>20.505432862395395</c:v>
                </c:pt>
                <c:pt idx="7266">
                  <c:v>20.505432862395395</c:v>
                </c:pt>
                <c:pt idx="7267">
                  <c:v>20.508785598538829</c:v>
                </c:pt>
                <c:pt idx="7268">
                  <c:v>20.512138334682088</c:v>
                </c:pt>
                <c:pt idx="7269">
                  <c:v>20.512138334682088</c:v>
                </c:pt>
                <c:pt idx="7270">
                  <c:v>20.515392460938848</c:v>
                </c:pt>
                <c:pt idx="7271">
                  <c:v>20.515392460938848</c:v>
                </c:pt>
                <c:pt idx="7272">
                  <c:v>20.518745197082104</c:v>
                </c:pt>
                <c:pt idx="7273">
                  <c:v>20.518745197082104</c:v>
                </c:pt>
                <c:pt idx="7274">
                  <c:v>20.522097933225538</c:v>
                </c:pt>
                <c:pt idx="7275">
                  <c:v>20.522097933225538</c:v>
                </c:pt>
                <c:pt idx="7276">
                  <c:v>20.525352059482302</c:v>
                </c:pt>
                <c:pt idx="7277">
                  <c:v>20.525352059482302</c:v>
                </c:pt>
                <c:pt idx="7278">
                  <c:v>20.528704795625561</c:v>
                </c:pt>
                <c:pt idx="7279">
                  <c:v>20.528704795625561</c:v>
                </c:pt>
                <c:pt idx="7280">
                  <c:v>20.532057531768817</c:v>
                </c:pt>
                <c:pt idx="7281">
                  <c:v>20.532057531768817</c:v>
                </c:pt>
                <c:pt idx="7282">
                  <c:v>20.535311658025577</c:v>
                </c:pt>
                <c:pt idx="7283">
                  <c:v>20.538664394168833</c:v>
                </c:pt>
                <c:pt idx="7284">
                  <c:v>20.538664394168833</c:v>
                </c:pt>
                <c:pt idx="7285">
                  <c:v>20.542017130312267</c:v>
                </c:pt>
                <c:pt idx="7286">
                  <c:v>20.545271256569031</c:v>
                </c:pt>
                <c:pt idx="7287">
                  <c:v>20.545271256569031</c:v>
                </c:pt>
                <c:pt idx="7288">
                  <c:v>20.54862399271229</c:v>
                </c:pt>
                <c:pt idx="7289">
                  <c:v>20.551976728855546</c:v>
                </c:pt>
                <c:pt idx="7290">
                  <c:v>20.551976728855546</c:v>
                </c:pt>
                <c:pt idx="7291">
                  <c:v>20.55523085511231</c:v>
                </c:pt>
                <c:pt idx="7292">
                  <c:v>20.55523085511231</c:v>
                </c:pt>
                <c:pt idx="7293">
                  <c:v>20.55858359125574</c:v>
                </c:pt>
                <c:pt idx="7294">
                  <c:v>20.55858359125574</c:v>
                </c:pt>
                <c:pt idx="7295">
                  <c:v>20.561936327399</c:v>
                </c:pt>
                <c:pt idx="7296">
                  <c:v>20.561936327399</c:v>
                </c:pt>
                <c:pt idx="7297">
                  <c:v>20.565190453655763</c:v>
                </c:pt>
                <c:pt idx="7298">
                  <c:v>20.568543189799019</c:v>
                </c:pt>
                <c:pt idx="7299">
                  <c:v>20.568543189799019</c:v>
                </c:pt>
                <c:pt idx="7300">
                  <c:v>20.571895925942279</c:v>
                </c:pt>
                <c:pt idx="7301">
                  <c:v>20.575150052199042</c:v>
                </c:pt>
                <c:pt idx="7302">
                  <c:v>20.575150052199042</c:v>
                </c:pt>
                <c:pt idx="7303">
                  <c:v>20.578502788342472</c:v>
                </c:pt>
                <c:pt idx="7304">
                  <c:v>20.578502788342472</c:v>
                </c:pt>
                <c:pt idx="7305">
                  <c:v>20.581855524485729</c:v>
                </c:pt>
                <c:pt idx="7306">
                  <c:v>20.585109650742492</c:v>
                </c:pt>
                <c:pt idx="7307">
                  <c:v>20.585109650742492</c:v>
                </c:pt>
                <c:pt idx="7308">
                  <c:v>20.588462386885748</c:v>
                </c:pt>
                <c:pt idx="7309">
                  <c:v>20.588462386885748</c:v>
                </c:pt>
                <c:pt idx="7310">
                  <c:v>20.591815123029178</c:v>
                </c:pt>
                <c:pt idx="7311">
                  <c:v>20.591815123029178</c:v>
                </c:pt>
                <c:pt idx="7312">
                  <c:v>20.595069249285771</c:v>
                </c:pt>
                <c:pt idx="7313">
                  <c:v>20.595069249285771</c:v>
                </c:pt>
                <c:pt idx="7314">
                  <c:v>20.598421985429201</c:v>
                </c:pt>
                <c:pt idx="7315">
                  <c:v>20.601774721572458</c:v>
                </c:pt>
                <c:pt idx="7316">
                  <c:v>20.601774721572458</c:v>
                </c:pt>
                <c:pt idx="7317">
                  <c:v>20.605028847829221</c:v>
                </c:pt>
                <c:pt idx="7318">
                  <c:v>20.605028847829221</c:v>
                </c:pt>
                <c:pt idx="7319">
                  <c:v>20.608381583972481</c:v>
                </c:pt>
                <c:pt idx="7320">
                  <c:v>20.611734320115911</c:v>
                </c:pt>
                <c:pt idx="7321">
                  <c:v>20.611734320115911</c:v>
                </c:pt>
                <c:pt idx="7322">
                  <c:v>20.615087056259167</c:v>
                </c:pt>
                <c:pt idx="7323">
                  <c:v>20.61834118251593</c:v>
                </c:pt>
                <c:pt idx="7324">
                  <c:v>20.61834118251593</c:v>
                </c:pt>
                <c:pt idx="7325">
                  <c:v>20.62169391865919</c:v>
                </c:pt>
                <c:pt idx="7326">
                  <c:v>20.62504665480262</c:v>
                </c:pt>
                <c:pt idx="7327">
                  <c:v>20.62504665480262</c:v>
                </c:pt>
                <c:pt idx="7328">
                  <c:v>20.62830078105921</c:v>
                </c:pt>
                <c:pt idx="7329">
                  <c:v>20.62830078105921</c:v>
                </c:pt>
                <c:pt idx="7330">
                  <c:v>20.631653517202643</c:v>
                </c:pt>
                <c:pt idx="7331">
                  <c:v>20.631653517202643</c:v>
                </c:pt>
                <c:pt idx="7332">
                  <c:v>20.635006253345896</c:v>
                </c:pt>
                <c:pt idx="7333">
                  <c:v>20.635006253345896</c:v>
                </c:pt>
                <c:pt idx="7334">
                  <c:v>20.638260379602659</c:v>
                </c:pt>
                <c:pt idx="7335">
                  <c:v>20.638260379602659</c:v>
                </c:pt>
                <c:pt idx="7336">
                  <c:v>20.641613115745919</c:v>
                </c:pt>
                <c:pt idx="7337">
                  <c:v>20.641613115745919</c:v>
                </c:pt>
                <c:pt idx="7338">
                  <c:v>20.644965851889353</c:v>
                </c:pt>
                <c:pt idx="7339">
                  <c:v>20.644965851889353</c:v>
                </c:pt>
                <c:pt idx="7340">
                  <c:v>20.648219978146116</c:v>
                </c:pt>
                <c:pt idx="7341">
                  <c:v>20.648219978146116</c:v>
                </c:pt>
                <c:pt idx="7342">
                  <c:v>20.651572714289372</c:v>
                </c:pt>
                <c:pt idx="7343">
                  <c:v>20.654925450432629</c:v>
                </c:pt>
                <c:pt idx="7344">
                  <c:v>20.654925450432629</c:v>
                </c:pt>
                <c:pt idx="7345">
                  <c:v>20.658179576689392</c:v>
                </c:pt>
                <c:pt idx="7346">
                  <c:v>20.658179576689392</c:v>
                </c:pt>
                <c:pt idx="7347">
                  <c:v>20.661532312832648</c:v>
                </c:pt>
                <c:pt idx="7348">
                  <c:v>20.661532312832648</c:v>
                </c:pt>
                <c:pt idx="7349">
                  <c:v>20.664885048976082</c:v>
                </c:pt>
                <c:pt idx="7350">
                  <c:v>20.664885048976082</c:v>
                </c:pt>
                <c:pt idx="7351">
                  <c:v>20.668139175232845</c:v>
                </c:pt>
                <c:pt idx="7352">
                  <c:v>20.668139175232845</c:v>
                </c:pt>
                <c:pt idx="7353">
                  <c:v>20.671491911376101</c:v>
                </c:pt>
                <c:pt idx="7354">
                  <c:v>20.674844647519357</c:v>
                </c:pt>
                <c:pt idx="7355">
                  <c:v>20.674844647519357</c:v>
                </c:pt>
                <c:pt idx="7356">
                  <c:v>20.678098773776121</c:v>
                </c:pt>
                <c:pt idx="7357">
                  <c:v>20.678098773776121</c:v>
                </c:pt>
                <c:pt idx="7358">
                  <c:v>20.681451509919555</c:v>
                </c:pt>
                <c:pt idx="7359">
                  <c:v>20.684804246062811</c:v>
                </c:pt>
                <c:pt idx="7360">
                  <c:v>20.684804246062811</c:v>
                </c:pt>
                <c:pt idx="7361">
                  <c:v>20.688058372319574</c:v>
                </c:pt>
                <c:pt idx="7362">
                  <c:v>20.691411108462834</c:v>
                </c:pt>
                <c:pt idx="7363">
                  <c:v>20.691411108462834</c:v>
                </c:pt>
                <c:pt idx="7364">
                  <c:v>20.694763844606086</c:v>
                </c:pt>
                <c:pt idx="7365">
                  <c:v>20.69801797086285</c:v>
                </c:pt>
                <c:pt idx="7366">
                  <c:v>20.69801797086285</c:v>
                </c:pt>
                <c:pt idx="7367">
                  <c:v>20.701370707006284</c:v>
                </c:pt>
                <c:pt idx="7368">
                  <c:v>20.701370707006284</c:v>
                </c:pt>
                <c:pt idx="7369">
                  <c:v>20.704723443149543</c:v>
                </c:pt>
                <c:pt idx="7370">
                  <c:v>20.707977569406303</c:v>
                </c:pt>
                <c:pt idx="7371">
                  <c:v>20.707977569406303</c:v>
                </c:pt>
                <c:pt idx="7372">
                  <c:v>20.711330305549563</c:v>
                </c:pt>
                <c:pt idx="7373">
                  <c:v>20.711330305549563</c:v>
                </c:pt>
                <c:pt idx="7374">
                  <c:v>20.714683041692993</c:v>
                </c:pt>
                <c:pt idx="7375">
                  <c:v>20.714683041692993</c:v>
                </c:pt>
                <c:pt idx="7376">
                  <c:v>20.717937167949579</c:v>
                </c:pt>
                <c:pt idx="7377">
                  <c:v>20.717937167949579</c:v>
                </c:pt>
                <c:pt idx="7378">
                  <c:v>20.721289904093013</c:v>
                </c:pt>
                <c:pt idx="7379">
                  <c:v>20.721289904093013</c:v>
                </c:pt>
                <c:pt idx="7380">
                  <c:v>20.724642640236272</c:v>
                </c:pt>
                <c:pt idx="7381">
                  <c:v>20.724642640236272</c:v>
                </c:pt>
                <c:pt idx="7382">
                  <c:v>20.727896766493036</c:v>
                </c:pt>
                <c:pt idx="7383">
                  <c:v>20.727896766493036</c:v>
                </c:pt>
                <c:pt idx="7384">
                  <c:v>20.731249502636292</c:v>
                </c:pt>
                <c:pt idx="7385">
                  <c:v>20.731249502636292</c:v>
                </c:pt>
                <c:pt idx="7386">
                  <c:v>20.734602238779722</c:v>
                </c:pt>
                <c:pt idx="7387">
                  <c:v>20.737856365036485</c:v>
                </c:pt>
                <c:pt idx="7388">
                  <c:v>20.737856365036485</c:v>
                </c:pt>
                <c:pt idx="7389">
                  <c:v>20.737856365036485</c:v>
                </c:pt>
                <c:pt idx="7390">
                  <c:v>20.741209101179745</c:v>
                </c:pt>
                <c:pt idx="7391">
                  <c:v>20.744561837323001</c:v>
                </c:pt>
                <c:pt idx="7392">
                  <c:v>20.744561837323001</c:v>
                </c:pt>
                <c:pt idx="7393">
                  <c:v>20.747914573466435</c:v>
                </c:pt>
                <c:pt idx="7394">
                  <c:v>20.747914573466435</c:v>
                </c:pt>
                <c:pt idx="7395">
                  <c:v>20.747914573466435</c:v>
                </c:pt>
                <c:pt idx="7396">
                  <c:v>20.751168699723024</c:v>
                </c:pt>
                <c:pt idx="7397">
                  <c:v>20.751168699723024</c:v>
                </c:pt>
                <c:pt idx="7398">
                  <c:v>20.754521435866451</c:v>
                </c:pt>
                <c:pt idx="7399">
                  <c:v>20.754521435866451</c:v>
                </c:pt>
                <c:pt idx="7400">
                  <c:v>20.754521435866451</c:v>
                </c:pt>
                <c:pt idx="7401">
                  <c:v>20.757874172009711</c:v>
                </c:pt>
                <c:pt idx="7402">
                  <c:v>20.757874172009711</c:v>
                </c:pt>
                <c:pt idx="7403">
                  <c:v>20.761128298266474</c:v>
                </c:pt>
                <c:pt idx="7404">
                  <c:v>20.761128298266474</c:v>
                </c:pt>
                <c:pt idx="7405">
                  <c:v>20.76448103440973</c:v>
                </c:pt>
                <c:pt idx="7406">
                  <c:v>20.76448103440973</c:v>
                </c:pt>
                <c:pt idx="7407">
                  <c:v>20.76448103440973</c:v>
                </c:pt>
                <c:pt idx="7408">
                  <c:v>20.767833770553164</c:v>
                </c:pt>
                <c:pt idx="7409">
                  <c:v>20.767833770553164</c:v>
                </c:pt>
                <c:pt idx="7410">
                  <c:v>20.771087896809924</c:v>
                </c:pt>
                <c:pt idx="7411">
                  <c:v>20.771087896809924</c:v>
                </c:pt>
                <c:pt idx="7412">
                  <c:v>20.774440632953183</c:v>
                </c:pt>
                <c:pt idx="7413">
                  <c:v>20.77779336909644</c:v>
                </c:pt>
                <c:pt idx="7414">
                  <c:v>20.781047495353203</c:v>
                </c:pt>
                <c:pt idx="7415">
                  <c:v>20.784400231496463</c:v>
                </c:pt>
                <c:pt idx="7416">
                  <c:v>20.787752967639896</c:v>
                </c:pt>
                <c:pt idx="7417">
                  <c:v>20.787752967639896</c:v>
                </c:pt>
                <c:pt idx="7418">
                  <c:v>20.79100709389666</c:v>
                </c:pt>
                <c:pt idx="7419">
                  <c:v>20.79100709389666</c:v>
                </c:pt>
                <c:pt idx="7420">
                  <c:v>20.794359830039912</c:v>
                </c:pt>
                <c:pt idx="7421">
                  <c:v>20.794359830039912</c:v>
                </c:pt>
                <c:pt idx="7422">
                  <c:v>20.797712566183169</c:v>
                </c:pt>
                <c:pt idx="7423">
                  <c:v>20.800966692439932</c:v>
                </c:pt>
                <c:pt idx="7424">
                  <c:v>20.800966692439932</c:v>
                </c:pt>
                <c:pt idx="7425">
                  <c:v>20.804319428583192</c:v>
                </c:pt>
                <c:pt idx="7426">
                  <c:v>20.807672164726625</c:v>
                </c:pt>
                <c:pt idx="7427">
                  <c:v>20.807672164726625</c:v>
                </c:pt>
                <c:pt idx="7428">
                  <c:v>20.810926290983389</c:v>
                </c:pt>
                <c:pt idx="7429">
                  <c:v>20.814279027126641</c:v>
                </c:pt>
                <c:pt idx="7430">
                  <c:v>20.814279027126641</c:v>
                </c:pt>
                <c:pt idx="7431">
                  <c:v>20.817631763269901</c:v>
                </c:pt>
                <c:pt idx="7432">
                  <c:v>20.820885889526664</c:v>
                </c:pt>
                <c:pt idx="7433">
                  <c:v>20.820885889526664</c:v>
                </c:pt>
                <c:pt idx="7434">
                  <c:v>20.824238625670098</c:v>
                </c:pt>
                <c:pt idx="7435">
                  <c:v>20.824238625670098</c:v>
                </c:pt>
                <c:pt idx="7436">
                  <c:v>20.827591361813354</c:v>
                </c:pt>
                <c:pt idx="7437">
                  <c:v>20.827591361813354</c:v>
                </c:pt>
                <c:pt idx="7438">
                  <c:v>20.827591361813354</c:v>
                </c:pt>
                <c:pt idx="7439">
                  <c:v>20.830845488070118</c:v>
                </c:pt>
                <c:pt idx="7440">
                  <c:v>20.830845488070118</c:v>
                </c:pt>
                <c:pt idx="7441">
                  <c:v>20.830845488070118</c:v>
                </c:pt>
                <c:pt idx="7442">
                  <c:v>20.834198224213374</c:v>
                </c:pt>
                <c:pt idx="7443">
                  <c:v>20.83755096035663</c:v>
                </c:pt>
                <c:pt idx="7444">
                  <c:v>20.83755096035663</c:v>
                </c:pt>
                <c:pt idx="7445">
                  <c:v>20.840805086613393</c:v>
                </c:pt>
                <c:pt idx="7446">
                  <c:v>20.840805086613393</c:v>
                </c:pt>
                <c:pt idx="7447">
                  <c:v>20.844157822756827</c:v>
                </c:pt>
                <c:pt idx="7448">
                  <c:v>20.844157822756827</c:v>
                </c:pt>
                <c:pt idx="7449">
                  <c:v>20.847510558900083</c:v>
                </c:pt>
                <c:pt idx="7450">
                  <c:v>20.850764685156847</c:v>
                </c:pt>
                <c:pt idx="7451">
                  <c:v>20.850764685156847</c:v>
                </c:pt>
                <c:pt idx="7452">
                  <c:v>20.854117421300103</c:v>
                </c:pt>
                <c:pt idx="7453">
                  <c:v>20.854117421300103</c:v>
                </c:pt>
                <c:pt idx="7454">
                  <c:v>20.854117421300103</c:v>
                </c:pt>
                <c:pt idx="7455">
                  <c:v>20.857470157443537</c:v>
                </c:pt>
                <c:pt idx="7456">
                  <c:v>20.860724283700122</c:v>
                </c:pt>
                <c:pt idx="7457">
                  <c:v>20.860724283700122</c:v>
                </c:pt>
                <c:pt idx="7458">
                  <c:v>20.860724283700122</c:v>
                </c:pt>
                <c:pt idx="7459">
                  <c:v>20.864077019843556</c:v>
                </c:pt>
                <c:pt idx="7460">
                  <c:v>20.864077019843556</c:v>
                </c:pt>
                <c:pt idx="7461">
                  <c:v>20.867429755986816</c:v>
                </c:pt>
                <c:pt idx="7462">
                  <c:v>20.867429755986816</c:v>
                </c:pt>
                <c:pt idx="7463">
                  <c:v>20.867429755986816</c:v>
                </c:pt>
                <c:pt idx="7464">
                  <c:v>20.870782492130072</c:v>
                </c:pt>
                <c:pt idx="7465">
                  <c:v>20.870782492130072</c:v>
                </c:pt>
                <c:pt idx="7466">
                  <c:v>20.874036618386832</c:v>
                </c:pt>
                <c:pt idx="7467">
                  <c:v>20.874036618386832</c:v>
                </c:pt>
                <c:pt idx="7468">
                  <c:v>20.874036618386832</c:v>
                </c:pt>
                <c:pt idx="7469">
                  <c:v>20.877389354530266</c:v>
                </c:pt>
                <c:pt idx="7470">
                  <c:v>20.877389354530266</c:v>
                </c:pt>
                <c:pt idx="7471">
                  <c:v>20.880742090673525</c:v>
                </c:pt>
                <c:pt idx="7472">
                  <c:v>20.880742090673525</c:v>
                </c:pt>
                <c:pt idx="7473">
                  <c:v>20.880742090673525</c:v>
                </c:pt>
                <c:pt idx="7474">
                  <c:v>20.883996216930285</c:v>
                </c:pt>
                <c:pt idx="7475">
                  <c:v>20.883996216930285</c:v>
                </c:pt>
                <c:pt idx="7476">
                  <c:v>20.887348953073545</c:v>
                </c:pt>
                <c:pt idx="7477">
                  <c:v>20.887348953073545</c:v>
                </c:pt>
                <c:pt idx="7478">
                  <c:v>20.890701689216975</c:v>
                </c:pt>
                <c:pt idx="7479">
                  <c:v>20.890701689216975</c:v>
                </c:pt>
                <c:pt idx="7480">
                  <c:v>20.893955815473561</c:v>
                </c:pt>
                <c:pt idx="7481">
                  <c:v>20.893955815473561</c:v>
                </c:pt>
                <c:pt idx="7482">
                  <c:v>20.897308551616995</c:v>
                </c:pt>
                <c:pt idx="7483">
                  <c:v>20.897308551616995</c:v>
                </c:pt>
                <c:pt idx="7484">
                  <c:v>20.897308551616995</c:v>
                </c:pt>
                <c:pt idx="7485">
                  <c:v>20.900661287760254</c:v>
                </c:pt>
                <c:pt idx="7486">
                  <c:v>20.900661287760254</c:v>
                </c:pt>
                <c:pt idx="7487">
                  <c:v>20.903915414017018</c:v>
                </c:pt>
                <c:pt idx="7488">
                  <c:v>20.907268150160274</c:v>
                </c:pt>
                <c:pt idx="7489">
                  <c:v>20.907268150160274</c:v>
                </c:pt>
                <c:pt idx="7490">
                  <c:v>20.910620886303704</c:v>
                </c:pt>
                <c:pt idx="7491">
                  <c:v>20.910620886303704</c:v>
                </c:pt>
                <c:pt idx="7492">
                  <c:v>20.910620886303704</c:v>
                </c:pt>
                <c:pt idx="7493">
                  <c:v>20.913875012560467</c:v>
                </c:pt>
                <c:pt idx="7494">
                  <c:v>20.913875012560467</c:v>
                </c:pt>
                <c:pt idx="7495">
                  <c:v>20.917227748703727</c:v>
                </c:pt>
                <c:pt idx="7496">
                  <c:v>20.917227748703727</c:v>
                </c:pt>
                <c:pt idx="7497">
                  <c:v>20.920580484846983</c:v>
                </c:pt>
                <c:pt idx="7498">
                  <c:v>20.923834611103747</c:v>
                </c:pt>
                <c:pt idx="7499">
                  <c:v>20.923834611103747</c:v>
                </c:pt>
                <c:pt idx="7500">
                  <c:v>20.927187347247003</c:v>
                </c:pt>
                <c:pt idx="7501">
                  <c:v>20.927187347247003</c:v>
                </c:pt>
                <c:pt idx="7502">
                  <c:v>20.927187347247003</c:v>
                </c:pt>
                <c:pt idx="7503">
                  <c:v>20.930540083390433</c:v>
                </c:pt>
                <c:pt idx="7504">
                  <c:v>20.930540083390433</c:v>
                </c:pt>
                <c:pt idx="7505">
                  <c:v>20.933794209647196</c:v>
                </c:pt>
                <c:pt idx="7506">
                  <c:v>20.933794209647196</c:v>
                </c:pt>
                <c:pt idx="7507">
                  <c:v>20.937146945790456</c:v>
                </c:pt>
                <c:pt idx="7508">
                  <c:v>20.937146945790456</c:v>
                </c:pt>
                <c:pt idx="7509">
                  <c:v>20.940499681933712</c:v>
                </c:pt>
                <c:pt idx="7510">
                  <c:v>20.940499681933712</c:v>
                </c:pt>
                <c:pt idx="7511">
                  <c:v>20.943753808190475</c:v>
                </c:pt>
                <c:pt idx="7512">
                  <c:v>20.943753808190475</c:v>
                </c:pt>
                <c:pt idx="7513">
                  <c:v>20.943753808190475</c:v>
                </c:pt>
                <c:pt idx="7514">
                  <c:v>20.947106544333909</c:v>
                </c:pt>
                <c:pt idx="7515">
                  <c:v>20.947106544333909</c:v>
                </c:pt>
                <c:pt idx="7516">
                  <c:v>20.950459280477165</c:v>
                </c:pt>
                <c:pt idx="7517">
                  <c:v>20.950459280477165</c:v>
                </c:pt>
                <c:pt idx="7518">
                  <c:v>20.953713406733929</c:v>
                </c:pt>
                <c:pt idx="7519">
                  <c:v>20.953713406733929</c:v>
                </c:pt>
                <c:pt idx="7520">
                  <c:v>20.957066142877185</c:v>
                </c:pt>
                <c:pt idx="7521">
                  <c:v>20.957066142877185</c:v>
                </c:pt>
                <c:pt idx="7522">
                  <c:v>20.960418879020445</c:v>
                </c:pt>
                <c:pt idx="7523">
                  <c:v>20.960418879020445</c:v>
                </c:pt>
                <c:pt idx="7524">
                  <c:v>20.963673005277208</c:v>
                </c:pt>
                <c:pt idx="7525">
                  <c:v>20.963673005277208</c:v>
                </c:pt>
                <c:pt idx="7526">
                  <c:v>20.967025741420638</c:v>
                </c:pt>
                <c:pt idx="7527">
                  <c:v>20.967025741420638</c:v>
                </c:pt>
                <c:pt idx="7528">
                  <c:v>20.970378477563894</c:v>
                </c:pt>
                <c:pt idx="7529">
                  <c:v>20.970378477563894</c:v>
                </c:pt>
                <c:pt idx="7530">
                  <c:v>20.973632603820658</c:v>
                </c:pt>
                <c:pt idx="7531">
                  <c:v>20.973632603820658</c:v>
                </c:pt>
                <c:pt idx="7532">
                  <c:v>20.973632603820658</c:v>
                </c:pt>
                <c:pt idx="7533">
                  <c:v>20.976985339963914</c:v>
                </c:pt>
                <c:pt idx="7534">
                  <c:v>20.980338076107348</c:v>
                </c:pt>
                <c:pt idx="7535">
                  <c:v>20.980338076107348</c:v>
                </c:pt>
                <c:pt idx="7536">
                  <c:v>20.983592202363937</c:v>
                </c:pt>
                <c:pt idx="7537">
                  <c:v>20.983592202363937</c:v>
                </c:pt>
                <c:pt idx="7538">
                  <c:v>20.986944938507371</c:v>
                </c:pt>
                <c:pt idx="7539">
                  <c:v>20.986944938507371</c:v>
                </c:pt>
                <c:pt idx="7540">
                  <c:v>20.990297674650623</c:v>
                </c:pt>
                <c:pt idx="7541">
                  <c:v>20.990297674650623</c:v>
                </c:pt>
                <c:pt idx="7542">
                  <c:v>20.993551800907387</c:v>
                </c:pt>
                <c:pt idx="7543">
                  <c:v>20.993551800907387</c:v>
                </c:pt>
                <c:pt idx="7544">
                  <c:v>20.996904537050646</c:v>
                </c:pt>
                <c:pt idx="7545">
                  <c:v>20.996904537050646</c:v>
                </c:pt>
                <c:pt idx="7546">
                  <c:v>21.00025727319408</c:v>
                </c:pt>
                <c:pt idx="7547">
                  <c:v>21.00025727319408</c:v>
                </c:pt>
                <c:pt idx="7548">
                  <c:v>21.003610009337336</c:v>
                </c:pt>
                <c:pt idx="7549">
                  <c:v>21.003610009337336</c:v>
                </c:pt>
                <c:pt idx="7550">
                  <c:v>21.003610009337336</c:v>
                </c:pt>
                <c:pt idx="7551">
                  <c:v>21.0068641355941</c:v>
                </c:pt>
                <c:pt idx="7552">
                  <c:v>21.0068641355941</c:v>
                </c:pt>
                <c:pt idx="7553">
                  <c:v>21.0068641355941</c:v>
                </c:pt>
                <c:pt idx="7554">
                  <c:v>21.010216871737356</c:v>
                </c:pt>
                <c:pt idx="7555">
                  <c:v>21.010216871737356</c:v>
                </c:pt>
                <c:pt idx="7556">
                  <c:v>21.013569607880786</c:v>
                </c:pt>
                <c:pt idx="7557">
                  <c:v>21.013569607880786</c:v>
                </c:pt>
                <c:pt idx="7558">
                  <c:v>21.016823734137375</c:v>
                </c:pt>
                <c:pt idx="7559">
                  <c:v>21.016823734137375</c:v>
                </c:pt>
                <c:pt idx="7560">
                  <c:v>21.016823734137375</c:v>
                </c:pt>
                <c:pt idx="7561">
                  <c:v>21.016823734137375</c:v>
                </c:pt>
                <c:pt idx="7562">
                  <c:v>21.020176470280809</c:v>
                </c:pt>
                <c:pt idx="7563">
                  <c:v>21.020176470280809</c:v>
                </c:pt>
                <c:pt idx="7564">
                  <c:v>21.023529206424065</c:v>
                </c:pt>
                <c:pt idx="7565">
                  <c:v>21.023529206424065</c:v>
                </c:pt>
                <c:pt idx="7566">
                  <c:v>21.026783332680829</c:v>
                </c:pt>
                <c:pt idx="7567">
                  <c:v>21.026783332680829</c:v>
                </c:pt>
                <c:pt idx="7568">
                  <c:v>21.026783332680829</c:v>
                </c:pt>
                <c:pt idx="7569">
                  <c:v>21.030136068824088</c:v>
                </c:pt>
                <c:pt idx="7570">
                  <c:v>21.033488804967519</c:v>
                </c:pt>
                <c:pt idx="7571">
                  <c:v>21.033488804967519</c:v>
                </c:pt>
                <c:pt idx="7572">
                  <c:v>21.036742931224282</c:v>
                </c:pt>
                <c:pt idx="7573">
                  <c:v>21.036742931224282</c:v>
                </c:pt>
                <c:pt idx="7574">
                  <c:v>21.040095667367538</c:v>
                </c:pt>
                <c:pt idx="7575">
                  <c:v>21.040095667367538</c:v>
                </c:pt>
                <c:pt idx="7576">
                  <c:v>21.043448403510798</c:v>
                </c:pt>
                <c:pt idx="7577">
                  <c:v>21.043448403510798</c:v>
                </c:pt>
                <c:pt idx="7578">
                  <c:v>21.046702529767561</c:v>
                </c:pt>
                <c:pt idx="7579">
                  <c:v>21.050055265910817</c:v>
                </c:pt>
                <c:pt idx="7580">
                  <c:v>21.050055265910817</c:v>
                </c:pt>
                <c:pt idx="7581">
                  <c:v>21.053408002054248</c:v>
                </c:pt>
                <c:pt idx="7582">
                  <c:v>21.053408002054248</c:v>
                </c:pt>
                <c:pt idx="7583">
                  <c:v>21.056662128311011</c:v>
                </c:pt>
                <c:pt idx="7584">
                  <c:v>21.060014864454267</c:v>
                </c:pt>
                <c:pt idx="7585">
                  <c:v>21.060014864454267</c:v>
                </c:pt>
                <c:pt idx="7586">
                  <c:v>21.063367600597527</c:v>
                </c:pt>
                <c:pt idx="7587">
                  <c:v>21.063367600597527</c:v>
                </c:pt>
                <c:pt idx="7588">
                  <c:v>21.06662172685429</c:v>
                </c:pt>
                <c:pt idx="7589">
                  <c:v>21.06997446299772</c:v>
                </c:pt>
                <c:pt idx="7590">
                  <c:v>21.06997446299772</c:v>
                </c:pt>
                <c:pt idx="7591">
                  <c:v>21.073327199140977</c:v>
                </c:pt>
                <c:pt idx="7592">
                  <c:v>21.073327199140977</c:v>
                </c:pt>
                <c:pt idx="7593">
                  <c:v>21.073327199140977</c:v>
                </c:pt>
                <c:pt idx="7594">
                  <c:v>21.07658132539774</c:v>
                </c:pt>
                <c:pt idx="7595">
                  <c:v>21.07658132539774</c:v>
                </c:pt>
                <c:pt idx="7596">
                  <c:v>21.079934061541</c:v>
                </c:pt>
                <c:pt idx="7597">
                  <c:v>21.079934061541</c:v>
                </c:pt>
                <c:pt idx="7598">
                  <c:v>21.083286797684256</c:v>
                </c:pt>
                <c:pt idx="7599">
                  <c:v>21.083286797684256</c:v>
                </c:pt>
                <c:pt idx="7600">
                  <c:v>21.086540923941019</c:v>
                </c:pt>
                <c:pt idx="7601">
                  <c:v>21.086540923941019</c:v>
                </c:pt>
                <c:pt idx="7602">
                  <c:v>21.089893660084449</c:v>
                </c:pt>
                <c:pt idx="7603">
                  <c:v>21.089893660084449</c:v>
                </c:pt>
                <c:pt idx="7604">
                  <c:v>21.093246396227709</c:v>
                </c:pt>
                <c:pt idx="7605">
                  <c:v>21.093246396227709</c:v>
                </c:pt>
                <c:pt idx="7606">
                  <c:v>21.096500522484469</c:v>
                </c:pt>
                <c:pt idx="7607">
                  <c:v>21.096500522484469</c:v>
                </c:pt>
                <c:pt idx="7608">
                  <c:v>21.099853258627729</c:v>
                </c:pt>
                <c:pt idx="7609">
                  <c:v>21.099853258627729</c:v>
                </c:pt>
                <c:pt idx="7610">
                  <c:v>21.099853258627729</c:v>
                </c:pt>
                <c:pt idx="7611">
                  <c:v>21.103205994770985</c:v>
                </c:pt>
                <c:pt idx="7612">
                  <c:v>21.103205994770985</c:v>
                </c:pt>
                <c:pt idx="7613">
                  <c:v>21.103205994770985</c:v>
                </c:pt>
                <c:pt idx="7614">
                  <c:v>21.106460121027748</c:v>
                </c:pt>
                <c:pt idx="7615">
                  <c:v>21.106460121027748</c:v>
                </c:pt>
                <c:pt idx="7616">
                  <c:v>21.109812857171178</c:v>
                </c:pt>
                <c:pt idx="7617">
                  <c:v>21.109812857171178</c:v>
                </c:pt>
                <c:pt idx="7618">
                  <c:v>21.113165593314438</c:v>
                </c:pt>
                <c:pt idx="7619">
                  <c:v>21.113165593314438</c:v>
                </c:pt>
                <c:pt idx="7620">
                  <c:v>21.113165593314438</c:v>
                </c:pt>
                <c:pt idx="7621">
                  <c:v>21.116419719571201</c:v>
                </c:pt>
                <c:pt idx="7622">
                  <c:v>21.116419719571201</c:v>
                </c:pt>
                <c:pt idx="7623">
                  <c:v>21.116419719571201</c:v>
                </c:pt>
                <c:pt idx="7624">
                  <c:v>21.119772455714457</c:v>
                </c:pt>
                <c:pt idx="7625">
                  <c:v>21.119772455714457</c:v>
                </c:pt>
                <c:pt idx="7626">
                  <c:v>21.119772455714457</c:v>
                </c:pt>
                <c:pt idx="7627">
                  <c:v>21.123125191857891</c:v>
                </c:pt>
                <c:pt idx="7628">
                  <c:v>21.123125191857891</c:v>
                </c:pt>
                <c:pt idx="7629">
                  <c:v>21.123125191857891</c:v>
                </c:pt>
                <c:pt idx="7630">
                  <c:v>21.126477928001151</c:v>
                </c:pt>
                <c:pt idx="7631">
                  <c:v>21.126477928001151</c:v>
                </c:pt>
                <c:pt idx="7632">
                  <c:v>21.129732054257911</c:v>
                </c:pt>
                <c:pt idx="7633">
                  <c:v>21.129732054257911</c:v>
                </c:pt>
                <c:pt idx="7634">
                  <c:v>21.133084790401167</c:v>
                </c:pt>
                <c:pt idx="7635">
                  <c:v>21.133084790401167</c:v>
                </c:pt>
                <c:pt idx="7636">
                  <c:v>21.136437526544427</c:v>
                </c:pt>
                <c:pt idx="7637">
                  <c:v>21.139691652801186</c:v>
                </c:pt>
                <c:pt idx="7638">
                  <c:v>21.14304438894462</c:v>
                </c:pt>
                <c:pt idx="7639">
                  <c:v>21.14304438894462</c:v>
                </c:pt>
                <c:pt idx="7640">
                  <c:v>21.14639712508788</c:v>
                </c:pt>
                <c:pt idx="7641">
                  <c:v>21.14965125134464</c:v>
                </c:pt>
                <c:pt idx="7642">
                  <c:v>21.14965125134464</c:v>
                </c:pt>
                <c:pt idx="7643">
                  <c:v>21.153003987487896</c:v>
                </c:pt>
                <c:pt idx="7644">
                  <c:v>21.15635672363133</c:v>
                </c:pt>
                <c:pt idx="7645">
                  <c:v>21.15635672363133</c:v>
                </c:pt>
                <c:pt idx="7646">
                  <c:v>21.159610849887919</c:v>
                </c:pt>
                <c:pt idx="7647">
                  <c:v>21.159610849887919</c:v>
                </c:pt>
                <c:pt idx="7648">
                  <c:v>21.162963586031353</c:v>
                </c:pt>
                <c:pt idx="7649">
                  <c:v>21.166316322174609</c:v>
                </c:pt>
                <c:pt idx="7650">
                  <c:v>21.166316322174609</c:v>
                </c:pt>
                <c:pt idx="7651">
                  <c:v>21.169570448431372</c:v>
                </c:pt>
                <c:pt idx="7652">
                  <c:v>21.172923184574628</c:v>
                </c:pt>
                <c:pt idx="7653">
                  <c:v>21.176275920718062</c:v>
                </c:pt>
                <c:pt idx="7654">
                  <c:v>21.176275920718062</c:v>
                </c:pt>
                <c:pt idx="7655">
                  <c:v>21.179530046974826</c:v>
                </c:pt>
                <c:pt idx="7656">
                  <c:v>21.179530046974826</c:v>
                </c:pt>
                <c:pt idx="7657">
                  <c:v>21.182882783118082</c:v>
                </c:pt>
                <c:pt idx="7658">
                  <c:v>21.182882783118082</c:v>
                </c:pt>
                <c:pt idx="7659">
                  <c:v>21.186235519261338</c:v>
                </c:pt>
                <c:pt idx="7660">
                  <c:v>21.186235519261338</c:v>
                </c:pt>
                <c:pt idx="7661">
                  <c:v>21.186235519261338</c:v>
                </c:pt>
                <c:pt idx="7662">
                  <c:v>21.186235519261338</c:v>
                </c:pt>
                <c:pt idx="7663">
                  <c:v>21.189489645518101</c:v>
                </c:pt>
                <c:pt idx="7664">
                  <c:v>21.189489645518101</c:v>
                </c:pt>
                <c:pt idx="7665">
                  <c:v>21.189489645518101</c:v>
                </c:pt>
                <c:pt idx="7666">
                  <c:v>21.192842381661357</c:v>
                </c:pt>
                <c:pt idx="7667">
                  <c:v>21.192842381661357</c:v>
                </c:pt>
                <c:pt idx="7668">
                  <c:v>21.196195117804791</c:v>
                </c:pt>
                <c:pt idx="7669">
                  <c:v>21.196195117804791</c:v>
                </c:pt>
                <c:pt idx="7670">
                  <c:v>21.196195117804791</c:v>
                </c:pt>
                <c:pt idx="7671">
                  <c:v>21.199449244061555</c:v>
                </c:pt>
                <c:pt idx="7672">
                  <c:v>21.199449244061555</c:v>
                </c:pt>
                <c:pt idx="7673">
                  <c:v>21.199449244061555</c:v>
                </c:pt>
                <c:pt idx="7674">
                  <c:v>21.202801980204811</c:v>
                </c:pt>
                <c:pt idx="7675">
                  <c:v>21.202801980204811</c:v>
                </c:pt>
                <c:pt idx="7676">
                  <c:v>21.20615471634807</c:v>
                </c:pt>
                <c:pt idx="7677">
                  <c:v>21.20615471634807</c:v>
                </c:pt>
                <c:pt idx="7678">
                  <c:v>21.20615471634807</c:v>
                </c:pt>
                <c:pt idx="7679">
                  <c:v>21.209408842604834</c:v>
                </c:pt>
                <c:pt idx="7680">
                  <c:v>21.209408842604834</c:v>
                </c:pt>
                <c:pt idx="7681">
                  <c:v>21.209408842604834</c:v>
                </c:pt>
                <c:pt idx="7682">
                  <c:v>21.212761578748264</c:v>
                </c:pt>
                <c:pt idx="7683">
                  <c:v>21.212761578748264</c:v>
                </c:pt>
                <c:pt idx="7684">
                  <c:v>21.21611431489152</c:v>
                </c:pt>
                <c:pt idx="7685">
                  <c:v>21.21611431489152</c:v>
                </c:pt>
                <c:pt idx="7686">
                  <c:v>21.219368441148283</c:v>
                </c:pt>
                <c:pt idx="7687">
                  <c:v>21.219368441148283</c:v>
                </c:pt>
                <c:pt idx="7688">
                  <c:v>21.222721177291543</c:v>
                </c:pt>
                <c:pt idx="7689">
                  <c:v>21.222721177291543</c:v>
                </c:pt>
                <c:pt idx="7690">
                  <c:v>21.222721177291543</c:v>
                </c:pt>
                <c:pt idx="7691">
                  <c:v>21.226073913434799</c:v>
                </c:pt>
                <c:pt idx="7692">
                  <c:v>21.226073913434799</c:v>
                </c:pt>
                <c:pt idx="7693">
                  <c:v>21.229328039691563</c:v>
                </c:pt>
                <c:pt idx="7694">
                  <c:v>21.229328039691563</c:v>
                </c:pt>
                <c:pt idx="7695">
                  <c:v>21.232680775834993</c:v>
                </c:pt>
                <c:pt idx="7696">
                  <c:v>21.232680775834993</c:v>
                </c:pt>
                <c:pt idx="7697">
                  <c:v>21.236033511978249</c:v>
                </c:pt>
                <c:pt idx="7698">
                  <c:v>21.236033511978249</c:v>
                </c:pt>
                <c:pt idx="7699">
                  <c:v>21.239287638235012</c:v>
                </c:pt>
                <c:pt idx="7700">
                  <c:v>21.239287638235012</c:v>
                </c:pt>
                <c:pt idx="7701">
                  <c:v>21.242640374378272</c:v>
                </c:pt>
                <c:pt idx="7702">
                  <c:v>21.242640374378272</c:v>
                </c:pt>
                <c:pt idx="7703">
                  <c:v>21.245993110521702</c:v>
                </c:pt>
                <c:pt idx="7704">
                  <c:v>21.245993110521702</c:v>
                </c:pt>
                <c:pt idx="7705">
                  <c:v>21.249247236778292</c:v>
                </c:pt>
                <c:pt idx="7706">
                  <c:v>21.252599972921722</c:v>
                </c:pt>
                <c:pt idx="7707">
                  <c:v>21.252599972921722</c:v>
                </c:pt>
                <c:pt idx="7708">
                  <c:v>21.255952709064982</c:v>
                </c:pt>
                <c:pt idx="7709">
                  <c:v>21.255952709064982</c:v>
                </c:pt>
                <c:pt idx="7710">
                  <c:v>21.259305445208238</c:v>
                </c:pt>
                <c:pt idx="7711">
                  <c:v>21.259305445208238</c:v>
                </c:pt>
                <c:pt idx="7712">
                  <c:v>21.259305445208238</c:v>
                </c:pt>
                <c:pt idx="7713">
                  <c:v>21.262559571465001</c:v>
                </c:pt>
                <c:pt idx="7714">
                  <c:v>21.265912307608435</c:v>
                </c:pt>
                <c:pt idx="7715">
                  <c:v>21.265912307608435</c:v>
                </c:pt>
                <c:pt idx="7716">
                  <c:v>21.269265043751687</c:v>
                </c:pt>
                <c:pt idx="7717">
                  <c:v>21.269265043751687</c:v>
                </c:pt>
                <c:pt idx="7718">
                  <c:v>21.272519170008451</c:v>
                </c:pt>
                <c:pt idx="7719">
                  <c:v>21.272519170008451</c:v>
                </c:pt>
                <c:pt idx="7720">
                  <c:v>21.275871906151711</c:v>
                </c:pt>
                <c:pt idx="7721">
                  <c:v>21.275871906151711</c:v>
                </c:pt>
                <c:pt idx="7722">
                  <c:v>21.279224642295144</c:v>
                </c:pt>
                <c:pt idx="7723">
                  <c:v>21.279224642295144</c:v>
                </c:pt>
                <c:pt idx="7724">
                  <c:v>21.28247876855173</c:v>
                </c:pt>
                <c:pt idx="7725">
                  <c:v>21.28247876855173</c:v>
                </c:pt>
                <c:pt idx="7726">
                  <c:v>21.285831504695164</c:v>
                </c:pt>
                <c:pt idx="7727">
                  <c:v>21.285831504695164</c:v>
                </c:pt>
                <c:pt idx="7728">
                  <c:v>21.28918424083842</c:v>
                </c:pt>
                <c:pt idx="7729">
                  <c:v>21.28918424083842</c:v>
                </c:pt>
                <c:pt idx="7730">
                  <c:v>21.292438367095183</c:v>
                </c:pt>
                <c:pt idx="7731">
                  <c:v>21.292438367095183</c:v>
                </c:pt>
                <c:pt idx="7732">
                  <c:v>21.295791103238439</c:v>
                </c:pt>
                <c:pt idx="7733">
                  <c:v>21.295791103238439</c:v>
                </c:pt>
                <c:pt idx="7734">
                  <c:v>21.299143839381873</c:v>
                </c:pt>
                <c:pt idx="7735">
                  <c:v>21.299143839381873</c:v>
                </c:pt>
                <c:pt idx="7736">
                  <c:v>21.302397965638637</c:v>
                </c:pt>
                <c:pt idx="7737">
                  <c:v>21.305750701781896</c:v>
                </c:pt>
                <c:pt idx="7738">
                  <c:v>21.305750701781896</c:v>
                </c:pt>
                <c:pt idx="7739">
                  <c:v>21.305750701781896</c:v>
                </c:pt>
                <c:pt idx="7740">
                  <c:v>21.309103437925149</c:v>
                </c:pt>
                <c:pt idx="7741">
                  <c:v>21.309103437925149</c:v>
                </c:pt>
                <c:pt idx="7742">
                  <c:v>21.312357564181912</c:v>
                </c:pt>
                <c:pt idx="7743">
                  <c:v>21.312357564181912</c:v>
                </c:pt>
                <c:pt idx="7744">
                  <c:v>21.315710300325168</c:v>
                </c:pt>
                <c:pt idx="7745">
                  <c:v>21.315710300325168</c:v>
                </c:pt>
                <c:pt idx="7746">
                  <c:v>21.319063036468602</c:v>
                </c:pt>
                <c:pt idx="7747">
                  <c:v>21.319063036468602</c:v>
                </c:pt>
                <c:pt idx="7748">
                  <c:v>21.322317162725366</c:v>
                </c:pt>
                <c:pt idx="7749">
                  <c:v>21.322317162725366</c:v>
                </c:pt>
                <c:pt idx="7750">
                  <c:v>21.325669898868625</c:v>
                </c:pt>
                <c:pt idx="7751">
                  <c:v>21.325669898868625</c:v>
                </c:pt>
                <c:pt idx="7752">
                  <c:v>21.329022635011878</c:v>
                </c:pt>
                <c:pt idx="7753">
                  <c:v>21.329022635011878</c:v>
                </c:pt>
                <c:pt idx="7754">
                  <c:v>21.332276761268641</c:v>
                </c:pt>
                <c:pt idx="7755">
                  <c:v>21.332276761268641</c:v>
                </c:pt>
                <c:pt idx="7756">
                  <c:v>21.332276761268641</c:v>
                </c:pt>
                <c:pt idx="7757">
                  <c:v>21.335629497412075</c:v>
                </c:pt>
                <c:pt idx="7758">
                  <c:v>21.335629497412075</c:v>
                </c:pt>
                <c:pt idx="7759">
                  <c:v>21.338982233555335</c:v>
                </c:pt>
                <c:pt idx="7760">
                  <c:v>21.338982233555335</c:v>
                </c:pt>
                <c:pt idx="7761">
                  <c:v>21.338982233555335</c:v>
                </c:pt>
                <c:pt idx="7762">
                  <c:v>21.342236359812098</c:v>
                </c:pt>
                <c:pt idx="7763">
                  <c:v>21.342236359812098</c:v>
                </c:pt>
                <c:pt idx="7764">
                  <c:v>21.345589095955354</c:v>
                </c:pt>
                <c:pt idx="7765">
                  <c:v>21.34894183209861</c:v>
                </c:pt>
                <c:pt idx="7766">
                  <c:v>21.34894183209861</c:v>
                </c:pt>
                <c:pt idx="7767">
                  <c:v>21.34894183209861</c:v>
                </c:pt>
                <c:pt idx="7768">
                  <c:v>21.352195958355374</c:v>
                </c:pt>
                <c:pt idx="7769">
                  <c:v>21.352195958355374</c:v>
                </c:pt>
                <c:pt idx="7770">
                  <c:v>21.355548694498804</c:v>
                </c:pt>
                <c:pt idx="7771">
                  <c:v>21.355548694498804</c:v>
                </c:pt>
                <c:pt idx="7772">
                  <c:v>21.358901430642064</c:v>
                </c:pt>
                <c:pt idx="7773">
                  <c:v>21.358901430642064</c:v>
                </c:pt>
                <c:pt idx="7774">
                  <c:v>21.362155556898827</c:v>
                </c:pt>
                <c:pt idx="7775">
                  <c:v>21.362155556898827</c:v>
                </c:pt>
                <c:pt idx="7776">
                  <c:v>21.365508293042083</c:v>
                </c:pt>
                <c:pt idx="7777">
                  <c:v>21.365508293042083</c:v>
                </c:pt>
                <c:pt idx="7778">
                  <c:v>21.368861029185513</c:v>
                </c:pt>
                <c:pt idx="7779">
                  <c:v>21.368861029185513</c:v>
                </c:pt>
                <c:pt idx="7780">
                  <c:v>21.372115155442103</c:v>
                </c:pt>
                <c:pt idx="7781">
                  <c:v>21.372115155442103</c:v>
                </c:pt>
                <c:pt idx="7782">
                  <c:v>21.375467891585537</c:v>
                </c:pt>
                <c:pt idx="7783">
                  <c:v>21.375467891585537</c:v>
                </c:pt>
                <c:pt idx="7784">
                  <c:v>21.378820627728793</c:v>
                </c:pt>
                <c:pt idx="7785">
                  <c:v>21.378820627728793</c:v>
                </c:pt>
                <c:pt idx="7786">
                  <c:v>21.382173363872052</c:v>
                </c:pt>
                <c:pt idx="7787">
                  <c:v>21.382173363872052</c:v>
                </c:pt>
                <c:pt idx="7788">
                  <c:v>21.385427490128816</c:v>
                </c:pt>
                <c:pt idx="7789">
                  <c:v>21.385427490128816</c:v>
                </c:pt>
                <c:pt idx="7790">
                  <c:v>21.388780226272246</c:v>
                </c:pt>
                <c:pt idx="7791">
                  <c:v>21.388780226272246</c:v>
                </c:pt>
                <c:pt idx="7792">
                  <c:v>21.392132962415502</c:v>
                </c:pt>
                <c:pt idx="7793">
                  <c:v>21.392132962415502</c:v>
                </c:pt>
                <c:pt idx="7794">
                  <c:v>21.392132962415502</c:v>
                </c:pt>
                <c:pt idx="7795">
                  <c:v>21.395387088672265</c:v>
                </c:pt>
                <c:pt idx="7796">
                  <c:v>21.398739824815522</c:v>
                </c:pt>
                <c:pt idx="7797">
                  <c:v>21.398739824815522</c:v>
                </c:pt>
                <c:pt idx="7798">
                  <c:v>21.398739824815522</c:v>
                </c:pt>
                <c:pt idx="7799">
                  <c:v>21.402092560958781</c:v>
                </c:pt>
                <c:pt idx="7800">
                  <c:v>21.402092560958781</c:v>
                </c:pt>
                <c:pt idx="7801">
                  <c:v>21.405346687215545</c:v>
                </c:pt>
                <c:pt idx="7802">
                  <c:v>21.408699423358975</c:v>
                </c:pt>
                <c:pt idx="7803">
                  <c:v>21.408699423358975</c:v>
                </c:pt>
                <c:pt idx="7804">
                  <c:v>21.412052159502231</c:v>
                </c:pt>
                <c:pt idx="7805">
                  <c:v>21.412052159502231</c:v>
                </c:pt>
                <c:pt idx="7806">
                  <c:v>21.415306285758994</c:v>
                </c:pt>
                <c:pt idx="7807">
                  <c:v>21.415306285758994</c:v>
                </c:pt>
                <c:pt idx="7808">
                  <c:v>21.418659021902254</c:v>
                </c:pt>
                <c:pt idx="7809">
                  <c:v>21.418659021902254</c:v>
                </c:pt>
                <c:pt idx="7810">
                  <c:v>21.422011758045688</c:v>
                </c:pt>
                <c:pt idx="7811">
                  <c:v>21.422011758045688</c:v>
                </c:pt>
                <c:pt idx="7812">
                  <c:v>21.425265884302274</c:v>
                </c:pt>
                <c:pt idx="7813">
                  <c:v>21.425265884302274</c:v>
                </c:pt>
                <c:pt idx="7814">
                  <c:v>21.428618620445704</c:v>
                </c:pt>
                <c:pt idx="7815">
                  <c:v>21.428618620445704</c:v>
                </c:pt>
                <c:pt idx="7816">
                  <c:v>21.431971356588964</c:v>
                </c:pt>
                <c:pt idx="7817">
                  <c:v>21.431971356588964</c:v>
                </c:pt>
                <c:pt idx="7818">
                  <c:v>21.435225482845727</c:v>
                </c:pt>
                <c:pt idx="7819">
                  <c:v>21.438578218988983</c:v>
                </c:pt>
                <c:pt idx="7820">
                  <c:v>21.438578218988983</c:v>
                </c:pt>
                <c:pt idx="7821">
                  <c:v>21.441930955132417</c:v>
                </c:pt>
                <c:pt idx="7822">
                  <c:v>21.441930955132417</c:v>
                </c:pt>
                <c:pt idx="7823">
                  <c:v>21.44518508138918</c:v>
                </c:pt>
                <c:pt idx="7824">
                  <c:v>21.44518508138918</c:v>
                </c:pt>
                <c:pt idx="7825">
                  <c:v>21.448537817532433</c:v>
                </c:pt>
                <c:pt idx="7826">
                  <c:v>21.451890553675693</c:v>
                </c:pt>
                <c:pt idx="7827">
                  <c:v>21.451890553675693</c:v>
                </c:pt>
                <c:pt idx="7828">
                  <c:v>21.455144679932456</c:v>
                </c:pt>
                <c:pt idx="7829">
                  <c:v>21.455144679932456</c:v>
                </c:pt>
                <c:pt idx="7830">
                  <c:v>21.458497416075712</c:v>
                </c:pt>
                <c:pt idx="7831">
                  <c:v>21.458497416075712</c:v>
                </c:pt>
                <c:pt idx="7832">
                  <c:v>21.461850152219146</c:v>
                </c:pt>
                <c:pt idx="7833">
                  <c:v>21.465104278475909</c:v>
                </c:pt>
                <c:pt idx="7834">
                  <c:v>21.465104278475909</c:v>
                </c:pt>
                <c:pt idx="7835">
                  <c:v>21.468457014619165</c:v>
                </c:pt>
                <c:pt idx="7836">
                  <c:v>21.468457014619165</c:v>
                </c:pt>
                <c:pt idx="7837">
                  <c:v>21.471809750762421</c:v>
                </c:pt>
                <c:pt idx="7838">
                  <c:v>21.475063877019185</c:v>
                </c:pt>
                <c:pt idx="7839">
                  <c:v>21.475063877019185</c:v>
                </c:pt>
                <c:pt idx="7840">
                  <c:v>21.478416613162619</c:v>
                </c:pt>
                <c:pt idx="7841">
                  <c:v>21.478416613162619</c:v>
                </c:pt>
                <c:pt idx="7842">
                  <c:v>21.481769349305878</c:v>
                </c:pt>
                <c:pt idx="7843">
                  <c:v>21.481769349305878</c:v>
                </c:pt>
                <c:pt idx="7844">
                  <c:v>21.485023475562638</c:v>
                </c:pt>
                <c:pt idx="7845">
                  <c:v>21.485023475562638</c:v>
                </c:pt>
                <c:pt idx="7846">
                  <c:v>21.488376211705894</c:v>
                </c:pt>
                <c:pt idx="7847">
                  <c:v>21.488376211705894</c:v>
                </c:pt>
                <c:pt idx="7848">
                  <c:v>21.488376211705894</c:v>
                </c:pt>
                <c:pt idx="7849">
                  <c:v>21.49172894784915</c:v>
                </c:pt>
                <c:pt idx="7850">
                  <c:v>21.49172894784915</c:v>
                </c:pt>
                <c:pt idx="7851">
                  <c:v>21.494983074105914</c:v>
                </c:pt>
                <c:pt idx="7852">
                  <c:v>21.494983074105914</c:v>
                </c:pt>
                <c:pt idx="7853">
                  <c:v>21.498335810249348</c:v>
                </c:pt>
                <c:pt idx="7854">
                  <c:v>21.498335810249348</c:v>
                </c:pt>
                <c:pt idx="7855">
                  <c:v>21.501688546392607</c:v>
                </c:pt>
                <c:pt idx="7856">
                  <c:v>21.501688546392607</c:v>
                </c:pt>
                <c:pt idx="7857">
                  <c:v>21.504942672649371</c:v>
                </c:pt>
                <c:pt idx="7858">
                  <c:v>21.508295408792623</c:v>
                </c:pt>
                <c:pt idx="7859">
                  <c:v>21.508295408792623</c:v>
                </c:pt>
                <c:pt idx="7860">
                  <c:v>21.511648144936057</c:v>
                </c:pt>
                <c:pt idx="7861">
                  <c:v>21.511648144936057</c:v>
                </c:pt>
                <c:pt idx="7862">
                  <c:v>21.515000881079317</c:v>
                </c:pt>
                <c:pt idx="7863">
                  <c:v>21.51825500733608</c:v>
                </c:pt>
                <c:pt idx="7864">
                  <c:v>21.51825500733608</c:v>
                </c:pt>
                <c:pt idx="7865">
                  <c:v>21.521607743479336</c:v>
                </c:pt>
                <c:pt idx="7866">
                  <c:v>21.521607743479336</c:v>
                </c:pt>
                <c:pt idx="7867">
                  <c:v>21.524960479622596</c:v>
                </c:pt>
                <c:pt idx="7868">
                  <c:v>21.524960479622596</c:v>
                </c:pt>
                <c:pt idx="7869">
                  <c:v>21.528214605879356</c:v>
                </c:pt>
                <c:pt idx="7870">
                  <c:v>21.528214605879356</c:v>
                </c:pt>
                <c:pt idx="7871">
                  <c:v>21.531567342022786</c:v>
                </c:pt>
                <c:pt idx="7872">
                  <c:v>21.531567342022786</c:v>
                </c:pt>
                <c:pt idx="7873">
                  <c:v>21.534920078166046</c:v>
                </c:pt>
                <c:pt idx="7874">
                  <c:v>21.538174204422809</c:v>
                </c:pt>
                <c:pt idx="7875">
                  <c:v>21.538174204422809</c:v>
                </c:pt>
                <c:pt idx="7876">
                  <c:v>21.541526940566065</c:v>
                </c:pt>
                <c:pt idx="7877">
                  <c:v>21.541526940566065</c:v>
                </c:pt>
                <c:pt idx="7878">
                  <c:v>21.544879676709495</c:v>
                </c:pt>
                <c:pt idx="7879">
                  <c:v>21.544879676709495</c:v>
                </c:pt>
                <c:pt idx="7880">
                  <c:v>21.548133802966088</c:v>
                </c:pt>
                <c:pt idx="7881">
                  <c:v>21.548133802966088</c:v>
                </c:pt>
                <c:pt idx="7882">
                  <c:v>21.548133802966088</c:v>
                </c:pt>
                <c:pt idx="7883">
                  <c:v>21.551486539109519</c:v>
                </c:pt>
                <c:pt idx="7884">
                  <c:v>21.551486539109519</c:v>
                </c:pt>
                <c:pt idx="7885">
                  <c:v>21.554839275252775</c:v>
                </c:pt>
                <c:pt idx="7886">
                  <c:v>21.554839275252775</c:v>
                </c:pt>
                <c:pt idx="7887">
                  <c:v>21.558093401509538</c:v>
                </c:pt>
                <c:pt idx="7888">
                  <c:v>21.558093401509538</c:v>
                </c:pt>
                <c:pt idx="7889">
                  <c:v>21.561446137652798</c:v>
                </c:pt>
                <c:pt idx="7890">
                  <c:v>21.561446137652798</c:v>
                </c:pt>
                <c:pt idx="7891">
                  <c:v>21.564798873796228</c:v>
                </c:pt>
                <c:pt idx="7892">
                  <c:v>21.564798873796228</c:v>
                </c:pt>
                <c:pt idx="7893">
                  <c:v>21.568053000052991</c:v>
                </c:pt>
                <c:pt idx="7894">
                  <c:v>21.571405736196247</c:v>
                </c:pt>
                <c:pt idx="7895">
                  <c:v>21.571405736196247</c:v>
                </c:pt>
                <c:pt idx="7896">
                  <c:v>21.574758472339504</c:v>
                </c:pt>
                <c:pt idx="7897">
                  <c:v>21.578012598596267</c:v>
                </c:pt>
                <c:pt idx="7898">
                  <c:v>21.578012598596267</c:v>
                </c:pt>
                <c:pt idx="7899">
                  <c:v>21.581365334739527</c:v>
                </c:pt>
                <c:pt idx="7900">
                  <c:v>21.581365334739527</c:v>
                </c:pt>
                <c:pt idx="7901">
                  <c:v>21.584718070882957</c:v>
                </c:pt>
                <c:pt idx="7902">
                  <c:v>21.584718070882957</c:v>
                </c:pt>
                <c:pt idx="7903">
                  <c:v>21.58797219713972</c:v>
                </c:pt>
                <c:pt idx="7904">
                  <c:v>21.58797219713972</c:v>
                </c:pt>
                <c:pt idx="7905">
                  <c:v>21.591324933282976</c:v>
                </c:pt>
                <c:pt idx="7906">
                  <c:v>21.591324933282976</c:v>
                </c:pt>
                <c:pt idx="7907">
                  <c:v>21.594677669426236</c:v>
                </c:pt>
                <c:pt idx="7908">
                  <c:v>21.597931795682999</c:v>
                </c:pt>
                <c:pt idx="7909">
                  <c:v>21.597931795682999</c:v>
                </c:pt>
                <c:pt idx="7910">
                  <c:v>21.601284531826433</c:v>
                </c:pt>
                <c:pt idx="7911">
                  <c:v>21.601284531826433</c:v>
                </c:pt>
                <c:pt idx="7912">
                  <c:v>21.604637267969686</c:v>
                </c:pt>
                <c:pt idx="7913">
                  <c:v>21.604637267969686</c:v>
                </c:pt>
                <c:pt idx="7914">
                  <c:v>21.607891394226449</c:v>
                </c:pt>
                <c:pt idx="7915">
                  <c:v>21.607891394226449</c:v>
                </c:pt>
                <c:pt idx="7916">
                  <c:v>21.611244130369709</c:v>
                </c:pt>
                <c:pt idx="7917">
                  <c:v>21.614596866512965</c:v>
                </c:pt>
                <c:pt idx="7918">
                  <c:v>21.614596866512965</c:v>
                </c:pt>
                <c:pt idx="7919">
                  <c:v>21.614596866512965</c:v>
                </c:pt>
                <c:pt idx="7920">
                  <c:v>21.617850992769728</c:v>
                </c:pt>
                <c:pt idx="7921">
                  <c:v>21.617850992769728</c:v>
                </c:pt>
                <c:pt idx="7922">
                  <c:v>21.621203728913162</c:v>
                </c:pt>
                <c:pt idx="7923">
                  <c:v>21.621203728913162</c:v>
                </c:pt>
                <c:pt idx="7924">
                  <c:v>21.621203728913162</c:v>
                </c:pt>
                <c:pt idx="7925">
                  <c:v>21.624556465056418</c:v>
                </c:pt>
                <c:pt idx="7926">
                  <c:v>21.624556465056418</c:v>
                </c:pt>
                <c:pt idx="7927">
                  <c:v>21.627810591313178</c:v>
                </c:pt>
                <c:pt idx="7928">
                  <c:v>21.627810591313178</c:v>
                </c:pt>
                <c:pt idx="7929">
                  <c:v>21.631163327456438</c:v>
                </c:pt>
                <c:pt idx="7930">
                  <c:v>21.631163327456438</c:v>
                </c:pt>
                <c:pt idx="7931">
                  <c:v>21.631163327456438</c:v>
                </c:pt>
                <c:pt idx="7932">
                  <c:v>21.634516063599872</c:v>
                </c:pt>
                <c:pt idx="7933">
                  <c:v>21.634516063599872</c:v>
                </c:pt>
                <c:pt idx="7934">
                  <c:v>21.637770189856457</c:v>
                </c:pt>
                <c:pt idx="7935">
                  <c:v>21.637770189856457</c:v>
                </c:pt>
                <c:pt idx="7936">
                  <c:v>21.641122925999891</c:v>
                </c:pt>
                <c:pt idx="7937">
                  <c:v>21.641122925999891</c:v>
                </c:pt>
                <c:pt idx="7938">
                  <c:v>21.641122925999891</c:v>
                </c:pt>
                <c:pt idx="7939">
                  <c:v>21.644475662143151</c:v>
                </c:pt>
                <c:pt idx="7940">
                  <c:v>21.644475662143151</c:v>
                </c:pt>
                <c:pt idx="7941">
                  <c:v>21.647828398286403</c:v>
                </c:pt>
                <c:pt idx="7942">
                  <c:v>21.647828398286403</c:v>
                </c:pt>
                <c:pt idx="7943">
                  <c:v>21.651082524543167</c:v>
                </c:pt>
                <c:pt idx="7944">
                  <c:v>21.654435260686601</c:v>
                </c:pt>
                <c:pt idx="7945">
                  <c:v>21.654435260686601</c:v>
                </c:pt>
                <c:pt idx="7946">
                  <c:v>21.657787996829857</c:v>
                </c:pt>
                <c:pt idx="7947">
                  <c:v>21.657787996829857</c:v>
                </c:pt>
                <c:pt idx="7948">
                  <c:v>21.66104212308662</c:v>
                </c:pt>
                <c:pt idx="7949">
                  <c:v>21.66104212308662</c:v>
                </c:pt>
                <c:pt idx="7950">
                  <c:v>21.66104212308662</c:v>
                </c:pt>
                <c:pt idx="7951">
                  <c:v>21.66439485922988</c:v>
                </c:pt>
                <c:pt idx="7952">
                  <c:v>21.66774759537331</c:v>
                </c:pt>
                <c:pt idx="7953">
                  <c:v>21.66774759537331</c:v>
                </c:pt>
                <c:pt idx="7954">
                  <c:v>21.671001721629896</c:v>
                </c:pt>
                <c:pt idx="7955">
                  <c:v>21.671001721629896</c:v>
                </c:pt>
                <c:pt idx="7956">
                  <c:v>21.67435445777333</c:v>
                </c:pt>
                <c:pt idx="7957">
                  <c:v>21.67435445777333</c:v>
                </c:pt>
                <c:pt idx="7958">
                  <c:v>21.677707193916589</c:v>
                </c:pt>
                <c:pt idx="7959">
                  <c:v>21.677707193916589</c:v>
                </c:pt>
                <c:pt idx="7960">
                  <c:v>21.680961320173353</c:v>
                </c:pt>
                <c:pt idx="7961">
                  <c:v>21.680961320173353</c:v>
                </c:pt>
                <c:pt idx="7962">
                  <c:v>21.684314056316609</c:v>
                </c:pt>
                <c:pt idx="7963">
                  <c:v>21.684314056316609</c:v>
                </c:pt>
                <c:pt idx="7964">
                  <c:v>21.684314056316609</c:v>
                </c:pt>
                <c:pt idx="7965">
                  <c:v>21.687666792460039</c:v>
                </c:pt>
                <c:pt idx="7966">
                  <c:v>21.687666792460039</c:v>
                </c:pt>
                <c:pt idx="7967">
                  <c:v>21.690920918716802</c:v>
                </c:pt>
                <c:pt idx="7968">
                  <c:v>21.690920918716802</c:v>
                </c:pt>
                <c:pt idx="7969">
                  <c:v>21.694273654860062</c:v>
                </c:pt>
                <c:pt idx="7970">
                  <c:v>21.694273654860062</c:v>
                </c:pt>
                <c:pt idx="7971">
                  <c:v>21.694273654860062</c:v>
                </c:pt>
                <c:pt idx="7972">
                  <c:v>21.697626391003318</c:v>
                </c:pt>
                <c:pt idx="7973">
                  <c:v>21.697626391003318</c:v>
                </c:pt>
                <c:pt idx="7974">
                  <c:v>21.700880517260082</c:v>
                </c:pt>
                <c:pt idx="7975">
                  <c:v>21.700880517260082</c:v>
                </c:pt>
                <c:pt idx="7976">
                  <c:v>21.704233253403338</c:v>
                </c:pt>
                <c:pt idx="7977">
                  <c:v>21.704233253403338</c:v>
                </c:pt>
                <c:pt idx="7978">
                  <c:v>21.707585989546768</c:v>
                </c:pt>
                <c:pt idx="7979">
                  <c:v>21.707585989546768</c:v>
                </c:pt>
                <c:pt idx="7980">
                  <c:v>21.707585989546768</c:v>
                </c:pt>
                <c:pt idx="7981">
                  <c:v>21.710840115803531</c:v>
                </c:pt>
                <c:pt idx="7982">
                  <c:v>21.710840115803531</c:v>
                </c:pt>
                <c:pt idx="7983">
                  <c:v>21.714192851946791</c:v>
                </c:pt>
                <c:pt idx="7984">
                  <c:v>21.714192851946791</c:v>
                </c:pt>
                <c:pt idx="7985">
                  <c:v>21.714192851946791</c:v>
                </c:pt>
                <c:pt idx="7986">
                  <c:v>21.717545588090047</c:v>
                </c:pt>
                <c:pt idx="7987">
                  <c:v>21.717545588090047</c:v>
                </c:pt>
                <c:pt idx="7988">
                  <c:v>21.720799714346811</c:v>
                </c:pt>
                <c:pt idx="7989">
                  <c:v>21.72415245049007</c:v>
                </c:pt>
                <c:pt idx="7990">
                  <c:v>21.72415245049007</c:v>
                </c:pt>
                <c:pt idx="7991">
                  <c:v>21.727505186633501</c:v>
                </c:pt>
                <c:pt idx="7992">
                  <c:v>21.727505186633501</c:v>
                </c:pt>
                <c:pt idx="7993">
                  <c:v>21.730759312890264</c:v>
                </c:pt>
                <c:pt idx="7994">
                  <c:v>21.730759312890264</c:v>
                </c:pt>
                <c:pt idx="7995">
                  <c:v>21.73411204903352</c:v>
                </c:pt>
                <c:pt idx="7996">
                  <c:v>21.73411204903352</c:v>
                </c:pt>
                <c:pt idx="7997">
                  <c:v>21.73746478517678</c:v>
                </c:pt>
                <c:pt idx="7998">
                  <c:v>21.73746478517678</c:v>
                </c:pt>
                <c:pt idx="7999">
                  <c:v>21.740718911433543</c:v>
                </c:pt>
                <c:pt idx="8000">
                  <c:v>21.740718911433543</c:v>
                </c:pt>
                <c:pt idx="8001">
                  <c:v>21.74407164757697</c:v>
                </c:pt>
                <c:pt idx="8002">
                  <c:v>21.74407164757697</c:v>
                </c:pt>
                <c:pt idx="8003">
                  <c:v>21.747424383720229</c:v>
                </c:pt>
                <c:pt idx="8004">
                  <c:v>21.747424383720229</c:v>
                </c:pt>
                <c:pt idx="8005">
                  <c:v>21.750678509976993</c:v>
                </c:pt>
                <c:pt idx="8006">
                  <c:v>21.750678509976993</c:v>
                </c:pt>
                <c:pt idx="8007">
                  <c:v>21.754031246120249</c:v>
                </c:pt>
                <c:pt idx="8008">
                  <c:v>21.754031246120249</c:v>
                </c:pt>
                <c:pt idx="8009">
                  <c:v>21.757383982263509</c:v>
                </c:pt>
                <c:pt idx="8010">
                  <c:v>21.757383982263509</c:v>
                </c:pt>
                <c:pt idx="8011">
                  <c:v>21.760638108520272</c:v>
                </c:pt>
                <c:pt idx="8012">
                  <c:v>21.760638108520272</c:v>
                </c:pt>
                <c:pt idx="8013">
                  <c:v>21.763990844663702</c:v>
                </c:pt>
                <c:pt idx="8014">
                  <c:v>21.763990844663702</c:v>
                </c:pt>
                <c:pt idx="8015">
                  <c:v>21.767343580806958</c:v>
                </c:pt>
                <c:pt idx="8016">
                  <c:v>21.767343580806958</c:v>
                </c:pt>
                <c:pt idx="8017">
                  <c:v>21.767343580806958</c:v>
                </c:pt>
                <c:pt idx="8018">
                  <c:v>21.770696316950218</c:v>
                </c:pt>
                <c:pt idx="8019">
                  <c:v>21.770696316950218</c:v>
                </c:pt>
                <c:pt idx="8020">
                  <c:v>21.773950443206981</c:v>
                </c:pt>
                <c:pt idx="8021">
                  <c:v>21.773950443206981</c:v>
                </c:pt>
                <c:pt idx="8022">
                  <c:v>21.777303179350415</c:v>
                </c:pt>
                <c:pt idx="8023">
                  <c:v>21.780655915493671</c:v>
                </c:pt>
                <c:pt idx="8024">
                  <c:v>21.780655915493671</c:v>
                </c:pt>
                <c:pt idx="8025">
                  <c:v>21.783910041750435</c:v>
                </c:pt>
                <c:pt idx="8026">
                  <c:v>21.783910041750435</c:v>
                </c:pt>
                <c:pt idx="8027">
                  <c:v>21.787262777893687</c:v>
                </c:pt>
                <c:pt idx="8028">
                  <c:v>21.787262777893687</c:v>
                </c:pt>
                <c:pt idx="8029">
                  <c:v>21.790615514036947</c:v>
                </c:pt>
                <c:pt idx="8030">
                  <c:v>21.79386964029371</c:v>
                </c:pt>
                <c:pt idx="8031">
                  <c:v>21.79386964029371</c:v>
                </c:pt>
                <c:pt idx="8032">
                  <c:v>21.797222376437144</c:v>
                </c:pt>
                <c:pt idx="8033">
                  <c:v>21.797222376437144</c:v>
                </c:pt>
                <c:pt idx="8034">
                  <c:v>21.8005751125804</c:v>
                </c:pt>
                <c:pt idx="8035">
                  <c:v>21.8005751125804</c:v>
                </c:pt>
                <c:pt idx="8036">
                  <c:v>21.803829238837164</c:v>
                </c:pt>
                <c:pt idx="8037">
                  <c:v>21.803829238837164</c:v>
                </c:pt>
                <c:pt idx="8038">
                  <c:v>21.80718197498042</c:v>
                </c:pt>
                <c:pt idx="8039">
                  <c:v>21.80718197498042</c:v>
                </c:pt>
                <c:pt idx="8040">
                  <c:v>21.810534711123854</c:v>
                </c:pt>
                <c:pt idx="8041">
                  <c:v>21.813788837380439</c:v>
                </c:pt>
                <c:pt idx="8042">
                  <c:v>21.813788837380439</c:v>
                </c:pt>
                <c:pt idx="8043">
                  <c:v>21.817141573523873</c:v>
                </c:pt>
                <c:pt idx="8044">
                  <c:v>21.817141573523873</c:v>
                </c:pt>
                <c:pt idx="8045">
                  <c:v>21.820494309667133</c:v>
                </c:pt>
                <c:pt idx="8046">
                  <c:v>21.820494309667133</c:v>
                </c:pt>
                <c:pt idx="8047">
                  <c:v>21.820494309667133</c:v>
                </c:pt>
                <c:pt idx="8048">
                  <c:v>21.820494309667133</c:v>
                </c:pt>
                <c:pt idx="8049">
                  <c:v>21.823748435923896</c:v>
                </c:pt>
                <c:pt idx="8050">
                  <c:v>21.827101172067149</c:v>
                </c:pt>
                <c:pt idx="8051">
                  <c:v>21.827101172067149</c:v>
                </c:pt>
                <c:pt idx="8052">
                  <c:v>21.827101172067149</c:v>
                </c:pt>
                <c:pt idx="8053">
                  <c:v>21.830453908210583</c:v>
                </c:pt>
                <c:pt idx="8054">
                  <c:v>21.830453908210583</c:v>
                </c:pt>
                <c:pt idx="8055">
                  <c:v>21.833708034467346</c:v>
                </c:pt>
                <c:pt idx="8056">
                  <c:v>21.833708034467346</c:v>
                </c:pt>
                <c:pt idx="8057">
                  <c:v>21.837060770610602</c:v>
                </c:pt>
                <c:pt idx="8058">
                  <c:v>21.837060770610602</c:v>
                </c:pt>
                <c:pt idx="8059">
                  <c:v>21.840413506753862</c:v>
                </c:pt>
                <c:pt idx="8060">
                  <c:v>21.840413506753862</c:v>
                </c:pt>
                <c:pt idx="8061">
                  <c:v>21.840413506753862</c:v>
                </c:pt>
                <c:pt idx="8062">
                  <c:v>21.843667633010625</c:v>
                </c:pt>
                <c:pt idx="8063">
                  <c:v>21.843667633010625</c:v>
                </c:pt>
                <c:pt idx="8064">
                  <c:v>21.847020369153878</c:v>
                </c:pt>
                <c:pt idx="8065">
                  <c:v>21.850373105297312</c:v>
                </c:pt>
                <c:pt idx="8066">
                  <c:v>21.850373105297312</c:v>
                </c:pt>
                <c:pt idx="8067">
                  <c:v>21.850373105297312</c:v>
                </c:pt>
                <c:pt idx="8068">
                  <c:v>21.853627231554075</c:v>
                </c:pt>
                <c:pt idx="8069">
                  <c:v>21.853627231554075</c:v>
                </c:pt>
                <c:pt idx="8070">
                  <c:v>21.856979967697335</c:v>
                </c:pt>
                <c:pt idx="8071">
                  <c:v>21.860332703840591</c:v>
                </c:pt>
                <c:pt idx="8072">
                  <c:v>21.860332703840591</c:v>
                </c:pt>
                <c:pt idx="8073">
                  <c:v>21.863586830097354</c:v>
                </c:pt>
                <c:pt idx="8074">
                  <c:v>21.863586830097354</c:v>
                </c:pt>
                <c:pt idx="8075">
                  <c:v>21.863586830097354</c:v>
                </c:pt>
                <c:pt idx="8076">
                  <c:v>21.866939566240784</c:v>
                </c:pt>
                <c:pt idx="8077">
                  <c:v>21.870292302384044</c:v>
                </c:pt>
                <c:pt idx="8078">
                  <c:v>21.870292302384044</c:v>
                </c:pt>
                <c:pt idx="8079">
                  <c:v>21.873546428640804</c:v>
                </c:pt>
                <c:pt idx="8080">
                  <c:v>21.873546428640804</c:v>
                </c:pt>
                <c:pt idx="8081">
                  <c:v>21.876899164784064</c:v>
                </c:pt>
                <c:pt idx="8082">
                  <c:v>21.876899164784064</c:v>
                </c:pt>
                <c:pt idx="8083">
                  <c:v>21.876899164784064</c:v>
                </c:pt>
                <c:pt idx="8084">
                  <c:v>21.88025190092732</c:v>
                </c:pt>
                <c:pt idx="8085">
                  <c:v>21.883506027184083</c:v>
                </c:pt>
                <c:pt idx="8086">
                  <c:v>21.883506027184083</c:v>
                </c:pt>
                <c:pt idx="8087">
                  <c:v>21.886858763327513</c:v>
                </c:pt>
                <c:pt idx="8088">
                  <c:v>21.886858763327513</c:v>
                </c:pt>
                <c:pt idx="8089">
                  <c:v>21.890211499470773</c:v>
                </c:pt>
                <c:pt idx="8090">
                  <c:v>21.890211499470773</c:v>
                </c:pt>
                <c:pt idx="8091">
                  <c:v>21.893465625727536</c:v>
                </c:pt>
                <c:pt idx="8092">
                  <c:v>21.893465625727536</c:v>
                </c:pt>
                <c:pt idx="8093">
                  <c:v>21.896818361870793</c:v>
                </c:pt>
                <c:pt idx="8094">
                  <c:v>21.896818361870793</c:v>
                </c:pt>
                <c:pt idx="8095">
                  <c:v>21.896818361870793</c:v>
                </c:pt>
                <c:pt idx="8096">
                  <c:v>21.900171098014226</c:v>
                </c:pt>
                <c:pt idx="8097">
                  <c:v>21.900171098014226</c:v>
                </c:pt>
                <c:pt idx="8098">
                  <c:v>21.903523834157482</c:v>
                </c:pt>
                <c:pt idx="8099">
                  <c:v>21.903523834157482</c:v>
                </c:pt>
                <c:pt idx="8100">
                  <c:v>21.906777960414246</c:v>
                </c:pt>
                <c:pt idx="8101">
                  <c:v>21.906777960414246</c:v>
                </c:pt>
                <c:pt idx="8102">
                  <c:v>21.910130696557502</c:v>
                </c:pt>
                <c:pt idx="8103">
                  <c:v>21.910130696557502</c:v>
                </c:pt>
                <c:pt idx="8104">
                  <c:v>21.913483432700762</c:v>
                </c:pt>
                <c:pt idx="8105">
                  <c:v>21.913483432700762</c:v>
                </c:pt>
                <c:pt idx="8106">
                  <c:v>21.916737558957522</c:v>
                </c:pt>
                <c:pt idx="8107">
                  <c:v>21.920090295100955</c:v>
                </c:pt>
                <c:pt idx="8108">
                  <c:v>21.920090295100955</c:v>
                </c:pt>
                <c:pt idx="8109">
                  <c:v>21.923443031244211</c:v>
                </c:pt>
                <c:pt idx="8110">
                  <c:v>21.923443031244211</c:v>
                </c:pt>
                <c:pt idx="8111">
                  <c:v>21.926697157500975</c:v>
                </c:pt>
                <c:pt idx="8112">
                  <c:v>21.930049893644231</c:v>
                </c:pt>
                <c:pt idx="8113">
                  <c:v>21.930049893644231</c:v>
                </c:pt>
                <c:pt idx="8114">
                  <c:v>21.933402629787665</c:v>
                </c:pt>
                <c:pt idx="8115">
                  <c:v>21.933402629787665</c:v>
                </c:pt>
                <c:pt idx="8116">
                  <c:v>21.936656756044254</c:v>
                </c:pt>
                <c:pt idx="8117">
                  <c:v>21.940009492187688</c:v>
                </c:pt>
                <c:pt idx="8118">
                  <c:v>21.940009492187688</c:v>
                </c:pt>
                <c:pt idx="8119">
                  <c:v>21.940009492187688</c:v>
                </c:pt>
                <c:pt idx="8120">
                  <c:v>21.94336222833094</c:v>
                </c:pt>
                <c:pt idx="8121">
                  <c:v>21.94336222833094</c:v>
                </c:pt>
                <c:pt idx="8122">
                  <c:v>21.946616354587704</c:v>
                </c:pt>
                <c:pt idx="8123">
                  <c:v>21.949969090730963</c:v>
                </c:pt>
                <c:pt idx="8124">
                  <c:v>21.949969090730963</c:v>
                </c:pt>
                <c:pt idx="8125">
                  <c:v>21.953321826874397</c:v>
                </c:pt>
                <c:pt idx="8126">
                  <c:v>21.953321826874397</c:v>
                </c:pt>
                <c:pt idx="8127">
                  <c:v>21.956575953131157</c:v>
                </c:pt>
                <c:pt idx="8128">
                  <c:v>21.956575953131157</c:v>
                </c:pt>
                <c:pt idx="8129">
                  <c:v>21.959928689274417</c:v>
                </c:pt>
                <c:pt idx="8130">
                  <c:v>21.959928689274417</c:v>
                </c:pt>
                <c:pt idx="8131">
                  <c:v>21.963281425417669</c:v>
                </c:pt>
                <c:pt idx="8132">
                  <c:v>21.963281425417669</c:v>
                </c:pt>
                <c:pt idx="8133">
                  <c:v>21.966535551674433</c:v>
                </c:pt>
                <c:pt idx="8134">
                  <c:v>21.966535551674433</c:v>
                </c:pt>
                <c:pt idx="8135">
                  <c:v>21.969888287817692</c:v>
                </c:pt>
                <c:pt idx="8136">
                  <c:v>21.969888287817692</c:v>
                </c:pt>
                <c:pt idx="8137">
                  <c:v>21.973241023961126</c:v>
                </c:pt>
                <c:pt idx="8138">
                  <c:v>21.973241023961126</c:v>
                </c:pt>
                <c:pt idx="8139">
                  <c:v>21.97649515021789</c:v>
                </c:pt>
                <c:pt idx="8140">
                  <c:v>21.97649515021789</c:v>
                </c:pt>
                <c:pt idx="8141">
                  <c:v>21.979847886361146</c:v>
                </c:pt>
                <c:pt idx="8142">
                  <c:v>21.979847886361146</c:v>
                </c:pt>
                <c:pt idx="8143">
                  <c:v>21.983200622504402</c:v>
                </c:pt>
                <c:pt idx="8144">
                  <c:v>21.986454748761165</c:v>
                </c:pt>
                <c:pt idx="8145">
                  <c:v>21.986454748761165</c:v>
                </c:pt>
                <c:pt idx="8146">
                  <c:v>21.989807484904599</c:v>
                </c:pt>
                <c:pt idx="8147">
                  <c:v>21.989807484904599</c:v>
                </c:pt>
                <c:pt idx="8148">
                  <c:v>21.993160221047855</c:v>
                </c:pt>
                <c:pt idx="8149">
                  <c:v>21.996414347304619</c:v>
                </c:pt>
                <c:pt idx="8150">
                  <c:v>21.996414347304619</c:v>
                </c:pt>
                <c:pt idx="8151">
                  <c:v>21.999767083447878</c:v>
                </c:pt>
                <c:pt idx="8152">
                  <c:v>21.999767083447878</c:v>
                </c:pt>
                <c:pt idx="8153">
                  <c:v>22.003119819591134</c:v>
                </c:pt>
                <c:pt idx="8154">
                  <c:v>22.006373945847894</c:v>
                </c:pt>
                <c:pt idx="8155">
                  <c:v>22.006373945847894</c:v>
                </c:pt>
                <c:pt idx="8156">
                  <c:v>22.009726681991328</c:v>
                </c:pt>
                <c:pt idx="8157">
                  <c:v>22.009726681991328</c:v>
                </c:pt>
                <c:pt idx="8158">
                  <c:v>22.013079418134584</c:v>
                </c:pt>
                <c:pt idx="8159">
                  <c:v>22.013079418134584</c:v>
                </c:pt>
                <c:pt idx="8160">
                  <c:v>22.016333544391347</c:v>
                </c:pt>
                <c:pt idx="8161">
                  <c:v>22.016333544391347</c:v>
                </c:pt>
                <c:pt idx="8162">
                  <c:v>22.019686280534607</c:v>
                </c:pt>
                <c:pt idx="8163">
                  <c:v>22.023039016677863</c:v>
                </c:pt>
                <c:pt idx="8164">
                  <c:v>22.023039016677863</c:v>
                </c:pt>
                <c:pt idx="8165">
                  <c:v>22.026391752821294</c:v>
                </c:pt>
                <c:pt idx="8166">
                  <c:v>22.026391752821294</c:v>
                </c:pt>
                <c:pt idx="8167">
                  <c:v>22.029645879078057</c:v>
                </c:pt>
                <c:pt idx="8168">
                  <c:v>22.032998615221317</c:v>
                </c:pt>
                <c:pt idx="8169">
                  <c:v>22.032998615221317</c:v>
                </c:pt>
                <c:pt idx="8170">
                  <c:v>22.036351351364573</c:v>
                </c:pt>
                <c:pt idx="8171">
                  <c:v>22.036351351364573</c:v>
                </c:pt>
                <c:pt idx="8172">
                  <c:v>22.039605477621336</c:v>
                </c:pt>
                <c:pt idx="8173">
                  <c:v>22.039605477621336</c:v>
                </c:pt>
                <c:pt idx="8174">
                  <c:v>22.042958213764766</c:v>
                </c:pt>
                <c:pt idx="8175">
                  <c:v>22.046310949908023</c:v>
                </c:pt>
                <c:pt idx="8176">
                  <c:v>22.046310949908023</c:v>
                </c:pt>
                <c:pt idx="8177">
                  <c:v>22.049565076164786</c:v>
                </c:pt>
                <c:pt idx="8178">
                  <c:v>22.049565076164786</c:v>
                </c:pt>
                <c:pt idx="8179">
                  <c:v>22.049565076164786</c:v>
                </c:pt>
                <c:pt idx="8180">
                  <c:v>22.052917812308046</c:v>
                </c:pt>
                <c:pt idx="8181">
                  <c:v>22.052917812308046</c:v>
                </c:pt>
                <c:pt idx="8182">
                  <c:v>22.056270548451302</c:v>
                </c:pt>
                <c:pt idx="8183">
                  <c:v>22.056270548451302</c:v>
                </c:pt>
                <c:pt idx="8184">
                  <c:v>22.059524674708065</c:v>
                </c:pt>
                <c:pt idx="8185">
                  <c:v>22.059524674708065</c:v>
                </c:pt>
                <c:pt idx="8186">
                  <c:v>22.062877410851495</c:v>
                </c:pt>
                <c:pt idx="8187">
                  <c:v>22.066230146994755</c:v>
                </c:pt>
                <c:pt idx="8188">
                  <c:v>22.066230146994755</c:v>
                </c:pt>
                <c:pt idx="8189">
                  <c:v>22.066230146994755</c:v>
                </c:pt>
                <c:pt idx="8190">
                  <c:v>22.069484273251518</c:v>
                </c:pt>
                <c:pt idx="8191">
                  <c:v>22.069484273251518</c:v>
                </c:pt>
                <c:pt idx="8192">
                  <c:v>22.072837009394775</c:v>
                </c:pt>
                <c:pt idx="8193">
                  <c:v>22.072837009394775</c:v>
                </c:pt>
                <c:pt idx="8194">
                  <c:v>22.076189745538208</c:v>
                </c:pt>
                <c:pt idx="8195">
                  <c:v>22.076189745538208</c:v>
                </c:pt>
                <c:pt idx="8196">
                  <c:v>22.079443871794798</c:v>
                </c:pt>
                <c:pt idx="8197">
                  <c:v>22.079443871794798</c:v>
                </c:pt>
                <c:pt idx="8198">
                  <c:v>22.082796607938228</c:v>
                </c:pt>
                <c:pt idx="8199">
                  <c:v>22.082796607938228</c:v>
                </c:pt>
                <c:pt idx="8200">
                  <c:v>22.086149344081484</c:v>
                </c:pt>
                <c:pt idx="8201">
                  <c:v>22.086149344081484</c:v>
                </c:pt>
                <c:pt idx="8202">
                  <c:v>22.089403470338247</c:v>
                </c:pt>
                <c:pt idx="8203">
                  <c:v>22.089403470338247</c:v>
                </c:pt>
                <c:pt idx="8204">
                  <c:v>22.092756206481504</c:v>
                </c:pt>
                <c:pt idx="8205">
                  <c:v>22.096108942624937</c:v>
                </c:pt>
                <c:pt idx="8206">
                  <c:v>22.096108942624937</c:v>
                </c:pt>
                <c:pt idx="8207">
                  <c:v>22.099363068881701</c:v>
                </c:pt>
                <c:pt idx="8208">
                  <c:v>22.099363068881701</c:v>
                </c:pt>
                <c:pt idx="8209">
                  <c:v>22.102715805024957</c:v>
                </c:pt>
                <c:pt idx="8210">
                  <c:v>22.106068541168213</c:v>
                </c:pt>
                <c:pt idx="8211">
                  <c:v>22.106068541168213</c:v>
                </c:pt>
                <c:pt idx="8212">
                  <c:v>22.109322667424976</c:v>
                </c:pt>
                <c:pt idx="8213">
                  <c:v>22.109322667424976</c:v>
                </c:pt>
                <c:pt idx="8214">
                  <c:v>22.112675403568236</c:v>
                </c:pt>
                <c:pt idx="8215">
                  <c:v>22.112675403568236</c:v>
                </c:pt>
                <c:pt idx="8216">
                  <c:v>22.11602813971167</c:v>
                </c:pt>
                <c:pt idx="8217">
                  <c:v>22.119282265968433</c:v>
                </c:pt>
                <c:pt idx="8218">
                  <c:v>22.119282265968433</c:v>
                </c:pt>
                <c:pt idx="8219">
                  <c:v>22.122635002111686</c:v>
                </c:pt>
                <c:pt idx="8220">
                  <c:v>22.122635002111686</c:v>
                </c:pt>
                <c:pt idx="8221">
                  <c:v>22.125987738254945</c:v>
                </c:pt>
                <c:pt idx="8222">
                  <c:v>22.125987738254945</c:v>
                </c:pt>
                <c:pt idx="8223">
                  <c:v>22.129241864511705</c:v>
                </c:pt>
                <c:pt idx="8224">
                  <c:v>22.132594600655139</c:v>
                </c:pt>
                <c:pt idx="8225">
                  <c:v>22.132594600655139</c:v>
                </c:pt>
                <c:pt idx="8226">
                  <c:v>22.135947336798399</c:v>
                </c:pt>
                <c:pt idx="8227">
                  <c:v>22.135947336798399</c:v>
                </c:pt>
                <c:pt idx="8228">
                  <c:v>22.139201463055162</c:v>
                </c:pt>
                <c:pt idx="8229">
                  <c:v>22.139201463055162</c:v>
                </c:pt>
                <c:pt idx="8230">
                  <c:v>22.142554199198415</c:v>
                </c:pt>
                <c:pt idx="8231">
                  <c:v>22.142554199198415</c:v>
                </c:pt>
                <c:pt idx="8232">
                  <c:v>22.145906935341674</c:v>
                </c:pt>
                <c:pt idx="8233">
                  <c:v>22.145906935341674</c:v>
                </c:pt>
                <c:pt idx="8234">
                  <c:v>22.145906935341674</c:v>
                </c:pt>
                <c:pt idx="8235">
                  <c:v>22.149161061598438</c:v>
                </c:pt>
                <c:pt idx="8236">
                  <c:v>22.149161061598438</c:v>
                </c:pt>
                <c:pt idx="8237">
                  <c:v>22.152513797741872</c:v>
                </c:pt>
                <c:pt idx="8238">
                  <c:v>22.152513797741872</c:v>
                </c:pt>
                <c:pt idx="8239">
                  <c:v>22.155866533885128</c:v>
                </c:pt>
                <c:pt idx="8240">
                  <c:v>22.155866533885128</c:v>
                </c:pt>
                <c:pt idx="8241">
                  <c:v>22.155866533885128</c:v>
                </c:pt>
                <c:pt idx="8242">
                  <c:v>22.159219270028387</c:v>
                </c:pt>
                <c:pt idx="8243">
                  <c:v>22.159219270028387</c:v>
                </c:pt>
                <c:pt idx="8244">
                  <c:v>22.162473396285151</c:v>
                </c:pt>
                <c:pt idx="8245">
                  <c:v>22.162473396285151</c:v>
                </c:pt>
                <c:pt idx="8246">
                  <c:v>22.162473396285151</c:v>
                </c:pt>
                <c:pt idx="8247">
                  <c:v>22.165826132428581</c:v>
                </c:pt>
                <c:pt idx="8248">
                  <c:v>22.165826132428581</c:v>
                </c:pt>
                <c:pt idx="8249">
                  <c:v>22.169178868571837</c:v>
                </c:pt>
                <c:pt idx="8250">
                  <c:v>22.169178868571837</c:v>
                </c:pt>
                <c:pt idx="8251">
                  <c:v>22.169178868571837</c:v>
                </c:pt>
                <c:pt idx="8252">
                  <c:v>22.172432994828601</c:v>
                </c:pt>
                <c:pt idx="8253">
                  <c:v>22.172432994828601</c:v>
                </c:pt>
                <c:pt idx="8254">
                  <c:v>22.175785730971857</c:v>
                </c:pt>
                <c:pt idx="8255">
                  <c:v>22.179138467115116</c:v>
                </c:pt>
                <c:pt idx="8256">
                  <c:v>22.179138467115116</c:v>
                </c:pt>
                <c:pt idx="8257">
                  <c:v>22.18239259337188</c:v>
                </c:pt>
                <c:pt idx="8258">
                  <c:v>22.18239259337188</c:v>
                </c:pt>
                <c:pt idx="8259">
                  <c:v>22.18574532951531</c:v>
                </c:pt>
                <c:pt idx="8260">
                  <c:v>22.189098065658566</c:v>
                </c:pt>
                <c:pt idx="8261">
                  <c:v>22.189098065658566</c:v>
                </c:pt>
                <c:pt idx="8262">
                  <c:v>22.192352191915329</c:v>
                </c:pt>
                <c:pt idx="8263">
                  <c:v>22.192352191915329</c:v>
                </c:pt>
                <c:pt idx="8264">
                  <c:v>22.195704928058589</c:v>
                </c:pt>
                <c:pt idx="8265">
                  <c:v>22.195704928058589</c:v>
                </c:pt>
                <c:pt idx="8266">
                  <c:v>22.199057664202019</c:v>
                </c:pt>
                <c:pt idx="8267">
                  <c:v>22.199057664202019</c:v>
                </c:pt>
                <c:pt idx="8268">
                  <c:v>22.202311790458609</c:v>
                </c:pt>
                <c:pt idx="8269">
                  <c:v>22.202311790458609</c:v>
                </c:pt>
                <c:pt idx="8270">
                  <c:v>22.205664526602039</c:v>
                </c:pt>
                <c:pt idx="8271">
                  <c:v>22.209017262745299</c:v>
                </c:pt>
                <c:pt idx="8272">
                  <c:v>22.209017262745299</c:v>
                </c:pt>
                <c:pt idx="8273">
                  <c:v>22.212271389002062</c:v>
                </c:pt>
                <c:pt idx="8274">
                  <c:v>22.215624125145318</c:v>
                </c:pt>
                <c:pt idx="8275">
                  <c:v>22.215624125145318</c:v>
                </c:pt>
                <c:pt idx="8276">
                  <c:v>22.218976861288748</c:v>
                </c:pt>
                <c:pt idx="8277">
                  <c:v>22.218976861288748</c:v>
                </c:pt>
                <c:pt idx="8278">
                  <c:v>22.222230987545512</c:v>
                </c:pt>
                <c:pt idx="8279">
                  <c:v>22.222230987545512</c:v>
                </c:pt>
                <c:pt idx="8280">
                  <c:v>22.225583723688768</c:v>
                </c:pt>
                <c:pt idx="8281">
                  <c:v>22.225583723688768</c:v>
                </c:pt>
                <c:pt idx="8282">
                  <c:v>22.228936459832028</c:v>
                </c:pt>
                <c:pt idx="8283">
                  <c:v>22.228936459832028</c:v>
                </c:pt>
                <c:pt idx="8284">
                  <c:v>22.232190586088791</c:v>
                </c:pt>
                <c:pt idx="8285">
                  <c:v>22.232190586088791</c:v>
                </c:pt>
                <c:pt idx="8286">
                  <c:v>22.235543322232047</c:v>
                </c:pt>
                <c:pt idx="8287">
                  <c:v>22.235543322232047</c:v>
                </c:pt>
                <c:pt idx="8288">
                  <c:v>22.238896058375481</c:v>
                </c:pt>
                <c:pt idx="8289">
                  <c:v>22.238896058375481</c:v>
                </c:pt>
                <c:pt idx="8290">
                  <c:v>22.242150184632241</c:v>
                </c:pt>
                <c:pt idx="8291">
                  <c:v>22.242150184632241</c:v>
                </c:pt>
                <c:pt idx="8292">
                  <c:v>22.2455029207755</c:v>
                </c:pt>
                <c:pt idx="8293">
                  <c:v>22.2455029207755</c:v>
                </c:pt>
                <c:pt idx="8294">
                  <c:v>22.248855656918757</c:v>
                </c:pt>
                <c:pt idx="8295">
                  <c:v>22.248855656918757</c:v>
                </c:pt>
                <c:pt idx="8296">
                  <c:v>22.25210978317552</c:v>
                </c:pt>
                <c:pt idx="8297">
                  <c:v>22.25210978317552</c:v>
                </c:pt>
                <c:pt idx="8298">
                  <c:v>22.25210978317552</c:v>
                </c:pt>
                <c:pt idx="8299">
                  <c:v>22.255462519318954</c:v>
                </c:pt>
                <c:pt idx="8300">
                  <c:v>22.255462519318954</c:v>
                </c:pt>
                <c:pt idx="8301">
                  <c:v>22.25881525546221</c:v>
                </c:pt>
                <c:pt idx="8302">
                  <c:v>22.25881525546221</c:v>
                </c:pt>
                <c:pt idx="8303">
                  <c:v>22.26206938171897</c:v>
                </c:pt>
                <c:pt idx="8304">
                  <c:v>22.26206938171897</c:v>
                </c:pt>
                <c:pt idx="8305">
                  <c:v>22.265422117862229</c:v>
                </c:pt>
                <c:pt idx="8306">
                  <c:v>22.268774854005486</c:v>
                </c:pt>
                <c:pt idx="8307">
                  <c:v>22.268774854005486</c:v>
                </c:pt>
                <c:pt idx="8308">
                  <c:v>22.272028980262249</c:v>
                </c:pt>
                <c:pt idx="8309">
                  <c:v>22.272028980262249</c:v>
                </c:pt>
                <c:pt idx="8310">
                  <c:v>22.275381716405683</c:v>
                </c:pt>
                <c:pt idx="8311">
                  <c:v>22.278734452548942</c:v>
                </c:pt>
                <c:pt idx="8312">
                  <c:v>22.278734452548942</c:v>
                </c:pt>
                <c:pt idx="8313">
                  <c:v>22.281988578805702</c:v>
                </c:pt>
                <c:pt idx="8314">
                  <c:v>22.281988578805702</c:v>
                </c:pt>
                <c:pt idx="8315">
                  <c:v>22.285341314948958</c:v>
                </c:pt>
                <c:pt idx="8316">
                  <c:v>22.288694051092392</c:v>
                </c:pt>
                <c:pt idx="8317">
                  <c:v>22.288694051092392</c:v>
                </c:pt>
                <c:pt idx="8318">
                  <c:v>22.292046787235652</c:v>
                </c:pt>
                <c:pt idx="8319">
                  <c:v>22.292046787235652</c:v>
                </c:pt>
                <c:pt idx="8320">
                  <c:v>22.295300913492415</c:v>
                </c:pt>
                <c:pt idx="8321">
                  <c:v>22.295300913492415</c:v>
                </c:pt>
                <c:pt idx="8322">
                  <c:v>22.298653649635671</c:v>
                </c:pt>
                <c:pt idx="8323">
                  <c:v>22.302006385778927</c:v>
                </c:pt>
                <c:pt idx="8324">
                  <c:v>22.302006385778927</c:v>
                </c:pt>
                <c:pt idx="8325">
                  <c:v>22.305260512035687</c:v>
                </c:pt>
                <c:pt idx="8326">
                  <c:v>22.305260512035687</c:v>
                </c:pt>
                <c:pt idx="8327">
                  <c:v>22.308613248179121</c:v>
                </c:pt>
                <c:pt idx="8328">
                  <c:v>22.308613248179121</c:v>
                </c:pt>
                <c:pt idx="8329">
                  <c:v>22.311965984322381</c:v>
                </c:pt>
                <c:pt idx="8330">
                  <c:v>22.311965984322381</c:v>
                </c:pt>
                <c:pt idx="8331">
                  <c:v>22.315220110579144</c:v>
                </c:pt>
                <c:pt idx="8332">
                  <c:v>22.315220110579144</c:v>
                </c:pt>
                <c:pt idx="8333">
                  <c:v>22.3185728467224</c:v>
                </c:pt>
                <c:pt idx="8334">
                  <c:v>22.3185728467224</c:v>
                </c:pt>
                <c:pt idx="8335">
                  <c:v>22.3185728467224</c:v>
                </c:pt>
                <c:pt idx="8336">
                  <c:v>22.321925582865656</c:v>
                </c:pt>
                <c:pt idx="8337">
                  <c:v>22.321925582865656</c:v>
                </c:pt>
                <c:pt idx="8338">
                  <c:v>22.32517970912242</c:v>
                </c:pt>
                <c:pt idx="8339">
                  <c:v>22.32517970912242</c:v>
                </c:pt>
                <c:pt idx="8340">
                  <c:v>22.32517970912242</c:v>
                </c:pt>
                <c:pt idx="8341">
                  <c:v>22.328532445265854</c:v>
                </c:pt>
                <c:pt idx="8342">
                  <c:v>22.328532445265854</c:v>
                </c:pt>
                <c:pt idx="8343">
                  <c:v>22.33188518140911</c:v>
                </c:pt>
                <c:pt idx="8344">
                  <c:v>22.33188518140911</c:v>
                </c:pt>
                <c:pt idx="8345">
                  <c:v>22.33188518140911</c:v>
                </c:pt>
                <c:pt idx="8346">
                  <c:v>22.335139307665873</c:v>
                </c:pt>
                <c:pt idx="8347">
                  <c:v>22.335139307665873</c:v>
                </c:pt>
                <c:pt idx="8348">
                  <c:v>22.338492043809133</c:v>
                </c:pt>
                <c:pt idx="8349">
                  <c:v>22.338492043809133</c:v>
                </c:pt>
                <c:pt idx="8350">
                  <c:v>22.341844779952563</c:v>
                </c:pt>
                <c:pt idx="8351">
                  <c:v>22.341844779952563</c:v>
                </c:pt>
                <c:pt idx="8352">
                  <c:v>22.341844779952563</c:v>
                </c:pt>
                <c:pt idx="8353">
                  <c:v>22.345098906209149</c:v>
                </c:pt>
                <c:pt idx="8354">
                  <c:v>22.345098906209149</c:v>
                </c:pt>
                <c:pt idx="8355">
                  <c:v>22.348451642352583</c:v>
                </c:pt>
                <c:pt idx="8356">
                  <c:v>22.348451642352583</c:v>
                </c:pt>
                <c:pt idx="8357">
                  <c:v>22.351804378495839</c:v>
                </c:pt>
                <c:pt idx="8358">
                  <c:v>22.351804378495839</c:v>
                </c:pt>
                <c:pt idx="8359">
                  <c:v>22.355058504752602</c:v>
                </c:pt>
                <c:pt idx="8360">
                  <c:v>22.355058504752602</c:v>
                </c:pt>
                <c:pt idx="8361">
                  <c:v>22.358411240895862</c:v>
                </c:pt>
                <c:pt idx="8362">
                  <c:v>22.358411240895862</c:v>
                </c:pt>
                <c:pt idx="8363">
                  <c:v>22.358411240895862</c:v>
                </c:pt>
                <c:pt idx="8364">
                  <c:v>22.361763977039292</c:v>
                </c:pt>
                <c:pt idx="8365">
                  <c:v>22.361763977039292</c:v>
                </c:pt>
                <c:pt idx="8366">
                  <c:v>22.365018103296055</c:v>
                </c:pt>
                <c:pt idx="8367">
                  <c:v>22.365018103296055</c:v>
                </c:pt>
                <c:pt idx="8368">
                  <c:v>22.368370839439311</c:v>
                </c:pt>
                <c:pt idx="8369">
                  <c:v>22.368370839439311</c:v>
                </c:pt>
                <c:pt idx="8370">
                  <c:v>22.368370839439311</c:v>
                </c:pt>
                <c:pt idx="8371">
                  <c:v>22.371723575582571</c:v>
                </c:pt>
                <c:pt idx="8372">
                  <c:v>22.371723575582571</c:v>
                </c:pt>
                <c:pt idx="8373">
                  <c:v>22.374977701839335</c:v>
                </c:pt>
                <c:pt idx="8374">
                  <c:v>22.374977701839335</c:v>
                </c:pt>
                <c:pt idx="8375">
                  <c:v>22.378330437982591</c:v>
                </c:pt>
                <c:pt idx="8376">
                  <c:v>22.378330437982591</c:v>
                </c:pt>
                <c:pt idx="8377">
                  <c:v>22.381683174126021</c:v>
                </c:pt>
                <c:pt idx="8378">
                  <c:v>22.381683174126021</c:v>
                </c:pt>
                <c:pt idx="8379">
                  <c:v>22.381683174126021</c:v>
                </c:pt>
                <c:pt idx="8380">
                  <c:v>22.384937300382784</c:v>
                </c:pt>
                <c:pt idx="8381">
                  <c:v>22.384937300382784</c:v>
                </c:pt>
                <c:pt idx="8382">
                  <c:v>22.38829003652604</c:v>
                </c:pt>
                <c:pt idx="8383">
                  <c:v>22.38829003652604</c:v>
                </c:pt>
                <c:pt idx="8384">
                  <c:v>22.38829003652604</c:v>
                </c:pt>
                <c:pt idx="8385">
                  <c:v>22.3916427726693</c:v>
                </c:pt>
                <c:pt idx="8386">
                  <c:v>22.3916427726693</c:v>
                </c:pt>
                <c:pt idx="8387">
                  <c:v>22.3916427726693</c:v>
                </c:pt>
                <c:pt idx="8388">
                  <c:v>22.394896898926063</c:v>
                </c:pt>
                <c:pt idx="8389">
                  <c:v>22.394896898926063</c:v>
                </c:pt>
                <c:pt idx="8390">
                  <c:v>22.394896898926063</c:v>
                </c:pt>
                <c:pt idx="8391">
                  <c:v>22.398249635069497</c:v>
                </c:pt>
                <c:pt idx="8392">
                  <c:v>22.398249635069497</c:v>
                </c:pt>
                <c:pt idx="8393">
                  <c:v>22.40160237121275</c:v>
                </c:pt>
                <c:pt idx="8394">
                  <c:v>22.40160237121275</c:v>
                </c:pt>
                <c:pt idx="8395">
                  <c:v>22.404856497469513</c:v>
                </c:pt>
                <c:pt idx="8396">
                  <c:v>22.404856497469513</c:v>
                </c:pt>
                <c:pt idx="8397">
                  <c:v>22.408209233612773</c:v>
                </c:pt>
                <c:pt idx="8398">
                  <c:v>22.408209233612773</c:v>
                </c:pt>
                <c:pt idx="8399">
                  <c:v>22.408209233612773</c:v>
                </c:pt>
                <c:pt idx="8400">
                  <c:v>22.411561969756029</c:v>
                </c:pt>
                <c:pt idx="8401">
                  <c:v>22.411561969756029</c:v>
                </c:pt>
                <c:pt idx="8402">
                  <c:v>22.414914705899463</c:v>
                </c:pt>
                <c:pt idx="8403">
                  <c:v>22.414914705899463</c:v>
                </c:pt>
                <c:pt idx="8404">
                  <c:v>22.418168832156226</c:v>
                </c:pt>
                <c:pt idx="8405">
                  <c:v>22.418168832156226</c:v>
                </c:pt>
                <c:pt idx="8406">
                  <c:v>22.421521568299482</c:v>
                </c:pt>
                <c:pt idx="8407">
                  <c:v>22.421521568299482</c:v>
                </c:pt>
                <c:pt idx="8408">
                  <c:v>22.424874304442739</c:v>
                </c:pt>
                <c:pt idx="8409">
                  <c:v>22.424874304442739</c:v>
                </c:pt>
                <c:pt idx="8410">
                  <c:v>22.428128430699502</c:v>
                </c:pt>
                <c:pt idx="8411">
                  <c:v>22.428128430699502</c:v>
                </c:pt>
                <c:pt idx="8412">
                  <c:v>22.431481166842936</c:v>
                </c:pt>
                <c:pt idx="8413">
                  <c:v>22.431481166842936</c:v>
                </c:pt>
                <c:pt idx="8414">
                  <c:v>22.434833902986192</c:v>
                </c:pt>
                <c:pt idx="8415">
                  <c:v>22.434833902986192</c:v>
                </c:pt>
                <c:pt idx="8416">
                  <c:v>22.438088029242955</c:v>
                </c:pt>
                <c:pt idx="8417">
                  <c:v>22.438088029242955</c:v>
                </c:pt>
                <c:pt idx="8418">
                  <c:v>22.441440765386211</c:v>
                </c:pt>
                <c:pt idx="8419">
                  <c:v>22.441440765386211</c:v>
                </c:pt>
                <c:pt idx="8420">
                  <c:v>22.444793501529468</c:v>
                </c:pt>
                <c:pt idx="8421">
                  <c:v>22.444793501529468</c:v>
                </c:pt>
                <c:pt idx="8422">
                  <c:v>22.448047627786231</c:v>
                </c:pt>
                <c:pt idx="8423">
                  <c:v>22.448047627786231</c:v>
                </c:pt>
                <c:pt idx="8424">
                  <c:v>22.448047627786231</c:v>
                </c:pt>
                <c:pt idx="8425">
                  <c:v>22.451400363929665</c:v>
                </c:pt>
                <c:pt idx="8426">
                  <c:v>22.451400363929665</c:v>
                </c:pt>
                <c:pt idx="8427">
                  <c:v>22.454753100072924</c:v>
                </c:pt>
                <c:pt idx="8428">
                  <c:v>22.454753100072924</c:v>
                </c:pt>
                <c:pt idx="8429">
                  <c:v>22.454753100072924</c:v>
                </c:pt>
                <c:pt idx="8430">
                  <c:v>22.458007226329688</c:v>
                </c:pt>
                <c:pt idx="8431">
                  <c:v>22.458007226329688</c:v>
                </c:pt>
                <c:pt idx="8432">
                  <c:v>22.46135996247294</c:v>
                </c:pt>
                <c:pt idx="8433">
                  <c:v>22.46135996247294</c:v>
                </c:pt>
                <c:pt idx="8434">
                  <c:v>22.46135996247294</c:v>
                </c:pt>
                <c:pt idx="8435">
                  <c:v>22.464712698616374</c:v>
                </c:pt>
                <c:pt idx="8436">
                  <c:v>22.464712698616374</c:v>
                </c:pt>
                <c:pt idx="8437">
                  <c:v>22.467966824872963</c:v>
                </c:pt>
                <c:pt idx="8438">
                  <c:v>22.467966824872963</c:v>
                </c:pt>
                <c:pt idx="8439">
                  <c:v>22.467966824872963</c:v>
                </c:pt>
                <c:pt idx="8440">
                  <c:v>22.471319561016397</c:v>
                </c:pt>
                <c:pt idx="8441">
                  <c:v>22.471319561016397</c:v>
                </c:pt>
                <c:pt idx="8442">
                  <c:v>22.474672297159653</c:v>
                </c:pt>
                <c:pt idx="8443">
                  <c:v>22.474672297159653</c:v>
                </c:pt>
                <c:pt idx="8444">
                  <c:v>22.477926423416417</c:v>
                </c:pt>
                <c:pt idx="8445">
                  <c:v>22.477926423416417</c:v>
                </c:pt>
                <c:pt idx="8446">
                  <c:v>22.477926423416417</c:v>
                </c:pt>
                <c:pt idx="8447">
                  <c:v>22.481279159559669</c:v>
                </c:pt>
                <c:pt idx="8448">
                  <c:v>22.481279159559669</c:v>
                </c:pt>
                <c:pt idx="8449">
                  <c:v>22.484631895703103</c:v>
                </c:pt>
                <c:pt idx="8450">
                  <c:v>22.484631895703103</c:v>
                </c:pt>
                <c:pt idx="8451">
                  <c:v>22.487886021959866</c:v>
                </c:pt>
                <c:pt idx="8452">
                  <c:v>22.487886021959866</c:v>
                </c:pt>
                <c:pt idx="8453">
                  <c:v>22.491238758103126</c:v>
                </c:pt>
                <c:pt idx="8454">
                  <c:v>22.491238758103126</c:v>
                </c:pt>
                <c:pt idx="8455">
                  <c:v>22.494591494246382</c:v>
                </c:pt>
                <c:pt idx="8456">
                  <c:v>22.494591494246382</c:v>
                </c:pt>
                <c:pt idx="8457">
                  <c:v>22.497845620503146</c:v>
                </c:pt>
                <c:pt idx="8458">
                  <c:v>22.497845620503146</c:v>
                </c:pt>
                <c:pt idx="8459">
                  <c:v>22.501198356646402</c:v>
                </c:pt>
                <c:pt idx="8460">
                  <c:v>22.501198356646402</c:v>
                </c:pt>
                <c:pt idx="8461">
                  <c:v>22.504551092789836</c:v>
                </c:pt>
                <c:pt idx="8462">
                  <c:v>22.504551092789836</c:v>
                </c:pt>
                <c:pt idx="8463">
                  <c:v>22.507805219046599</c:v>
                </c:pt>
                <c:pt idx="8464">
                  <c:v>22.507805219046599</c:v>
                </c:pt>
                <c:pt idx="8465">
                  <c:v>22.511157955189855</c:v>
                </c:pt>
                <c:pt idx="8466">
                  <c:v>22.511157955189855</c:v>
                </c:pt>
                <c:pt idx="8467">
                  <c:v>22.514510691333115</c:v>
                </c:pt>
                <c:pt idx="8468">
                  <c:v>22.514510691333115</c:v>
                </c:pt>
                <c:pt idx="8469">
                  <c:v>22.517764817589875</c:v>
                </c:pt>
                <c:pt idx="8470">
                  <c:v>22.517764817589875</c:v>
                </c:pt>
                <c:pt idx="8471">
                  <c:v>22.521117553733305</c:v>
                </c:pt>
                <c:pt idx="8472">
                  <c:v>22.524470289876565</c:v>
                </c:pt>
                <c:pt idx="8473">
                  <c:v>22.524470289876565</c:v>
                </c:pt>
                <c:pt idx="8474">
                  <c:v>22.524470289876565</c:v>
                </c:pt>
                <c:pt idx="8475">
                  <c:v>22.527724416133328</c:v>
                </c:pt>
                <c:pt idx="8476">
                  <c:v>22.527724416133328</c:v>
                </c:pt>
                <c:pt idx="8477">
                  <c:v>22.531077152276584</c:v>
                </c:pt>
                <c:pt idx="8478">
                  <c:v>22.534429888419844</c:v>
                </c:pt>
                <c:pt idx="8479">
                  <c:v>22.534429888419844</c:v>
                </c:pt>
                <c:pt idx="8480">
                  <c:v>22.534429888419844</c:v>
                </c:pt>
                <c:pt idx="8481">
                  <c:v>22.537684014676607</c:v>
                </c:pt>
                <c:pt idx="8482">
                  <c:v>22.537684014676607</c:v>
                </c:pt>
                <c:pt idx="8483">
                  <c:v>22.541036750820037</c:v>
                </c:pt>
                <c:pt idx="8484">
                  <c:v>22.541036750820037</c:v>
                </c:pt>
                <c:pt idx="8485">
                  <c:v>22.544389486963293</c:v>
                </c:pt>
                <c:pt idx="8486">
                  <c:v>22.544389486963293</c:v>
                </c:pt>
                <c:pt idx="8487">
                  <c:v>22.547742223106553</c:v>
                </c:pt>
                <c:pt idx="8488">
                  <c:v>22.547742223106553</c:v>
                </c:pt>
                <c:pt idx="8489">
                  <c:v>22.550996349363317</c:v>
                </c:pt>
                <c:pt idx="8490">
                  <c:v>22.550996349363317</c:v>
                </c:pt>
                <c:pt idx="8491">
                  <c:v>22.55434908550675</c:v>
                </c:pt>
                <c:pt idx="8492">
                  <c:v>22.55434908550675</c:v>
                </c:pt>
                <c:pt idx="8493">
                  <c:v>22.557701821650003</c:v>
                </c:pt>
                <c:pt idx="8494">
                  <c:v>22.557701821650003</c:v>
                </c:pt>
                <c:pt idx="8495">
                  <c:v>22.560955947906766</c:v>
                </c:pt>
                <c:pt idx="8496">
                  <c:v>22.560955947906766</c:v>
                </c:pt>
                <c:pt idx="8497">
                  <c:v>22.560955947906766</c:v>
                </c:pt>
                <c:pt idx="8498">
                  <c:v>22.564308684050022</c:v>
                </c:pt>
                <c:pt idx="8499">
                  <c:v>22.564308684050022</c:v>
                </c:pt>
                <c:pt idx="8500">
                  <c:v>22.567661420193282</c:v>
                </c:pt>
                <c:pt idx="8501">
                  <c:v>22.567661420193282</c:v>
                </c:pt>
                <c:pt idx="8502">
                  <c:v>22.570915546450045</c:v>
                </c:pt>
                <c:pt idx="8503">
                  <c:v>22.570915546450045</c:v>
                </c:pt>
                <c:pt idx="8504">
                  <c:v>22.574268282593479</c:v>
                </c:pt>
                <c:pt idx="8505">
                  <c:v>22.574268282593479</c:v>
                </c:pt>
                <c:pt idx="8506">
                  <c:v>22.577621018736732</c:v>
                </c:pt>
                <c:pt idx="8507">
                  <c:v>22.577621018736732</c:v>
                </c:pt>
                <c:pt idx="8508">
                  <c:v>22.580875144993495</c:v>
                </c:pt>
                <c:pt idx="8509">
                  <c:v>22.580875144993495</c:v>
                </c:pt>
                <c:pt idx="8510">
                  <c:v>22.584227881136755</c:v>
                </c:pt>
                <c:pt idx="8511">
                  <c:v>22.584227881136755</c:v>
                </c:pt>
                <c:pt idx="8512">
                  <c:v>22.587580617280189</c:v>
                </c:pt>
                <c:pt idx="8513">
                  <c:v>22.587580617280189</c:v>
                </c:pt>
                <c:pt idx="8514">
                  <c:v>22.590834743536774</c:v>
                </c:pt>
                <c:pt idx="8515">
                  <c:v>22.590834743536774</c:v>
                </c:pt>
                <c:pt idx="8516">
                  <c:v>22.594187479680208</c:v>
                </c:pt>
                <c:pt idx="8517">
                  <c:v>22.594187479680208</c:v>
                </c:pt>
                <c:pt idx="8518">
                  <c:v>22.594187479680208</c:v>
                </c:pt>
                <c:pt idx="8519">
                  <c:v>22.597540215823464</c:v>
                </c:pt>
                <c:pt idx="8520">
                  <c:v>22.600794342080228</c:v>
                </c:pt>
                <c:pt idx="8521">
                  <c:v>22.600794342080228</c:v>
                </c:pt>
                <c:pt idx="8522">
                  <c:v>22.600794342080228</c:v>
                </c:pt>
                <c:pt idx="8523">
                  <c:v>22.604147078223484</c:v>
                </c:pt>
                <c:pt idx="8524">
                  <c:v>22.604147078223484</c:v>
                </c:pt>
                <c:pt idx="8525">
                  <c:v>22.607499814366918</c:v>
                </c:pt>
                <c:pt idx="8526">
                  <c:v>22.607499814366918</c:v>
                </c:pt>
                <c:pt idx="8527">
                  <c:v>22.610753940623681</c:v>
                </c:pt>
                <c:pt idx="8528">
                  <c:v>22.610753940623681</c:v>
                </c:pt>
                <c:pt idx="8529">
                  <c:v>22.614106676766937</c:v>
                </c:pt>
                <c:pt idx="8530">
                  <c:v>22.614106676766937</c:v>
                </c:pt>
                <c:pt idx="8531">
                  <c:v>22.617459412910193</c:v>
                </c:pt>
                <c:pt idx="8532">
                  <c:v>22.617459412910193</c:v>
                </c:pt>
                <c:pt idx="8533">
                  <c:v>22.620713539166957</c:v>
                </c:pt>
                <c:pt idx="8534">
                  <c:v>22.620713539166957</c:v>
                </c:pt>
                <c:pt idx="8535">
                  <c:v>22.620713539166957</c:v>
                </c:pt>
                <c:pt idx="8536">
                  <c:v>22.624066275310213</c:v>
                </c:pt>
                <c:pt idx="8537">
                  <c:v>22.624066275310213</c:v>
                </c:pt>
                <c:pt idx="8538">
                  <c:v>22.627419011453647</c:v>
                </c:pt>
                <c:pt idx="8539">
                  <c:v>22.627419011453647</c:v>
                </c:pt>
                <c:pt idx="8540">
                  <c:v>22.63067313771041</c:v>
                </c:pt>
                <c:pt idx="8541">
                  <c:v>22.63067313771041</c:v>
                </c:pt>
                <c:pt idx="8542">
                  <c:v>22.63402587385367</c:v>
                </c:pt>
                <c:pt idx="8543">
                  <c:v>22.63402587385367</c:v>
                </c:pt>
                <c:pt idx="8544">
                  <c:v>22.637378609996926</c:v>
                </c:pt>
                <c:pt idx="8545">
                  <c:v>22.637378609996926</c:v>
                </c:pt>
                <c:pt idx="8546">
                  <c:v>22.637378609996926</c:v>
                </c:pt>
                <c:pt idx="8547">
                  <c:v>22.640632736253686</c:v>
                </c:pt>
                <c:pt idx="8548">
                  <c:v>22.640632736253686</c:v>
                </c:pt>
                <c:pt idx="8549">
                  <c:v>22.643985472396945</c:v>
                </c:pt>
                <c:pt idx="8550">
                  <c:v>22.643985472396945</c:v>
                </c:pt>
                <c:pt idx="8551">
                  <c:v>22.647338208540376</c:v>
                </c:pt>
                <c:pt idx="8552">
                  <c:v>22.647338208540376</c:v>
                </c:pt>
                <c:pt idx="8553">
                  <c:v>22.647338208540376</c:v>
                </c:pt>
                <c:pt idx="8554">
                  <c:v>22.650592334797139</c:v>
                </c:pt>
                <c:pt idx="8555">
                  <c:v>22.650592334797139</c:v>
                </c:pt>
                <c:pt idx="8556">
                  <c:v>22.653945070940399</c:v>
                </c:pt>
                <c:pt idx="8557">
                  <c:v>22.653945070940399</c:v>
                </c:pt>
                <c:pt idx="8558">
                  <c:v>22.657297807083655</c:v>
                </c:pt>
                <c:pt idx="8559">
                  <c:v>22.657297807083655</c:v>
                </c:pt>
                <c:pt idx="8560">
                  <c:v>22.660551933340415</c:v>
                </c:pt>
                <c:pt idx="8561">
                  <c:v>22.660551933340415</c:v>
                </c:pt>
                <c:pt idx="8562">
                  <c:v>22.660551933340415</c:v>
                </c:pt>
                <c:pt idx="8563">
                  <c:v>22.663904669483848</c:v>
                </c:pt>
                <c:pt idx="8564">
                  <c:v>22.663904669483848</c:v>
                </c:pt>
                <c:pt idx="8565">
                  <c:v>22.667257405627108</c:v>
                </c:pt>
                <c:pt idx="8566">
                  <c:v>22.667257405627108</c:v>
                </c:pt>
                <c:pt idx="8567">
                  <c:v>22.670610141770364</c:v>
                </c:pt>
                <c:pt idx="8568">
                  <c:v>22.670610141770364</c:v>
                </c:pt>
                <c:pt idx="8569">
                  <c:v>22.673864268027128</c:v>
                </c:pt>
                <c:pt idx="8570">
                  <c:v>22.673864268027128</c:v>
                </c:pt>
                <c:pt idx="8571">
                  <c:v>22.677217004170387</c:v>
                </c:pt>
                <c:pt idx="8572">
                  <c:v>22.680569740313818</c:v>
                </c:pt>
                <c:pt idx="8573">
                  <c:v>22.680569740313818</c:v>
                </c:pt>
                <c:pt idx="8574">
                  <c:v>22.680569740313818</c:v>
                </c:pt>
                <c:pt idx="8575">
                  <c:v>22.683823866570581</c:v>
                </c:pt>
                <c:pt idx="8576">
                  <c:v>22.683823866570581</c:v>
                </c:pt>
                <c:pt idx="8577">
                  <c:v>22.687176602713837</c:v>
                </c:pt>
                <c:pt idx="8578">
                  <c:v>22.687176602713837</c:v>
                </c:pt>
                <c:pt idx="8579">
                  <c:v>22.690529338857093</c:v>
                </c:pt>
                <c:pt idx="8580">
                  <c:v>22.690529338857093</c:v>
                </c:pt>
                <c:pt idx="8581">
                  <c:v>22.693783465113857</c:v>
                </c:pt>
                <c:pt idx="8582">
                  <c:v>22.693783465113857</c:v>
                </c:pt>
                <c:pt idx="8583">
                  <c:v>22.697136201257287</c:v>
                </c:pt>
                <c:pt idx="8584">
                  <c:v>22.697136201257287</c:v>
                </c:pt>
                <c:pt idx="8585">
                  <c:v>22.700488937400547</c:v>
                </c:pt>
                <c:pt idx="8586">
                  <c:v>22.700488937400547</c:v>
                </c:pt>
                <c:pt idx="8587">
                  <c:v>22.70374306365731</c:v>
                </c:pt>
                <c:pt idx="8588">
                  <c:v>22.70374306365731</c:v>
                </c:pt>
                <c:pt idx="8589">
                  <c:v>22.707095799800566</c:v>
                </c:pt>
                <c:pt idx="8590">
                  <c:v>22.707095799800566</c:v>
                </c:pt>
                <c:pt idx="8591">
                  <c:v>22.707095799800566</c:v>
                </c:pt>
                <c:pt idx="8592">
                  <c:v>22.710448535943826</c:v>
                </c:pt>
                <c:pt idx="8593">
                  <c:v>22.710448535943826</c:v>
                </c:pt>
                <c:pt idx="8594">
                  <c:v>22.713702662200589</c:v>
                </c:pt>
                <c:pt idx="8595">
                  <c:v>22.713702662200589</c:v>
                </c:pt>
                <c:pt idx="8596">
                  <c:v>22.717055398344019</c:v>
                </c:pt>
                <c:pt idx="8597">
                  <c:v>22.717055398344019</c:v>
                </c:pt>
                <c:pt idx="8598">
                  <c:v>22.717055398344019</c:v>
                </c:pt>
                <c:pt idx="8599">
                  <c:v>22.720408134487275</c:v>
                </c:pt>
                <c:pt idx="8600">
                  <c:v>22.720408134487275</c:v>
                </c:pt>
                <c:pt idx="8601">
                  <c:v>22.723662260744039</c:v>
                </c:pt>
                <c:pt idx="8602">
                  <c:v>22.723662260744039</c:v>
                </c:pt>
                <c:pt idx="8603">
                  <c:v>22.723662260744039</c:v>
                </c:pt>
                <c:pt idx="8604">
                  <c:v>22.727014996887299</c:v>
                </c:pt>
                <c:pt idx="8605">
                  <c:v>22.727014996887299</c:v>
                </c:pt>
                <c:pt idx="8606">
                  <c:v>22.730367733030732</c:v>
                </c:pt>
                <c:pt idx="8607">
                  <c:v>22.730367733030732</c:v>
                </c:pt>
                <c:pt idx="8608">
                  <c:v>22.733621859287318</c:v>
                </c:pt>
                <c:pt idx="8609">
                  <c:v>22.733621859287318</c:v>
                </c:pt>
                <c:pt idx="8610">
                  <c:v>22.736974595430748</c:v>
                </c:pt>
                <c:pt idx="8611">
                  <c:v>22.736974595430748</c:v>
                </c:pt>
                <c:pt idx="8612">
                  <c:v>22.740327331574004</c:v>
                </c:pt>
                <c:pt idx="8613">
                  <c:v>22.740327331574004</c:v>
                </c:pt>
                <c:pt idx="8614">
                  <c:v>22.743581457830768</c:v>
                </c:pt>
                <c:pt idx="8615">
                  <c:v>22.743581457830768</c:v>
                </c:pt>
                <c:pt idx="8616">
                  <c:v>22.743581457830768</c:v>
                </c:pt>
                <c:pt idx="8617">
                  <c:v>22.746934193974027</c:v>
                </c:pt>
                <c:pt idx="8618">
                  <c:v>22.746934193974027</c:v>
                </c:pt>
                <c:pt idx="8619">
                  <c:v>22.750286930117461</c:v>
                </c:pt>
                <c:pt idx="8620">
                  <c:v>22.750286930117461</c:v>
                </c:pt>
                <c:pt idx="8621">
                  <c:v>22.750286930117461</c:v>
                </c:pt>
                <c:pt idx="8622">
                  <c:v>22.753541056374225</c:v>
                </c:pt>
                <c:pt idx="8623">
                  <c:v>22.753541056374225</c:v>
                </c:pt>
                <c:pt idx="8624">
                  <c:v>22.756893792517477</c:v>
                </c:pt>
                <c:pt idx="8625">
                  <c:v>22.756893792517477</c:v>
                </c:pt>
                <c:pt idx="8626">
                  <c:v>22.760246528660737</c:v>
                </c:pt>
                <c:pt idx="8627">
                  <c:v>22.760246528660737</c:v>
                </c:pt>
                <c:pt idx="8628">
                  <c:v>22.760246528660737</c:v>
                </c:pt>
                <c:pt idx="8629">
                  <c:v>22.7635006549175</c:v>
                </c:pt>
                <c:pt idx="8630">
                  <c:v>22.7635006549175</c:v>
                </c:pt>
                <c:pt idx="8631">
                  <c:v>22.766853391060756</c:v>
                </c:pt>
                <c:pt idx="8632">
                  <c:v>22.766853391060756</c:v>
                </c:pt>
                <c:pt idx="8633">
                  <c:v>22.77020612720419</c:v>
                </c:pt>
                <c:pt idx="8634">
                  <c:v>22.77020612720419</c:v>
                </c:pt>
                <c:pt idx="8635">
                  <c:v>22.77020612720419</c:v>
                </c:pt>
                <c:pt idx="8636">
                  <c:v>22.773460253460954</c:v>
                </c:pt>
                <c:pt idx="8637">
                  <c:v>22.773460253460954</c:v>
                </c:pt>
                <c:pt idx="8638">
                  <c:v>22.77681298960421</c:v>
                </c:pt>
                <c:pt idx="8639">
                  <c:v>22.77681298960421</c:v>
                </c:pt>
                <c:pt idx="8640">
                  <c:v>22.77681298960421</c:v>
                </c:pt>
                <c:pt idx="8641">
                  <c:v>22.780165725747466</c:v>
                </c:pt>
                <c:pt idx="8642">
                  <c:v>22.780165725747466</c:v>
                </c:pt>
                <c:pt idx="8643">
                  <c:v>22.783419852004229</c:v>
                </c:pt>
                <c:pt idx="8644">
                  <c:v>22.783419852004229</c:v>
                </c:pt>
                <c:pt idx="8645">
                  <c:v>22.786772588147663</c:v>
                </c:pt>
                <c:pt idx="8646">
                  <c:v>22.786772588147663</c:v>
                </c:pt>
                <c:pt idx="8647">
                  <c:v>22.786772588147663</c:v>
                </c:pt>
                <c:pt idx="8648">
                  <c:v>22.790125324290919</c:v>
                </c:pt>
                <c:pt idx="8649">
                  <c:v>22.790125324290919</c:v>
                </c:pt>
                <c:pt idx="8650">
                  <c:v>22.793379450547683</c:v>
                </c:pt>
                <c:pt idx="8651">
                  <c:v>22.793379450547683</c:v>
                </c:pt>
                <c:pt idx="8652">
                  <c:v>22.796732186690942</c:v>
                </c:pt>
                <c:pt idx="8653">
                  <c:v>22.796732186690942</c:v>
                </c:pt>
                <c:pt idx="8654">
                  <c:v>22.800084922834195</c:v>
                </c:pt>
                <c:pt idx="8655">
                  <c:v>22.800084922834195</c:v>
                </c:pt>
                <c:pt idx="8656">
                  <c:v>22.803437658977629</c:v>
                </c:pt>
                <c:pt idx="8657">
                  <c:v>22.803437658977629</c:v>
                </c:pt>
                <c:pt idx="8658">
                  <c:v>22.806691785234392</c:v>
                </c:pt>
                <c:pt idx="8659">
                  <c:v>22.806691785234392</c:v>
                </c:pt>
                <c:pt idx="8660">
                  <c:v>22.810044521377652</c:v>
                </c:pt>
                <c:pt idx="8661">
                  <c:v>22.810044521377652</c:v>
                </c:pt>
                <c:pt idx="8662">
                  <c:v>22.813397257520908</c:v>
                </c:pt>
                <c:pt idx="8663">
                  <c:v>22.813397257520908</c:v>
                </c:pt>
                <c:pt idx="8664">
                  <c:v>22.813397257520908</c:v>
                </c:pt>
                <c:pt idx="8665">
                  <c:v>22.816651383777671</c:v>
                </c:pt>
                <c:pt idx="8666">
                  <c:v>22.820004119921101</c:v>
                </c:pt>
                <c:pt idx="8667">
                  <c:v>22.820004119921101</c:v>
                </c:pt>
                <c:pt idx="8668">
                  <c:v>22.823356856064358</c:v>
                </c:pt>
                <c:pt idx="8669">
                  <c:v>22.823356856064358</c:v>
                </c:pt>
                <c:pt idx="8670">
                  <c:v>22.826610982321121</c:v>
                </c:pt>
                <c:pt idx="8671">
                  <c:v>22.826610982321121</c:v>
                </c:pt>
                <c:pt idx="8672">
                  <c:v>22.829963718464381</c:v>
                </c:pt>
                <c:pt idx="8673">
                  <c:v>22.829963718464381</c:v>
                </c:pt>
                <c:pt idx="8674">
                  <c:v>22.833316454607637</c:v>
                </c:pt>
                <c:pt idx="8675">
                  <c:v>22.833316454607637</c:v>
                </c:pt>
                <c:pt idx="8676">
                  <c:v>22.8365705808644</c:v>
                </c:pt>
                <c:pt idx="8677">
                  <c:v>22.8365705808644</c:v>
                </c:pt>
                <c:pt idx="8678">
                  <c:v>22.83992331700783</c:v>
                </c:pt>
                <c:pt idx="8679">
                  <c:v>22.83992331700783</c:v>
                </c:pt>
                <c:pt idx="8680">
                  <c:v>22.84327605315109</c:v>
                </c:pt>
                <c:pt idx="8681">
                  <c:v>22.84327605315109</c:v>
                </c:pt>
                <c:pt idx="8682">
                  <c:v>22.846530179407853</c:v>
                </c:pt>
                <c:pt idx="8683">
                  <c:v>22.846530179407853</c:v>
                </c:pt>
                <c:pt idx="8684">
                  <c:v>22.84988291555111</c:v>
                </c:pt>
                <c:pt idx="8685">
                  <c:v>22.84988291555111</c:v>
                </c:pt>
                <c:pt idx="8686">
                  <c:v>22.84988291555111</c:v>
                </c:pt>
                <c:pt idx="8687">
                  <c:v>22.85323565169454</c:v>
                </c:pt>
                <c:pt idx="8688">
                  <c:v>22.856489777951133</c:v>
                </c:pt>
                <c:pt idx="8689">
                  <c:v>22.856489777951133</c:v>
                </c:pt>
                <c:pt idx="8690">
                  <c:v>22.859842514094563</c:v>
                </c:pt>
                <c:pt idx="8691">
                  <c:v>22.859842514094563</c:v>
                </c:pt>
                <c:pt idx="8692">
                  <c:v>22.863195250237819</c:v>
                </c:pt>
                <c:pt idx="8693">
                  <c:v>22.863195250237819</c:v>
                </c:pt>
                <c:pt idx="8694">
                  <c:v>22.866449376494582</c:v>
                </c:pt>
                <c:pt idx="8695">
                  <c:v>22.866449376494582</c:v>
                </c:pt>
                <c:pt idx="8696">
                  <c:v>22.869802112637839</c:v>
                </c:pt>
                <c:pt idx="8697">
                  <c:v>22.869802112637839</c:v>
                </c:pt>
                <c:pt idx="8698">
                  <c:v>22.873154848781272</c:v>
                </c:pt>
                <c:pt idx="8699">
                  <c:v>22.873154848781272</c:v>
                </c:pt>
                <c:pt idx="8700">
                  <c:v>22.876408975038032</c:v>
                </c:pt>
                <c:pt idx="8701">
                  <c:v>22.876408975038032</c:v>
                </c:pt>
                <c:pt idx="8702">
                  <c:v>22.879761711181292</c:v>
                </c:pt>
                <c:pt idx="8703">
                  <c:v>22.879761711181292</c:v>
                </c:pt>
                <c:pt idx="8704">
                  <c:v>22.883114447324548</c:v>
                </c:pt>
                <c:pt idx="8705">
                  <c:v>22.883114447324548</c:v>
                </c:pt>
                <c:pt idx="8706">
                  <c:v>22.886368573581311</c:v>
                </c:pt>
                <c:pt idx="8707">
                  <c:v>22.886368573581311</c:v>
                </c:pt>
                <c:pt idx="8708">
                  <c:v>22.889721309724571</c:v>
                </c:pt>
                <c:pt idx="8709">
                  <c:v>22.889721309724571</c:v>
                </c:pt>
                <c:pt idx="8710">
                  <c:v>22.893074045868005</c:v>
                </c:pt>
                <c:pt idx="8711">
                  <c:v>22.893074045868005</c:v>
                </c:pt>
                <c:pt idx="8712">
                  <c:v>22.896328172124765</c:v>
                </c:pt>
                <c:pt idx="8713">
                  <c:v>22.896328172124765</c:v>
                </c:pt>
                <c:pt idx="8714">
                  <c:v>22.896328172124765</c:v>
                </c:pt>
                <c:pt idx="8715">
                  <c:v>22.899680908268021</c:v>
                </c:pt>
                <c:pt idx="8716">
                  <c:v>22.899680908268021</c:v>
                </c:pt>
                <c:pt idx="8717">
                  <c:v>22.899680908268021</c:v>
                </c:pt>
                <c:pt idx="8718">
                  <c:v>22.903033644411281</c:v>
                </c:pt>
                <c:pt idx="8719">
                  <c:v>22.903033644411281</c:v>
                </c:pt>
                <c:pt idx="8720">
                  <c:v>22.90628777066804</c:v>
                </c:pt>
                <c:pt idx="8721">
                  <c:v>22.90628777066804</c:v>
                </c:pt>
                <c:pt idx="8722">
                  <c:v>22.909640506811474</c:v>
                </c:pt>
                <c:pt idx="8723">
                  <c:v>22.909640506811474</c:v>
                </c:pt>
                <c:pt idx="8724">
                  <c:v>22.909640506811474</c:v>
                </c:pt>
                <c:pt idx="8725">
                  <c:v>22.912993242954734</c:v>
                </c:pt>
                <c:pt idx="8726">
                  <c:v>22.912993242954734</c:v>
                </c:pt>
                <c:pt idx="8727">
                  <c:v>22.912993242954734</c:v>
                </c:pt>
                <c:pt idx="8728">
                  <c:v>22.916247369211497</c:v>
                </c:pt>
                <c:pt idx="8729">
                  <c:v>22.916247369211497</c:v>
                </c:pt>
                <c:pt idx="8730">
                  <c:v>22.916247369211497</c:v>
                </c:pt>
                <c:pt idx="8731">
                  <c:v>22.91960010535475</c:v>
                </c:pt>
                <c:pt idx="8732">
                  <c:v>22.91960010535475</c:v>
                </c:pt>
                <c:pt idx="8733">
                  <c:v>22.922952841498009</c:v>
                </c:pt>
                <c:pt idx="8734">
                  <c:v>22.922952841498009</c:v>
                </c:pt>
                <c:pt idx="8735">
                  <c:v>22.926305577641443</c:v>
                </c:pt>
                <c:pt idx="8736">
                  <c:v>22.926305577641443</c:v>
                </c:pt>
                <c:pt idx="8737">
                  <c:v>22.926305577641443</c:v>
                </c:pt>
                <c:pt idx="8738">
                  <c:v>22.929559703898207</c:v>
                </c:pt>
                <c:pt idx="8739">
                  <c:v>22.932912440041463</c:v>
                </c:pt>
                <c:pt idx="8740">
                  <c:v>22.932912440041463</c:v>
                </c:pt>
                <c:pt idx="8741">
                  <c:v>22.936265176184719</c:v>
                </c:pt>
                <c:pt idx="8742">
                  <c:v>22.936265176184719</c:v>
                </c:pt>
                <c:pt idx="8743">
                  <c:v>22.939519302441482</c:v>
                </c:pt>
                <c:pt idx="8744">
                  <c:v>22.942872038584738</c:v>
                </c:pt>
                <c:pt idx="8745">
                  <c:v>22.942872038584738</c:v>
                </c:pt>
                <c:pt idx="8746">
                  <c:v>22.946224774728172</c:v>
                </c:pt>
                <c:pt idx="8747">
                  <c:v>22.946224774728172</c:v>
                </c:pt>
                <c:pt idx="8748">
                  <c:v>22.949478900984936</c:v>
                </c:pt>
                <c:pt idx="8749">
                  <c:v>22.949478900984936</c:v>
                </c:pt>
                <c:pt idx="8750">
                  <c:v>22.952831637128192</c:v>
                </c:pt>
                <c:pt idx="8751">
                  <c:v>22.952831637128192</c:v>
                </c:pt>
                <c:pt idx="8752">
                  <c:v>22.956184373271448</c:v>
                </c:pt>
                <c:pt idx="8753">
                  <c:v>22.956184373271448</c:v>
                </c:pt>
                <c:pt idx="8754">
                  <c:v>22.959438499528211</c:v>
                </c:pt>
                <c:pt idx="8755">
                  <c:v>22.959438499528211</c:v>
                </c:pt>
                <c:pt idx="8756">
                  <c:v>22.962791235671645</c:v>
                </c:pt>
                <c:pt idx="8757">
                  <c:v>22.966143971814901</c:v>
                </c:pt>
                <c:pt idx="8758">
                  <c:v>22.966143971814901</c:v>
                </c:pt>
                <c:pt idx="8759">
                  <c:v>22.969398098071665</c:v>
                </c:pt>
                <c:pt idx="8760">
                  <c:v>22.969398098071665</c:v>
                </c:pt>
                <c:pt idx="8761">
                  <c:v>22.972750834214924</c:v>
                </c:pt>
                <c:pt idx="8762">
                  <c:v>22.972750834214924</c:v>
                </c:pt>
                <c:pt idx="8763">
                  <c:v>22.976103570358177</c:v>
                </c:pt>
                <c:pt idx="8764">
                  <c:v>22.976103570358177</c:v>
                </c:pt>
                <c:pt idx="8765">
                  <c:v>22.97935769661494</c:v>
                </c:pt>
                <c:pt idx="8766">
                  <c:v>22.97935769661494</c:v>
                </c:pt>
                <c:pt idx="8767">
                  <c:v>22.982710432758374</c:v>
                </c:pt>
                <c:pt idx="8768">
                  <c:v>22.982710432758374</c:v>
                </c:pt>
                <c:pt idx="8769">
                  <c:v>22.986063168901634</c:v>
                </c:pt>
                <c:pt idx="8770">
                  <c:v>22.986063168901634</c:v>
                </c:pt>
                <c:pt idx="8771">
                  <c:v>22.989317295158397</c:v>
                </c:pt>
                <c:pt idx="8772">
                  <c:v>22.989317295158397</c:v>
                </c:pt>
                <c:pt idx="8773">
                  <c:v>22.992670031301653</c:v>
                </c:pt>
                <c:pt idx="8774">
                  <c:v>22.992670031301653</c:v>
                </c:pt>
                <c:pt idx="8775">
                  <c:v>22.996022767445083</c:v>
                </c:pt>
                <c:pt idx="8776">
                  <c:v>22.996022767445083</c:v>
                </c:pt>
                <c:pt idx="8777">
                  <c:v>22.996022767445083</c:v>
                </c:pt>
                <c:pt idx="8778">
                  <c:v>22.999276893701669</c:v>
                </c:pt>
                <c:pt idx="8779">
                  <c:v>22.999276893701669</c:v>
                </c:pt>
                <c:pt idx="8780">
                  <c:v>23.002629629845103</c:v>
                </c:pt>
                <c:pt idx="8781">
                  <c:v>23.002629629845103</c:v>
                </c:pt>
                <c:pt idx="8782">
                  <c:v>23.005982365988363</c:v>
                </c:pt>
                <c:pt idx="8783">
                  <c:v>23.005982365988363</c:v>
                </c:pt>
                <c:pt idx="8784">
                  <c:v>23.005982365988363</c:v>
                </c:pt>
                <c:pt idx="8785">
                  <c:v>23.009236492245126</c:v>
                </c:pt>
                <c:pt idx="8786">
                  <c:v>23.009236492245126</c:v>
                </c:pt>
                <c:pt idx="8787">
                  <c:v>23.012589228388382</c:v>
                </c:pt>
                <c:pt idx="8788">
                  <c:v>23.012589228388382</c:v>
                </c:pt>
                <c:pt idx="8789">
                  <c:v>23.015941964531812</c:v>
                </c:pt>
                <c:pt idx="8790">
                  <c:v>23.015941964531812</c:v>
                </c:pt>
                <c:pt idx="8791">
                  <c:v>23.015941964531812</c:v>
                </c:pt>
                <c:pt idx="8792">
                  <c:v>23.019196090788576</c:v>
                </c:pt>
                <c:pt idx="8793">
                  <c:v>23.019196090788576</c:v>
                </c:pt>
                <c:pt idx="8794">
                  <c:v>23.019196090788576</c:v>
                </c:pt>
                <c:pt idx="8795">
                  <c:v>23.022548826931835</c:v>
                </c:pt>
                <c:pt idx="8796">
                  <c:v>23.022548826931835</c:v>
                </c:pt>
                <c:pt idx="8797">
                  <c:v>23.022548826931835</c:v>
                </c:pt>
                <c:pt idx="8798">
                  <c:v>23.025901563075092</c:v>
                </c:pt>
                <c:pt idx="8799">
                  <c:v>23.025901563075092</c:v>
                </c:pt>
                <c:pt idx="8800">
                  <c:v>23.029155689331855</c:v>
                </c:pt>
                <c:pt idx="8801">
                  <c:v>23.029155689331855</c:v>
                </c:pt>
                <c:pt idx="8802">
                  <c:v>23.032508425475115</c:v>
                </c:pt>
                <c:pt idx="8803">
                  <c:v>23.032508425475115</c:v>
                </c:pt>
                <c:pt idx="8804">
                  <c:v>23.035861161618541</c:v>
                </c:pt>
                <c:pt idx="8805">
                  <c:v>23.039115287875305</c:v>
                </c:pt>
                <c:pt idx="8806">
                  <c:v>23.039115287875305</c:v>
                </c:pt>
                <c:pt idx="8807">
                  <c:v>23.039115287875305</c:v>
                </c:pt>
                <c:pt idx="8808">
                  <c:v>23.042468024018564</c:v>
                </c:pt>
                <c:pt idx="8809">
                  <c:v>23.042468024018564</c:v>
                </c:pt>
                <c:pt idx="8810">
                  <c:v>23.045820760161821</c:v>
                </c:pt>
                <c:pt idx="8811">
                  <c:v>23.045820760161821</c:v>
                </c:pt>
                <c:pt idx="8812">
                  <c:v>23.049074886418584</c:v>
                </c:pt>
                <c:pt idx="8813">
                  <c:v>23.049074886418584</c:v>
                </c:pt>
                <c:pt idx="8814">
                  <c:v>23.049074886418584</c:v>
                </c:pt>
                <c:pt idx="8815">
                  <c:v>23.052427622562018</c:v>
                </c:pt>
                <c:pt idx="8816">
                  <c:v>23.052427622562018</c:v>
                </c:pt>
                <c:pt idx="8817">
                  <c:v>23.055780358705274</c:v>
                </c:pt>
                <c:pt idx="8818">
                  <c:v>23.055780358705274</c:v>
                </c:pt>
                <c:pt idx="8819">
                  <c:v>23.05913309484853</c:v>
                </c:pt>
                <c:pt idx="8820">
                  <c:v>23.05913309484853</c:v>
                </c:pt>
                <c:pt idx="8821">
                  <c:v>23.062387221105293</c:v>
                </c:pt>
                <c:pt idx="8822">
                  <c:v>23.062387221105293</c:v>
                </c:pt>
                <c:pt idx="8823">
                  <c:v>23.062387221105293</c:v>
                </c:pt>
                <c:pt idx="8824">
                  <c:v>23.065739957248553</c:v>
                </c:pt>
                <c:pt idx="8825">
                  <c:v>23.065739957248553</c:v>
                </c:pt>
                <c:pt idx="8826">
                  <c:v>23.065739957248553</c:v>
                </c:pt>
                <c:pt idx="8827">
                  <c:v>23.069092693391987</c:v>
                </c:pt>
                <c:pt idx="8828">
                  <c:v>23.069092693391987</c:v>
                </c:pt>
                <c:pt idx="8829">
                  <c:v>23.07234681964875</c:v>
                </c:pt>
                <c:pt idx="8830">
                  <c:v>23.07234681964875</c:v>
                </c:pt>
                <c:pt idx="8831">
                  <c:v>23.07234681964875</c:v>
                </c:pt>
                <c:pt idx="8832">
                  <c:v>23.075699555792003</c:v>
                </c:pt>
                <c:pt idx="8833">
                  <c:v>23.075699555792003</c:v>
                </c:pt>
                <c:pt idx="8834">
                  <c:v>23.079052291935259</c:v>
                </c:pt>
                <c:pt idx="8835">
                  <c:v>23.079052291935259</c:v>
                </c:pt>
                <c:pt idx="8836">
                  <c:v>23.082306418192022</c:v>
                </c:pt>
                <c:pt idx="8837">
                  <c:v>23.082306418192022</c:v>
                </c:pt>
                <c:pt idx="8838">
                  <c:v>23.085659154335456</c:v>
                </c:pt>
                <c:pt idx="8839">
                  <c:v>23.085659154335456</c:v>
                </c:pt>
                <c:pt idx="8840">
                  <c:v>23.089011890478716</c:v>
                </c:pt>
                <c:pt idx="8841">
                  <c:v>23.089011890478716</c:v>
                </c:pt>
                <c:pt idx="8842">
                  <c:v>23.092266016735479</c:v>
                </c:pt>
                <c:pt idx="8843">
                  <c:v>23.092266016735479</c:v>
                </c:pt>
                <c:pt idx="8844">
                  <c:v>23.095618752878732</c:v>
                </c:pt>
                <c:pt idx="8845">
                  <c:v>23.095618752878732</c:v>
                </c:pt>
                <c:pt idx="8846">
                  <c:v>23.098971489021991</c:v>
                </c:pt>
                <c:pt idx="8847">
                  <c:v>23.098971489021991</c:v>
                </c:pt>
                <c:pt idx="8848">
                  <c:v>23.102225615278755</c:v>
                </c:pt>
                <c:pt idx="8849">
                  <c:v>23.102225615278755</c:v>
                </c:pt>
                <c:pt idx="8850">
                  <c:v>23.105578351422189</c:v>
                </c:pt>
                <c:pt idx="8851">
                  <c:v>23.105578351422189</c:v>
                </c:pt>
                <c:pt idx="8852">
                  <c:v>23.108931087565445</c:v>
                </c:pt>
                <c:pt idx="8853">
                  <c:v>23.108931087565445</c:v>
                </c:pt>
                <c:pt idx="8854">
                  <c:v>23.112185213822208</c:v>
                </c:pt>
                <c:pt idx="8855">
                  <c:v>23.112185213822208</c:v>
                </c:pt>
                <c:pt idx="8856">
                  <c:v>23.115537949965464</c:v>
                </c:pt>
                <c:pt idx="8857">
                  <c:v>23.115537949965464</c:v>
                </c:pt>
                <c:pt idx="8858">
                  <c:v>23.118890686108898</c:v>
                </c:pt>
                <c:pt idx="8859">
                  <c:v>23.118890686108898</c:v>
                </c:pt>
                <c:pt idx="8860">
                  <c:v>23.122144812365484</c:v>
                </c:pt>
                <c:pt idx="8861">
                  <c:v>23.122144812365484</c:v>
                </c:pt>
                <c:pt idx="8862">
                  <c:v>23.122144812365484</c:v>
                </c:pt>
                <c:pt idx="8863">
                  <c:v>23.125497548508918</c:v>
                </c:pt>
                <c:pt idx="8864">
                  <c:v>23.125497548508918</c:v>
                </c:pt>
                <c:pt idx="8865">
                  <c:v>23.128850284652174</c:v>
                </c:pt>
                <c:pt idx="8866">
                  <c:v>23.128850284652174</c:v>
                </c:pt>
                <c:pt idx="8867">
                  <c:v>23.128850284652174</c:v>
                </c:pt>
                <c:pt idx="8868">
                  <c:v>23.132104410908937</c:v>
                </c:pt>
                <c:pt idx="8869">
                  <c:v>23.132104410908937</c:v>
                </c:pt>
                <c:pt idx="8870">
                  <c:v>23.135457147052193</c:v>
                </c:pt>
                <c:pt idx="8871">
                  <c:v>23.135457147052193</c:v>
                </c:pt>
                <c:pt idx="8872">
                  <c:v>23.138809883195627</c:v>
                </c:pt>
                <c:pt idx="8873">
                  <c:v>23.138809883195627</c:v>
                </c:pt>
                <c:pt idx="8874">
                  <c:v>23.138809883195627</c:v>
                </c:pt>
                <c:pt idx="8875">
                  <c:v>23.14206400945239</c:v>
                </c:pt>
                <c:pt idx="8876">
                  <c:v>23.14206400945239</c:v>
                </c:pt>
                <c:pt idx="8877">
                  <c:v>23.145416745595647</c:v>
                </c:pt>
                <c:pt idx="8878">
                  <c:v>23.145416745595647</c:v>
                </c:pt>
                <c:pt idx="8879">
                  <c:v>23.145416745595647</c:v>
                </c:pt>
                <c:pt idx="8880">
                  <c:v>23.148769481738906</c:v>
                </c:pt>
                <c:pt idx="8881">
                  <c:v>23.148769481738906</c:v>
                </c:pt>
                <c:pt idx="8882">
                  <c:v>23.15202360799567</c:v>
                </c:pt>
                <c:pt idx="8883">
                  <c:v>23.15202360799567</c:v>
                </c:pt>
                <c:pt idx="8884">
                  <c:v>23.155376344138926</c:v>
                </c:pt>
                <c:pt idx="8885">
                  <c:v>23.155376344138926</c:v>
                </c:pt>
                <c:pt idx="8886">
                  <c:v>23.155376344138926</c:v>
                </c:pt>
                <c:pt idx="8887">
                  <c:v>23.158729080282356</c:v>
                </c:pt>
                <c:pt idx="8888">
                  <c:v>23.161983206539119</c:v>
                </c:pt>
                <c:pt idx="8889">
                  <c:v>23.161983206539119</c:v>
                </c:pt>
                <c:pt idx="8890">
                  <c:v>23.161983206539119</c:v>
                </c:pt>
                <c:pt idx="8891">
                  <c:v>23.165335942682376</c:v>
                </c:pt>
                <c:pt idx="8892">
                  <c:v>23.165335942682376</c:v>
                </c:pt>
                <c:pt idx="8893">
                  <c:v>23.168688678825635</c:v>
                </c:pt>
                <c:pt idx="8894">
                  <c:v>23.168688678825635</c:v>
                </c:pt>
                <c:pt idx="8895">
                  <c:v>23.171942805082399</c:v>
                </c:pt>
                <c:pt idx="8896">
                  <c:v>23.171942805082399</c:v>
                </c:pt>
                <c:pt idx="8897">
                  <c:v>23.171942805082399</c:v>
                </c:pt>
                <c:pt idx="8898">
                  <c:v>23.175295541225829</c:v>
                </c:pt>
                <c:pt idx="8899">
                  <c:v>23.175295541225829</c:v>
                </c:pt>
                <c:pt idx="8900">
                  <c:v>23.178648277369085</c:v>
                </c:pt>
                <c:pt idx="8901">
                  <c:v>23.178648277369085</c:v>
                </c:pt>
                <c:pt idx="8902">
                  <c:v>23.181902403625848</c:v>
                </c:pt>
                <c:pt idx="8903">
                  <c:v>23.181902403625848</c:v>
                </c:pt>
                <c:pt idx="8904">
                  <c:v>23.185255139769108</c:v>
                </c:pt>
                <c:pt idx="8905">
                  <c:v>23.185255139769108</c:v>
                </c:pt>
                <c:pt idx="8906">
                  <c:v>23.185255139769108</c:v>
                </c:pt>
                <c:pt idx="8907">
                  <c:v>23.188607875912364</c:v>
                </c:pt>
                <c:pt idx="8908">
                  <c:v>23.188607875912364</c:v>
                </c:pt>
                <c:pt idx="8909">
                  <c:v>23.191960612055794</c:v>
                </c:pt>
                <c:pt idx="8910">
                  <c:v>23.195214738312558</c:v>
                </c:pt>
                <c:pt idx="8911">
                  <c:v>23.195214738312558</c:v>
                </c:pt>
                <c:pt idx="8912">
                  <c:v>23.195214738312558</c:v>
                </c:pt>
                <c:pt idx="8913">
                  <c:v>23.198567474455817</c:v>
                </c:pt>
                <c:pt idx="8914">
                  <c:v>23.198567474455817</c:v>
                </c:pt>
                <c:pt idx="8915">
                  <c:v>23.198567474455817</c:v>
                </c:pt>
                <c:pt idx="8916">
                  <c:v>23.201920210599074</c:v>
                </c:pt>
                <c:pt idx="8917">
                  <c:v>23.201920210599074</c:v>
                </c:pt>
                <c:pt idx="8918">
                  <c:v>23.201920210599074</c:v>
                </c:pt>
                <c:pt idx="8919">
                  <c:v>23.205174336855837</c:v>
                </c:pt>
                <c:pt idx="8920">
                  <c:v>23.205174336855837</c:v>
                </c:pt>
                <c:pt idx="8921">
                  <c:v>23.208527072999271</c:v>
                </c:pt>
                <c:pt idx="8922">
                  <c:v>23.208527072999271</c:v>
                </c:pt>
                <c:pt idx="8923">
                  <c:v>23.208527072999271</c:v>
                </c:pt>
                <c:pt idx="8924">
                  <c:v>23.211879809142523</c:v>
                </c:pt>
                <c:pt idx="8925">
                  <c:v>23.211879809142523</c:v>
                </c:pt>
                <c:pt idx="8926">
                  <c:v>23.215133935399287</c:v>
                </c:pt>
                <c:pt idx="8927">
                  <c:v>23.215133935399287</c:v>
                </c:pt>
                <c:pt idx="8928">
                  <c:v>23.218486671542546</c:v>
                </c:pt>
                <c:pt idx="8929">
                  <c:v>23.218486671542546</c:v>
                </c:pt>
                <c:pt idx="8930">
                  <c:v>23.221839407685803</c:v>
                </c:pt>
                <c:pt idx="8931">
                  <c:v>23.221839407685803</c:v>
                </c:pt>
                <c:pt idx="8932">
                  <c:v>23.225093533942566</c:v>
                </c:pt>
                <c:pt idx="8933">
                  <c:v>23.225093533942566</c:v>
                </c:pt>
                <c:pt idx="8934">
                  <c:v>23.228446270086</c:v>
                </c:pt>
                <c:pt idx="8935">
                  <c:v>23.228446270086</c:v>
                </c:pt>
                <c:pt idx="8936">
                  <c:v>23.231799006229256</c:v>
                </c:pt>
                <c:pt idx="8937">
                  <c:v>23.231799006229256</c:v>
                </c:pt>
                <c:pt idx="8938">
                  <c:v>23.235053132486019</c:v>
                </c:pt>
                <c:pt idx="8939">
                  <c:v>23.235053132486019</c:v>
                </c:pt>
                <c:pt idx="8940">
                  <c:v>23.238405868629275</c:v>
                </c:pt>
                <c:pt idx="8941">
                  <c:v>23.238405868629275</c:v>
                </c:pt>
                <c:pt idx="8942">
                  <c:v>23.241758604772535</c:v>
                </c:pt>
                <c:pt idx="8943">
                  <c:v>23.245012731029298</c:v>
                </c:pt>
                <c:pt idx="8944">
                  <c:v>23.245012731029298</c:v>
                </c:pt>
                <c:pt idx="8945">
                  <c:v>23.248365467172729</c:v>
                </c:pt>
                <c:pt idx="8946">
                  <c:v>23.248365467172729</c:v>
                </c:pt>
                <c:pt idx="8947">
                  <c:v>23.251718203315988</c:v>
                </c:pt>
                <c:pt idx="8948">
                  <c:v>23.251718203315988</c:v>
                </c:pt>
                <c:pt idx="8949">
                  <c:v>23.254972329572748</c:v>
                </c:pt>
                <c:pt idx="8950">
                  <c:v>23.254972329572748</c:v>
                </c:pt>
                <c:pt idx="8951">
                  <c:v>23.258325065716004</c:v>
                </c:pt>
                <c:pt idx="8952">
                  <c:v>23.258325065716004</c:v>
                </c:pt>
                <c:pt idx="8953">
                  <c:v>23.258325065716004</c:v>
                </c:pt>
                <c:pt idx="8954">
                  <c:v>23.261677801859438</c:v>
                </c:pt>
                <c:pt idx="8955">
                  <c:v>23.261677801859438</c:v>
                </c:pt>
                <c:pt idx="8956">
                  <c:v>23.264931928116027</c:v>
                </c:pt>
                <c:pt idx="8957">
                  <c:v>23.264931928116027</c:v>
                </c:pt>
                <c:pt idx="8958">
                  <c:v>23.264931928116027</c:v>
                </c:pt>
                <c:pt idx="8959">
                  <c:v>23.268284664259461</c:v>
                </c:pt>
                <c:pt idx="8960">
                  <c:v>23.268284664259461</c:v>
                </c:pt>
                <c:pt idx="8961">
                  <c:v>23.271637400402717</c:v>
                </c:pt>
                <c:pt idx="8962">
                  <c:v>23.271637400402717</c:v>
                </c:pt>
                <c:pt idx="8963">
                  <c:v>23.274891526659477</c:v>
                </c:pt>
                <c:pt idx="8964">
                  <c:v>23.274891526659477</c:v>
                </c:pt>
                <c:pt idx="8965">
                  <c:v>23.274891526659477</c:v>
                </c:pt>
                <c:pt idx="8966">
                  <c:v>23.278244262802737</c:v>
                </c:pt>
                <c:pt idx="8967">
                  <c:v>23.278244262802737</c:v>
                </c:pt>
                <c:pt idx="8968">
                  <c:v>23.278244262802737</c:v>
                </c:pt>
                <c:pt idx="8969">
                  <c:v>23.281596998946171</c:v>
                </c:pt>
                <c:pt idx="8970">
                  <c:v>23.281596998946171</c:v>
                </c:pt>
                <c:pt idx="8971">
                  <c:v>23.281596998946171</c:v>
                </c:pt>
                <c:pt idx="8972">
                  <c:v>23.284851125202934</c:v>
                </c:pt>
                <c:pt idx="8973">
                  <c:v>23.284851125202934</c:v>
                </c:pt>
                <c:pt idx="8974">
                  <c:v>23.28820386134619</c:v>
                </c:pt>
                <c:pt idx="8975">
                  <c:v>23.28820386134619</c:v>
                </c:pt>
                <c:pt idx="8976">
                  <c:v>23.28820386134619</c:v>
                </c:pt>
                <c:pt idx="8977">
                  <c:v>23.29155659748945</c:v>
                </c:pt>
                <c:pt idx="8978">
                  <c:v>23.29155659748945</c:v>
                </c:pt>
                <c:pt idx="8979">
                  <c:v>23.29155659748945</c:v>
                </c:pt>
                <c:pt idx="8980">
                  <c:v>23.29481072374621</c:v>
                </c:pt>
                <c:pt idx="8981">
                  <c:v>23.29481072374621</c:v>
                </c:pt>
                <c:pt idx="8982">
                  <c:v>23.29481072374621</c:v>
                </c:pt>
                <c:pt idx="8983">
                  <c:v>23.298163459889466</c:v>
                </c:pt>
                <c:pt idx="8984">
                  <c:v>23.298163459889466</c:v>
                </c:pt>
                <c:pt idx="8985">
                  <c:v>23.3015161960329</c:v>
                </c:pt>
                <c:pt idx="8986">
                  <c:v>23.3015161960329</c:v>
                </c:pt>
                <c:pt idx="8987">
                  <c:v>23.3015161960329</c:v>
                </c:pt>
                <c:pt idx="8988">
                  <c:v>23.304770322289663</c:v>
                </c:pt>
                <c:pt idx="8989">
                  <c:v>23.304770322289663</c:v>
                </c:pt>
                <c:pt idx="8990">
                  <c:v>23.304770322289663</c:v>
                </c:pt>
                <c:pt idx="8991">
                  <c:v>23.308123058432919</c:v>
                </c:pt>
                <c:pt idx="8992">
                  <c:v>23.308123058432919</c:v>
                </c:pt>
                <c:pt idx="8993">
                  <c:v>23.311475794576179</c:v>
                </c:pt>
                <c:pt idx="8994">
                  <c:v>23.311475794576179</c:v>
                </c:pt>
                <c:pt idx="8995">
                  <c:v>23.314828530719609</c:v>
                </c:pt>
                <c:pt idx="8996">
                  <c:v>23.314828530719609</c:v>
                </c:pt>
                <c:pt idx="8997">
                  <c:v>23.314828530719609</c:v>
                </c:pt>
                <c:pt idx="8998">
                  <c:v>23.318082656976372</c:v>
                </c:pt>
                <c:pt idx="8999">
                  <c:v>23.318082656976372</c:v>
                </c:pt>
                <c:pt idx="9000">
                  <c:v>23.321435393119629</c:v>
                </c:pt>
                <c:pt idx="9001">
                  <c:v>23.321435393119629</c:v>
                </c:pt>
                <c:pt idx="9002">
                  <c:v>23.324788129262888</c:v>
                </c:pt>
                <c:pt idx="9003">
                  <c:v>23.324788129262888</c:v>
                </c:pt>
                <c:pt idx="9004">
                  <c:v>23.328042255519652</c:v>
                </c:pt>
                <c:pt idx="9005">
                  <c:v>23.331394991662908</c:v>
                </c:pt>
                <c:pt idx="9006">
                  <c:v>23.331394991662908</c:v>
                </c:pt>
                <c:pt idx="9007">
                  <c:v>23.334747727806338</c:v>
                </c:pt>
                <c:pt idx="9008">
                  <c:v>23.334747727806338</c:v>
                </c:pt>
                <c:pt idx="9009">
                  <c:v>23.338001854063101</c:v>
                </c:pt>
                <c:pt idx="9010">
                  <c:v>23.338001854063101</c:v>
                </c:pt>
                <c:pt idx="9011">
                  <c:v>23.341354590206357</c:v>
                </c:pt>
                <c:pt idx="9012">
                  <c:v>23.341354590206357</c:v>
                </c:pt>
                <c:pt idx="9013">
                  <c:v>23.344707326349617</c:v>
                </c:pt>
                <c:pt idx="9014">
                  <c:v>23.344707326349617</c:v>
                </c:pt>
                <c:pt idx="9015">
                  <c:v>23.344707326349617</c:v>
                </c:pt>
                <c:pt idx="9016">
                  <c:v>23.347961452606381</c:v>
                </c:pt>
                <c:pt idx="9017">
                  <c:v>23.347961452606381</c:v>
                </c:pt>
                <c:pt idx="9018">
                  <c:v>23.351314188749811</c:v>
                </c:pt>
                <c:pt idx="9019">
                  <c:v>23.351314188749811</c:v>
                </c:pt>
                <c:pt idx="9020">
                  <c:v>23.351314188749811</c:v>
                </c:pt>
                <c:pt idx="9021">
                  <c:v>23.354666924893067</c:v>
                </c:pt>
                <c:pt idx="9022">
                  <c:v>23.354666924893067</c:v>
                </c:pt>
                <c:pt idx="9023">
                  <c:v>23.35792105114983</c:v>
                </c:pt>
                <c:pt idx="9024">
                  <c:v>23.35792105114983</c:v>
                </c:pt>
                <c:pt idx="9025">
                  <c:v>23.35792105114983</c:v>
                </c:pt>
                <c:pt idx="9026">
                  <c:v>23.35792105114983</c:v>
                </c:pt>
                <c:pt idx="9027">
                  <c:v>23.36127378729309</c:v>
                </c:pt>
                <c:pt idx="9028">
                  <c:v>23.36127378729309</c:v>
                </c:pt>
                <c:pt idx="9029">
                  <c:v>23.364626523436346</c:v>
                </c:pt>
                <c:pt idx="9030">
                  <c:v>23.364626523436346</c:v>
                </c:pt>
                <c:pt idx="9031">
                  <c:v>23.364626523436346</c:v>
                </c:pt>
                <c:pt idx="9032">
                  <c:v>23.364626523436346</c:v>
                </c:pt>
                <c:pt idx="9033">
                  <c:v>23.36788064969311</c:v>
                </c:pt>
                <c:pt idx="9034">
                  <c:v>23.36788064969311</c:v>
                </c:pt>
                <c:pt idx="9035">
                  <c:v>23.36788064969311</c:v>
                </c:pt>
                <c:pt idx="9036">
                  <c:v>23.36788064969311</c:v>
                </c:pt>
                <c:pt idx="9037">
                  <c:v>23.37123338583654</c:v>
                </c:pt>
                <c:pt idx="9038">
                  <c:v>23.37123338583654</c:v>
                </c:pt>
                <c:pt idx="9039">
                  <c:v>23.37123338583654</c:v>
                </c:pt>
                <c:pt idx="9040">
                  <c:v>23.37123338583654</c:v>
                </c:pt>
                <c:pt idx="9041">
                  <c:v>23.374586121979799</c:v>
                </c:pt>
                <c:pt idx="9042">
                  <c:v>23.374586121979799</c:v>
                </c:pt>
                <c:pt idx="9043">
                  <c:v>23.374586121979799</c:v>
                </c:pt>
                <c:pt idx="9044">
                  <c:v>23.377840248236559</c:v>
                </c:pt>
                <c:pt idx="9045">
                  <c:v>23.377840248236559</c:v>
                </c:pt>
                <c:pt idx="9046">
                  <c:v>23.377840248236559</c:v>
                </c:pt>
                <c:pt idx="9047">
                  <c:v>23.381192984379819</c:v>
                </c:pt>
                <c:pt idx="9048">
                  <c:v>23.381192984379819</c:v>
                </c:pt>
                <c:pt idx="9049">
                  <c:v>23.381192984379819</c:v>
                </c:pt>
                <c:pt idx="9050">
                  <c:v>23.384545720523253</c:v>
                </c:pt>
                <c:pt idx="9051">
                  <c:v>23.384545720523253</c:v>
                </c:pt>
                <c:pt idx="9052">
                  <c:v>23.387799846779838</c:v>
                </c:pt>
                <c:pt idx="9053">
                  <c:v>23.387799846779838</c:v>
                </c:pt>
                <c:pt idx="9054">
                  <c:v>23.387799846779838</c:v>
                </c:pt>
                <c:pt idx="9055">
                  <c:v>23.391152582923272</c:v>
                </c:pt>
                <c:pt idx="9056">
                  <c:v>23.391152582923272</c:v>
                </c:pt>
                <c:pt idx="9057">
                  <c:v>23.394505319066528</c:v>
                </c:pt>
                <c:pt idx="9058">
                  <c:v>23.394505319066528</c:v>
                </c:pt>
                <c:pt idx="9059">
                  <c:v>23.397759445323292</c:v>
                </c:pt>
                <c:pt idx="9060">
                  <c:v>23.397759445323292</c:v>
                </c:pt>
                <c:pt idx="9061">
                  <c:v>23.401112181466548</c:v>
                </c:pt>
                <c:pt idx="9062">
                  <c:v>23.401112181466548</c:v>
                </c:pt>
                <c:pt idx="9063">
                  <c:v>23.404464917609982</c:v>
                </c:pt>
                <c:pt idx="9064">
                  <c:v>23.404464917609982</c:v>
                </c:pt>
                <c:pt idx="9065">
                  <c:v>23.407719043866745</c:v>
                </c:pt>
                <c:pt idx="9066">
                  <c:v>23.407719043866745</c:v>
                </c:pt>
                <c:pt idx="9067">
                  <c:v>23.411071780010005</c:v>
                </c:pt>
                <c:pt idx="9068">
                  <c:v>23.411071780010005</c:v>
                </c:pt>
                <c:pt idx="9069">
                  <c:v>23.414424516153257</c:v>
                </c:pt>
                <c:pt idx="9070">
                  <c:v>23.417678642410021</c:v>
                </c:pt>
                <c:pt idx="9071">
                  <c:v>23.417678642410021</c:v>
                </c:pt>
                <c:pt idx="9072">
                  <c:v>23.417678642410021</c:v>
                </c:pt>
                <c:pt idx="9073">
                  <c:v>23.42103137855328</c:v>
                </c:pt>
                <c:pt idx="9074">
                  <c:v>23.42103137855328</c:v>
                </c:pt>
                <c:pt idx="9075">
                  <c:v>23.424384114696711</c:v>
                </c:pt>
                <c:pt idx="9076">
                  <c:v>23.424384114696711</c:v>
                </c:pt>
                <c:pt idx="9077">
                  <c:v>23.427638240953474</c:v>
                </c:pt>
                <c:pt idx="9078">
                  <c:v>23.427638240953474</c:v>
                </c:pt>
                <c:pt idx="9079">
                  <c:v>23.430990977096734</c:v>
                </c:pt>
                <c:pt idx="9080">
                  <c:v>23.430990977096734</c:v>
                </c:pt>
                <c:pt idx="9081">
                  <c:v>23.434343713239986</c:v>
                </c:pt>
                <c:pt idx="9082">
                  <c:v>23.434343713239986</c:v>
                </c:pt>
                <c:pt idx="9083">
                  <c:v>23.43759783949675</c:v>
                </c:pt>
                <c:pt idx="9084">
                  <c:v>23.43759783949675</c:v>
                </c:pt>
                <c:pt idx="9085">
                  <c:v>23.440950575640183</c:v>
                </c:pt>
                <c:pt idx="9086">
                  <c:v>23.440950575640183</c:v>
                </c:pt>
                <c:pt idx="9087">
                  <c:v>23.444303311783443</c:v>
                </c:pt>
                <c:pt idx="9088">
                  <c:v>23.444303311783443</c:v>
                </c:pt>
                <c:pt idx="9089">
                  <c:v>23.444303311783443</c:v>
                </c:pt>
                <c:pt idx="9090">
                  <c:v>23.447656047926699</c:v>
                </c:pt>
                <c:pt idx="9091">
                  <c:v>23.447656047926699</c:v>
                </c:pt>
                <c:pt idx="9092">
                  <c:v>23.447656047926699</c:v>
                </c:pt>
                <c:pt idx="9093">
                  <c:v>23.450910174183463</c:v>
                </c:pt>
                <c:pt idx="9094">
                  <c:v>23.450910174183463</c:v>
                </c:pt>
                <c:pt idx="9095">
                  <c:v>23.450910174183463</c:v>
                </c:pt>
                <c:pt idx="9096">
                  <c:v>23.454262910326719</c:v>
                </c:pt>
                <c:pt idx="9097">
                  <c:v>23.454262910326719</c:v>
                </c:pt>
                <c:pt idx="9098">
                  <c:v>23.457615646470153</c:v>
                </c:pt>
                <c:pt idx="9099">
                  <c:v>23.457615646470153</c:v>
                </c:pt>
                <c:pt idx="9100">
                  <c:v>23.457615646470153</c:v>
                </c:pt>
                <c:pt idx="9101">
                  <c:v>23.460869772726916</c:v>
                </c:pt>
                <c:pt idx="9102">
                  <c:v>23.460869772726916</c:v>
                </c:pt>
                <c:pt idx="9103">
                  <c:v>23.464222508870172</c:v>
                </c:pt>
                <c:pt idx="9104">
                  <c:v>23.464222508870172</c:v>
                </c:pt>
                <c:pt idx="9105">
                  <c:v>23.464222508870172</c:v>
                </c:pt>
                <c:pt idx="9106">
                  <c:v>23.467575245013428</c:v>
                </c:pt>
                <c:pt idx="9107">
                  <c:v>23.467575245013428</c:v>
                </c:pt>
                <c:pt idx="9108">
                  <c:v>23.467575245013428</c:v>
                </c:pt>
                <c:pt idx="9109">
                  <c:v>23.470829371270192</c:v>
                </c:pt>
                <c:pt idx="9110">
                  <c:v>23.470829371270192</c:v>
                </c:pt>
                <c:pt idx="9111">
                  <c:v>23.470829371270192</c:v>
                </c:pt>
                <c:pt idx="9112">
                  <c:v>23.474182107413622</c:v>
                </c:pt>
                <c:pt idx="9113">
                  <c:v>23.474182107413622</c:v>
                </c:pt>
                <c:pt idx="9114">
                  <c:v>23.477534843556882</c:v>
                </c:pt>
                <c:pt idx="9115">
                  <c:v>23.477534843556882</c:v>
                </c:pt>
                <c:pt idx="9116">
                  <c:v>23.477534843556882</c:v>
                </c:pt>
                <c:pt idx="9117">
                  <c:v>23.480788969813645</c:v>
                </c:pt>
                <c:pt idx="9118">
                  <c:v>23.480788969813645</c:v>
                </c:pt>
                <c:pt idx="9119">
                  <c:v>23.480788969813645</c:v>
                </c:pt>
                <c:pt idx="9120">
                  <c:v>23.484141705956901</c:v>
                </c:pt>
                <c:pt idx="9121">
                  <c:v>23.484141705956901</c:v>
                </c:pt>
                <c:pt idx="9122">
                  <c:v>23.484141705956901</c:v>
                </c:pt>
                <c:pt idx="9123">
                  <c:v>23.487494442100161</c:v>
                </c:pt>
                <c:pt idx="9124">
                  <c:v>23.487494442100161</c:v>
                </c:pt>
                <c:pt idx="9125">
                  <c:v>23.487494442100161</c:v>
                </c:pt>
                <c:pt idx="9126">
                  <c:v>23.490748568356924</c:v>
                </c:pt>
                <c:pt idx="9127">
                  <c:v>23.490748568356924</c:v>
                </c:pt>
                <c:pt idx="9128">
                  <c:v>23.490748568356924</c:v>
                </c:pt>
                <c:pt idx="9129">
                  <c:v>23.494101304500354</c:v>
                </c:pt>
                <c:pt idx="9130">
                  <c:v>23.494101304500354</c:v>
                </c:pt>
                <c:pt idx="9131">
                  <c:v>23.497454040643611</c:v>
                </c:pt>
                <c:pt idx="9132">
                  <c:v>23.497454040643611</c:v>
                </c:pt>
                <c:pt idx="9133">
                  <c:v>23.500708166900374</c:v>
                </c:pt>
                <c:pt idx="9134">
                  <c:v>23.500708166900374</c:v>
                </c:pt>
                <c:pt idx="9135">
                  <c:v>23.500708166900374</c:v>
                </c:pt>
                <c:pt idx="9136">
                  <c:v>23.504060903043634</c:v>
                </c:pt>
                <c:pt idx="9137">
                  <c:v>23.504060903043634</c:v>
                </c:pt>
                <c:pt idx="9138">
                  <c:v>23.504060903043634</c:v>
                </c:pt>
                <c:pt idx="9139">
                  <c:v>23.504060903043634</c:v>
                </c:pt>
                <c:pt idx="9140">
                  <c:v>23.50741363918689</c:v>
                </c:pt>
                <c:pt idx="9141">
                  <c:v>23.510667765443653</c:v>
                </c:pt>
                <c:pt idx="9142">
                  <c:v>23.510667765443653</c:v>
                </c:pt>
                <c:pt idx="9143">
                  <c:v>23.514020501587083</c:v>
                </c:pt>
                <c:pt idx="9144">
                  <c:v>23.514020501587083</c:v>
                </c:pt>
                <c:pt idx="9145">
                  <c:v>23.517373237730339</c:v>
                </c:pt>
                <c:pt idx="9146">
                  <c:v>23.517373237730339</c:v>
                </c:pt>
                <c:pt idx="9147">
                  <c:v>23.517373237730339</c:v>
                </c:pt>
                <c:pt idx="9148">
                  <c:v>23.520627363987103</c:v>
                </c:pt>
                <c:pt idx="9149">
                  <c:v>23.523980100130363</c:v>
                </c:pt>
                <c:pt idx="9150">
                  <c:v>23.523980100130363</c:v>
                </c:pt>
                <c:pt idx="9151">
                  <c:v>23.523980100130363</c:v>
                </c:pt>
                <c:pt idx="9152">
                  <c:v>23.527332836273796</c:v>
                </c:pt>
                <c:pt idx="9153">
                  <c:v>23.530586962530556</c:v>
                </c:pt>
                <c:pt idx="9154">
                  <c:v>23.530586962530556</c:v>
                </c:pt>
                <c:pt idx="9155">
                  <c:v>23.530586962530556</c:v>
                </c:pt>
                <c:pt idx="9156">
                  <c:v>23.533939698673812</c:v>
                </c:pt>
                <c:pt idx="9157">
                  <c:v>23.533939698673812</c:v>
                </c:pt>
                <c:pt idx="9158">
                  <c:v>23.533939698673812</c:v>
                </c:pt>
                <c:pt idx="9159">
                  <c:v>23.537292434817072</c:v>
                </c:pt>
                <c:pt idx="9160">
                  <c:v>23.537292434817072</c:v>
                </c:pt>
                <c:pt idx="9161">
                  <c:v>23.540546561073835</c:v>
                </c:pt>
                <c:pt idx="9162">
                  <c:v>23.543899297217092</c:v>
                </c:pt>
                <c:pt idx="9163">
                  <c:v>23.543899297217092</c:v>
                </c:pt>
                <c:pt idx="9164">
                  <c:v>23.547252033360525</c:v>
                </c:pt>
                <c:pt idx="9165">
                  <c:v>23.547252033360525</c:v>
                </c:pt>
                <c:pt idx="9166">
                  <c:v>23.547252033360525</c:v>
                </c:pt>
                <c:pt idx="9167">
                  <c:v>23.550506159617289</c:v>
                </c:pt>
                <c:pt idx="9168">
                  <c:v>23.550506159617289</c:v>
                </c:pt>
                <c:pt idx="9169">
                  <c:v>23.550506159617289</c:v>
                </c:pt>
                <c:pt idx="9170">
                  <c:v>23.553858895760541</c:v>
                </c:pt>
                <c:pt idx="9171">
                  <c:v>23.553858895760541</c:v>
                </c:pt>
                <c:pt idx="9172">
                  <c:v>23.553858895760541</c:v>
                </c:pt>
                <c:pt idx="9173">
                  <c:v>23.557211631903801</c:v>
                </c:pt>
                <c:pt idx="9174">
                  <c:v>23.557211631903801</c:v>
                </c:pt>
                <c:pt idx="9175">
                  <c:v>23.557211631903801</c:v>
                </c:pt>
                <c:pt idx="9176">
                  <c:v>23.557211631903801</c:v>
                </c:pt>
                <c:pt idx="9177">
                  <c:v>23.560465758160564</c:v>
                </c:pt>
                <c:pt idx="9178">
                  <c:v>23.560465758160564</c:v>
                </c:pt>
                <c:pt idx="9179">
                  <c:v>23.560465758160564</c:v>
                </c:pt>
                <c:pt idx="9180">
                  <c:v>23.56381849430382</c:v>
                </c:pt>
                <c:pt idx="9181">
                  <c:v>23.56381849430382</c:v>
                </c:pt>
                <c:pt idx="9182">
                  <c:v>23.567171230447254</c:v>
                </c:pt>
                <c:pt idx="9183">
                  <c:v>23.567171230447254</c:v>
                </c:pt>
                <c:pt idx="9184">
                  <c:v>23.567171230447254</c:v>
                </c:pt>
                <c:pt idx="9185">
                  <c:v>23.57052396659051</c:v>
                </c:pt>
                <c:pt idx="9186">
                  <c:v>23.57052396659051</c:v>
                </c:pt>
                <c:pt idx="9187">
                  <c:v>23.57052396659051</c:v>
                </c:pt>
                <c:pt idx="9188">
                  <c:v>23.573778092847274</c:v>
                </c:pt>
                <c:pt idx="9189">
                  <c:v>23.573778092847274</c:v>
                </c:pt>
                <c:pt idx="9190">
                  <c:v>23.573778092847274</c:v>
                </c:pt>
                <c:pt idx="9191">
                  <c:v>23.57713082899053</c:v>
                </c:pt>
                <c:pt idx="9192">
                  <c:v>23.57713082899053</c:v>
                </c:pt>
                <c:pt idx="9193">
                  <c:v>23.57713082899053</c:v>
                </c:pt>
                <c:pt idx="9194">
                  <c:v>23.580483565133964</c:v>
                </c:pt>
                <c:pt idx="9195">
                  <c:v>23.580483565133964</c:v>
                </c:pt>
                <c:pt idx="9196">
                  <c:v>23.583737691390727</c:v>
                </c:pt>
                <c:pt idx="9197">
                  <c:v>23.583737691390727</c:v>
                </c:pt>
                <c:pt idx="9198">
                  <c:v>23.583737691390727</c:v>
                </c:pt>
                <c:pt idx="9199">
                  <c:v>23.587090427533987</c:v>
                </c:pt>
                <c:pt idx="9200">
                  <c:v>23.587090427533987</c:v>
                </c:pt>
                <c:pt idx="9201">
                  <c:v>23.590443163677239</c:v>
                </c:pt>
                <c:pt idx="9202">
                  <c:v>23.590443163677239</c:v>
                </c:pt>
                <c:pt idx="9203">
                  <c:v>23.593697289934003</c:v>
                </c:pt>
                <c:pt idx="9204">
                  <c:v>23.593697289934003</c:v>
                </c:pt>
                <c:pt idx="9205">
                  <c:v>23.593697289934003</c:v>
                </c:pt>
                <c:pt idx="9206">
                  <c:v>23.597050026077259</c:v>
                </c:pt>
                <c:pt idx="9207">
                  <c:v>23.597050026077259</c:v>
                </c:pt>
                <c:pt idx="9208">
                  <c:v>23.600402762220693</c:v>
                </c:pt>
                <c:pt idx="9209">
                  <c:v>23.600402762220693</c:v>
                </c:pt>
                <c:pt idx="9210">
                  <c:v>23.603656888477456</c:v>
                </c:pt>
                <c:pt idx="9211">
                  <c:v>23.603656888477456</c:v>
                </c:pt>
                <c:pt idx="9212">
                  <c:v>23.603656888477456</c:v>
                </c:pt>
                <c:pt idx="9213">
                  <c:v>23.607009624620716</c:v>
                </c:pt>
                <c:pt idx="9214">
                  <c:v>23.607009624620716</c:v>
                </c:pt>
                <c:pt idx="9215">
                  <c:v>23.610362360763972</c:v>
                </c:pt>
                <c:pt idx="9216">
                  <c:v>23.610362360763972</c:v>
                </c:pt>
                <c:pt idx="9217">
                  <c:v>23.613616487020732</c:v>
                </c:pt>
                <c:pt idx="9218">
                  <c:v>23.613616487020732</c:v>
                </c:pt>
                <c:pt idx="9219">
                  <c:v>23.616969223164165</c:v>
                </c:pt>
                <c:pt idx="9220">
                  <c:v>23.616969223164165</c:v>
                </c:pt>
                <c:pt idx="9221">
                  <c:v>23.620321959307425</c:v>
                </c:pt>
                <c:pt idx="9222">
                  <c:v>23.620321959307425</c:v>
                </c:pt>
                <c:pt idx="9223">
                  <c:v>23.620321959307425</c:v>
                </c:pt>
                <c:pt idx="9224">
                  <c:v>23.623576085564189</c:v>
                </c:pt>
                <c:pt idx="9225">
                  <c:v>23.623576085564189</c:v>
                </c:pt>
                <c:pt idx="9226">
                  <c:v>23.626928821707445</c:v>
                </c:pt>
                <c:pt idx="9227">
                  <c:v>23.626928821707445</c:v>
                </c:pt>
                <c:pt idx="9228">
                  <c:v>23.630281557850704</c:v>
                </c:pt>
                <c:pt idx="9229">
                  <c:v>23.630281557850704</c:v>
                </c:pt>
                <c:pt idx="9230">
                  <c:v>23.633535684107464</c:v>
                </c:pt>
                <c:pt idx="9231">
                  <c:v>23.633535684107464</c:v>
                </c:pt>
                <c:pt idx="9232">
                  <c:v>23.636888420250894</c:v>
                </c:pt>
                <c:pt idx="9233">
                  <c:v>23.636888420250894</c:v>
                </c:pt>
                <c:pt idx="9234">
                  <c:v>23.640241156394154</c:v>
                </c:pt>
                <c:pt idx="9235">
                  <c:v>23.640241156394154</c:v>
                </c:pt>
                <c:pt idx="9236">
                  <c:v>23.643495282650917</c:v>
                </c:pt>
                <c:pt idx="9237">
                  <c:v>23.643495282650917</c:v>
                </c:pt>
                <c:pt idx="9238">
                  <c:v>23.646848018794174</c:v>
                </c:pt>
                <c:pt idx="9239">
                  <c:v>23.646848018794174</c:v>
                </c:pt>
                <c:pt idx="9240">
                  <c:v>23.646848018794174</c:v>
                </c:pt>
                <c:pt idx="9241">
                  <c:v>23.650200754937604</c:v>
                </c:pt>
                <c:pt idx="9242">
                  <c:v>23.650200754937604</c:v>
                </c:pt>
                <c:pt idx="9243">
                  <c:v>23.653454881194193</c:v>
                </c:pt>
                <c:pt idx="9244">
                  <c:v>23.653454881194193</c:v>
                </c:pt>
                <c:pt idx="9245">
                  <c:v>23.653454881194193</c:v>
                </c:pt>
                <c:pt idx="9246">
                  <c:v>23.656807617337627</c:v>
                </c:pt>
                <c:pt idx="9247">
                  <c:v>23.656807617337627</c:v>
                </c:pt>
                <c:pt idx="9248">
                  <c:v>23.660160353480883</c:v>
                </c:pt>
                <c:pt idx="9249">
                  <c:v>23.660160353480883</c:v>
                </c:pt>
                <c:pt idx="9250">
                  <c:v>23.663414479737646</c:v>
                </c:pt>
                <c:pt idx="9251">
                  <c:v>23.663414479737646</c:v>
                </c:pt>
                <c:pt idx="9252">
                  <c:v>23.663414479737646</c:v>
                </c:pt>
                <c:pt idx="9253">
                  <c:v>23.666767215880906</c:v>
                </c:pt>
                <c:pt idx="9254">
                  <c:v>23.666767215880906</c:v>
                </c:pt>
                <c:pt idx="9255">
                  <c:v>23.666767215880906</c:v>
                </c:pt>
                <c:pt idx="9256">
                  <c:v>23.670119952024336</c:v>
                </c:pt>
                <c:pt idx="9257">
                  <c:v>23.670119952024336</c:v>
                </c:pt>
                <c:pt idx="9258">
                  <c:v>23.6733740782811</c:v>
                </c:pt>
                <c:pt idx="9259">
                  <c:v>23.6733740782811</c:v>
                </c:pt>
                <c:pt idx="9260">
                  <c:v>23.6733740782811</c:v>
                </c:pt>
                <c:pt idx="9261">
                  <c:v>23.676726814424356</c:v>
                </c:pt>
                <c:pt idx="9262">
                  <c:v>23.676726814424356</c:v>
                </c:pt>
                <c:pt idx="9263">
                  <c:v>23.680079550567612</c:v>
                </c:pt>
                <c:pt idx="9264">
                  <c:v>23.680079550567612</c:v>
                </c:pt>
                <c:pt idx="9265">
                  <c:v>23.680079550567612</c:v>
                </c:pt>
                <c:pt idx="9266">
                  <c:v>23.683333676824375</c:v>
                </c:pt>
                <c:pt idx="9267">
                  <c:v>23.683333676824375</c:v>
                </c:pt>
                <c:pt idx="9268">
                  <c:v>23.686686412967635</c:v>
                </c:pt>
                <c:pt idx="9269">
                  <c:v>23.686686412967635</c:v>
                </c:pt>
                <c:pt idx="9270">
                  <c:v>23.690039149111065</c:v>
                </c:pt>
                <c:pt idx="9271">
                  <c:v>23.690039149111065</c:v>
                </c:pt>
                <c:pt idx="9272">
                  <c:v>23.690039149111065</c:v>
                </c:pt>
                <c:pt idx="9273">
                  <c:v>23.693293275367829</c:v>
                </c:pt>
                <c:pt idx="9274">
                  <c:v>23.693293275367829</c:v>
                </c:pt>
                <c:pt idx="9275">
                  <c:v>23.696646011511085</c:v>
                </c:pt>
                <c:pt idx="9276">
                  <c:v>23.696646011511085</c:v>
                </c:pt>
                <c:pt idx="9277">
                  <c:v>23.699998747654345</c:v>
                </c:pt>
                <c:pt idx="9278">
                  <c:v>23.699998747654345</c:v>
                </c:pt>
                <c:pt idx="9279">
                  <c:v>23.699998747654345</c:v>
                </c:pt>
                <c:pt idx="9280">
                  <c:v>23.703351483797778</c:v>
                </c:pt>
                <c:pt idx="9281">
                  <c:v>23.703351483797778</c:v>
                </c:pt>
                <c:pt idx="9282">
                  <c:v>23.706605610054542</c:v>
                </c:pt>
                <c:pt idx="9283">
                  <c:v>23.706605610054542</c:v>
                </c:pt>
                <c:pt idx="9284">
                  <c:v>23.709958346197794</c:v>
                </c:pt>
                <c:pt idx="9285">
                  <c:v>23.709958346197794</c:v>
                </c:pt>
                <c:pt idx="9286">
                  <c:v>23.713311082341054</c:v>
                </c:pt>
                <c:pt idx="9287">
                  <c:v>23.713311082341054</c:v>
                </c:pt>
                <c:pt idx="9288">
                  <c:v>23.713311082341054</c:v>
                </c:pt>
                <c:pt idx="9289">
                  <c:v>23.716565208597817</c:v>
                </c:pt>
                <c:pt idx="9290">
                  <c:v>23.716565208597817</c:v>
                </c:pt>
                <c:pt idx="9291">
                  <c:v>23.719917944741074</c:v>
                </c:pt>
                <c:pt idx="9292">
                  <c:v>23.719917944741074</c:v>
                </c:pt>
                <c:pt idx="9293">
                  <c:v>23.723270680884507</c:v>
                </c:pt>
                <c:pt idx="9294">
                  <c:v>23.723270680884507</c:v>
                </c:pt>
                <c:pt idx="9295">
                  <c:v>23.726524807141271</c:v>
                </c:pt>
                <c:pt idx="9296">
                  <c:v>23.726524807141271</c:v>
                </c:pt>
                <c:pt idx="9297">
                  <c:v>23.726524807141271</c:v>
                </c:pt>
                <c:pt idx="9298">
                  <c:v>23.729877543284523</c:v>
                </c:pt>
                <c:pt idx="9299">
                  <c:v>23.729877543284523</c:v>
                </c:pt>
                <c:pt idx="9300">
                  <c:v>23.733230279427783</c:v>
                </c:pt>
                <c:pt idx="9301">
                  <c:v>23.733230279427783</c:v>
                </c:pt>
                <c:pt idx="9302">
                  <c:v>23.736484405684546</c:v>
                </c:pt>
                <c:pt idx="9303">
                  <c:v>23.736484405684546</c:v>
                </c:pt>
                <c:pt idx="9304">
                  <c:v>23.736484405684546</c:v>
                </c:pt>
                <c:pt idx="9305">
                  <c:v>23.73983714182798</c:v>
                </c:pt>
                <c:pt idx="9306">
                  <c:v>23.73983714182798</c:v>
                </c:pt>
                <c:pt idx="9307">
                  <c:v>23.743189877971236</c:v>
                </c:pt>
                <c:pt idx="9308">
                  <c:v>23.743189877971236</c:v>
                </c:pt>
                <c:pt idx="9309">
                  <c:v>23.743189877971236</c:v>
                </c:pt>
                <c:pt idx="9310">
                  <c:v>23.746444004228</c:v>
                </c:pt>
                <c:pt idx="9311">
                  <c:v>23.746444004228</c:v>
                </c:pt>
                <c:pt idx="9312">
                  <c:v>23.749796740371256</c:v>
                </c:pt>
                <c:pt idx="9313">
                  <c:v>23.749796740371256</c:v>
                </c:pt>
                <c:pt idx="9314">
                  <c:v>23.749796740371256</c:v>
                </c:pt>
                <c:pt idx="9315">
                  <c:v>23.753149476514512</c:v>
                </c:pt>
                <c:pt idx="9316">
                  <c:v>23.753149476514512</c:v>
                </c:pt>
                <c:pt idx="9317">
                  <c:v>23.756403602771275</c:v>
                </c:pt>
                <c:pt idx="9318">
                  <c:v>23.756403602771275</c:v>
                </c:pt>
                <c:pt idx="9319">
                  <c:v>23.759756338914709</c:v>
                </c:pt>
                <c:pt idx="9320">
                  <c:v>23.759756338914709</c:v>
                </c:pt>
                <c:pt idx="9321">
                  <c:v>23.763109075057969</c:v>
                </c:pt>
                <c:pt idx="9322">
                  <c:v>23.763109075057969</c:v>
                </c:pt>
                <c:pt idx="9323">
                  <c:v>23.763109075057969</c:v>
                </c:pt>
                <c:pt idx="9324">
                  <c:v>23.766363201314729</c:v>
                </c:pt>
                <c:pt idx="9325">
                  <c:v>23.766363201314729</c:v>
                </c:pt>
                <c:pt idx="9326">
                  <c:v>23.769715937457988</c:v>
                </c:pt>
                <c:pt idx="9327">
                  <c:v>23.769715937457988</c:v>
                </c:pt>
                <c:pt idx="9328">
                  <c:v>23.773068673601419</c:v>
                </c:pt>
                <c:pt idx="9329">
                  <c:v>23.773068673601419</c:v>
                </c:pt>
                <c:pt idx="9330">
                  <c:v>23.773068673601419</c:v>
                </c:pt>
                <c:pt idx="9331">
                  <c:v>23.776322799858004</c:v>
                </c:pt>
                <c:pt idx="9332">
                  <c:v>23.776322799858004</c:v>
                </c:pt>
                <c:pt idx="9333">
                  <c:v>23.779675536001438</c:v>
                </c:pt>
                <c:pt idx="9334">
                  <c:v>23.779675536001438</c:v>
                </c:pt>
                <c:pt idx="9335">
                  <c:v>23.779675536001438</c:v>
                </c:pt>
                <c:pt idx="9336">
                  <c:v>23.783028272144698</c:v>
                </c:pt>
                <c:pt idx="9337">
                  <c:v>23.783028272144698</c:v>
                </c:pt>
                <c:pt idx="9338">
                  <c:v>23.783028272144698</c:v>
                </c:pt>
                <c:pt idx="9339">
                  <c:v>23.786282398401461</c:v>
                </c:pt>
                <c:pt idx="9340">
                  <c:v>23.786282398401461</c:v>
                </c:pt>
                <c:pt idx="9341">
                  <c:v>23.786282398401461</c:v>
                </c:pt>
                <c:pt idx="9342">
                  <c:v>23.789635134544717</c:v>
                </c:pt>
                <c:pt idx="9343">
                  <c:v>23.789635134544717</c:v>
                </c:pt>
                <c:pt idx="9344">
                  <c:v>23.789635134544717</c:v>
                </c:pt>
                <c:pt idx="9345">
                  <c:v>23.792987870688147</c:v>
                </c:pt>
                <c:pt idx="9346">
                  <c:v>23.792987870688147</c:v>
                </c:pt>
                <c:pt idx="9347">
                  <c:v>23.792987870688147</c:v>
                </c:pt>
                <c:pt idx="9348">
                  <c:v>23.796241996944911</c:v>
                </c:pt>
                <c:pt idx="9349">
                  <c:v>23.796241996944911</c:v>
                </c:pt>
                <c:pt idx="9350">
                  <c:v>23.796241996944911</c:v>
                </c:pt>
                <c:pt idx="9351">
                  <c:v>23.799594733088171</c:v>
                </c:pt>
                <c:pt idx="9352">
                  <c:v>23.799594733088171</c:v>
                </c:pt>
                <c:pt idx="9353">
                  <c:v>23.802947469231427</c:v>
                </c:pt>
                <c:pt idx="9354">
                  <c:v>23.802947469231427</c:v>
                </c:pt>
                <c:pt idx="9355">
                  <c:v>23.802947469231427</c:v>
                </c:pt>
                <c:pt idx="9356">
                  <c:v>23.80620159548819</c:v>
                </c:pt>
                <c:pt idx="9357">
                  <c:v>23.80620159548819</c:v>
                </c:pt>
                <c:pt idx="9358">
                  <c:v>23.80620159548819</c:v>
                </c:pt>
                <c:pt idx="9359">
                  <c:v>23.809554331631446</c:v>
                </c:pt>
                <c:pt idx="9360">
                  <c:v>23.809554331631446</c:v>
                </c:pt>
                <c:pt idx="9361">
                  <c:v>23.812907067774876</c:v>
                </c:pt>
                <c:pt idx="9362">
                  <c:v>23.812907067774876</c:v>
                </c:pt>
                <c:pt idx="9363">
                  <c:v>23.812907067774876</c:v>
                </c:pt>
                <c:pt idx="9364">
                  <c:v>23.81616119403164</c:v>
                </c:pt>
                <c:pt idx="9365">
                  <c:v>23.81616119403164</c:v>
                </c:pt>
                <c:pt idx="9366">
                  <c:v>23.81616119403164</c:v>
                </c:pt>
                <c:pt idx="9367">
                  <c:v>23.819513930174899</c:v>
                </c:pt>
                <c:pt idx="9368">
                  <c:v>23.819513930174899</c:v>
                </c:pt>
                <c:pt idx="9369">
                  <c:v>23.819513930174899</c:v>
                </c:pt>
                <c:pt idx="9370">
                  <c:v>23.822866666318156</c:v>
                </c:pt>
                <c:pt idx="9371">
                  <c:v>23.822866666318156</c:v>
                </c:pt>
                <c:pt idx="9372">
                  <c:v>23.826219402461586</c:v>
                </c:pt>
                <c:pt idx="9373">
                  <c:v>23.826219402461586</c:v>
                </c:pt>
                <c:pt idx="9374">
                  <c:v>23.826219402461586</c:v>
                </c:pt>
                <c:pt idx="9375">
                  <c:v>23.829473528718349</c:v>
                </c:pt>
                <c:pt idx="9376">
                  <c:v>23.829473528718349</c:v>
                </c:pt>
                <c:pt idx="9377">
                  <c:v>23.829473528718349</c:v>
                </c:pt>
                <c:pt idx="9378">
                  <c:v>23.829473528718349</c:v>
                </c:pt>
                <c:pt idx="9379">
                  <c:v>23.832826264861609</c:v>
                </c:pt>
                <c:pt idx="9380">
                  <c:v>23.832826264861609</c:v>
                </c:pt>
                <c:pt idx="9381">
                  <c:v>23.836179001004865</c:v>
                </c:pt>
                <c:pt idx="9382">
                  <c:v>23.836179001004865</c:v>
                </c:pt>
                <c:pt idx="9383">
                  <c:v>23.836179001004865</c:v>
                </c:pt>
                <c:pt idx="9384">
                  <c:v>23.839433127261628</c:v>
                </c:pt>
                <c:pt idx="9385">
                  <c:v>23.839433127261628</c:v>
                </c:pt>
                <c:pt idx="9386">
                  <c:v>23.839433127261628</c:v>
                </c:pt>
                <c:pt idx="9387">
                  <c:v>23.842785863404888</c:v>
                </c:pt>
                <c:pt idx="9388">
                  <c:v>23.842785863404888</c:v>
                </c:pt>
                <c:pt idx="9389">
                  <c:v>23.842785863404888</c:v>
                </c:pt>
                <c:pt idx="9390">
                  <c:v>23.842785863404888</c:v>
                </c:pt>
                <c:pt idx="9391">
                  <c:v>23.846138599548318</c:v>
                </c:pt>
                <c:pt idx="9392">
                  <c:v>23.846138599548318</c:v>
                </c:pt>
                <c:pt idx="9393">
                  <c:v>23.849392725805082</c:v>
                </c:pt>
                <c:pt idx="9394">
                  <c:v>23.849392725805082</c:v>
                </c:pt>
                <c:pt idx="9395">
                  <c:v>23.849392725805082</c:v>
                </c:pt>
                <c:pt idx="9396">
                  <c:v>23.849392725805082</c:v>
                </c:pt>
                <c:pt idx="9397">
                  <c:v>23.852745461948338</c:v>
                </c:pt>
                <c:pt idx="9398">
                  <c:v>23.852745461948338</c:v>
                </c:pt>
                <c:pt idx="9399">
                  <c:v>23.852745461948338</c:v>
                </c:pt>
                <c:pt idx="9400">
                  <c:v>23.856098198091594</c:v>
                </c:pt>
                <c:pt idx="9401">
                  <c:v>23.856098198091594</c:v>
                </c:pt>
                <c:pt idx="9402">
                  <c:v>23.856098198091594</c:v>
                </c:pt>
                <c:pt idx="9403">
                  <c:v>23.859352324348357</c:v>
                </c:pt>
                <c:pt idx="9404">
                  <c:v>23.859352324348357</c:v>
                </c:pt>
                <c:pt idx="9405">
                  <c:v>23.862705060491617</c:v>
                </c:pt>
                <c:pt idx="9406">
                  <c:v>23.862705060491617</c:v>
                </c:pt>
                <c:pt idx="9407">
                  <c:v>23.862705060491617</c:v>
                </c:pt>
                <c:pt idx="9408">
                  <c:v>23.866057796635051</c:v>
                </c:pt>
                <c:pt idx="9409">
                  <c:v>23.866057796635051</c:v>
                </c:pt>
                <c:pt idx="9410">
                  <c:v>23.866057796635051</c:v>
                </c:pt>
                <c:pt idx="9411">
                  <c:v>23.869311922891811</c:v>
                </c:pt>
                <c:pt idx="9412">
                  <c:v>23.869311922891811</c:v>
                </c:pt>
                <c:pt idx="9413">
                  <c:v>23.869311922891811</c:v>
                </c:pt>
                <c:pt idx="9414">
                  <c:v>23.872664659035067</c:v>
                </c:pt>
                <c:pt idx="9415">
                  <c:v>23.872664659035067</c:v>
                </c:pt>
                <c:pt idx="9416">
                  <c:v>23.876017395178327</c:v>
                </c:pt>
                <c:pt idx="9417">
                  <c:v>23.876017395178327</c:v>
                </c:pt>
                <c:pt idx="9418">
                  <c:v>23.876017395178327</c:v>
                </c:pt>
                <c:pt idx="9419">
                  <c:v>23.87927152143509</c:v>
                </c:pt>
                <c:pt idx="9420">
                  <c:v>23.87927152143509</c:v>
                </c:pt>
                <c:pt idx="9421">
                  <c:v>23.882624257578524</c:v>
                </c:pt>
                <c:pt idx="9422">
                  <c:v>23.882624257578524</c:v>
                </c:pt>
                <c:pt idx="9423">
                  <c:v>23.882624257578524</c:v>
                </c:pt>
                <c:pt idx="9424">
                  <c:v>23.88597699372178</c:v>
                </c:pt>
                <c:pt idx="9425">
                  <c:v>23.88597699372178</c:v>
                </c:pt>
                <c:pt idx="9426">
                  <c:v>23.88597699372178</c:v>
                </c:pt>
                <c:pt idx="9427">
                  <c:v>23.88923111997854</c:v>
                </c:pt>
                <c:pt idx="9428">
                  <c:v>23.88923111997854</c:v>
                </c:pt>
                <c:pt idx="9429">
                  <c:v>23.88923111997854</c:v>
                </c:pt>
                <c:pt idx="9430">
                  <c:v>23.892583856121799</c:v>
                </c:pt>
                <c:pt idx="9431">
                  <c:v>23.892583856121799</c:v>
                </c:pt>
                <c:pt idx="9432">
                  <c:v>23.892583856121799</c:v>
                </c:pt>
                <c:pt idx="9433">
                  <c:v>23.895936592265056</c:v>
                </c:pt>
                <c:pt idx="9434">
                  <c:v>23.895936592265056</c:v>
                </c:pt>
                <c:pt idx="9435">
                  <c:v>23.899190718521819</c:v>
                </c:pt>
                <c:pt idx="9436">
                  <c:v>23.899190718521819</c:v>
                </c:pt>
                <c:pt idx="9437">
                  <c:v>23.899190718521819</c:v>
                </c:pt>
                <c:pt idx="9438">
                  <c:v>23.902543454665253</c:v>
                </c:pt>
                <c:pt idx="9439">
                  <c:v>23.902543454665253</c:v>
                </c:pt>
                <c:pt idx="9440">
                  <c:v>23.902543454665253</c:v>
                </c:pt>
                <c:pt idx="9441">
                  <c:v>23.905896190808509</c:v>
                </c:pt>
                <c:pt idx="9442">
                  <c:v>23.905896190808509</c:v>
                </c:pt>
                <c:pt idx="9443">
                  <c:v>23.905896190808509</c:v>
                </c:pt>
                <c:pt idx="9444">
                  <c:v>23.905896190808509</c:v>
                </c:pt>
                <c:pt idx="9445">
                  <c:v>23.909150317065272</c:v>
                </c:pt>
                <c:pt idx="9446">
                  <c:v>23.909150317065272</c:v>
                </c:pt>
                <c:pt idx="9447">
                  <c:v>23.909150317065272</c:v>
                </c:pt>
                <c:pt idx="9448">
                  <c:v>23.909150317065272</c:v>
                </c:pt>
                <c:pt idx="9449">
                  <c:v>23.912503053208528</c:v>
                </c:pt>
                <c:pt idx="9450">
                  <c:v>23.912503053208528</c:v>
                </c:pt>
                <c:pt idx="9451">
                  <c:v>23.912503053208528</c:v>
                </c:pt>
                <c:pt idx="9452">
                  <c:v>23.915855789351962</c:v>
                </c:pt>
                <c:pt idx="9453">
                  <c:v>23.915855789351962</c:v>
                </c:pt>
                <c:pt idx="9454">
                  <c:v>23.915855789351962</c:v>
                </c:pt>
                <c:pt idx="9455">
                  <c:v>23.919109915608548</c:v>
                </c:pt>
                <c:pt idx="9456">
                  <c:v>23.919109915608548</c:v>
                </c:pt>
                <c:pt idx="9457">
                  <c:v>23.922462651751982</c:v>
                </c:pt>
                <c:pt idx="9458">
                  <c:v>23.922462651751982</c:v>
                </c:pt>
                <c:pt idx="9459">
                  <c:v>23.922462651751982</c:v>
                </c:pt>
                <c:pt idx="9460">
                  <c:v>23.925815387895241</c:v>
                </c:pt>
                <c:pt idx="9461">
                  <c:v>23.925815387895241</c:v>
                </c:pt>
                <c:pt idx="9462">
                  <c:v>23.929069514152005</c:v>
                </c:pt>
                <c:pt idx="9463">
                  <c:v>23.929069514152005</c:v>
                </c:pt>
                <c:pt idx="9464">
                  <c:v>23.929069514152005</c:v>
                </c:pt>
                <c:pt idx="9465">
                  <c:v>23.932422250295257</c:v>
                </c:pt>
                <c:pt idx="9466">
                  <c:v>23.932422250295257</c:v>
                </c:pt>
                <c:pt idx="9467">
                  <c:v>23.935774986438691</c:v>
                </c:pt>
                <c:pt idx="9468">
                  <c:v>23.935774986438691</c:v>
                </c:pt>
                <c:pt idx="9469">
                  <c:v>23.935774986438691</c:v>
                </c:pt>
                <c:pt idx="9470">
                  <c:v>23.939029112695454</c:v>
                </c:pt>
                <c:pt idx="9471">
                  <c:v>23.939029112695454</c:v>
                </c:pt>
                <c:pt idx="9472">
                  <c:v>23.942381848838711</c:v>
                </c:pt>
                <c:pt idx="9473">
                  <c:v>23.942381848838711</c:v>
                </c:pt>
                <c:pt idx="9474">
                  <c:v>23.94573458498197</c:v>
                </c:pt>
                <c:pt idx="9475">
                  <c:v>23.94573458498197</c:v>
                </c:pt>
                <c:pt idx="9476">
                  <c:v>23.94573458498197</c:v>
                </c:pt>
                <c:pt idx="9477">
                  <c:v>23.948988711238734</c:v>
                </c:pt>
                <c:pt idx="9478">
                  <c:v>23.948988711238734</c:v>
                </c:pt>
                <c:pt idx="9479">
                  <c:v>23.948988711238734</c:v>
                </c:pt>
                <c:pt idx="9480">
                  <c:v>23.952341447381986</c:v>
                </c:pt>
                <c:pt idx="9481">
                  <c:v>23.952341447381986</c:v>
                </c:pt>
                <c:pt idx="9482">
                  <c:v>23.952341447381986</c:v>
                </c:pt>
                <c:pt idx="9483">
                  <c:v>23.95569418352542</c:v>
                </c:pt>
                <c:pt idx="9484">
                  <c:v>23.95569418352542</c:v>
                </c:pt>
                <c:pt idx="9485">
                  <c:v>23.95569418352542</c:v>
                </c:pt>
                <c:pt idx="9486">
                  <c:v>23.95569418352542</c:v>
                </c:pt>
                <c:pt idx="9487">
                  <c:v>23.95904691966868</c:v>
                </c:pt>
                <c:pt idx="9488">
                  <c:v>23.95904691966868</c:v>
                </c:pt>
                <c:pt idx="9489">
                  <c:v>23.95904691966868</c:v>
                </c:pt>
                <c:pt idx="9490">
                  <c:v>23.962301045925443</c:v>
                </c:pt>
                <c:pt idx="9491">
                  <c:v>23.962301045925443</c:v>
                </c:pt>
                <c:pt idx="9492">
                  <c:v>23.962301045925443</c:v>
                </c:pt>
                <c:pt idx="9493">
                  <c:v>23.962301045925443</c:v>
                </c:pt>
                <c:pt idx="9494">
                  <c:v>23.965653782068699</c:v>
                </c:pt>
                <c:pt idx="9495">
                  <c:v>23.965653782068699</c:v>
                </c:pt>
                <c:pt idx="9496">
                  <c:v>23.965653782068699</c:v>
                </c:pt>
                <c:pt idx="9497">
                  <c:v>23.969006518212129</c:v>
                </c:pt>
                <c:pt idx="9498">
                  <c:v>23.969006518212129</c:v>
                </c:pt>
                <c:pt idx="9499">
                  <c:v>23.969006518212129</c:v>
                </c:pt>
                <c:pt idx="9500">
                  <c:v>23.972260644468893</c:v>
                </c:pt>
                <c:pt idx="9501">
                  <c:v>23.972260644468893</c:v>
                </c:pt>
                <c:pt idx="9502">
                  <c:v>23.972260644468893</c:v>
                </c:pt>
                <c:pt idx="9503">
                  <c:v>23.975613380612153</c:v>
                </c:pt>
                <c:pt idx="9504">
                  <c:v>23.975613380612153</c:v>
                </c:pt>
                <c:pt idx="9505">
                  <c:v>23.978966116755409</c:v>
                </c:pt>
                <c:pt idx="9506">
                  <c:v>23.978966116755409</c:v>
                </c:pt>
                <c:pt idx="9507">
                  <c:v>23.978966116755409</c:v>
                </c:pt>
                <c:pt idx="9508">
                  <c:v>23.978966116755409</c:v>
                </c:pt>
                <c:pt idx="9509">
                  <c:v>23.982220243012172</c:v>
                </c:pt>
                <c:pt idx="9510">
                  <c:v>23.982220243012172</c:v>
                </c:pt>
                <c:pt idx="9511">
                  <c:v>23.982220243012172</c:v>
                </c:pt>
                <c:pt idx="9512">
                  <c:v>23.985572979155428</c:v>
                </c:pt>
                <c:pt idx="9513">
                  <c:v>23.985572979155428</c:v>
                </c:pt>
                <c:pt idx="9514">
                  <c:v>23.985572979155428</c:v>
                </c:pt>
                <c:pt idx="9515">
                  <c:v>23.988925715298858</c:v>
                </c:pt>
                <c:pt idx="9516">
                  <c:v>23.988925715298858</c:v>
                </c:pt>
                <c:pt idx="9517">
                  <c:v>23.992179841555622</c:v>
                </c:pt>
                <c:pt idx="9518">
                  <c:v>23.992179841555622</c:v>
                </c:pt>
                <c:pt idx="9519">
                  <c:v>23.992179841555622</c:v>
                </c:pt>
                <c:pt idx="9520">
                  <c:v>23.995532577698881</c:v>
                </c:pt>
                <c:pt idx="9521">
                  <c:v>23.995532577698881</c:v>
                </c:pt>
                <c:pt idx="9522">
                  <c:v>23.995532577698881</c:v>
                </c:pt>
                <c:pt idx="9523">
                  <c:v>23.998885313842138</c:v>
                </c:pt>
                <c:pt idx="9524">
                  <c:v>23.998885313842138</c:v>
                </c:pt>
                <c:pt idx="9525">
                  <c:v>23.998885313842138</c:v>
                </c:pt>
                <c:pt idx="9526">
                  <c:v>24.002139440098901</c:v>
                </c:pt>
                <c:pt idx="9527">
                  <c:v>24.002139440098901</c:v>
                </c:pt>
                <c:pt idx="9528">
                  <c:v>24.005492176242335</c:v>
                </c:pt>
                <c:pt idx="9529">
                  <c:v>24.005492176242335</c:v>
                </c:pt>
                <c:pt idx="9530">
                  <c:v>24.005492176242335</c:v>
                </c:pt>
                <c:pt idx="9531">
                  <c:v>24.008844912385591</c:v>
                </c:pt>
                <c:pt idx="9532">
                  <c:v>24.008844912385591</c:v>
                </c:pt>
                <c:pt idx="9533">
                  <c:v>24.008844912385591</c:v>
                </c:pt>
                <c:pt idx="9534">
                  <c:v>24.012099038642354</c:v>
                </c:pt>
                <c:pt idx="9535">
                  <c:v>24.012099038642354</c:v>
                </c:pt>
                <c:pt idx="9536">
                  <c:v>24.01545177478561</c:v>
                </c:pt>
                <c:pt idx="9537">
                  <c:v>24.01545177478561</c:v>
                </c:pt>
                <c:pt idx="9538">
                  <c:v>24.01545177478561</c:v>
                </c:pt>
                <c:pt idx="9539">
                  <c:v>24.01880451092887</c:v>
                </c:pt>
                <c:pt idx="9540">
                  <c:v>24.01880451092887</c:v>
                </c:pt>
                <c:pt idx="9541">
                  <c:v>24.022058637185634</c:v>
                </c:pt>
                <c:pt idx="9542">
                  <c:v>24.022058637185634</c:v>
                </c:pt>
                <c:pt idx="9543">
                  <c:v>24.025411373329064</c:v>
                </c:pt>
                <c:pt idx="9544">
                  <c:v>24.025411373329064</c:v>
                </c:pt>
                <c:pt idx="9545">
                  <c:v>24.025411373329064</c:v>
                </c:pt>
                <c:pt idx="9546">
                  <c:v>24.02876410947232</c:v>
                </c:pt>
                <c:pt idx="9547">
                  <c:v>24.02876410947232</c:v>
                </c:pt>
                <c:pt idx="9548">
                  <c:v>24.032018235729083</c:v>
                </c:pt>
                <c:pt idx="9549">
                  <c:v>24.032018235729083</c:v>
                </c:pt>
                <c:pt idx="9550">
                  <c:v>24.032018235729083</c:v>
                </c:pt>
                <c:pt idx="9551">
                  <c:v>24.035370971872339</c:v>
                </c:pt>
                <c:pt idx="9552">
                  <c:v>24.035370971872339</c:v>
                </c:pt>
                <c:pt idx="9553">
                  <c:v>24.035370971872339</c:v>
                </c:pt>
                <c:pt idx="9554">
                  <c:v>24.038723708015773</c:v>
                </c:pt>
                <c:pt idx="9555">
                  <c:v>24.038723708015773</c:v>
                </c:pt>
                <c:pt idx="9556">
                  <c:v>24.038723708015773</c:v>
                </c:pt>
                <c:pt idx="9557">
                  <c:v>24.041977834272362</c:v>
                </c:pt>
                <c:pt idx="9558">
                  <c:v>24.041977834272362</c:v>
                </c:pt>
                <c:pt idx="9559">
                  <c:v>24.041977834272362</c:v>
                </c:pt>
                <c:pt idx="9560">
                  <c:v>24.045330570415796</c:v>
                </c:pt>
                <c:pt idx="9561">
                  <c:v>24.045330570415796</c:v>
                </c:pt>
                <c:pt idx="9562">
                  <c:v>24.048683306559049</c:v>
                </c:pt>
                <c:pt idx="9563">
                  <c:v>24.048683306559049</c:v>
                </c:pt>
                <c:pt idx="9564">
                  <c:v>24.048683306559049</c:v>
                </c:pt>
                <c:pt idx="9565">
                  <c:v>24.051937432815812</c:v>
                </c:pt>
                <c:pt idx="9566">
                  <c:v>24.051937432815812</c:v>
                </c:pt>
                <c:pt idx="9567">
                  <c:v>24.051937432815812</c:v>
                </c:pt>
                <c:pt idx="9568">
                  <c:v>24.055290168959072</c:v>
                </c:pt>
                <c:pt idx="9569">
                  <c:v>24.055290168959072</c:v>
                </c:pt>
                <c:pt idx="9570">
                  <c:v>24.058642905102506</c:v>
                </c:pt>
                <c:pt idx="9571">
                  <c:v>24.058642905102506</c:v>
                </c:pt>
                <c:pt idx="9572">
                  <c:v>24.058642905102506</c:v>
                </c:pt>
                <c:pt idx="9573">
                  <c:v>24.061897031359269</c:v>
                </c:pt>
                <c:pt idx="9574">
                  <c:v>24.061897031359269</c:v>
                </c:pt>
                <c:pt idx="9575">
                  <c:v>24.065249767502525</c:v>
                </c:pt>
                <c:pt idx="9576">
                  <c:v>24.065249767502525</c:v>
                </c:pt>
                <c:pt idx="9577">
                  <c:v>24.065249767502525</c:v>
                </c:pt>
                <c:pt idx="9578">
                  <c:v>24.068602503645778</c:v>
                </c:pt>
                <c:pt idx="9579">
                  <c:v>24.068602503645778</c:v>
                </c:pt>
                <c:pt idx="9580">
                  <c:v>24.071856629902541</c:v>
                </c:pt>
                <c:pt idx="9581">
                  <c:v>24.071856629902541</c:v>
                </c:pt>
                <c:pt idx="9582">
                  <c:v>24.075209366045801</c:v>
                </c:pt>
                <c:pt idx="9583">
                  <c:v>24.075209366045801</c:v>
                </c:pt>
                <c:pt idx="9584">
                  <c:v>24.075209366045801</c:v>
                </c:pt>
                <c:pt idx="9585">
                  <c:v>24.078562102189235</c:v>
                </c:pt>
                <c:pt idx="9586">
                  <c:v>24.078562102189235</c:v>
                </c:pt>
                <c:pt idx="9587">
                  <c:v>24.078562102189235</c:v>
                </c:pt>
                <c:pt idx="9588">
                  <c:v>24.081816228445998</c:v>
                </c:pt>
                <c:pt idx="9589">
                  <c:v>24.081816228445998</c:v>
                </c:pt>
                <c:pt idx="9590">
                  <c:v>24.085168964589254</c:v>
                </c:pt>
                <c:pt idx="9591">
                  <c:v>24.085168964589254</c:v>
                </c:pt>
                <c:pt idx="9592">
                  <c:v>24.085168964589254</c:v>
                </c:pt>
                <c:pt idx="9593">
                  <c:v>24.08852170073251</c:v>
                </c:pt>
                <c:pt idx="9594">
                  <c:v>24.08852170073251</c:v>
                </c:pt>
                <c:pt idx="9595">
                  <c:v>24.091874436875944</c:v>
                </c:pt>
                <c:pt idx="9596">
                  <c:v>24.091874436875944</c:v>
                </c:pt>
                <c:pt idx="9597">
                  <c:v>24.091874436875944</c:v>
                </c:pt>
                <c:pt idx="9598">
                  <c:v>24.095128563132707</c:v>
                </c:pt>
                <c:pt idx="9599">
                  <c:v>24.095128563132707</c:v>
                </c:pt>
                <c:pt idx="9600">
                  <c:v>24.095128563132707</c:v>
                </c:pt>
                <c:pt idx="9601">
                  <c:v>24.098481299275964</c:v>
                </c:pt>
                <c:pt idx="9602">
                  <c:v>24.098481299275964</c:v>
                </c:pt>
                <c:pt idx="9603">
                  <c:v>24.098481299275964</c:v>
                </c:pt>
                <c:pt idx="9604">
                  <c:v>24.101834035419223</c:v>
                </c:pt>
                <c:pt idx="9605">
                  <c:v>24.101834035419223</c:v>
                </c:pt>
                <c:pt idx="9606">
                  <c:v>24.101834035419223</c:v>
                </c:pt>
                <c:pt idx="9607">
                  <c:v>24.105088161675987</c:v>
                </c:pt>
                <c:pt idx="9608">
                  <c:v>24.105088161675987</c:v>
                </c:pt>
                <c:pt idx="9609">
                  <c:v>24.105088161675987</c:v>
                </c:pt>
                <c:pt idx="9610">
                  <c:v>24.108440897819239</c:v>
                </c:pt>
                <c:pt idx="9611">
                  <c:v>24.108440897819239</c:v>
                </c:pt>
                <c:pt idx="9612">
                  <c:v>24.111793633962673</c:v>
                </c:pt>
                <c:pt idx="9613">
                  <c:v>24.111793633962673</c:v>
                </c:pt>
                <c:pt idx="9614">
                  <c:v>24.111793633962673</c:v>
                </c:pt>
                <c:pt idx="9615">
                  <c:v>24.115047760219436</c:v>
                </c:pt>
                <c:pt idx="9616">
                  <c:v>24.115047760219436</c:v>
                </c:pt>
                <c:pt idx="9617">
                  <c:v>24.118400496362693</c:v>
                </c:pt>
                <c:pt idx="9618">
                  <c:v>24.118400496362693</c:v>
                </c:pt>
                <c:pt idx="9619">
                  <c:v>24.118400496362693</c:v>
                </c:pt>
                <c:pt idx="9620">
                  <c:v>24.118400496362693</c:v>
                </c:pt>
                <c:pt idx="9621">
                  <c:v>24.115047760219436</c:v>
                </c:pt>
                <c:pt idx="9622">
                  <c:v>24.115047760219436</c:v>
                </c:pt>
                <c:pt idx="9623">
                  <c:v>24.115047760219436</c:v>
                </c:pt>
                <c:pt idx="9624">
                  <c:v>24.115047760219436</c:v>
                </c:pt>
                <c:pt idx="9625">
                  <c:v>24.118400496362693</c:v>
                </c:pt>
                <c:pt idx="9626">
                  <c:v>24.118400496362693</c:v>
                </c:pt>
                <c:pt idx="9627">
                  <c:v>24.111793633962673</c:v>
                </c:pt>
                <c:pt idx="9628">
                  <c:v>24.105088161675987</c:v>
                </c:pt>
                <c:pt idx="9629">
                  <c:v>24.101834035419223</c:v>
                </c:pt>
                <c:pt idx="9630">
                  <c:v>24.101834035419223</c:v>
                </c:pt>
                <c:pt idx="9631">
                  <c:v>24.098481299275964</c:v>
                </c:pt>
                <c:pt idx="9632">
                  <c:v>24.098481299275964</c:v>
                </c:pt>
                <c:pt idx="9633">
                  <c:v>24.098481299275964</c:v>
                </c:pt>
                <c:pt idx="9634">
                  <c:v>24.098481299275964</c:v>
                </c:pt>
                <c:pt idx="9635">
                  <c:v>24.101834035419223</c:v>
                </c:pt>
                <c:pt idx="9636">
                  <c:v>24.101834035419223</c:v>
                </c:pt>
                <c:pt idx="9637">
                  <c:v>24.101834035419223</c:v>
                </c:pt>
                <c:pt idx="9638">
                  <c:v>24.101834035419223</c:v>
                </c:pt>
                <c:pt idx="9639">
                  <c:v>24.105088161675987</c:v>
                </c:pt>
                <c:pt idx="9640">
                  <c:v>24.105088161675987</c:v>
                </c:pt>
                <c:pt idx="9641">
                  <c:v>24.108440897819239</c:v>
                </c:pt>
                <c:pt idx="9642">
                  <c:v>24.108440897819239</c:v>
                </c:pt>
                <c:pt idx="9643">
                  <c:v>24.108440897819239</c:v>
                </c:pt>
                <c:pt idx="9644">
                  <c:v>24.111793633962673</c:v>
                </c:pt>
                <c:pt idx="9645">
                  <c:v>24.111793633962673</c:v>
                </c:pt>
                <c:pt idx="9646">
                  <c:v>24.118400496362693</c:v>
                </c:pt>
                <c:pt idx="9647">
                  <c:v>24.121753232505952</c:v>
                </c:pt>
                <c:pt idx="9648">
                  <c:v>24.125007358762716</c:v>
                </c:pt>
                <c:pt idx="9649">
                  <c:v>24.128360094906146</c:v>
                </c:pt>
                <c:pt idx="9650">
                  <c:v>24.128360094906146</c:v>
                </c:pt>
                <c:pt idx="9651">
                  <c:v>24.128360094906146</c:v>
                </c:pt>
                <c:pt idx="9652">
                  <c:v>24.138319693449425</c:v>
                </c:pt>
                <c:pt idx="9653">
                  <c:v>24.148279291992875</c:v>
                </c:pt>
                <c:pt idx="9654">
                  <c:v>24.151632028136135</c:v>
                </c:pt>
                <c:pt idx="9655">
                  <c:v>24.158238890536154</c:v>
                </c:pt>
                <c:pt idx="9656">
                  <c:v>24.16159162667941</c:v>
                </c:pt>
                <c:pt idx="9657">
                  <c:v>24.164845752936174</c:v>
                </c:pt>
                <c:pt idx="9658">
                  <c:v>24.168198489079604</c:v>
                </c:pt>
                <c:pt idx="9659">
                  <c:v>24.168198489079604</c:v>
                </c:pt>
                <c:pt idx="9660">
                  <c:v>24.171551225222863</c:v>
                </c:pt>
                <c:pt idx="9661">
                  <c:v>24.171551225222863</c:v>
                </c:pt>
                <c:pt idx="9662">
                  <c:v>24.171551225222863</c:v>
                </c:pt>
                <c:pt idx="9663">
                  <c:v>24.174805351479627</c:v>
                </c:pt>
                <c:pt idx="9664">
                  <c:v>24.174805351479627</c:v>
                </c:pt>
                <c:pt idx="9665">
                  <c:v>24.174805351479627</c:v>
                </c:pt>
                <c:pt idx="9666">
                  <c:v>24.178158087622883</c:v>
                </c:pt>
                <c:pt idx="9667">
                  <c:v>24.178158087622883</c:v>
                </c:pt>
                <c:pt idx="9668">
                  <c:v>24.181510823766317</c:v>
                </c:pt>
                <c:pt idx="9669">
                  <c:v>24.181510823766317</c:v>
                </c:pt>
                <c:pt idx="9670">
                  <c:v>24.181510823766317</c:v>
                </c:pt>
                <c:pt idx="9671">
                  <c:v>24.184764950022906</c:v>
                </c:pt>
                <c:pt idx="9672">
                  <c:v>24.184764950022906</c:v>
                </c:pt>
                <c:pt idx="9673">
                  <c:v>24.188117686166336</c:v>
                </c:pt>
                <c:pt idx="9674">
                  <c:v>24.188117686166336</c:v>
                </c:pt>
                <c:pt idx="9675">
                  <c:v>24.191470422309592</c:v>
                </c:pt>
                <c:pt idx="9676">
                  <c:v>24.191470422309592</c:v>
                </c:pt>
                <c:pt idx="9677">
                  <c:v>24.191470422309592</c:v>
                </c:pt>
                <c:pt idx="9678">
                  <c:v>24.194724548566356</c:v>
                </c:pt>
                <c:pt idx="9679">
                  <c:v>24.194724548566356</c:v>
                </c:pt>
                <c:pt idx="9680">
                  <c:v>24.194724548566356</c:v>
                </c:pt>
                <c:pt idx="9681">
                  <c:v>24.198077284709612</c:v>
                </c:pt>
                <c:pt idx="9682">
                  <c:v>24.198077284709612</c:v>
                </c:pt>
                <c:pt idx="9683">
                  <c:v>24.201430020853046</c:v>
                </c:pt>
                <c:pt idx="9684">
                  <c:v>24.201430020853046</c:v>
                </c:pt>
                <c:pt idx="9685">
                  <c:v>24.201430020853046</c:v>
                </c:pt>
                <c:pt idx="9686">
                  <c:v>24.204684147109809</c:v>
                </c:pt>
                <c:pt idx="9687">
                  <c:v>24.204684147109809</c:v>
                </c:pt>
                <c:pt idx="9688">
                  <c:v>24.204684147109809</c:v>
                </c:pt>
                <c:pt idx="9689">
                  <c:v>24.208036883253065</c:v>
                </c:pt>
                <c:pt idx="9690">
                  <c:v>24.208036883253065</c:v>
                </c:pt>
                <c:pt idx="9691">
                  <c:v>24.208036883253065</c:v>
                </c:pt>
                <c:pt idx="9692">
                  <c:v>24.211389619396321</c:v>
                </c:pt>
                <c:pt idx="9693">
                  <c:v>24.211389619396321</c:v>
                </c:pt>
                <c:pt idx="9694">
                  <c:v>24.211389619396321</c:v>
                </c:pt>
                <c:pt idx="9695">
                  <c:v>24.214742355539755</c:v>
                </c:pt>
                <c:pt idx="9696">
                  <c:v>24.214742355539755</c:v>
                </c:pt>
                <c:pt idx="9697">
                  <c:v>24.214742355539755</c:v>
                </c:pt>
                <c:pt idx="9698">
                  <c:v>24.214742355539755</c:v>
                </c:pt>
                <c:pt idx="9699">
                  <c:v>24.217996481796344</c:v>
                </c:pt>
                <c:pt idx="9700">
                  <c:v>24.217996481796344</c:v>
                </c:pt>
                <c:pt idx="9701">
                  <c:v>24.217996481796344</c:v>
                </c:pt>
                <c:pt idx="9702">
                  <c:v>24.217996481796344</c:v>
                </c:pt>
                <c:pt idx="9703">
                  <c:v>24.217996481796344</c:v>
                </c:pt>
                <c:pt idx="9704">
                  <c:v>24.221349217939778</c:v>
                </c:pt>
                <c:pt idx="9705">
                  <c:v>24.221349217939778</c:v>
                </c:pt>
                <c:pt idx="9706">
                  <c:v>24.221349217939778</c:v>
                </c:pt>
                <c:pt idx="9707">
                  <c:v>24.224701954083031</c:v>
                </c:pt>
                <c:pt idx="9708">
                  <c:v>24.224701954083031</c:v>
                </c:pt>
                <c:pt idx="9709">
                  <c:v>24.224701954083031</c:v>
                </c:pt>
                <c:pt idx="9710">
                  <c:v>24.227956080339794</c:v>
                </c:pt>
                <c:pt idx="9711">
                  <c:v>24.227956080339794</c:v>
                </c:pt>
                <c:pt idx="9712">
                  <c:v>24.227956080339794</c:v>
                </c:pt>
                <c:pt idx="9713">
                  <c:v>24.231308816483054</c:v>
                </c:pt>
                <c:pt idx="9714">
                  <c:v>24.231308816483054</c:v>
                </c:pt>
                <c:pt idx="9715">
                  <c:v>24.234661552626488</c:v>
                </c:pt>
                <c:pt idx="9716">
                  <c:v>24.234661552626488</c:v>
                </c:pt>
                <c:pt idx="9717">
                  <c:v>24.237915678883251</c:v>
                </c:pt>
                <c:pt idx="9718">
                  <c:v>24.237915678883251</c:v>
                </c:pt>
                <c:pt idx="9719">
                  <c:v>24.241268415026507</c:v>
                </c:pt>
                <c:pt idx="9720">
                  <c:v>24.241268415026507</c:v>
                </c:pt>
                <c:pt idx="9721">
                  <c:v>24.241268415026507</c:v>
                </c:pt>
                <c:pt idx="9722">
                  <c:v>24.244621151169763</c:v>
                </c:pt>
                <c:pt idx="9723">
                  <c:v>24.244621151169763</c:v>
                </c:pt>
                <c:pt idx="9724">
                  <c:v>24.247875277426523</c:v>
                </c:pt>
                <c:pt idx="9725">
                  <c:v>24.247875277426523</c:v>
                </c:pt>
                <c:pt idx="9726">
                  <c:v>24.251228013569783</c:v>
                </c:pt>
                <c:pt idx="9727">
                  <c:v>24.251228013569783</c:v>
                </c:pt>
                <c:pt idx="9728">
                  <c:v>24.254580749713217</c:v>
                </c:pt>
                <c:pt idx="9729">
                  <c:v>24.254580749713217</c:v>
                </c:pt>
                <c:pt idx="9730">
                  <c:v>24.25783487596998</c:v>
                </c:pt>
                <c:pt idx="9731">
                  <c:v>24.25783487596998</c:v>
                </c:pt>
                <c:pt idx="9732">
                  <c:v>24.261187612113236</c:v>
                </c:pt>
                <c:pt idx="9733">
                  <c:v>24.261187612113236</c:v>
                </c:pt>
                <c:pt idx="9734">
                  <c:v>24.264540348256496</c:v>
                </c:pt>
                <c:pt idx="9735">
                  <c:v>24.264540348256496</c:v>
                </c:pt>
                <c:pt idx="9736">
                  <c:v>24.267794474513256</c:v>
                </c:pt>
                <c:pt idx="9737">
                  <c:v>24.267794474513256</c:v>
                </c:pt>
                <c:pt idx="9738">
                  <c:v>24.267794474513256</c:v>
                </c:pt>
                <c:pt idx="9739">
                  <c:v>24.271147210656689</c:v>
                </c:pt>
                <c:pt idx="9740">
                  <c:v>24.271147210656689</c:v>
                </c:pt>
                <c:pt idx="9741">
                  <c:v>24.271147210656689</c:v>
                </c:pt>
                <c:pt idx="9742">
                  <c:v>24.274499946799946</c:v>
                </c:pt>
                <c:pt idx="9743">
                  <c:v>24.274499946799946</c:v>
                </c:pt>
                <c:pt idx="9744">
                  <c:v>24.277754073056709</c:v>
                </c:pt>
                <c:pt idx="9745">
                  <c:v>24.277754073056709</c:v>
                </c:pt>
                <c:pt idx="9746">
                  <c:v>24.281106809199969</c:v>
                </c:pt>
                <c:pt idx="9747">
                  <c:v>24.281106809199969</c:v>
                </c:pt>
                <c:pt idx="9748">
                  <c:v>24.281106809199969</c:v>
                </c:pt>
                <c:pt idx="9749">
                  <c:v>24.284459545343225</c:v>
                </c:pt>
                <c:pt idx="9750">
                  <c:v>24.284459545343225</c:v>
                </c:pt>
                <c:pt idx="9751">
                  <c:v>24.287713671599988</c:v>
                </c:pt>
                <c:pt idx="9752">
                  <c:v>24.287713671599988</c:v>
                </c:pt>
                <c:pt idx="9753">
                  <c:v>24.287713671599988</c:v>
                </c:pt>
                <c:pt idx="9754">
                  <c:v>24.291066407743418</c:v>
                </c:pt>
                <c:pt idx="9755">
                  <c:v>24.291066407743418</c:v>
                </c:pt>
                <c:pt idx="9756">
                  <c:v>24.294419143886675</c:v>
                </c:pt>
                <c:pt idx="9757">
                  <c:v>24.294419143886675</c:v>
                </c:pt>
                <c:pt idx="9758">
                  <c:v>24.294419143886675</c:v>
                </c:pt>
                <c:pt idx="9759">
                  <c:v>24.297673270143438</c:v>
                </c:pt>
                <c:pt idx="9760">
                  <c:v>24.297673270143438</c:v>
                </c:pt>
                <c:pt idx="9761">
                  <c:v>24.297673270143438</c:v>
                </c:pt>
                <c:pt idx="9762">
                  <c:v>24.301026006286698</c:v>
                </c:pt>
                <c:pt idx="9763">
                  <c:v>24.301026006286698</c:v>
                </c:pt>
                <c:pt idx="9764">
                  <c:v>24.301026006286698</c:v>
                </c:pt>
                <c:pt idx="9765">
                  <c:v>24.304378742430128</c:v>
                </c:pt>
                <c:pt idx="9766">
                  <c:v>24.304378742430128</c:v>
                </c:pt>
                <c:pt idx="9767">
                  <c:v>24.307632868686717</c:v>
                </c:pt>
                <c:pt idx="9768">
                  <c:v>24.307632868686717</c:v>
                </c:pt>
                <c:pt idx="9769">
                  <c:v>24.310985604830147</c:v>
                </c:pt>
                <c:pt idx="9770">
                  <c:v>24.310985604830147</c:v>
                </c:pt>
                <c:pt idx="9771">
                  <c:v>24.310985604830147</c:v>
                </c:pt>
                <c:pt idx="9772">
                  <c:v>24.314338340973407</c:v>
                </c:pt>
                <c:pt idx="9773">
                  <c:v>24.314338340973407</c:v>
                </c:pt>
                <c:pt idx="9774">
                  <c:v>24.314338340973407</c:v>
                </c:pt>
                <c:pt idx="9775">
                  <c:v>24.31759246723017</c:v>
                </c:pt>
                <c:pt idx="9776">
                  <c:v>24.31759246723017</c:v>
                </c:pt>
                <c:pt idx="9777">
                  <c:v>24.320945203373427</c:v>
                </c:pt>
                <c:pt idx="9778">
                  <c:v>24.320945203373427</c:v>
                </c:pt>
                <c:pt idx="9779">
                  <c:v>24.320945203373427</c:v>
                </c:pt>
                <c:pt idx="9780">
                  <c:v>24.324297939516857</c:v>
                </c:pt>
                <c:pt idx="9781">
                  <c:v>24.324297939516857</c:v>
                </c:pt>
                <c:pt idx="9782">
                  <c:v>24.32755206577362</c:v>
                </c:pt>
                <c:pt idx="9783">
                  <c:v>24.32755206577362</c:v>
                </c:pt>
                <c:pt idx="9784">
                  <c:v>24.32755206577362</c:v>
                </c:pt>
                <c:pt idx="9785">
                  <c:v>24.330904801916876</c:v>
                </c:pt>
                <c:pt idx="9786">
                  <c:v>24.330904801916876</c:v>
                </c:pt>
                <c:pt idx="9787">
                  <c:v>24.334257538060136</c:v>
                </c:pt>
                <c:pt idx="9788">
                  <c:v>24.334257538060136</c:v>
                </c:pt>
                <c:pt idx="9789">
                  <c:v>24.334257538060136</c:v>
                </c:pt>
                <c:pt idx="9790">
                  <c:v>24.337511664316899</c:v>
                </c:pt>
                <c:pt idx="9791">
                  <c:v>24.337511664316899</c:v>
                </c:pt>
                <c:pt idx="9792">
                  <c:v>24.337511664316899</c:v>
                </c:pt>
                <c:pt idx="9793">
                  <c:v>24.340864400460156</c:v>
                </c:pt>
                <c:pt idx="9794">
                  <c:v>24.340864400460156</c:v>
                </c:pt>
                <c:pt idx="9795">
                  <c:v>24.340864400460156</c:v>
                </c:pt>
                <c:pt idx="9796">
                  <c:v>24.344217136603586</c:v>
                </c:pt>
                <c:pt idx="9797">
                  <c:v>24.344217136603586</c:v>
                </c:pt>
                <c:pt idx="9798">
                  <c:v>24.344217136603586</c:v>
                </c:pt>
                <c:pt idx="9799">
                  <c:v>24.344217136603586</c:v>
                </c:pt>
                <c:pt idx="9800">
                  <c:v>24.347569872746845</c:v>
                </c:pt>
                <c:pt idx="9801">
                  <c:v>24.347569872746845</c:v>
                </c:pt>
                <c:pt idx="9802">
                  <c:v>24.350823999003609</c:v>
                </c:pt>
                <c:pt idx="9803">
                  <c:v>24.350823999003609</c:v>
                </c:pt>
                <c:pt idx="9804">
                  <c:v>24.354176735146865</c:v>
                </c:pt>
                <c:pt idx="9805">
                  <c:v>24.354176735146865</c:v>
                </c:pt>
                <c:pt idx="9806">
                  <c:v>24.357529471290299</c:v>
                </c:pt>
                <c:pt idx="9807">
                  <c:v>24.357529471290299</c:v>
                </c:pt>
                <c:pt idx="9808">
                  <c:v>24.360783597547062</c:v>
                </c:pt>
                <c:pt idx="9809">
                  <c:v>24.360783597547062</c:v>
                </c:pt>
                <c:pt idx="9810">
                  <c:v>24.360783597547062</c:v>
                </c:pt>
                <c:pt idx="9811">
                  <c:v>24.364136333690318</c:v>
                </c:pt>
                <c:pt idx="9812">
                  <c:v>24.364136333690318</c:v>
                </c:pt>
                <c:pt idx="9813">
                  <c:v>24.364136333690318</c:v>
                </c:pt>
                <c:pt idx="9814">
                  <c:v>24.367489069833574</c:v>
                </c:pt>
                <c:pt idx="9815">
                  <c:v>24.367489069833574</c:v>
                </c:pt>
                <c:pt idx="9816">
                  <c:v>24.370743196090338</c:v>
                </c:pt>
                <c:pt idx="9817">
                  <c:v>24.370743196090338</c:v>
                </c:pt>
                <c:pt idx="9818">
                  <c:v>24.370743196090338</c:v>
                </c:pt>
                <c:pt idx="9819">
                  <c:v>24.374095932233594</c:v>
                </c:pt>
                <c:pt idx="9820">
                  <c:v>24.374095932233594</c:v>
                </c:pt>
                <c:pt idx="9821">
                  <c:v>24.377448668377028</c:v>
                </c:pt>
                <c:pt idx="9822">
                  <c:v>24.377448668377028</c:v>
                </c:pt>
                <c:pt idx="9823">
                  <c:v>24.377448668377028</c:v>
                </c:pt>
                <c:pt idx="9824">
                  <c:v>24.380702794633791</c:v>
                </c:pt>
                <c:pt idx="9825">
                  <c:v>24.380702794633791</c:v>
                </c:pt>
                <c:pt idx="9826">
                  <c:v>24.380702794633791</c:v>
                </c:pt>
                <c:pt idx="9827">
                  <c:v>24.384055530777047</c:v>
                </c:pt>
                <c:pt idx="9828">
                  <c:v>24.384055530777047</c:v>
                </c:pt>
                <c:pt idx="9829">
                  <c:v>24.387408266920303</c:v>
                </c:pt>
                <c:pt idx="9830">
                  <c:v>24.387408266920303</c:v>
                </c:pt>
                <c:pt idx="9831">
                  <c:v>24.387408266920303</c:v>
                </c:pt>
                <c:pt idx="9832">
                  <c:v>24.387408266920303</c:v>
                </c:pt>
                <c:pt idx="9833">
                  <c:v>24.387408266920303</c:v>
                </c:pt>
                <c:pt idx="9834">
                  <c:v>24.390662393177067</c:v>
                </c:pt>
                <c:pt idx="9835">
                  <c:v>24.390662393177067</c:v>
                </c:pt>
                <c:pt idx="9836">
                  <c:v>24.390662393177067</c:v>
                </c:pt>
                <c:pt idx="9837">
                  <c:v>24.390662393177067</c:v>
                </c:pt>
                <c:pt idx="9838">
                  <c:v>24.390662393177067</c:v>
                </c:pt>
                <c:pt idx="9839">
                  <c:v>24.394015129320501</c:v>
                </c:pt>
                <c:pt idx="9840">
                  <c:v>24.394015129320501</c:v>
                </c:pt>
                <c:pt idx="9841">
                  <c:v>24.394015129320501</c:v>
                </c:pt>
                <c:pt idx="9842">
                  <c:v>24.394015129320501</c:v>
                </c:pt>
                <c:pt idx="9843">
                  <c:v>24.39736786546376</c:v>
                </c:pt>
                <c:pt idx="9844">
                  <c:v>24.39736786546376</c:v>
                </c:pt>
                <c:pt idx="9845">
                  <c:v>24.39736786546376</c:v>
                </c:pt>
                <c:pt idx="9846">
                  <c:v>24.39736786546376</c:v>
                </c:pt>
                <c:pt idx="9847">
                  <c:v>24.400621991720524</c:v>
                </c:pt>
                <c:pt idx="9848">
                  <c:v>24.400621991720524</c:v>
                </c:pt>
                <c:pt idx="9849">
                  <c:v>24.400621991720524</c:v>
                </c:pt>
                <c:pt idx="9850">
                  <c:v>24.40397472786378</c:v>
                </c:pt>
                <c:pt idx="9851">
                  <c:v>24.40397472786378</c:v>
                </c:pt>
                <c:pt idx="9852">
                  <c:v>24.40397472786378</c:v>
                </c:pt>
                <c:pt idx="9853">
                  <c:v>24.407327464007036</c:v>
                </c:pt>
                <c:pt idx="9854">
                  <c:v>24.407327464007036</c:v>
                </c:pt>
                <c:pt idx="9855">
                  <c:v>24.407327464007036</c:v>
                </c:pt>
                <c:pt idx="9856">
                  <c:v>24.410581590263799</c:v>
                </c:pt>
                <c:pt idx="9857">
                  <c:v>24.410581590263799</c:v>
                </c:pt>
                <c:pt idx="9858">
                  <c:v>24.410581590263799</c:v>
                </c:pt>
                <c:pt idx="9859">
                  <c:v>24.413934326407229</c:v>
                </c:pt>
                <c:pt idx="9860">
                  <c:v>24.413934326407229</c:v>
                </c:pt>
                <c:pt idx="9861">
                  <c:v>24.417287062550489</c:v>
                </c:pt>
                <c:pt idx="9862">
                  <c:v>24.417287062550489</c:v>
                </c:pt>
                <c:pt idx="9863">
                  <c:v>24.417287062550489</c:v>
                </c:pt>
                <c:pt idx="9864">
                  <c:v>24.420541188807253</c:v>
                </c:pt>
                <c:pt idx="9865">
                  <c:v>24.420541188807253</c:v>
                </c:pt>
                <c:pt idx="9866">
                  <c:v>24.423893924950509</c:v>
                </c:pt>
                <c:pt idx="9867">
                  <c:v>24.423893924950509</c:v>
                </c:pt>
                <c:pt idx="9868">
                  <c:v>24.423893924950509</c:v>
                </c:pt>
                <c:pt idx="9869">
                  <c:v>24.427246661093765</c:v>
                </c:pt>
                <c:pt idx="9870">
                  <c:v>24.427246661093765</c:v>
                </c:pt>
                <c:pt idx="9871">
                  <c:v>24.430500787350528</c:v>
                </c:pt>
                <c:pt idx="9872">
                  <c:v>24.430500787350528</c:v>
                </c:pt>
                <c:pt idx="9873">
                  <c:v>24.430500787350528</c:v>
                </c:pt>
                <c:pt idx="9874">
                  <c:v>24.430500787350528</c:v>
                </c:pt>
                <c:pt idx="9875">
                  <c:v>24.433853523493962</c:v>
                </c:pt>
                <c:pt idx="9876">
                  <c:v>24.433853523493962</c:v>
                </c:pt>
                <c:pt idx="9877">
                  <c:v>24.433853523493962</c:v>
                </c:pt>
                <c:pt idx="9878">
                  <c:v>24.433853523493962</c:v>
                </c:pt>
                <c:pt idx="9879">
                  <c:v>24.437206259637218</c:v>
                </c:pt>
                <c:pt idx="9880">
                  <c:v>24.437206259637218</c:v>
                </c:pt>
                <c:pt idx="9881">
                  <c:v>24.437206259637218</c:v>
                </c:pt>
                <c:pt idx="9882">
                  <c:v>24.437206259637218</c:v>
                </c:pt>
                <c:pt idx="9883">
                  <c:v>24.440460385893982</c:v>
                </c:pt>
                <c:pt idx="9884">
                  <c:v>24.440460385893982</c:v>
                </c:pt>
                <c:pt idx="9885">
                  <c:v>24.440460385893982</c:v>
                </c:pt>
                <c:pt idx="9886">
                  <c:v>24.440460385893982</c:v>
                </c:pt>
                <c:pt idx="9887">
                  <c:v>24.440460385893982</c:v>
                </c:pt>
                <c:pt idx="9888">
                  <c:v>24.443813122037241</c:v>
                </c:pt>
                <c:pt idx="9889">
                  <c:v>24.443813122037241</c:v>
                </c:pt>
                <c:pt idx="9890">
                  <c:v>24.443813122037241</c:v>
                </c:pt>
                <c:pt idx="9891">
                  <c:v>24.443813122037241</c:v>
                </c:pt>
                <c:pt idx="9892">
                  <c:v>24.447165858180671</c:v>
                </c:pt>
                <c:pt idx="9893">
                  <c:v>24.447165858180671</c:v>
                </c:pt>
                <c:pt idx="9894">
                  <c:v>24.447165858180671</c:v>
                </c:pt>
                <c:pt idx="9895">
                  <c:v>24.450419984437435</c:v>
                </c:pt>
                <c:pt idx="9896">
                  <c:v>24.450419984437435</c:v>
                </c:pt>
                <c:pt idx="9897">
                  <c:v>24.450419984437435</c:v>
                </c:pt>
                <c:pt idx="9898">
                  <c:v>24.453772720580691</c:v>
                </c:pt>
                <c:pt idx="9899">
                  <c:v>24.453772720580691</c:v>
                </c:pt>
                <c:pt idx="9900">
                  <c:v>24.453772720580691</c:v>
                </c:pt>
                <c:pt idx="9901">
                  <c:v>24.453772720580691</c:v>
                </c:pt>
                <c:pt idx="9902">
                  <c:v>24.457125456723947</c:v>
                </c:pt>
                <c:pt idx="9903">
                  <c:v>24.457125456723947</c:v>
                </c:pt>
                <c:pt idx="9904">
                  <c:v>24.457125456723947</c:v>
                </c:pt>
                <c:pt idx="9905">
                  <c:v>24.46037958298071</c:v>
                </c:pt>
                <c:pt idx="9906">
                  <c:v>24.46037958298071</c:v>
                </c:pt>
                <c:pt idx="9907">
                  <c:v>24.46037958298071</c:v>
                </c:pt>
                <c:pt idx="9908">
                  <c:v>24.46373231912397</c:v>
                </c:pt>
                <c:pt idx="9909">
                  <c:v>24.46373231912397</c:v>
                </c:pt>
                <c:pt idx="9910">
                  <c:v>24.46373231912397</c:v>
                </c:pt>
                <c:pt idx="9911">
                  <c:v>24.4670850552674</c:v>
                </c:pt>
                <c:pt idx="9912">
                  <c:v>24.4670850552674</c:v>
                </c:pt>
                <c:pt idx="9913">
                  <c:v>24.470437791410657</c:v>
                </c:pt>
                <c:pt idx="9914">
                  <c:v>24.470437791410657</c:v>
                </c:pt>
                <c:pt idx="9915">
                  <c:v>24.470437791410657</c:v>
                </c:pt>
                <c:pt idx="9916">
                  <c:v>24.47369191766742</c:v>
                </c:pt>
                <c:pt idx="9917">
                  <c:v>24.47369191766742</c:v>
                </c:pt>
                <c:pt idx="9918">
                  <c:v>24.47369191766742</c:v>
                </c:pt>
                <c:pt idx="9919">
                  <c:v>24.47369191766742</c:v>
                </c:pt>
                <c:pt idx="9920">
                  <c:v>24.47704465381068</c:v>
                </c:pt>
                <c:pt idx="9921">
                  <c:v>24.47704465381068</c:v>
                </c:pt>
                <c:pt idx="9922">
                  <c:v>24.47704465381068</c:v>
                </c:pt>
                <c:pt idx="9923">
                  <c:v>24.47704465381068</c:v>
                </c:pt>
                <c:pt idx="9924">
                  <c:v>24.480397389954113</c:v>
                </c:pt>
                <c:pt idx="9925">
                  <c:v>24.480397389954113</c:v>
                </c:pt>
                <c:pt idx="9926">
                  <c:v>24.480397389954113</c:v>
                </c:pt>
                <c:pt idx="9927">
                  <c:v>24.480397389954113</c:v>
                </c:pt>
                <c:pt idx="9928">
                  <c:v>24.483651516210699</c:v>
                </c:pt>
                <c:pt idx="9929">
                  <c:v>24.483651516210699</c:v>
                </c:pt>
                <c:pt idx="9930">
                  <c:v>24.483651516210699</c:v>
                </c:pt>
                <c:pt idx="9931">
                  <c:v>24.487004252354129</c:v>
                </c:pt>
                <c:pt idx="9932">
                  <c:v>24.487004252354129</c:v>
                </c:pt>
                <c:pt idx="9933">
                  <c:v>24.487004252354129</c:v>
                </c:pt>
                <c:pt idx="9934">
                  <c:v>24.487004252354129</c:v>
                </c:pt>
                <c:pt idx="9935">
                  <c:v>24.490356988497389</c:v>
                </c:pt>
                <c:pt idx="9936">
                  <c:v>24.490356988497389</c:v>
                </c:pt>
                <c:pt idx="9937">
                  <c:v>24.490356988497389</c:v>
                </c:pt>
                <c:pt idx="9938">
                  <c:v>24.490356988497389</c:v>
                </c:pt>
                <c:pt idx="9939">
                  <c:v>24.493611114754152</c:v>
                </c:pt>
                <c:pt idx="9940">
                  <c:v>24.493611114754152</c:v>
                </c:pt>
                <c:pt idx="9941">
                  <c:v>24.493611114754152</c:v>
                </c:pt>
                <c:pt idx="9942">
                  <c:v>24.496963850897409</c:v>
                </c:pt>
                <c:pt idx="9943">
                  <c:v>24.496963850897409</c:v>
                </c:pt>
                <c:pt idx="9944">
                  <c:v>24.496963850897409</c:v>
                </c:pt>
                <c:pt idx="9945">
                  <c:v>24.500316587040842</c:v>
                </c:pt>
                <c:pt idx="9946">
                  <c:v>24.500316587040842</c:v>
                </c:pt>
                <c:pt idx="9947">
                  <c:v>24.500316587040842</c:v>
                </c:pt>
                <c:pt idx="9948">
                  <c:v>24.503570713297602</c:v>
                </c:pt>
                <c:pt idx="9949">
                  <c:v>24.503570713297602</c:v>
                </c:pt>
                <c:pt idx="9950">
                  <c:v>24.503570713297602</c:v>
                </c:pt>
                <c:pt idx="9951">
                  <c:v>24.506923449440858</c:v>
                </c:pt>
                <c:pt idx="9952">
                  <c:v>24.506923449440858</c:v>
                </c:pt>
                <c:pt idx="9953">
                  <c:v>24.510276185584118</c:v>
                </c:pt>
                <c:pt idx="9954">
                  <c:v>24.510276185584118</c:v>
                </c:pt>
                <c:pt idx="9955">
                  <c:v>24.510276185584118</c:v>
                </c:pt>
                <c:pt idx="9956">
                  <c:v>24.513530311840881</c:v>
                </c:pt>
                <c:pt idx="9957">
                  <c:v>24.513530311840881</c:v>
                </c:pt>
                <c:pt idx="9958">
                  <c:v>24.516883047984138</c:v>
                </c:pt>
                <c:pt idx="9959">
                  <c:v>24.516883047984138</c:v>
                </c:pt>
                <c:pt idx="9960">
                  <c:v>24.516883047984138</c:v>
                </c:pt>
                <c:pt idx="9961">
                  <c:v>24.516883047984138</c:v>
                </c:pt>
                <c:pt idx="9962">
                  <c:v>24.520235784127571</c:v>
                </c:pt>
                <c:pt idx="9963">
                  <c:v>24.520235784127571</c:v>
                </c:pt>
                <c:pt idx="9964">
                  <c:v>24.523489910384335</c:v>
                </c:pt>
                <c:pt idx="9965">
                  <c:v>24.523489910384335</c:v>
                </c:pt>
                <c:pt idx="9966">
                  <c:v>24.523489910384335</c:v>
                </c:pt>
                <c:pt idx="9967">
                  <c:v>24.526842646527591</c:v>
                </c:pt>
                <c:pt idx="9968">
                  <c:v>24.526842646527591</c:v>
                </c:pt>
                <c:pt idx="9969">
                  <c:v>24.526842646527591</c:v>
                </c:pt>
                <c:pt idx="9970">
                  <c:v>24.530195382670847</c:v>
                </c:pt>
                <c:pt idx="9971">
                  <c:v>24.530195382670847</c:v>
                </c:pt>
                <c:pt idx="9972">
                  <c:v>24.530195382670847</c:v>
                </c:pt>
                <c:pt idx="9973">
                  <c:v>24.530195382670847</c:v>
                </c:pt>
                <c:pt idx="9974">
                  <c:v>24.53344950892761</c:v>
                </c:pt>
                <c:pt idx="9975">
                  <c:v>24.53344950892761</c:v>
                </c:pt>
                <c:pt idx="9976">
                  <c:v>24.53344950892761</c:v>
                </c:pt>
                <c:pt idx="9977">
                  <c:v>24.53344950892761</c:v>
                </c:pt>
                <c:pt idx="9978">
                  <c:v>24.53344950892761</c:v>
                </c:pt>
                <c:pt idx="9979">
                  <c:v>24.536802245071044</c:v>
                </c:pt>
                <c:pt idx="9980">
                  <c:v>24.536802245071044</c:v>
                </c:pt>
                <c:pt idx="9981">
                  <c:v>24.536802245071044</c:v>
                </c:pt>
                <c:pt idx="9982">
                  <c:v>24.540154981214304</c:v>
                </c:pt>
                <c:pt idx="9983">
                  <c:v>24.540154981214304</c:v>
                </c:pt>
                <c:pt idx="9984">
                  <c:v>24.540154981214304</c:v>
                </c:pt>
                <c:pt idx="9985">
                  <c:v>24.540154981214304</c:v>
                </c:pt>
                <c:pt idx="9986">
                  <c:v>24.543409107471064</c:v>
                </c:pt>
                <c:pt idx="9987">
                  <c:v>24.543409107471064</c:v>
                </c:pt>
                <c:pt idx="9988">
                  <c:v>24.543409107471064</c:v>
                </c:pt>
                <c:pt idx="9989">
                  <c:v>24.543409107471064</c:v>
                </c:pt>
                <c:pt idx="9990">
                  <c:v>24.543409107471064</c:v>
                </c:pt>
                <c:pt idx="9991">
                  <c:v>24.54676184361432</c:v>
                </c:pt>
                <c:pt idx="9992">
                  <c:v>24.54676184361432</c:v>
                </c:pt>
                <c:pt idx="9993">
                  <c:v>24.54676184361432</c:v>
                </c:pt>
                <c:pt idx="9994">
                  <c:v>24.54676184361432</c:v>
                </c:pt>
                <c:pt idx="9995">
                  <c:v>24.550114579757576</c:v>
                </c:pt>
                <c:pt idx="9996">
                  <c:v>24.550114579757576</c:v>
                </c:pt>
                <c:pt idx="9997">
                  <c:v>24.550114579757576</c:v>
                </c:pt>
                <c:pt idx="9998">
                  <c:v>24.550114579757576</c:v>
                </c:pt>
                <c:pt idx="9999">
                  <c:v>24.553368706014339</c:v>
                </c:pt>
                <c:pt idx="10000">
                  <c:v>24.553368706014339</c:v>
                </c:pt>
                <c:pt idx="10001">
                  <c:v>24.553368706014339</c:v>
                </c:pt>
                <c:pt idx="10002">
                  <c:v>24.553368706014339</c:v>
                </c:pt>
                <c:pt idx="10003">
                  <c:v>24.556721442157773</c:v>
                </c:pt>
                <c:pt idx="10004">
                  <c:v>24.556721442157773</c:v>
                </c:pt>
                <c:pt idx="10005">
                  <c:v>24.556721442157773</c:v>
                </c:pt>
                <c:pt idx="10006">
                  <c:v>24.560074178301033</c:v>
                </c:pt>
                <c:pt idx="10007">
                  <c:v>24.560074178301033</c:v>
                </c:pt>
                <c:pt idx="10008">
                  <c:v>24.560074178301033</c:v>
                </c:pt>
                <c:pt idx="10009">
                  <c:v>24.560074178301033</c:v>
                </c:pt>
                <c:pt idx="10010">
                  <c:v>24.563328304557796</c:v>
                </c:pt>
                <c:pt idx="10011">
                  <c:v>24.563328304557796</c:v>
                </c:pt>
                <c:pt idx="10012">
                  <c:v>24.566681040701049</c:v>
                </c:pt>
                <c:pt idx="10013">
                  <c:v>24.566681040701049</c:v>
                </c:pt>
                <c:pt idx="10014">
                  <c:v>24.566681040701049</c:v>
                </c:pt>
                <c:pt idx="10015">
                  <c:v>24.570033776844483</c:v>
                </c:pt>
                <c:pt idx="10016">
                  <c:v>24.570033776844483</c:v>
                </c:pt>
                <c:pt idx="10017">
                  <c:v>24.570033776844483</c:v>
                </c:pt>
                <c:pt idx="10018">
                  <c:v>24.573287903101072</c:v>
                </c:pt>
                <c:pt idx="10019">
                  <c:v>24.573287903101072</c:v>
                </c:pt>
                <c:pt idx="10020">
                  <c:v>24.576640639244506</c:v>
                </c:pt>
                <c:pt idx="10021">
                  <c:v>24.576640639244506</c:v>
                </c:pt>
                <c:pt idx="10022">
                  <c:v>24.576640639244506</c:v>
                </c:pt>
                <c:pt idx="10023">
                  <c:v>24.579993375387762</c:v>
                </c:pt>
                <c:pt idx="10024">
                  <c:v>24.579993375387762</c:v>
                </c:pt>
                <c:pt idx="10025">
                  <c:v>24.579993375387762</c:v>
                </c:pt>
                <c:pt idx="10026">
                  <c:v>24.583247501644525</c:v>
                </c:pt>
                <c:pt idx="10027">
                  <c:v>24.583247501644525</c:v>
                </c:pt>
                <c:pt idx="10028">
                  <c:v>24.583247501644525</c:v>
                </c:pt>
                <c:pt idx="10029">
                  <c:v>24.586600237787778</c:v>
                </c:pt>
                <c:pt idx="10030">
                  <c:v>24.586600237787778</c:v>
                </c:pt>
                <c:pt idx="10031">
                  <c:v>24.586600237787778</c:v>
                </c:pt>
                <c:pt idx="10032">
                  <c:v>24.589952973931211</c:v>
                </c:pt>
                <c:pt idx="10033">
                  <c:v>24.589952973931211</c:v>
                </c:pt>
                <c:pt idx="10034">
                  <c:v>24.589952973931211</c:v>
                </c:pt>
                <c:pt idx="10035">
                  <c:v>24.589952973931211</c:v>
                </c:pt>
                <c:pt idx="10036">
                  <c:v>24.593207100187975</c:v>
                </c:pt>
                <c:pt idx="10037">
                  <c:v>24.593207100187975</c:v>
                </c:pt>
                <c:pt idx="10038">
                  <c:v>24.593207100187975</c:v>
                </c:pt>
                <c:pt idx="10039">
                  <c:v>24.596559836331235</c:v>
                </c:pt>
                <c:pt idx="10040">
                  <c:v>24.596559836331235</c:v>
                </c:pt>
                <c:pt idx="10041">
                  <c:v>24.596559836331235</c:v>
                </c:pt>
                <c:pt idx="10042">
                  <c:v>24.599912572474491</c:v>
                </c:pt>
                <c:pt idx="10043">
                  <c:v>24.599912572474491</c:v>
                </c:pt>
                <c:pt idx="10044">
                  <c:v>24.599912572474491</c:v>
                </c:pt>
                <c:pt idx="10045">
                  <c:v>24.603265308617921</c:v>
                </c:pt>
                <c:pt idx="10046">
                  <c:v>24.603265308617921</c:v>
                </c:pt>
                <c:pt idx="10047">
                  <c:v>24.603265308617921</c:v>
                </c:pt>
                <c:pt idx="10048">
                  <c:v>24.603265308617921</c:v>
                </c:pt>
                <c:pt idx="10049">
                  <c:v>24.60651943487451</c:v>
                </c:pt>
                <c:pt idx="10050">
                  <c:v>24.60651943487451</c:v>
                </c:pt>
                <c:pt idx="10051">
                  <c:v>24.609872171017944</c:v>
                </c:pt>
                <c:pt idx="10052">
                  <c:v>24.609872171017944</c:v>
                </c:pt>
                <c:pt idx="10053">
                  <c:v>24.609872171017944</c:v>
                </c:pt>
                <c:pt idx="10054">
                  <c:v>24.6132249071612</c:v>
                </c:pt>
                <c:pt idx="10055">
                  <c:v>24.6132249071612</c:v>
                </c:pt>
                <c:pt idx="10056">
                  <c:v>24.616479033417964</c:v>
                </c:pt>
                <c:pt idx="10057">
                  <c:v>24.616479033417964</c:v>
                </c:pt>
                <c:pt idx="10058">
                  <c:v>24.616479033417964</c:v>
                </c:pt>
                <c:pt idx="10059">
                  <c:v>24.619831769561223</c:v>
                </c:pt>
                <c:pt idx="10060">
                  <c:v>24.619831769561223</c:v>
                </c:pt>
                <c:pt idx="10061">
                  <c:v>24.623184505704653</c:v>
                </c:pt>
                <c:pt idx="10062">
                  <c:v>24.623184505704653</c:v>
                </c:pt>
                <c:pt idx="10063">
                  <c:v>24.623184505704653</c:v>
                </c:pt>
                <c:pt idx="10064">
                  <c:v>24.626438631961413</c:v>
                </c:pt>
                <c:pt idx="10065">
                  <c:v>24.626438631961413</c:v>
                </c:pt>
                <c:pt idx="10066">
                  <c:v>24.629791368104673</c:v>
                </c:pt>
                <c:pt idx="10067">
                  <c:v>24.629791368104673</c:v>
                </c:pt>
                <c:pt idx="10068">
                  <c:v>24.629791368104673</c:v>
                </c:pt>
                <c:pt idx="10069">
                  <c:v>24.629791368104673</c:v>
                </c:pt>
                <c:pt idx="10070">
                  <c:v>24.633144104247929</c:v>
                </c:pt>
                <c:pt idx="10071">
                  <c:v>24.633144104247929</c:v>
                </c:pt>
                <c:pt idx="10072">
                  <c:v>24.636398230504692</c:v>
                </c:pt>
                <c:pt idx="10073">
                  <c:v>24.636398230504692</c:v>
                </c:pt>
                <c:pt idx="10074">
                  <c:v>24.636398230504692</c:v>
                </c:pt>
                <c:pt idx="10075">
                  <c:v>24.639750966647952</c:v>
                </c:pt>
                <c:pt idx="10076">
                  <c:v>24.639750966647952</c:v>
                </c:pt>
                <c:pt idx="10077">
                  <c:v>24.643103702791382</c:v>
                </c:pt>
                <c:pt idx="10078">
                  <c:v>24.643103702791382</c:v>
                </c:pt>
                <c:pt idx="10079">
                  <c:v>24.643103702791382</c:v>
                </c:pt>
                <c:pt idx="10080">
                  <c:v>24.646357829048146</c:v>
                </c:pt>
                <c:pt idx="10081">
                  <c:v>24.646357829048146</c:v>
                </c:pt>
                <c:pt idx="10082">
                  <c:v>24.649710565191402</c:v>
                </c:pt>
                <c:pt idx="10083">
                  <c:v>24.649710565191402</c:v>
                </c:pt>
                <c:pt idx="10084">
                  <c:v>24.653063301334662</c:v>
                </c:pt>
                <c:pt idx="10085">
                  <c:v>24.653063301334662</c:v>
                </c:pt>
                <c:pt idx="10086">
                  <c:v>24.653063301334662</c:v>
                </c:pt>
                <c:pt idx="10087">
                  <c:v>24.656317427591425</c:v>
                </c:pt>
                <c:pt idx="10088">
                  <c:v>24.656317427591425</c:v>
                </c:pt>
                <c:pt idx="10089">
                  <c:v>24.659670163734859</c:v>
                </c:pt>
                <c:pt idx="10090">
                  <c:v>24.659670163734859</c:v>
                </c:pt>
                <c:pt idx="10091">
                  <c:v>24.663022899878111</c:v>
                </c:pt>
                <c:pt idx="10092">
                  <c:v>24.663022899878111</c:v>
                </c:pt>
                <c:pt idx="10093">
                  <c:v>24.663022899878111</c:v>
                </c:pt>
                <c:pt idx="10094">
                  <c:v>24.666277026134875</c:v>
                </c:pt>
                <c:pt idx="10095">
                  <c:v>24.666277026134875</c:v>
                </c:pt>
                <c:pt idx="10096">
                  <c:v>24.666277026134875</c:v>
                </c:pt>
                <c:pt idx="10097">
                  <c:v>24.669629762278131</c:v>
                </c:pt>
                <c:pt idx="10098">
                  <c:v>24.669629762278131</c:v>
                </c:pt>
                <c:pt idx="10099">
                  <c:v>24.672982498421391</c:v>
                </c:pt>
                <c:pt idx="10100">
                  <c:v>24.672982498421391</c:v>
                </c:pt>
                <c:pt idx="10101">
                  <c:v>24.672982498421391</c:v>
                </c:pt>
                <c:pt idx="10102">
                  <c:v>24.676236624678154</c:v>
                </c:pt>
                <c:pt idx="10103">
                  <c:v>24.676236624678154</c:v>
                </c:pt>
                <c:pt idx="10104">
                  <c:v>24.676236624678154</c:v>
                </c:pt>
                <c:pt idx="10105">
                  <c:v>24.679589360821588</c:v>
                </c:pt>
                <c:pt idx="10106">
                  <c:v>24.679589360821588</c:v>
                </c:pt>
                <c:pt idx="10107">
                  <c:v>24.679589360821588</c:v>
                </c:pt>
                <c:pt idx="10108">
                  <c:v>24.68294209696484</c:v>
                </c:pt>
                <c:pt idx="10109">
                  <c:v>24.68294209696484</c:v>
                </c:pt>
                <c:pt idx="10110">
                  <c:v>24.68294209696484</c:v>
                </c:pt>
                <c:pt idx="10111">
                  <c:v>24.686196223221604</c:v>
                </c:pt>
                <c:pt idx="10112">
                  <c:v>24.686196223221604</c:v>
                </c:pt>
                <c:pt idx="10113">
                  <c:v>24.686196223221604</c:v>
                </c:pt>
                <c:pt idx="10114">
                  <c:v>24.686196223221604</c:v>
                </c:pt>
                <c:pt idx="10115">
                  <c:v>24.686196223221604</c:v>
                </c:pt>
                <c:pt idx="10116">
                  <c:v>24.689548959364863</c:v>
                </c:pt>
                <c:pt idx="10117">
                  <c:v>24.689548959364863</c:v>
                </c:pt>
                <c:pt idx="10118">
                  <c:v>24.692901695508297</c:v>
                </c:pt>
                <c:pt idx="10119">
                  <c:v>24.692901695508297</c:v>
                </c:pt>
                <c:pt idx="10120">
                  <c:v>24.692901695508297</c:v>
                </c:pt>
                <c:pt idx="10121">
                  <c:v>24.692901695508297</c:v>
                </c:pt>
                <c:pt idx="10122">
                  <c:v>24.696155821764883</c:v>
                </c:pt>
                <c:pt idx="10123">
                  <c:v>24.696155821764883</c:v>
                </c:pt>
                <c:pt idx="10124">
                  <c:v>24.696155821764883</c:v>
                </c:pt>
                <c:pt idx="10125">
                  <c:v>24.696155821764883</c:v>
                </c:pt>
                <c:pt idx="10126">
                  <c:v>24.699508557908317</c:v>
                </c:pt>
                <c:pt idx="10127">
                  <c:v>24.699508557908317</c:v>
                </c:pt>
                <c:pt idx="10128">
                  <c:v>24.699508557908317</c:v>
                </c:pt>
                <c:pt idx="10129">
                  <c:v>24.702861294051573</c:v>
                </c:pt>
                <c:pt idx="10130">
                  <c:v>24.702861294051573</c:v>
                </c:pt>
                <c:pt idx="10131">
                  <c:v>24.702861294051573</c:v>
                </c:pt>
                <c:pt idx="10132">
                  <c:v>24.702861294051573</c:v>
                </c:pt>
                <c:pt idx="10133">
                  <c:v>24.706115420308336</c:v>
                </c:pt>
                <c:pt idx="10134">
                  <c:v>24.706115420308336</c:v>
                </c:pt>
                <c:pt idx="10135">
                  <c:v>24.706115420308336</c:v>
                </c:pt>
                <c:pt idx="10136">
                  <c:v>24.706115420308336</c:v>
                </c:pt>
                <c:pt idx="10137">
                  <c:v>24.709468156451592</c:v>
                </c:pt>
                <c:pt idx="10138">
                  <c:v>24.709468156451592</c:v>
                </c:pt>
                <c:pt idx="10139">
                  <c:v>24.709468156451592</c:v>
                </c:pt>
                <c:pt idx="10140">
                  <c:v>24.709468156451592</c:v>
                </c:pt>
                <c:pt idx="10141">
                  <c:v>24.712820892595026</c:v>
                </c:pt>
                <c:pt idx="10142">
                  <c:v>24.712820892595026</c:v>
                </c:pt>
                <c:pt idx="10143">
                  <c:v>24.716075018851789</c:v>
                </c:pt>
                <c:pt idx="10144">
                  <c:v>24.716075018851789</c:v>
                </c:pt>
                <c:pt idx="10145">
                  <c:v>24.719427754995046</c:v>
                </c:pt>
                <c:pt idx="10146">
                  <c:v>24.719427754995046</c:v>
                </c:pt>
                <c:pt idx="10147">
                  <c:v>24.719427754995046</c:v>
                </c:pt>
                <c:pt idx="10148">
                  <c:v>24.722780491138302</c:v>
                </c:pt>
                <c:pt idx="10149">
                  <c:v>24.722780491138302</c:v>
                </c:pt>
                <c:pt idx="10150">
                  <c:v>24.722780491138302</c:v>
                </c:pt>
                <c:pt idx="10151">
                  <c:v>24.726034617395065</c:v>
                </c:pt>
                <c:pt idx="10152">
                  <c:v>24.726034617395065</c:v>
                </c:pt>
                <c:pt idx="10153">
                  <c:v>24.729387353538321</c:v>
                </c:pt>
                <c:pt idx="10154">
                  <c:v>24.729387353538321</c:v>
                </c:pt>
                <c:pt idx="10155">
                  <c:v>24.732740089681755</c:v>
                </c:pt>
                <c:pt idx="10156">
                  <c:v>24.732740089681755</c:v>
                </c:pt>
                <c:pt idx="10157">
                  <c:v>24.732740089681755</c:v>
                </c:pt>
                <c:pt idx="10158">
                  <c:v>24.736092825825015</c:v>
                </c:pt>
                <c:pt idx="10159">
                  <c:v>24.736092825825015</c:v>
                </c:pt>
                <c:pt idx="10160">
                  <c:v>24.739346952081778</c:v>
                </c:pt>
                <c:pt idx="10161">
                  <c:v>24.739346952081778</c:v>
                </c:pt>
                <c:pt idx="10162">
                  <c:v>24.742699688225031</c:v>
                </c:pt>
                <c:pt idx="10163">
                  <c:v>24.742699688225031</c:v>
                </c:pt>
                <c:pt idx="10164">
                  <c:v>24.746052424368465</c:v>
                </c:pt>
                <c:pt idx="10165">
                  <c:v>24.746052424368465</c:v>
                </c:pt>
                <c:pt idx="10166">
                  <c:v>24.746052424368465</c:v>
                </c:pt>
                <c:pt idx="10167">
                  <c:v>24.749306550625228</c:v>
                </c:pt>
                <c:pt idx="10168">
                  <c:v>24.749306550625228</c:v>
                </c:pt>
                <c:pt idx="10169">
                  <c:v>24.752659286768488</c:v>
                </c:pt>
                <c:pt idx="10170">
                  <c:v>24.752659286768488</c:v>
                </c:pt>
                <c:pt idx="10171">
                  <c:v>24.752659286768488</c:v>
                </c:pt>
                <c:pt idx="10172">
                  <c:v>24.756012022911744</c:v>
                </c:pt>
                <c:pt idx="10173">
                  <c:v>24.756012022911744</c:v>
                </c:pt>
                <c:pt idx="10174">
                  <c:v>24.759266149168507</c:v>
                </c:pt>
                <c:pt idx="10175">
                  <c:v>24.759266149168507</c:v>
                </c:pt>
                <c:pt idx="10176">
                  <c:v>24.759266149168507</c:v>
                </c:pt>
                <c:pt idx="10177">
                  <c:v>24.762618885311763</c:v>
                </c:pt>
                <c:pt idx="10178">
                  <c:v>24.762618885311763</c:v>
                </c:pt>
                <c:pt idx="10179">
                  <c:v>24.762618885311763</c:v>
                </c:pt>
                <c:pt idx="10180">
                  <c:v>24.765971621455193</c:v>
                </c:pt>
                <c:pt idx="10181">
                  <c:v>24.765971621455193</c:v>
                </c:pt>
                <c:pt idx="10182">
                  <c:v>24.765971621455193</c:v>
                </c:pt>
                <c:pt idx="10183">
                  <c:v>24.769225747711957</c:v>
                </c:pt>
                <c:pt idx="10184">
                  <c:v>24.769225747711957</c:v>
                </c:pt>
                <c:pt idx="10185">
                  <c:v>24.769225747711957</c:v>
                </c:pt>
                <c:pt idx="10186">
                  <c:v>24.772578483855217</c:v>
                </c:pt>
                <c:pt idx="10187">
                  <c:v>24.772578483855217</c:v>
                </c:pt>
                <c:pt idx="10188">
                  <c:v>24.775931219998473</c:v>
                </c:pt>
                <c:pt idx="10189">
                  <c:v>24.775931219998473</c:v>
                </c:pt>
                <c:pt idx="10190">
                  <c:v>24.775931219998473</c:v>
                </c:pt>
                <c:pt idx="10191">
                  <c:v>24.775931219998473</c:v>
                </c:pt>
                <c:pt idx="10192">
                  <c:v>24.779185346255236</c:v>
                </c:pt>
                <c:pt idx="10193">
                  <c:v>24.779185346255236</c:v>
                </c:pt>
                <c:pt idx="10194">
                  <c:v>24.779185346255236</c:v>
                </c:pt>
                <c:pt idx="10195">
                  <c:v>24.779185346255236</c:v>
                </c:pt>
                <c:pt idx="10196">
                  <c:v>24.782538082398496</c:v>
                </c:pt>
                <c:pt idx="10197">
                  <c:v>24.782538082398496</c:v>
                </c:pt>
                <c:pt idx="10198">
                  <c:v>24.782538082398496</c:v>
                </c:pt>
                <c:pt idx="10199">
                  <c:v>24.785890818541926</c:v>
                </c:pt>
                <c:pt idx="10200">
                  <c:v>24.785890818541926</c:v>
                </c:pt>
                <c:pt idx="10201">
                  <c:v>24.785890818541926</c:v>
                </c:pt>
                <c:pt idx="10202">
                  <c:v>24.785890818541926</c:v>
                </c:pt>
                <c:pt idx="10203">
                  <c:v>24.785890818541926</c:v>
                </c:pt>
                <c:pt idx="10204">
                  <c:v>24.789144944798689</c:v>
                </c:pt>
                <c:pt idx="10205">
                  <c:v>24.789144944798689</c:v>
                </c:pt>
                <c:pt idx="10206">
                  <c:v>24.789144944798689</c:v>
                </c:pt>
                <c:pt idx="10207">
                  <c:v>24.792497680941946</c:v>
                </c:pt>
                <c:pt idx="10208">
                  <c:v>24.792497680941946</c:v>
                </c:pt>
                <c:pt idx="10209">
                  <c:v>24.792497680941946</c:v>
                </c:pt>
                <c:pt idx="10210">
                  <c:v>24.792497680941946</c:v>
                </c:pt>
                <c:pt idx="10211">
                  <c:v>24.795850417085205</c:v>
                </c:pt>
                <c:pt idx="10212">
                  <c:v>24.795850417085205</c:v>
                </c:pt>
                <c:pt idx="10213">
                  <c:v>24.795850417085205</c:v>
                </c:pt>
                <c:pt idx="10214">
                  <c:v>24.795850417085205</c:v>
                </c:pt>
                <c:pt idx="10215">
                  <c:v>24.799104543341965</c:v>
                </c:pt>
                <c:pt idx="10216">
                  <c:v>24.799104543341965</c:v>
                </c:pt>
                <c:pt idx="10217">
                  <c:v>24.799104543341965</c:v>
                </c:pt>
                <c:pt idx="10218">
                  <c:v>24.802457279485395</c:v>
                </c:pt>
                <c:pt idx="10219">
                  <c:v>24.802457279485395</c:v>
                </c:pt>
                <c:pt idx="10220">
                  <c:v>24.802457279485395</c:v>
                </c:pt>
                <c:pt idx="10221">
                  <c:v>24.802457279485395</c:v>
                </c:pt>
                <c:pt idx="10222">
                  <c:v>24.805810015628655</c:v>
                </c:pt>
                <c:pt idx="10223">
                  <c:v>24.805810015628655</c:v>
                </c:pt>
                <c:pt idx="10224">
                  <c:v>24.805810015628655</c:v>
                </c:pt>
                <c:pt idx="10225">
                  <c:v>24.809064141885418</c:v>
                </c:pt>
                <c:pt idx="10226">
                  <c:v>24.809064141885418</c:v>
                </c:pt>
                <c:pt idx="10227">
                  <c:v>24.809064141885418</c:v>
                </c:pt>
                <c:pt idx="10228">
                  <c:v>24.812416878028674</c:v>
                </c:pt>
                <c:pt idx="10229">
                  <c:v>24.812416878028674</c:v>
                </c:pt>
                <c:pt idx="10230">
                  <c:v>24.812416878028674</c:v>
                </c:pt>
                <c:pt idx="10231">
                  <c:v>24.815769614171934</c:v>
                </c:pt>
                <c:pt idx="10232">
                  <c:v>24.815769614171934</c:v>
                </c:pt>
                <c:pt idx="10233">
                  <c:v>24.815769614171934</c:v>
                </c:pt>
                <c:pt idx="10234">
                  <c:v>24.819023740428698</c:v>
                </c:pt>
                <c:pt idx="10235">
                  <c:v>24.819023740428698</c:v>
                </c:pt>
                <c:pt idx="10236">
                  <c:v>24.822376476572128</c:v>
                </c:pt>
                <c:pt idx="10237">
                  <c:v>24.822376476572128</c:v>
                </c:pt>
                <c:pt idx="10238">
                  <c:v>24.822376476572128</c:v>
                </c:pt>
                <c:pt idx="10239">
                  <c:v>24.825729212715384</c:v>
                </c:pt>
                <c:pt idx="10240">
                  <c:v>24.825729212715384</c:v>
                </c:pt>
                <c:pt idx="10241">
                  <c:v>24.825729212715384</c:v>
                </c:pt>
                <c:pt idx="10242">
                  <c:v>24.828983338972147</c:v>
                </c:pt>
                <c:pt idx="10243">
                  <c:v>24.828983338972147</c:v>
                </c:pt>
                <c:pt idx="10244">
                  <c:v>24.828983338972147</c:v>
                </c:pt>
                <c:pt idx="10245">
                  <c:v>24.832336075115407</c:v>
                </c:pt>
                <c:pt idx="10246">
                  <c:v>24.832336075115407</c:v>
                </c:pt>
                <c:pt idx="10247">
                  <c:v>24.835688811258841</c:v>
                </c:pt>
                <c:pt idx="10248">
                  <c:v>24.835688811258841</c:v>
                </c:pt>
                <c:pt idx="10249">
                  <c:v>24.835688811258841</c:v>
                </c:pt>
                <c:pt idx="10250">
                  <c:v>24.838942937515426</c:v>
                </c:pt>
                <c:pt idx="10251">
                  <c:v>24.838942937515426</c:v>
                </c:pt>
                <c:pt idx="10252">
                  <c:v>24.838942937515426</c:v>
                </c:pt>
                <c:pt idx="10253">
                  <c:v>24.842295673658857</c:v>
                </c:pt>
                <c:pt idx="10254">
                  <c:v>24.842295673658857</c:v>
                </c:pt>
                <c:pt idx="10255">
                  <c:v>24.842295673658857</c:v>
                </c:pt>
                <c:pt idx="10256">
                  <c:v>24.842295673658857</c:v>
                </c:pt>
                <c:pt idx="10257">
                  <c:v>24.845648409802113</c:v>
                </c:pt>
                <c:pt idx="10258">
                  <c:v>24.845648409802113</c:v>
                </c:pt>
                <c:pt idx="10259">
                  <c:v>24.845648409802113</c:v>
                </c:pt>
                <c:pt idx="10260">
                  <c:v>24.845648409802113</c:v>
                </c:pt>
                <c:pt idx="10261">
                  <c:v>24.845648409802113</c:v>
                </c:pt>
                <c:pt idx="10262">
                  <c:v>24.848902536058876</c:v>
                </c:pt>
                <c:pt idx="10263">
                  <c:v>24.848902536058876</c:v>
                </c:pt>
                <c:pt idx="10264">
                  <c:v>24.848902536058876</c:v>
                </c:pt>
                <c:pt idx="10265">
                  <c:v>24.848902536058876</c:v>
                </c:pt>
                <c:pt idx="10266">
                  <c:v>24.852255272202136</c:v>
                </c:pt>
                <c:pt idx="10267">
                  <c:v>24.852255272202136</c:v>
                </c:pt>
                <c:pt idx="10268">
                  <c:v>24.852255272202136</c:v>
                </c:pt>
                <c:pt idx="10269">
                  <c:v>24.852255272202136</c:v>
                </c:pt>
                <c:pt idx="10270">
                  <c:v>24.85560800834557</c:v>
                </c:pt>
                <c:pt idx="10271">
                  <c:v>24.85560800834557</c:v>
                </c:pt>
                <c:pt idx="10272">
                  <c:v>24.85560800834557</c:v>
                </c:pt>
                <c:pt idx="10273">
                  <c:v>24.85560800834557</c:v>
                </c:pt>
                <c:pt idx="10274">
                  <c:v>24.85560800834557</c:v>
                </c:pt>
                <c:pt idx="10275">
                  <c:v>24.858960744488826</c:v>
                </c:pt>
                <c:pt idx="10276">
                  <c:v>24.858960744488826</c:v>
                </c:pt>
                <c:pt idx="10277">
                  <c:v>24.858960744488826</c:v>
                </c:pt>
                <c:pt idx="10278">
                  <c:v>24.862214870745586</c:v>
                </c:pt>
                <c:pt idx="10279">
                  <c:v>24.862214870745586</c:v>
                </c:pt>
                <c:pt idx="10280">
                  <c:v>24.862214870745586</c:v>
                </c:pt>
                <c:pt idx="10281">
                  <c:v>24.865567606888845</c:v>
                </c:pt>
                <c:pt idx="10282">
                  <c:v>24.865567606888845</c:v>
                </c:pt>
                <c:pt idx="10283">
                  <c:v>24.868920343032279</c:v>
                </c:pt>
                <c:pt idx="10284">
                  <c:v>24.868920343032279</c:v>
                </c:pt>
                <c:pt idx="10285">
                  <c:v>24.868920343032279</c:v>
                </c:pt>
                <c:pt idx="10286">
                  <c:v>24.872174469288865</c:v>
                </c:pt>
                <c:pt idx="10287">
                  <c:v>24.872174469288865</c:v>
                </c:pt>
                <c:pt idx="10288">
                  <c:v>24.875527205432299</c:v>
                </c:pt>
                <c:pt idx="10289">
                  <c:v>24.875527205432299</c:v>
                </c:pt>
                <c:pt idx="10290">
                  <c:v>24.875527205432299</c:v>
                </c:pt>
                <c:pt idx="10291">
                  <c:v>24.878879941575558</c:v>
                </c:pt>
                <c:pt idx="10292">
                  <c:v>24.878879941575558</c:v>
                </c:pt>
                <c:pt idx="10293">
                  <c:v>24.882134067832318</c:v>
                </c:pt>
                <c:pt idx="10294">
                  <c:v>24.882134067832318</c:v>
                </c:pt>
                <c:pt idx="10295">
                  <c:v>24.882134067832318</c:v>
                </c:pt>
                <c:pt idx="10296">
                  <c:v>24.885486803975574</c:v>
                </c:pt>
                <c:pt idx="10297">
                  <c:v>24.885486803975574</c:v>
                </c:pt>
                <c:pt idx="10298">
                  <c:v>24.885486803975574</c:v>
                </c:pt>
                <c:pt idx="10299">
                  <c:v>24.888839540119008</c:v>
                </c:pt>
                <c:pt idx="10300">
                  <c:v>24.888839540119008</c:v>
                </c:pt>
                <c:pt idx="10301">
                  <c:v>24.892093666375771</c:v>
                </c:pt>
                <c:pt idx="10302">
                  <c:v>24.892093666375771</c:v>
                </c:pt>
                <c:pt idx="10303">
                  <c:v>24.892093666375771</c:v>
                </c:pt>
                <c:pt idx="10304">
                  <c:v>24.892093666375771</c:v>
                </c:pt>
                <c:pt idx="10305">
                  <c:v>24.895446402519028</c:v>
                </c:pt>
                <c:pt idx="10306">
                  <c:v>24.895446402519028</c:v>
                </c:pt>
                <c:pt idx="10307">
                  <c:v>24.895446402519028</c:v>
                </c:pt>
                <c:pt idx="10308">
                  <c:v>24.895446402519028</c:v>
                </c:pt>
                <c:pt idx="10309">
                  <c:v>24.898799138662287</c:v>
                </c:pt>
                <c:pt idx="10310">
                  <c:v>24.898799138662287</c:v>
                </c:pt>
                <c:pt idx="10311">
                  <c:v>24.898799138662287</c:v>
                </c:pt>
                <c:pt idx="10312">
                  <c:v>24.902053264919047</c:v>
                </c:pt>
                <c:pt idx="10313">
                  <c:v>24.902053264919047</c:v>
                </c:pt>
                <c:pt idx="10314">
                  <c:v>24.902053264919047</c:v>
                </c:pt>
                <c:pt idx="10315">
                  <c:v>24.905406001062303</c:v>
                </c:pt>
                <c:pt idx="10316">
                  <c:v>24.905406001062303</c:v>
                </c:pt>
                <c:pt idx="10317">
                  <c:v>24.905406001062303</c:v>
                </c:pt>
                <c:pt idx="10318">
                  <c:v>24.908758737205737</c:v>
                </c:pt>
                <c:pt idx="10319">
                  <c:v>24.908758737205737</c:v>
                </c:pt>
                <c:pt idx="10320">
                  <c:v>24.908758737205737</c:v>
                </c:pt>
                <c:pt idx="10321">
                  <c:v>24.908758737205737</c:v>
                </c:pt>
                <c:pt idx="10322">
                  <c:v>24.9120128634625</c:v>
                </c:pt>
                <c:pt idx="10323">
                  <c:v>24.9120128634625</c:v>
                </c:pt>
                <c:pt idx="10324">
                  <c:v>24.9120128634625</c:v>
                </c:pt>
                <c:pt idx="10325">
                  <c:v>24.9120128634625</c:v>
                </c:pt>
                <c:pt idx="10326">
                  <c:v>24.91536559960576</c:v>
                </c:pt>
                <c:pt idx="10327">
                  <c:v>24.91536559960576</c:v>
                </c:pt>
                <c:pt idx="10328">
                  <c:v>24.91536559960576</c:v>
                </c:pt>
                <c:pt idx="10329">
                  <c:v>24.91536559960576</c:v>
                </c:pt>
                <c:pt idx="10330">
                  <c:v>24.918718335749016</c:v>
                </c:pt>
                <c:pt idx="10331">
                  <c:v>24.918718335749016</c:v>
                </c:pt>
                <c:pt idx="10332">
                  <c:v>24.918718335749016</c:v>
                </c:pt>
                <c:pt idx="10333">
                  <c:v>24.92197246200578</c:v>
                </c:pt>
                <c:pt idx="10334">
                  <c:v>24.92197246200578</c:v>
                </c:pt>
                <c:pt idx="10335">
                  <c:v>24.92197246200578</c:v>
                </c:pt>
                <c:pt idx="10336">
                  <c:v>24.92532519814921</c:v>
                </c:pt>
                <c:pt idx="10337">
                  <c:v>24.92532519814921</c:v>
                </c:pt>
                <c:pt idx="10338">
                  <c:v>24.92532519814921</c:v>
                </c:pt>
                <c:pt idx="10339">
                  <c:v>24.92532519814921</c:v>
                </c:pt>
                <c:pt idx="10340">
                  <c:v>24.928677934292466</c:v>
                </c:pt>
                <c:pt idx="10341">
                  <c:v>24.928677934292466</c:v>
                </c:pt>
                <c:pt idx="10342">
                  <c:v>24.928677934292466</c:v>
                </c:pt>
                <c:pt idx="10343">
                  <c:v>24.928677934292466</c:v>
                </c:pt>
                <c:pt idx="10344">
                  <c:v>24.931932060549229</c:v>
                </c:pt>
                <c:pt idx="10345">
                  <c:v>24.931932060549229</c:v>
                </c:pt>
                <c:pt idx="10346">
                  <c:v>24.931932060549229</c:v>
                </c:pt>
                <c:pt idx="10347">
                  <c:v>24.931932060549229</c:v>
                </c:pt>
                <c:pt idx="10348">
                  <c:v>24.931932060549229</c:v>
                </c:pt>
                <c:pt idx="10349">
                  <c:v>24.935284796692489</c:v>
                </c:pt>
                <c:pt idx="10350">
                  <c:v>24.935284796692489</c:v>
                </c:pt>
                <c:pt idx="10351">
                  <c:v>24.935284796692489</c:v>
                </c:pt>
                <c:pt idx="10352">
                  <c:v>24.935284796692489</c:v>
                </c:pt>
                <c:pt idx="10353">
                  <c:v>24.938637532835745</c:v>
                </c:pt>
                <c:pt idx="10354">
                  <c:v>24.938637532835745</c:v>
                </c:pt>
                <c:pt idx="10355">
                  <c:v>24.938637532835745</c:v>
                </c:pt>
                <c:pt idx="10356">
                  <c:v>24.938637532835745</c:v>
                </c:pt>
                <c:pt idx="10357">
                  <c:v>24.938637532835745</c:v>
                </c:pt>
                <c:pt idx="10358">
                  <c:v>24.941891659092509</c:v>
                </c:pt>
                <c:pt idx="10359">
                  <c:v>24.941891659092509</c:v>
                </c:pt>
                <c:pt idx="10360">
                  <c:v>24.941891659092509</c:v>
                </c:pt>
                <c:pt idx="10361">
                  <c:v>24.941891659092509</c:v>
                </c:pt>
                <c:pt idx="10362">
                  <c:v>24.945244395235939</c:v>
                </c:pt>
                <c:pt idx="10363">
                  <c:v>24.945244395235939</c:v>
                </c:pt>
                <c:pt idx="10364">
                  <c:v>24.945244395235939</c:v>
                </c:pt>
                <c:pt idx="10365">
                  <c:v>24.945244395235939</c:v>
                </c:pt>
                <c:pt idx="10366">
                  <c:v>24.945244395235939</c:v>
                </c:pt>
                <c:pt idx="10367">
                  <c:v>24.948597131379199</c:v>
                </c:pt>
                <c:pt idx="10368">
                  <c:v>24.948597131379199</c:v>
                </c:pt>
                <c:pt idx="10369">
                  <c:v>24.948597131379199</c:v>
                </c:pt>
                <c:pt idx="10370">
                  <c:v>24.948597131379199</c:v>
                </c:pt>
                <c:pt idx="10371">
                  <c:v>24.951851257635962</c:v>
                </c:pt>
                <c:pt idx="10372">
                  <c:v>24.951851257635962</c:v>
                </c:pt>
                <c:pt idx="10373">
                  <c:v>24.951851257635962</c:v>
                </c:pt>
                <c:pt idx="10374">
                  <c:v>24.951851257635962</c:v>
                </c:pt>
                <c:pt idx="10375">
                  <c:v>24.955203993779218</c:v>
                </c:pt>
                <c:pt idx="10376">
                  <c:v>24.955203993779218</c:v>
                </c:pt>
                <c:pt idx="10377">
                  <c:v>24.955203993779218</c:v>
                </c:pt>
                <c:pt idx="10378">
                  <c:v>24.955203993779218</c:v>
                </c:pt>
                <c:pt idx="10379">
                  <c:v>24.958556729922648</c:v>
                </c:pt>
                <c:pt idx="10380">
                  <c:v>24.958556729922648</c:v>
                </c:pt>
                <c:pt idx="10381">
                  <c:v>24.958556729922648</c:v>
                </c:pt>
                <c:pt idx="10382">
                  <c:v>24.958556729922648</c:v>
                </c:pt>
                <c:pt idx="10383">
                  <c:v>24.961810856179241</c:v>
                </c:pt>
                <c:pt idx="10384">
                  <c:v>24.961810856179241</c:v>
                </c:pt>
                <c:pt idx="10385">
                  <c:v>24.961810856179241</c:v>
                </c:pt>
                <c:pt idx="10386">
                  <c:v>24.961810856179241</c:v>
                </c:pt>
                <c:pt idx="10387">
                  <c:v>24.965163592322671</c:v>
                </c:pt>
                <c:pt idx="10388">
                  <c:v>24.965163592322671</c:v>
                </c:pt>
                <c:pt idx="10389">
                  <c:v>24.965163592322671</c:v>
                </c:pt>
                <c:pt idx="10390">
                  <c:v>24.968516328465928</c:v>
                </c:pt>
                <c:pt idx="10391">
                  <c:v>24.968516328465928</c:v>
                </c:pt>
                <c:pt idx="10392">
                  <c:v>24.968516328465928</c:v>
                </c:pt>
                <c:pt idx="10393">
                  <c:v>24.971770454722691</c:v>
                </c:pt>
                <c:pt idx="10394">
                  <c:v>24.971770454722691</c:v>
                </c:pt>
                <c:pt idx="10395">
                  <c:v>24.975123190865947</c:v>
                </c:pt>
                <c:pt idx="10396">
                  <c:v>24.975123190865947</c:v>
                </c:pt>
                <c:pt idx="10397">
                  <c:v>24.978475927009377</c:v>
                </c:pt>
                <c:pt idx="10398">
                  <c:v>24.978475927009377</c:v>
                </c:pt>
                <c:pt idx="10399">
                  <c:v>24.978475927009377</c:v>
                </c:pt>
                <c:pt idx="10400">
                  <c:v>24.981730053266141</c:v>
                </c:pt>
                <c:pt idx="10401">
                  <c:v>24.981730053266141</c:v>
                </c:pt>
                <c:pt idx="10402">
                  <c:v>24.981730053266141</c:v>
                </c:pt>
                <c:pt idx="10403">
                  <c:v>24.9850827894094</c:v>
                </c:pt>
                <c:pt idx="10404">
                  <c:v>24.9850827894094</c:v>
                </c:pt>
                <c:pt idx="10405">
                  <c:v>24.9850827894094</c:v>
                </c:pt>
                <c:pt idx="10406">
                  <c:v>24.988435525552656</c:v>
                </c:pt>
                <c:pt idx="10407">
                  <c:v>24.988435525552656</c:v>
                </c:pt>
                <c:pt idx="10408">
                  <c:v>24.988435525552656</c:v>
                </c:pt>
                <c:pt idx="10409">
                  <c:v>24.988435525552656</c:v>
                </c:pt>
                <c:pt idx="10410">
                  <c:v>24.99178826169609</c:v>
                </c:pt>
                <c:pt idx="10411">
                  <c:v>24.99178826169609</c:v>
                </c:pt>
                <c:pt idx="10412">
                  <c:v>24.99178826169609</c:v>
                </c:pt>
                <c:pt idx="10413">
                  <c:v>24.99504238795268</c:v>
                </c:pt>
                <c:pt idx="10414">
                  <c:v>24.99504238795268</c:v>
                </c:pt>
                <c:pt idx="10415">
                  <c:v>24.99504238795268</c:v>
                </c:pt>
                <c:pt idx="10416">
                  <c:v>24.99839512409611</c:v>
                </c:pt>
                <c:pt idx="10417">
                  <c:v>24.99839512409611</c:v>
                </c:pt>
                <c:pt idx="10418">
                  <c:v>24.99839512409611</c:v>
                </c:pt>
                <c:pt idx="10419">
                  <c:v>24.99839512409611</c:v>
                </c:pt>
                <c:pt idx="10420">
                  <c:v>25.001747860239366</c:v>
                </c:pt>
                <c:pt idx="10421">
                  <c:v>25.001747860239366</c:v>
                </c:pt>
                <c:pt idx="10422">
                  <c:v>25.001747860239366</c:v>
                </c:pt>
                <c:pt idx="10423">
                  <c:v>25.001747860239366</c:v>
                </c:pt>
                <c:pt idx="10424">
                  <c:v>25.005001986496129</c:v>
                </c:pt>
                <c:pt idx="10425">
                  <c:v>25.005001986496129</c:v>
                </c:pt>
                <c:pt idx="10426">
                  <c:v>25.005001986496129</c:v>
                </c:pt>
                <c:pt idx="10427">
                  <c:v>25.008354722639389</c:v>
                </c:pt>
                <c:pt idx="10428">
                  <c:v>25.008354722639389</c:v>
                </c:pt>
                <c:pt idx="10429">
                  <c:v>25.008354722639389</c:v>
                </c:pt>
                <c:pt idx="10430">
                  <c:v>25.011707458782823</c:v>
                </c:pt>
                <c:pt idx="10431">
                  <c:v>25.011707458782823</c:v>
                </c:pt>
                <c:pt idx="10432">
                  <c:v>25.014961585039583</c:v>
                </c:pt>
                <c:pt idx="10433">
                  <c:v>25.014961585039583</c:v>
                </c:pt>
                <c:pt idx="10434">
                  <c:v>25.014961585039583</c:v>
                </c:pt>
                <c:pt idx="10435">
                  <c:v>25.018314321182842</c:v>
                </c:pt>
                <c:pt idx="10436">
                  <c:v>25.018314321182842</c:v>
                </c:pt>
                <c:pt idx="10437">
                  <c:v>25.018314321182842</c:v>
                </c:pt>
                <c:pt idx="10438">
                  <c:v>25.021667057326095</c:v>
                </c:pt>
                <c:pt idx="10439">
                  <c:v>25.021667057326095</c:v>
                </c:pt>
                <c:pt idx="10440">
                  <c:v>25.021667057326095</c:v>
                </c:pt>
                <c:pt idx="10441">
                  <c:v>25.021667057326095</c:v>
                </c:pt>
                <c:pt idx="10442">
                  <c:v>25.024921183582858</c:v>
                </c:pt>
                <c:pt idx="10443">
                  <c:v>25.024921183582858</c:v>
                </c:pt>
                <c:pt idx="10444">
                  <c:v>25.024921183582858</c:v>
                </c:pt>
                <c:pt idx="10445">
                  <c:v>25.028273919726118</c:v>
                </c:pt>
                <c:pt idx="10446">
                  <c:v>25.028273919726118</c:v>
                </c:pt>
                <c:pt idx="10447">
                  <c:v>25.028273919726118</c:v>
                </c:pt>
                <c:pt idx="10448">
                  <c:v>25.028273919726118</c:v>
                </c:pt>
                <c:pt idx="10449">
                  <c:v>25.031626655869552</c:v>
                </c:pt>
                <c:pt idx="10450">
                  <c:v>25.031626655869552</c:v>
                </c:pt>
                <c:pt idx="10451">
                  <c:v>25.031626655869552</c:v>
                </c:pt>
                <c:pt idx="10452">
                  <c:v>25.034880782126315</c:v>
                </c:pt>
                <c:pt idx="10453">
                  <c:v>25.034880782126315</c:v>
                </c:pt>
                <c:pt idx="10454">
                  <c:v>25.034880782126315</c:v>
                </c:pt>
                <c:pt idx="10455">
                  <c:v>25.034880782126315</c:v>
                </c:pt>
                <c:pt idx="10456">
                  <c:v>25.038233518269571</c:v>
                </c:pt>
                <c:pt idx="10457">
                  <c:v>25.038233518269571</c:v>
                </c:pt>
                <c:pt idx="10458">
                  <c:v>25.038233518269571</c:v>
                </c:pt>
                <c:pt idx="10459">
                  <c:v>25.041586254412827</c:v>
                </c:pt>
                <c:pt idx="10460">
                  <c:v>25.041586254412827</c:v>
                </c:pt>
                <c:pt idx="10461">
                  <c:v>25.041586254412827</c:v>
                </c:pt>
                <c:pt idx="10462">
                  <c:v>25.044840380669591</c:v>
                </c:pt>
                <c:pt idx="10463">
                  <c:v>25.044840380669591</c:v>
                </c:pt>
                <c:pt idx="10464">
                  <c:v>25.044840380669591</c:v>
                </c:pt>
                <c:pt idx="10465">
                  <c:v>25.048193116812847</c:v>
                </c:pt>
                <c:pt idx="10466">
                  <c:v>25.048193116812847</c:v>
                </c:pt>
                <c:pt idx="10467">
                  <c:v>25.048193116812847</c:v>
                </c:pt>
                <c:pt idx="10468">
                  <c:v>25.051545852956281</c:v>
                </c:pt>
                <c:pt idx="10469">
                  <c:v>25.051545852956281</c:v>
                </c:pt>
                <c:pt idx="10470">
                  <c:v>25.054799979213044</c:v>
                </c:pt>
                <c:pt idx="10471">
                  <c:v>25.054799979213044</c:v>
                </c:pt>
                <c:pt idx="10472">
                  <c:v>25.054799979213044</c:v>
                </c:pt>
                <c:pt idx="10473">
                  <c:v>25.0581527153563</c:v>
                </c:pt>
                <c:pt idx="10474">
                  <c:v>25.0581527153563</c:v>
                </c:pt>
                <c:pt idx="10475">
                  <c:v>25.0581527153563</c:v>
                </c:pt>
                <c:pt idx="10476">
                  <c:v>25.0581527153563</c:v>
                </c:pt>
                <c:pt idx="10477">
                  <c:v>25.061505451499556</c:v>
                </c:pt>
                <c:pt idx="10478">
                  <c:v>25.061505451499556</c:v>
                </c:pt>
                <c:pt idx="10479">
                  <c:v>25.061505451499556</c:v>
                </c:pt>
                <c:pt idx="10480">
                  <c:v>25.06475957775632</c:v>
                </c:pt>
                <c:pt idx="10481">
                  <c:v>25.06475957775632</c:v>
                </c:pt>
                <c:pt idx="10482">
                  <c:v>25.06475957775632</c:v>
                </c:pt>
                <c:pt idx="10483">
                  <c:v>25.068112313899753</c:v>
                </c:pt>
                <c:pt idx="10484">
                  <c:v>25.068112313899753</c:v>
                </c:pt>
                <c:pt idx="10485">
                  <c:v>25.068112313899753</c:v>
                </c:pt>
                <c:pt idx="10486">
                  <c:v>25.07146505004301</c:v>
                </c:pt>
                <c:pt idx="10487">
                  <c:v>25.07146505004301</c:v>
                </c:pt>
                <c:pt idx="10488">
                  <c:v>25.07146505004301</c:v>
                </c:pt>
                <c:pt idx="10489">
                  <c:v>25.074719176299773</c:v>
                </c:pt>
                <c:pt idx="10490">
                  <c:v>25.074719176299773</c:v>
                </c:pt>
                <c:pt idx="10491">
                  <c:v>25.074719176299773</c:v>
                </c:pt>
                <c:pt idx="10492">
                  <c:v>25.074719176299773</c:v>
                </c:pt>
                <c:pt idx="10493">
                  <c:v>25.078071912443033</c:v>
                </c:pt>
                <c:pt idx="10494">
                  <c:v>25.078071912443033</c:v>
                </c:pt>
                <c:pt idx="10495">
                  <c:v>25.078071912443033</c:v>
                </c:pt>
                <c:pt idx="10496">
                  <c:v>25.078071912443033</c:v>
                </c:pt>
                <c:pt idx="10497">
                  <c:v>25.081424648586285</c:v>
                </c:pt>
                <c:pt idx="10498">
                  <c:v>25.081424648586285</c:v>
                </c:pt>
                <c:pt idx="10499">
                  <c:v>25.081424648586285</c:v>
                </c:pt>
                <c:pt idx="10500">
                  <c:v>25.081424648586285</c:v>
                </c:pt>
                <c:pt idx="10501">
                  <c:v>25.084678774843049</c:v>
                </c:pt>
                <c:pt idx="10502">
                  <c:v>25.084678774843049</c:v>
                </c:pt>
                <c:pt idx="10503">
                  <c:v>25.084678774843049</c:v>
                </c:pt>
                <c:pt idx="10504">
                  <c:v>25.088031510986482</c:v>
                </c:pt>
                <c:pt idx="10505">
                  <c:v>25.088031510986482</c:v>
                </c:pt>
                <c:pt idx="10506">
                  <c:v>25.088031510986482</c:v>
                </c:pt>
                <c:pt idx="10507">
                  <c:v>25.088031510986482</c:v>
                </c:pt>
                <c:pt idx="10508">
                  <c:v>25.091384247129742</c:v>
                </c:pt>
                <c:pt idx="10509">
                  <c:v>25.091384247129742</c:v>
                </c:pt>
                <c:pt idx="10510">
                  <c:v>25.091384247129742</c:v>
                </c:pt>
                <c:pt idx="10511">
                  <c:v>25.091384247129742</c:v>
                </c:pt>
                <c:pt idx="10512">
                  <c:v>25.091384247129742</c:v>
                </c:pt>
                <c:pt idx="10513">
                  <c:v>25.094638373386505</c:v>
                </c:pt>
                <c:pt idx="10514">
                  <c:v>25.094638373386505</c:v>
                </c:pt>
                <c:pt idx="10515">
                  <c:v>25.094638373386505</c:v>
                </c:pt>
                <c:pt idx="10516">
                  <c:v>25.094638373386505</c:v>
                </c:pt>
                <c:pt idx="10517">
                  <c:v>25.094638373386505</c:v>
                </c:pt>
                <c:pt idx="10518">
                  <c:v>25.097991109529762</c:v>
                </c:pt>
                <c:pt idx="10519">
                  <c:v>25.097991109529762</c:v>
                </c:pt>
                <c:pt idx="10520">
                  <c:v>25.097991109529762</c:v>
                </c:pt>
                <c:pt idx="10521">
                  <c:v>25.101343845673192</c:v>
                </c:pt>
                <c:pt idx="10522">
                  <c:v>25.101343845673192</c:v>
                </c:pt>
                <c:pt idx="10523">
                  <c:v>25.101343845673192</c:v>
                </c:pt>
                <c:pt idx="10524">
                  <c:v>25.104597971929778</c:v>
                </c:pt>
                <c:pt idx="10525">
                  <c:v>25.104597971929778</c:v>
                </c:pt>
                <c:pt idx="10526">
                  <c:v>25.104597971929778</c:v>
                </c:pt>
                <c:pt idx="10527">
                  <c:v>25.104597971929778</c:v>
                </c:pt>
                <c:pt idx="10528">
                  <c:v>25.107950708073211</c:v>
                </c:pt>
                <c:pt idx="10529">
                  <c:v>25.107950708073211</c:v>
                </c:pt>
                <c:pt idx="10530">
                  <c:v>25.107950708073211</c:v>
                </c:pt>
                <c:pt idx="10531">
                  <c:v>25.107950708073211</c:v>
                </c:pt>
                <c:pt idx="10532">
                  <c:v>25.111303444216471</c:v>
                </c:pt>
                <c:pt idx="10533">
                  <c:v>25.111303444216471</c:v>
                </c:pt>
                <c:pt idx="10534">
                  <c:v>25.111303444216471</c:v>
                </c:pt>
                <c:pt idx="10535">
                  <c:v>25.114656180359727</c:v>
                </c:pt>
                <c:pt idx="10536">
                  <c:v>25.114656180359727</c:v>
                </c:pt>
                <c:pt idx="10537">
                  <c:v>25.117910306616491</c:v>
                </c:pt>
                <c:pt idx="10538">
                  <c:v>25.117910306616491</c:v>
                </c:pt>
                <c:pt idx="10539">
                  <c:v>25.117910306616491</c:v>
                </c:pt>
                <c:pt idx="10540">
                  <c:v>25.117910306616491</c:v>
                </c:pt>
                <c:pt idx="10541">
                  <c:v>25.121263042759921</c:v>
                </c:pt>
                <c:pt idx="10542">
                  <c:v>25.121263042759921</c:v>
                </c:pt>
                <c:pt idx="10543">
                  <c:v>25.121263042759921</c:v>
                </c:pt>
                <c:pt idx="10544">
                  <c:v>25.124615778903181</c:v>
                </c:pt>
                <c:pt idx="10545">
                  <c:v>25.124615778903181</c:v>
                </c:pt>
                <c:pt idx="10546">
                  <c:v>25.124615778903181</c:v>
                </c:pt>
                <c:pt idx="10547">
                  <c:v>25.127869905159944</c:v>
                </c:pt>
                <c:pt idx="10548">
                  <c:v>25.127869905159944</c:v>
                </c:pt>
                <c:pt idx="10549">
                  <c:v>25.127869905159944</c:v>
                </c:pt>
                <c:pt idx="10550">
                  <c:v>25.1312226413032</c:v>
                </c:pt>
                <c:pt idx="10551">
                  <c:v>25.1312226413032</c:v>
                </c:pt>
                <c:pt idx="10552">
                  <c:v>25.1312226413032</c:v>
                </c:pt>
                <c:pt idx="10553">
                  <c:v>25.1312226413032</c:v>
                </c:pt>
                <c:pt idx="10554">
                  <c:v>25.134575377446634</c:v>
                </c:pt>
                <c:pt idx="10555">
                  <c:v>25.134575377446634</c:v>
                </c:pt>
                <c:pt idx="10556">
                  <c:v>25.134575377446634</c:v>
                </c:pt>
                <c:pt idx="10557">
                  <c:v>25.137829503703223</c:v>
                </c:pt>
                <c:pt idx="10558">
                  <c:v>25.137829503703223</c:v>
                </c:pt>
                <c:pt idx="10559">
                  <c:v>25.137829503703223</c:v>
                </c:pt>
                <c:pt idx="10560">
                  <c:v>25.141182239846653</c:v>
                </c:pt>
                <c:pt idx="10561">
                  <c:v>25.141182239846653</c:v>
                </c:pt>
                <c:pt idx="10562">
                  <c:v>25.141182239846653</c:v>
                </c:pt>
                <c:pt idx="10563">
                  <c:v>25.141182239846653</c:v>
                </c:pt>
                <c:pt idx="10564">
                  <c:v>25.141182239846653</c:v>
                </c:pt>
                <c:pt idx="10565">
                  <c:v>25.144534975989909</c:v>
                </c:pt>
                <c:pt idx="10566">
                  <c:v>25.144534975989909</c:v>
                </c:pt>
                <c:pt idx="10567">
                  <c:v>25.144534975989909</c:v>
                </c:pt>
                <c:pt idx="10568">
                  <c:v>25.144534975989909</c:v>
                </c:pt>
                <c:pt idx="10569">
                  <c:v>25.144534975989909</c:v>
                </c:pt>
                <c:pt idx="10570">
                  <c:v>25.147789102246673</c:v>
                </c:pt>
                <c:pt idx="10571">
                  <c:v>25.147789102246673</c:v>
                </c:pt>
                <c:pt idx="10572">
                  <c:v>25.147789102246673</c:v>
                </c:pt>
                <c:pt idx="10573">
                  <c:v>25.147789102246673</c:v>
                </c:pt>
                <c:pt idx="10574">
                  <c:v>25.147789102246673</c:v>
                </c:pt>
                <c:pt idx="10575">
                  <c:v>25.147789102246673</c:v>
                </c:pt>
                <c:pt idx="10576">
                  <c:v>25.151141838389929</c:v>
                </c:pt>
                <c:pt idx="10577">
                  <c:v>25.151141838389929</c:v>
                </c:pt>
                <c:pt idx="10578">
                  <c:v>25.151141838389929</c:v>
                </c:pt>
                <c:pt idx="10579">
                  <c:v>25.151141838389929</c:v>
                </c:pt>
                <c:pt idx="10580">
                  <c:v>25.151141838389929</c:v>
                </c:pt>
                <c:pt idx="10581">
                  <c:v>25.151141838389929</c:v>
                </c:pt>
                <c:pt idx="10582">
                  <c:v>25.147789102246673</c:v>
                </c:pt>
                <c:pt idx="10583">
                  <c:v>25.147789102246673</c:v>
                </c:pt>
                <c:pt idx="10584">
                  <c:v>25.147789102246673</c:v>
                </c:pt>
                <c:pt idx="10585">
                  <c:v>25.147789102246673</c:v>
                </c:pt>
                <c:pt idx="10586">
                  <c:v>25.151141838389929</c:v>
                </c:pt>
                <c:pt idx="10587">
                  <c:v>25.147789102246673</c:v>
                </c:pt>
                <c:pt idx="10588">
                  <c:v>25.137829503703223</c:v>
                </c:pt>
                <c:pt idx="10589">
                  <c:v>25.1312226413032</c:v>
                </c:pt>
                <c:pt idx="10590">
                  <c:v>25.127869905159944</c:v>
                </c:pt>
                <c:pt idx="10591">
                  <c:v>25.124615778903181</c:v>
                </c:pt>
                <c:pt idx="10592">
                  <c:v>25.124615778903181</c:v>
                </c:pt>
                <c:pt idx="10593">
                  <c:v>25.121263042759921</c:v>
                </c:pt>
                <c:pt idx="10594">
                  <c:v>25.121263042759921</c:v>
                </c:pt>
                <c:pt idx="10595">
                  <c:v>25.121263042759921</c:v>
                </c:pt>
                <c:pt idx="10596">
                  <c:v>25.121263042759921</c:v>
                </c:pt>
                <c:pt idx="10597">
                  <c:v>25.124615778903181</c:v>
                </c:pt>
                <c:pt idx="10598">
                  <c:v>25.124615778903181</c:v>
                </c:pt>
                <c:pt idx="10599">
                  <c:v>25.124615778903181</c:v>
                </c:pt>
                <c:pt idx="10600">
                  <c:v>25.124615778903181</c:v>
                </c:pt>
                <c:pt idx="10601">
                  <c:v>25.127869905159944</c:v>
                </c:pt>
                <c:pt idx="10602">
                  <c:v>25.127869905159944</c:v>
                </c:pt>
                <c:pt idx="10603">
                  <c:v>25.127869905159944</c:v>
                </c:pt>
                <c:pt idx="10604">
                  <c:v>25.127869905159944</c:v>
                </c:pt>
                <c:pt idx="10605">
                  <c:v>25.1312226413032</c:v>
                </c:pt>
                <c:pt idx="10606">
                  <c:v>25.1312226413032</c:v>
                </c:pt>
                <c:pt idx="10607">
                  <c:v>25.137829503703223</c:v>
                </c:pt>
                <c:pt idx="10608">
                  <c:v>25.137829503703223</c:v>
                </c:pt>
                <c:pt idx="10609">
                  <c:v>25.141182239846653</c:v>
                </c:pt>
                <c:pt idx="10610">
                  <c:v>25.141182239846653</c:v>
                </c:pt>
                <c:pt idx="10611">
                  <c:v>25.141182239846653</c:v>
                </c:pt>
                <c:pt idx="10612">
                  <c:v>25.141182239846653</c:v>
                </c:pt>
                <c:pt idx="10613">
                  <c:v>25.151141838389929</c:v>
                </c:pt>
                <c:pt idx="10614">
                  <c:v>25.161101436933382</c:v>
                </c:pt>
                <c:pt idx="10615">
                  <c:v>25.167708299333402</c:v>
                </c:pt>
                <c:pt idx="10616">
                  <c:v>25.171061035476662</c:v>
                </c:pt>
                <c:pt idx="10617">
                  <c:v>25.174413771620095</c:v>
                </c:pt>
                <c:pt idx="10618">
                  <c:v>25.177667897876859</c:v>
                </c:pt>
                <c:pt idx="10619">
                  <c:v>25.181020634020111</c:v>
                </c:pt>
                <c:pt idx="10620">
                  <c:v>25.181020634020111</c:v>
                </c:pt>
                <c:pt idx="10621">
                  <c:v>25.181020634020111</c:v>
                </c:pt>
                <c:pt idx="10622">
                  <c:v>25.184373370163371</c:v>
                </c:pt>
                <c:pt idx="10623">
                  <c:v>25.184373370163371</c:v>
                </c:pt>
                <c:pt idx="10624">
                  <c:v>25.184373370163371</c:v>
                </c:pt>
                <c:pt idx="10625">
                  <c:v>25.184373370163371</c:v>
                </c:pt>
                <c:pt idx="10626">
                  <c:v>25.184373370163371</c:v>
                </c:pt>
                <c:pt idx="10627">
                  <c:v>25.184373370163371</c:v>
                </c:pt>
                <c:pt idx="10628">
                  <c:v>25.184373370163371</c:v>
                </c:pt>
                <c:pt idx="10629">
                  <c:v>25.184373370163371</c:v>
                </c:pt>
                <c:pt idx="10630">
                  <c:v>25.184373370163371</c:v>
                </c:pt>
                <c:pt idx="10631">
                  <c:v>25.184373370163371</c:v>
                </c:pt>
                <c:pt idx="10632">
                  <c:v>25.187627496420131</c:v>
                </c:pt>
                <c:pt idx="10633">
                  <c:v>25.187627496420131</c:v>
                </c:pt>
                <c:pt idx="10634">
                  <c:v>25.187627496420131</c:v>
                </c:pt>
                <c:pt idx="10635">
                  <c:v>25.187627496420131</c:v>
                </c:pt>
                <c:pt idx="10636">
                  <c:v>25.187627496420131</c:v>
                </c:pt>
                <c:pt idx="10637">
                  <c:v>25.190980232563565</c:v>
                </c:pt>
                <c:pt idx="10638">
                  <c:v>25.190980232563565</c:v>
                </c:pt>
                <c:pt idx="10639">
                  <c:v>25.190980232563565</c:v>
                </c:pt>
                <c:pt idx="10640">
                  <c:v>25.190980232563565</c:v>
                </c:pt>
                <c:pt idx="10641">
                  <c:v>25.190980232563565</c:v>
                </c:pt>
                <c:pt idx="10642">
                  <c:v>25.190980232563565</c:v>
                </c:pt>
                <c:pt idx="10643">
                  <c:v>25.190980232563565</c:v>
                </c:pt>
                <c:pt idx="10644">
                  <c:v>25.194332968706824</c:v>
                </c:pt>
                <c:pt idx="10645">
                  <c:v>25.194332968706824</c:v>
                </c:pt>
                <c:pt idx="10646">
                  <c:v>25.194332968706824</c:v>
                </c:pt>
                <c:pt idx="10647">
                  <c:v>25.194332968706824</c:v>
                </c:pt>
                <c:pt idx="10648">
                  <c:v>25.197587094963588</c:v>
                </c:pt>
                <c:pt idx="10649">
                  <c:v>25.197587094963588</c:v>
                </c:pt>
                <c:pt idx="10650">
                  <c:v>25.197587094963588</c:v>
                </c:pt>
                <c:pt idx="10651">
                  <c:v>25.20093983110684</c:v>
                </c:pt>
                <c:pt idx="10652">
                  <c:v>25.20093983110684</c:v>
                </c:pt>
                <c:pt idx="10653">
                  <c:v>25.20093983110684</c:v>
                </c:pt>
                <c:pt idx="10654">
                  <c:v>25.20093983110684</c:v>
                </c:pt>
                <c:pt idx="10655">
                  <c:v>25.20093983110684</c:v>
                </c:pt>
                <c:pt idx="10656">
                  <c:v>25.2042925672501</c:v>
                </c:pt>
                <c:pt idx="10657">
                  <c:v>25.2042925672501</c:v>
                </c:pt>
                <c:pt idx="10658">
                  <c:v>25.2042925672501</c:v>
                </c:pt>
                <c:pt idx="10659">
                  <c:v>25.2042925672501</c:v>
                </c:pt>
                <c:pt idx="10660">
                  <c:v>25.2042925672501</c:v>
                </c:pt>
                <c:pt idx="10661">
                  <c:v>25.207546693506863</c:v>
                </c:pt>
                <c:pt idx="10662">
                  <c:v>25.207546693506863</c:v>
                </c:pt>
                <c:pt idx="10663">
                  <c:v>25.207546693506863</c:v>
                </c:pt>
                <c:pt idx="10664">
                  <c:v>25.207546693506863</c:v>
                </c:pt>
                <c:pt idx="10665">
                  <c:v>25.210899429650297</c:v>
                </c:pt>
                <c:pt idx="10666">
                  <c:v>25.210899429650297</c:v>
                </c:pt>
                <c:pt idx="10667">
                  <c:v>25.210899429650297</c:v>
                </c:pt>
                <c:pt idx="10668">
                  <c:v>25.214252165793553</c:v>
                </c:pt>
                <c:pt idx="10669">
                  <c:v>25.214252165793553</c:v>
                </c:pt>
                <c:pt idx="10670">
                  <c:v>25.214252165793553</c:v>
                </c:pt>
                <c:pt idx="10671">
                  <c:v>25.214252165793553</c:v>
                </c:pt>
                <c:pt idx="10672">
                  <c:v>25.214252165793553</c:v>
                </c:pt>
                <c:pt idx="10673">
                  <c:v>25.214252165793553</c:v>
                </c:pt>
                <c:pt idx="10674">
                  <c:v>25.214252165793553</c:v>
                </c:pt>
                <c:pt idx="10675">
                  <c:v>25.217506292050317</c:v>
                </c:pt>
                <c:pt idx="10676">
                  <c:v>25.217506292050317</c:v>
                </c:pt>
                <c:pt idx="10677">
                  <c:v>25.217506292050317</c:v>
                </c:pt>
                <c:pt idx="10678">
                  <c:v>25.217506292050317</c:v>
                </c:pt>
                <c:pt idx="10679">
                  <c:v>25.217506292050317</c:v>
                </c:pt>
                <c:pt idx="10680">
                  <c:v>25.220859028193573</c:v>
                </c:pt>
                <c:pt idx="10681">
                  <c:v>25.220859028193573</c:v>
                </c:pt>
                <c:pt idx="10682">
                  <c:v>25.220859028193573</c:v>
                </c:pt>
                <c:pt idx="10683">
                  <c:v>25.220859028193573</c:v>
                </c:pt>
                <c:pt idx="10684">
                  <c:v>25.220859028193573</c:v>
                </c:pt>
                <c:pt idx="10685">
                  <c:v>25.224211764337007</c:v>
                </c:pt>
                <c:pt idx="10686">
                  <c:v>25.224211764337007</c:v>
                </c:pt>
                <c:pt idx="10687">
                  <c:v>25.224211764337007</c:v>
                </c:pt>
                <c:pt idx="10688">
                  <c:v>25.224211764337007</c:v>
                </c:pt>
                <c:pt idx="10689">
                  <c:v>25.224211764337007</c:v>
                </c:pt>
                <c:pt idx="10690">
                  <c:v>25.224211764337007</c:v>
                </c:pt>
                <c:pt idx="10691">
                  <c:v>25.227465890593592</c:v>
                </c:pt>
                <c:pt idx="10692">
                  <c:v>25.227465890593592</c:v>
                </c:pt>
                <c:pt idx="10693">
                  <c:v>25.227465890593592</c:v>
                </c:pt>
                <c:pt idx="10694">
                  <c:v>25.227465890593592</c:v>
                </c:pt>
                <c:pt idx="10695">
                  <c:v>25.227465890593592</c:v>
                </c:pt>
                <c:pt idx="10696">
                  <c:v>25.230818626737026</c:v>
                </c:pt>
                <c:pt idx="10697">
                  <c:v>25.230818626737026</c:v>
                </c:pt>
                <c:pt idx="10698">
                  <c:v>25.230818626737026</c:v>
                </c:pt>
                <c:pt idx="10699">
                  <c:v>25.230818626737026</c:v>
                </c:pt>
                <c:pt idx="10700">
                  <c:v>25.230818626737026</c:v>
                </c:pt>
                <c:pt idx="10701">
                  <c:v>25.230818626737026</c:v>
                </c:pt>
                <c:pt idx="10702">
                  <c:v>25.234171362880282</c:v>
                </c:pt>
                <c:pt idx="10703">
                  <c:v>25.234171362880282</c:v>
                </c:pt>
                <c:pt idx="10704">
                  <c:v>25.234171362880282</c:v>
                </c:pt>
                <c:pt idx="10705">
                  <c:v>25.234171362880282</c:v>
                </c:pt>
                <c:pt idx="10706">
                  <c:v>25.234171362880282</c:v>
                </c:pt>
                <c:pt idx="10707">
                  <c:v>25.234171362880282</c:v>
                </c:pt>
                <c:pt idx="10708">
                  <c:v>25.234171362880282</c:v>
                </c:pt>
                <c:pt idx="10709">
                  <c:v>25.234171362880282</c:v>
                </c:pt>
                <c:pt idx="10710">
                  <c:v>25.237425489137046</c:v>
                </c:pt>
                <c:pt idx="10711">
                  <c:v>25.237425489137046</c:v>
                </c:pt>
                <c:pt idx="10712">
                  <c:v>25.237425489137046</c:v>
                </c:pt>
                <c:pt idx="10713">
                  <c:v>25.237425489137046</c:v>
                </c:pt>
                <c:pt idx="10714">
                  <c:v>25.237425489137046</c:v>
                </c:pt>
                <c:pt idx="10715">
                  <c:v>25.237425489137046</c:v>
                </c:pt>
                <c:pt idx="10716">
                  <c:v>25.237425489137046</c:v>
                </c:pt>
                <c:pt idx="10717">
                  <c:v>25.237425489137046</c:v>
                </c:pt>
                <c:pt idx="10718">
                  <c:v>25.237425489137046</c:v>
                </c:pt>
                <c:pt idx="10719">
                  <c:v>25.237425489137046</c:v>
                </c:pt>
                <c:pt idx="10720">
                  <c:v>25.237425489137046</c:v>
                </c:pt>
                <c:pt idx="10721">
                  <c:v>25.237425489137046</c:v>
                </c:pt>
                <c:pt idx="10722">
                  <c:v>25.237425489137046</c:v>
                </c:pt>
                <c:pt idx="10723">
                  <c:v>25.237425489137046</c:v>
                </c:pt>
                <c:pt idx="10724">
                  <c:v>25.237425489137046</c:v>
                </c:pt>
                <c:pt idx="10725">
                  <c:v>25.237425489137046</c:v>
                </c:pt>
                <c:pt idx="10726">
                  <c:v>25.237425489137046</c:v>
                </c:pt>
                <c:pt idx="10727">
                  <c:v>25.240778225280302</c:v>
                </c:pt>
                <c:pt idx="10728">
                  <c:v>25.240778225280302</c:v>
                </c:pt>
                <c:pt idx="10729">
                  <c:v>25.240778225280302</c:v>
                </c:pt>
                <c:pt idx="10730">
                  <c:v>25.240778225280302</c:v>
                </c:pt>
                <c:pt idx="10731">
                  <c:v>25.240778225280302</c:v>
                </c:pt>
                <c:pt idx="10732">
                  <c:v>25.240778225280302</c:v>
                </c:pt>
                <c:pt idx="10733">
                  <c:v>25.240778225280302</c:v>
                </c:pt>
                <c:pt idx="10734">
                  <c:v>25.240778225280302</c:v>
                </c:pt>
                <c:pt idx="10735">
                  <c:v>25.240778225280302</c:v>
                </c:pt>
                <c:pt idx="10736">
                  <c:v>25.240778225280302</c:v>
                </c:pt>
                <c:pt idx="10737">
                  <c:v>25.240778225280302</c:v>
                </c:pt>
                <c:pt idx="10738">
                  <c:v>25.244130961423735</c:v>
                </c:pt>
                <c:pt idx="10739">
                  <c:v>25.244130961423735</c:v>
                </c:pt>
                <c:pt idx="10740">
                  <c:v>25.244130961423735</c:v>
                </c:pt>
                <c:pt idx="10741">
                  <c:v>25.244130961423735</c:v>
                </c:pt>
                <c:pt idx="10742">
                  <c:v>25.244130961423735</c:v>
                </c:pt>
                <c:pt idx="10743">
                  <c:v>25.247483697566992</c:v>
                </c:pt>
                <c:pt idx="10744">
                  <c:v>25.247483697566992</c:v>
                </c:pt>
                <c:pt idx="10745">
                  <c:v>25.247483697566992</c:v>
                </c:pt>
                <c:pt idx="10746">
                  <c:v>25.247483697566992</c:v>
                </c:pt>
                <c:pt idx="10747">
                  <c:v>25.247483697566992</c:v>
                </c:pt>
                <c:pt idx="10748">
                  <c:v>25.247483697566992</c:v>
                </c:pt>
                <c:pt idx="10749">
                  <c:v>25.247483697566992</c:v>
                </c:pt>
                <c:pt idx="10750">
                  <c:v>25.250737823823755</c:v>
                </c:pt>
                <c:pt idx="10751">
                  <c:v>25.250737823823755</c:v>
                </c:pt>
                <c:pt idx="10752">
                  <c:v>25.250737823823755</c:v>
                </c:pt>
                <c:pt idx="10753">
                  <c:v>25.250737823823755</c:v>
                </c:pt>
                <c:pt idx="10754">
                  <c:v>25.250737823823755</c:v>
                </c:pt>
                <c:pt idx="10755">
                  <c:v>25.250737823823755</c:v>
                </c:pt>
                <c:pt idx="10756">
                  <c:v>25.254090559967015</c:v>
                </c:pt>
                <c:pt idx="10757">
                  <c:v>25.254090559967015</c:v>
                </c:pt>
                <c:pt idx="10758">
                  <c:v>25.254090559967015</c:v>
                </c:pt>
                <c:pt idx="10759">
                  <c:v>25.254090559967015</c:v>
                </c:pt>
                <c:pt idx="10760">
                  <c:v>25.254090559967015</c:v>
                </c:pt>
                <c:pt idx="10761">
                  <c:v>25.254090559967015</c:v>
                </c:pt>
                <c:pt idx="10762">
                  <c:v>25.254090559967015</c:v>
                </c:pt>
                <c:pt idx="10763">
                  <c:v>25.254090559967015</c:v>
                </c:pt>
                <c:pt idx="10764">
                  <c:v>25.254090559967015</c:v>
                </c:pt>
                <c:pt idx="10765">
                  <c:v>25.254090559967015</c:v>
                </c:pt>
                <c:pt idx="10766">
                  <c:v>25.254090559967015</c:v>
                </c:pt>
                <c:pt idx="10767">
                  <c:v>25.254090559967015</c:v>
                </c:pt>
                <c:pt idx="10768">
                  <c:v>25.254090559967015</c:v>
                </c:pt>
                <c:pt idx="10769">
                  <c:v>25.254090559967015</c:v>
                </c:pt>
                <c:pt idx="10770">
                  <c:v>25.254090559967015</c:v>
                </c:pt>
                <c:pt idx="10771">
                  <c:v>25.254090559967015</c:v>
                </c:pt>
                <c:pt idx="10772">
                  <c:v>25.254090559967015</c:v>
                </c:pt>
                <c:pt idx="10773">
                  <c:v>25.257443296110445</c:v>
                </c:pt>
                <c:pt idx="10774">
                  <c:v>25.257443296110445</c:v>
                </c:pt>
                <c:pt idx="10775">
                  <c:v>25.257443296110445</c:v>
                </c:pt>
                <c:pt idx="10776">
                  <c:v>25.257443296110445</c:v>
                </c:pt>
                <c:pt idx="10777">
                  <c:v>25.257443296110445</c:v>
                </c:pt>
                <c:pt idx="10778">
                  <c:v>25.257443296110445</c:v>
                </c:pt>
                <c:pt idx="10779">
                  <c:v>25.257443296110445</c:v>
                </c:pt>
                <c:pt idx="10780">
                  <c:v>25.260697422367031</c:v>
                </c:pt>
                <c:pt idx="10781">
                  <c:v>25.260697422367031</c:v>
                </c:pt>
                <c:pt idx="10782">
                  <c:v>25.260697422367031</c:v>
                </c:pt>
                <c:pt idx="10783">
                  <c:v>25.260697422367031</c:v>
                </c:pt>
                <c:pt idx="10784">
                  <c:v>25.260697422367031</c:v>
                </c:pt>
                <c:pt idx="10785">
                  <c:v>25.260697422367031</c:v>
                </c:pt>
                <c:pt idx="10786">
                  <c:v>25.260697422367031</c:v>
                </c:pt>
                <c:pt idx="10787">
                  <c:v>25.264050158510464</c:v>
                </c:pt>
                <c:pt idx="10788">
                  <c:v>25.264050158510464</c:v>
                </c:pt>
                <c:pt idx="10789">
                  <c:v>25.264050158510464</c:v>
                </c:pt>
                <c:pt idx="10790">
                  <c:v>25.264050158510464</c:v>
                </c:pt>
                <c:pt idx="10791">
                  <c:v>25.264050158510464</c:v>
                </c:pt>
                <c:pt idx="10792">
                  <c:v>25.264050158510464</c:v>
                </c:pt>
                <c:pt idx="10793">
                  <c:v>25.267402894653724</c:v>
                </c:pt>
                <c:pt idx="10794">
                  <c:v>25.267402894653724</c:v>
                </c:pt>
                <c:pt idx="10795">
                  <c:v>25.267402894653724</c:v>
                </c:pt>
                <c:pt idx="10796">
                  <c:v>25.267402894653724</c:v>
                </c:pt>
                <c:pt idx="10797">
                  <c:v>25.267402894653724</c:v>
                </c:pt>
                <c:pt idx="10798">
                  <c:v>25.267402894653724</c:v>
                </c:pt>
                <c:pt idx="10799">
                  <c:v>25.270657020910487</c:v>
                </c:pt>
                <c:pt idx="10800">
                  <c:v>25.270657020910487</c:v>
                </c:pt>
                <c:pt idx="10801">
                  <c:v>25.270657020910487</c:v>
                </c:pt>
                <c:pt idx="10802">
                  <c:v>25.270657020910487</c:v>
                </c:pt>
                <c:pt idx="10803">
                  <c:v>25.270657020910487</c:v>
                </c:pt>
                <c:pt idx="10804">
                  <c:v>25.270657020910487</c:v>
                </c:pt>
                <c:pt idx="10805">
                  <c:v>25.274009757053744</c:v>
                </c:pt>
                <c:pt idx="10806">
                  <c:v>25.274009757053744</c:v>
                </c:pt>
                <c:pt idx="10807">
                  <c:v>25.274009757053744</c:v>
                </c:pt>
                <c:pt idx="10808">
                  <c:v>25.274009757053744</c:v>
                </c:pt>
                <c:pt idx="10809">
                  <c:v>25.274009757053744</c:v>
                </c:pt>
                <c:pt idx="10810">
                  <c:v>25.274009757053744</c:v>
                </c:pt>
                <c:pt idx="10811">
                  <c:v>25.277362493197174</c:v>
                </c:pt>
                <c:pt idx="10812">
                  <c:v>25.277362493197174</c:v>
                </c:pt>
                <c:pt idx="10813">
                  <c:v>25.277362493197174</c:v>
                </c:pt>
                <c:pt idx="10814">
                  <c:v>25.277362493197174</c:v>
                </c:pt>
                <c:pt idx="10815">
                  <c:v>25.277362493197174</c:v>
                </c:pt>
                <c:pt idx="10816">
                  <c:v>25.280616619453937</c:v>
                </c:pt>
                <c:pt idx="10817">
                  <c:v>25.280616619453937</c:v>
                </c:pt>
                <c:pt idx="10818">
                  <c:v>25.280616619453937</c:v>
                </c:pt>
                <c:pt idx="10819">
                  <c:v>25.280616619453937</c:v>
                </c:pt>
                <c:pt idx="10820">
                  <c:v>25.280616619453937</c:v>
                </c:pt>
                <c:pt idx="10821">
                  <c:v>25.280616619453937</c:v>
                </c:pt>
                <c:pt idx="10822">
                  <c:v>25.283969355597193</c:v>
                </c:pt>
                <c:pt idx="10823">
                  <c:v>25.283969355597193</c:v>
                </c:pt>
                <c:pt idx="10824">
                  <c:v>25.283969355597193</c:v>
                </c:pt>
                <c:pt idx="10825">
                  <c:v>25.283969355597193</c:v>
                </c:pt>
                <c:pt idx="10826">
                  <c:v>25.283969355597193</c:v>
                </c:pt>
                <c:pt idx="10827">
                  <c:v>25.287322091740453</c:v>
                </c:pt>
                <c:pt idx="10828">
                  <c:v>25.287322091740453</c:v>
                </c:pt>
                <c:pt idx="10829">
                  <c:v>25.287322091740453</c:v>
                </c:pt>
                <c:pt idx="10830">
                  <c:v>25.287322091740453</c:v>
                </c:pt>
                <c:pt idx="10831">
                  <c:v>25.287322091740453</c:v>
                </c:pt>
                <c:pt idx="10832">
                  <c:v>25.287322091740453</c:v>
                </c:pt>
                <c:pt idx="10833">
                  <c:v>25.290576217997216</c:v>
                </c:pt>
                <c:pt idx="10834">
                  <c:v>25.290576217997216</c:v>
                </c:pt>
                <c:pt idx="10835">
                  <c:v>25.290576217997216</c:v>
                </c:pt>
                <c:pt idx="10836">
                  <c:v>25.290576217997216</c:v>
                </c:pt>
                <c:pt idx="10837">
                  <c:v>25.290576217997216</c:v>
                </c:pt>
                <c:pt idx="10838">
                  <c:v>25.293928954140473</c:v>
                </c:pt>
                <c:pt idx="10839">
                  <c:v>25.293928954140473</c:v>
                </c:pt>
                <c:pt idx="10840">
                  <c:v>25.293928954140473</c:v>
                </c:pt>
                <c:pt idx="10841">
                  <c:v>25.293928954140473</c:v>
                </c:pt>
                <c:pt idx="10842">
                  <c:v>25.293928954140473</c:v>
                </c:pt>
                <c:pt idx="10843">
                  <c:v>25.297281690283903</c:v>
                </c:pt>
                <c:pt idx="10844">
                  <c:v>25.297281690283903</c:v>
                </c:pt>
                <c:pt idx="10845">
                  <c:v>25.297281690283903</c:v>
                </c:pt>
                <c:pt idx="10846">
                  <c:v>25.297281690283903</c:v>
                </c:pt>
                <c:pt idx="10847">
                  <c:v>25.297281690283903</c:v>
                </c:pt>
                <c:pt idx="10848">
                  <c:v>25.300535816540666</c:v>
                </c:pt>
                <c:pt idx="10849">
                  <c:v>25.300535816540666</c:v>
                </c:pt>
                <c:pt idx="10850">
                  <c:v>25.300535816540666</c:v>
                </c:pt>
                <c:pt idx="10851">
                  <c:v>25.300535816540666</c:v>
                </c:pt>
                <c:pt idx="10852">
                  <c:v>25.303888552683926</c:v>
                </c:pt>
                <c:pt idx="10853">
                  <c:v>25.303888552683926</c:v>
                </c:pt>
                <c:pt idx="10854">
                  <c:v>25.303888552683926</c:v>
                </c:pt>
                <c:pt idx="10855">
                  <c:v>25.307241288827182</c:v>
                </c:pt>
                <c:pt idx="10856">
                  <c:v>25.307241288827182</c:v>
                </c:pt>
                <c:pt idx="10857">
                  <c:v>25.307241288827182</c:v>
                </c:pt>
                <c:pt idx="10858">
                  <c:v>25.307241288827182</c:v>
                </c:pt>
                <c:pt idx="10859">
                  <c:v>25.310495415083945</c:v>
                </c:pt>
                <c:pt idx="10860">
                  <c:v>25.310495415083945</c:v>
                </c:pt>
                <c:pt idx="10861">
                  <c:v>25.310495415083945</c:v>
                </c:pt>
                <c:pt idx="10862">
                  <c:v>25.313848151227379</c:v>
                </c:pt>
                <c:pt idx="10863">
                  <c:v>25.313848151227379</c:v>
                </c:pt>
                <c:pt idx="10864">
                  <c:v>25.313848151227379</c:v>
                </c:pt>
                <c:pt idx="10865">
                  <c:v>25.317200887370632</c:v>
                </c:pt>
                <c:pt idx="10866">
                  <c:v>25.317200887370632</c:v>
                </c:pt>
                <c:pt idx="10867">
                  <c:v>25.317200887370632</c:v>
                </c:pt>
                <c:pt idx="10868">
                  <c:v>25.320455013627395</c:v>
                </c:pt>
                <c:pt idx="10869">
                  <c:v>25.320455013627395</c:v>
                </c:pt>
                <c:pt idx="10870">
                  <c:v>25.320455013627395</c:v>
                </c:pt>
                <c:pt idx="10871">
                  <c:v>25.320455013627395</c:v>
                </c:pt>
                <c:pt idx="10872">
                  <c:v>25.323807749770655</c:v>
                </c:pt>
                <c:pt idx="10873">
                  <c:v>25.323807749770655</c:v>
                </c:pt>
                <c:pt idx="10874">
                  <c:v>25.323807749770655</c:v>
                </c:pt>
                <c:pt idx="10875">
                  <c:v>25.323807749770655</c:v>
                </c:pt>
                <c:pt idx="10876">
                  <c:v>25.327160485913911</c:v>
                </c:pt>
                <c:pt idx="10877">
                  <c:v>25.327160485913911</c:v>
                </c:pt>
                <c:pt idx="10878">
                  <c:v>25.327160485913911</c:v>
                </c:pt>
                <c:pt idx="10879">
                  <c:v>25.330414612170674</c:v>
                </c:pt>
                <c:pt idx="10880">
                  <c:v>25.330414612170674</c:v>
                </c:pt>
                <c:pt idx="10881">
                  <c:v>25.330414612170674</c:v>
                </c:pt>
                <c:pt idx="10882">
                  <c:v>25.330414612170674</c:v>
                </c:pt>
                <c:pt idx="10883">
                  <c:v>25.330414612170674</c:v>
                </c:pt>
                <c:pt idx="10884">
                  <c:v>25.333767348314108</c:v>
                </c:pt>
                <c:pt idx="10885">
                  <c:v>25.333767348314108</c:v>
                </c:pt>
                <c:pt idx="10886">
                  <c:v>25.333767348314108</c:v>
                </c:pt>
                <c:pt idx="10887">
                  <c:v>25.337120084457364</c:v>
                </c:pt>
                <c:pt idx="10888">
                  <c:v>25.337120084457364</c:v>
                </c:pt>
                <c:pt idx="10889">
                  <c:v>25.337120084457364</c:v>
                </c:pt>
                <c:pt idx="10890">
                  <c:v>25.337120084457364</c:v>
                </c:pt>
                <c:pt idx="10891">
                  <c:v>25.340374210714128</c:v>
                </c:pt>
                <c:pt idx="10892">
                  <c:v>25.340374210714128</c:v>
                </c:pt>
                <c:pt idx="10893">
                  <c:v>25.340374210714128</c:v>
                </c:pt>
                <c:pt idx="10894">
                  <c:v>25.340374210714128</c:v>
                </c:pt>
                <c:pt idx="10895">
                  <c:v>25.343726946857384</c:v>
                </c:pt>
                <c:pt idx="10896">
                  <c:v>25.343726946857384</c:v>
                </c:pt>
                <c:pt idx="10897">
                  <c:v>25.343726946857384</c:v>
                </c:pt>
                <c:pt idx="10898">
                  <c:v>25.347079683000644</c:v>
                </c:pt>
                <c:pt idx="10899">
                  <c:v>25.347079683000644</c:v>
                </c:pt>
                <c:pt idx="10900">
                  <c:v>25.347079683000644</c:v>
                </c:pt>
                <c:pt idx="10901">
                  <c:v>25.350333809257407</c:v>
                </c:pt>
                <c:pt idx="10902">
                  <c:v>25.350333809257407</c:v>
                </c:pt>
                <c:pt idx="10903">
                  <c:v>25.350333809257407</c:v>
                </c:pt>
                <c:pt idx="10904">
                  <c:v>25.353686545400841</c:v>
                </c:pt>
                <c:pt idx="10905">
                  <c:v>25.353686545400841</c:v>
                </c:pt>
                <c:pt idx="10906">
                  <c:v>25.353686545400841</c:v>
                </c:pt>
                <c:pt idx="10907">
                  <c:v>25.353686545400841</c:v>
                </c:pt>
                <c:pt idx="10908">
                  <c:v>25.357039281544093</c:v>
                </c:pt>
                <c:pt idx="10909">
                  <c:v>25.357039281544093</c:v>
                </c:pt>
                <c:pt idx="10910">
                  <c:v>25.357039281544093</c:v>
                </c:pt>
                <c:pt idx="10911">
                  <c:v>25.360293407800857</c:v>
                </c:pt>
                <c:pt idx="10912">
                  <c:v>25.360293407800857</c:v>
                </c:pt>
                <c:pt idx="10913">
                  <c:v>25.360293407800857</c:v>
                </c:pt>
                <c:pt idx="10914">
                  <c:v>25.363646143944113</c:v>
                </c:pt>
                <c:pt idx="10915">
                  <c:v>25.363646143944113</c:v>
                </c:pt>
                <c:pt idx="10916">
                  <c:v>25.363646143944113</c:v>
                </c:pt>
                <c:pt idx="10917">
                  <c:v>25.366998880087547</c:v>
                </c:pt>
                <c:pt idx="10918">
                  <c:v>25.366998880087547</c:v>
                </c:pt>
                <c:pt idx="10919">
                  <c:v>25.366998880087547</c:v>
                </c:pt>
                <c:pt idx="10920">
                  <c:v>25.366998880087547</c:v>
                </c:pt>
                <c:pt idx="10921">
                  <c:v>25.370351616230806</c:v>
                </c:pt>
                <c:pt idx="10922">
                  <c:v>25.370351616230806</c:v>
                </c:pt>
                <c:pt idx="10923">
                  <c:v>25.370351616230806</c:v>
                </c:pt>
                <c:pt idx="10924">
                  <c:v>25.37360574248757</c:v>
                </c:pt>
                <c:pt idx="10925">
                  <c:v>25.37360574248757</c:v>
                </c:pt>
                <c:pt idx="10926">
                  <c:v>25.37360574248757</c:v>
                </c:pt>
                <c:pt idx="10927">
                  <c:v>25.37360574248757</c:v>
                </c:pt>
                <c:pt idx="10928">
                  <c:v>25.376958478630826</c:v>
                </c:pt>
                <c:pt idx="10929">
                  <c:v>25.376958478630826</c:v>
                </c:pt>
                <c:pt idx="10930">
                  <c:v>25.376958478630826</c:v>
                </c:pt>
                <c:pt idx="10931">
                  <c:v>25.380311214774082</c:v>
                </c:pt>
                <c:pt idx="10932">
                  <c:v>25.380311214774082</c:v>
                </c:pt>
                <c:pt idx="10933">
                  <c:v>25.380311214774082</c:v>
                </c:pt>
                <c:pt idx="10934">
                  <c:v>25.383565341030845</c:v>
                </c:pt>
                <c:pt idx="10935">
                  <c:v>25.383565341030845</c:v>
                </c:pt>
                <c:pt idx="10936">
                  <c:v>25.383565341030845</c:v>
                </c:pt>
                <c:pt idx="10937">
                  <c:v>25.386918077174279</c:v>
                </c:pt>
                <c:pt idx="10938">
                  <c:v>25.386918077174279</c:v>
                </c:pt>
                <c:pt idx="10939">
                  <c:v>25.386918077174279</c:v>
                </c:pt>
                <c:pt idx="10940">
                  <c:v>25.386918077174279</c:v>
                </c:pt>
                <c:pt idx="10941">
                  <c:v>25.390270813317535</c:v>
                </c:pt>
                <c:pt idx="10942">
                  <c:v>25.390270813317535</c:v>
                </c:pt>
                <c:pt idx="10943">
                  <c:v>25.390270813317535</c:v>
                </c:pt>
                <c:pt idx="10944">
                  <c:v>25.390270813317535</c:v>
                </c:pt>
                <c:pt idx="10945">
                  <c:v>25.393524939574299</c:v>
                </c:pt>
                <c:pt idx="10946">
                  <c:v>25.393524939574299</c:v>
                </c:pt>
                <c:pt idx="10947">
                  <c:v>25.393524939574299</c:v>
                </c:pt>
                <c:pt idx="10948">
                  <c:v>25.393524939574299</c:v>
                </c:pt>
                <c:pt idx="10949">
                  <c:v>25.393524939574299</c:v>
                </c:pt>
                <c:pt idx="10950">
                  <c:v>25.396877675717558</c:v>
                </c:pt>
                <c:pt idx="10951">
                  <c:v>25.396877675717558</c:v>
                </c:pt>
                <c:pt idx="10952">
                  <c:v>25.396877675717558</c:v>
                </c:pt>
                <c:pt idx="10953">
                  <c:v>25.400230411860989</c:v>
                </c:pt>
                <c:pt idx="10954">
                  <c:v>25.400230411860989</c:v>
                </c:pt>
                <c:pt idx="10955">
                  <c:v>25.400230411860989</c:v>
                </c:pt>
                <c:pt idx="10956">
                  <c:v>25.400230411860989</c:v>
                </c:pt>
                <c:pt idx="10957">
                  <c:v>25.400230411860989</c:v>
                </c:pt>
                <c:pt idx="10958">
                  <c:v>25.403484538117574</c:v>
                </c:pt>
                <c:pt idx="10959">
                  <c:v>25.403484538117574</c:v>
                </c:pt>
                <c:pt idx="10960">
                  <c:v>25.403484538117574</c:v>
                </c:pt>
                <c:pt idx="10961">
                  <c:v>25.403484538117574</c:v>
                </c:pt>
                <c:pt idx="10962">
                  <c:v>25.406837274261008</c:v>
                </c:pt>
                <c:pt idx="10963">
                  <c:v>25.406837274261008</c:v>
                </c:pt>
                <c:pt idx="10964">
                  <c:v>25.406837274261008</c:v>
                </c:pt>
                <c:pt idx="10965">
                  <c:v>25.406837274261008</c:v>
                </c:pt>
                <c:pt idx="10966">
                  <c:v>25.406837274261008</c:v>
                </c:pt>
                <c:pt idx="10967">
                  <c:v>25.410190010404264</c:v>
                </c:pt>
                <c:pt idx="10968">
                  <c:v>25.410190010404264</c:v>
                </c:pt>
                <c:pt idx="10969">
                  <c:v>25.410190010404264</c:v>
                </c:pt>
                <c:pt idx="10970">
                  <c:v>25.410190010404264</c:v>
                </c:pt>
                <c:pt idx="10971">
                  <c:v>25.413444136661028</c:v>
                </c:pt>
                <c:pt idx="10972">
                  <c:v>25.413444136661028</c:v>
                </c:pt>
                <c:pt idx="10973">
                  <c:v>25.413444136661028</c:v>
                </c:pt>
                <c:pt idx="10974">
                  <c:v>25.413444136661028</c:v>
                </c:pt>
                <c:pt idx="10975">
                  <c:v>25.416796872804287</c:v>
                </c:pt>
                <c:pt idx="10976">
                  <c:v>25.416796872804287</c:v>
                </c:pt>
                <c:pt idx="10977">
                  <c:v>25.416796872804287</c:v>
                </c:pt>
                <c:pt idx="10978">
                  <c:v>25.416796872804287</c:v>
                </c:pt>
                <c:pt idx="10979">
                  <c:v>25.420149608947717</c:v>
                </c:pt>
                <c:pt idx="10980">
                  <c:v>25.420149608947717</c:v>
                </c:pt>
                <c:pt idx="10981">
                  <c:v>25.420149608947717</c:v>
                </c:pt>
                <c:pt idx="10982">
                  <c:v>25.423403735204481</c:v>
                </c:pt>
                <c:pt idx="10983">
                  <c:v>25.423403735204481</c:v>
                </c:pt>
                <c:pt idx="10984">
                  <c:v>25.423403735204481</c:v>
                </c:pt>
                <c:pt idx="10985">
                  <c:v>25.423403735204481</c:v>
                </c:pt>
                <c:pt idx="10986">
                  <c:v>25.426756471347737</c:v>
                </c:pt>
                <c:pt idx="10987">
                  <c:v>25.426756471347737</c:v>
                </c:pt>
                <c:pt idx="10988">
                  <c:v>25.426756471347737</c:v>
                </c:pt>
                <c:pt idx="10989">
                  <c:v>25.426756471347737</c:v>
                </c:pt>
                <c:pt idx="10990">
                  <c:v>25.430109207490997</c:v>
                </c:pt>
                <c:pt idx="10991">
                  <c:v>25.430109207490997</c:v>
                </c:pt>
                <c:pt idx="10992">
                  <c:v>25.430109207490997</c:v>
                </c:pt>
                <c:pt idx="10993">
                  <c:v>25.430109207490997</c:v>
                </c:pt>
                <c:pt idx="10994">
                  <c:v>25.43336333374776</c:v>
                </c:pt>
                <c:pt idx="10995">
                  <c:v>25.43336333374776</c:v>
                </c:pt>
                <c:pt idx="10996">
                  <c:v>25.43336333374776</c:v>
                </c:pt>
                <c:pt idx="10997">
                  <c:v>25.436716069891016</c:v>
                </c:pt>
                <c:pt idx="10998">
                  <c:v>25.436716069891016</c:v>
                </c:pt>
                <c:pt idx="10999">
                  <c:v>25.436716069891016</c:v>
                </c:pt>
                <c:pt idx="11000">
                  <c:v>25.436716069891016</c:v>
                </c:pt>
                <c:pt idx="11001">
                  <c:v>25.436716069891016</c:v>
                </c:pt>
                <c:pt idx="11002">
                  <c:v>25.440068806034446</c:v>
                </c:pt>
                <c:pt idx="11003">
                  <c:v>25.440068806034446</c:v>
                </c:pt>
                <c:pt idx="11004">
                  <c:v>25.440068806034446</c:v>
                </c:pt>
                <c:pt idx="11005">
                  <c:v>25.440068806034446</c:v>
                </c:pt>
                <c:pt idx="11006">
                  <c:v>25.440068806034446</c:v>
                </c:pt>
                <c:pt idx="11007">
                  <c:v>25.44332293229121</c:v>
                </c:pt>
                <c:pt idx="11008">
                  <c:v>25.44332293229121</c:v>
                </c:pt>
                <c:pt idx="11009">
                  <c:v>25.44332293229121</c:v>
                </c:pt>
                <c:pt idx="11010">
                  <c:v>25.44332293229121</c:v>
                </c:pt>
                <c:pt idx="11011">
                  <c:v>25.44332293229121</c:v>
                </c:pt>
                <c:pt idx="11012">
                  <c:v>25.44332293229121</c:v>
                </c:pt>
                <c:pt idx="11013">
                  <c:v>25.446675668434466</c:v>
                </c:pt>
                <c:pt idx="11014">
                  <c:v>25.446675668434466</c:v>
                </c:pt>
                <c:pt idx="11015">
                  <c:v>25.446675668434466</c:v>
                </c:pt>
                <c:pt idx="11016">
                  <c:v>25.446675668434466</c:v>
                </c:pt>
                <c:pt idx="11017">
                  <c:v>25.446675668434466</c:v>
                </c:pt>
                <c:pt idx="11018">
                  <c:v>25.450028404577726</c:v>
                </c:pt>
                <c:pt idx="11019">
                  <c:v>25.450028404577726</c:v>
                </c:pt>
                <c:pt idx="11020">
                  <c:v>25.450028404577726</c:v>
                </c:pt>
                <c:pt idx="11021">
                  <c:v>25.450028404577726</c:v>
                </c:pt>
                <c:pt idx="11022">
                  <c:v>25.450028404577726</c:v>
                </c:pt>
                <c:pt idx="11023">
                  <c:v>25.450028404577726</c:v>
                </c:pt>
                <c:pt idx="11024">
                  <c:v>25.453282530834489</c:v>
                </c:pt>
                <c:pt idx="11025">
                  <c:v>25.453282530834489</c:v>
                </c:pt>
                <c:pt idx="11026">
                  <c:v>25.453282530834489</c:v>
                </c:pt>
                <c:pt idx="11027">
                  <c:v>25.453282530834489</c:v>
                </c:pt>
                <c:pt idx="11028">
                  <c:v>25.456635266977919</c:v>
                </c:pt>
                <c:pt idx="11029">
                  <c:v>25.456635266977919</c:v>
                </c:pt>
                <c:pt idx="11030">
                  <c:v>25.456635266977919</c:v>
                </c:pt>
                <c:pt idx="11031">
                  <c:v>25.456635266977919</c:v>
                </c:pt>
                <c:pt idx="11032">
                  <c:v>25.459988003121175</c:v>
                </c:pt>
                <c:pt idx="11033">
                  <c:v>25.459988003121175</c:v>
                </c:pt>
                <c:pt idx="11034">
                  <c:v>25.459988003121175</c:v>
                </c:pt>
                <c:pt idx="11035">
                  <c:v>25.459988003121175</c:v>
                </c:pt>
                <c:pt idx="11036">
                  <c:v>25.463242129377939</c:v>
                </c:pt>
                <c:pt idx="11037">
                  <c:v>25.463242129377939</c:v>
                </c:pt>
                <c:pt idx="11038">
                  <c:v>25.463242129377939</c:v>
                </c:pt>
                <c:pt idx="11039">
                  <c:v>25.466594865521198</c:v>
                </c:pt>
                <c:pt idx="11040">
                  <c:v>25.466594865521198</c:v>
                </c:pt>
                <c:pt idx="11041">
                  <c:v>25.466594865521198</c:v>
                </c:pt>
                <c:pt idx="11042">
                  <c:v>25.466594865521198</c:v>
                </c:pt>
                <c:pt idx="11043">
                  <c:v>25.469947601664455</c:v>
                </c:pt>
                <c:pt idx="11044">
                  <c:v>25.469947601664455</c:v>
                </c:pt>
                <c:pt idx="11045">
                  <c:v>25.469947601664455</c:v>
                </c:pt>
                <c:pt idx="11046">
                  <c:v>25.469947601664455</c:v>
                </c:pt>
                <c:pt idx="11047">
                  <c:v>25.469947601664455</c:v>
                </c:pt>
                <c:pt idx="11048">
                  <c:v>25.473201727921218</c:v>
                </c:pt>
                <c:pt idx="11049">
                  <c:v>25.473201727921218</c:v>
                </c:pt>
                <c:pt idx="11050">
                  <c:v>25.473201727921218</c:v>
                </c:pt>
                <c:pt idx="11051">
                  <c:v>25.473201727921218</c:v>
                </c:pt>
                <c:pt idx="11052">
                  <c:v>25.473201727921218</c:v>
                </c:pt>
                <c:pt idx="11053">
                  <c:v>25.476554464064648</c:v>
                </c:pt>
                <c:pt idx="11054">
                  <c:v>25.476554464064648</c:v>
                </c:pt>
                <c:pt idx="11055">
                  <c:v>25.476554464064648</c:v>
                </c:pt>
                <c:pt idx="11056">
                  <c:v>25.476554464064648</c:v>
                </c:pt>
                <c:pt idx="11057">
                  <c:v>25.479907200207908</c:v>
                </c:pt>
                <c:pt idx="11058">
                  <c:v>25.479907200207908</c:v>
                </c:pt>
                <c:pt idx="11059">
                  <c:v>25.479907200207908</c:v>
                </c:pt>
                <c:pt idx="11060">
                  <c:v>25.479907200207908</c:v>
                </c:pt>
                <c:pt idx="11061">
                  <c:v>25.483161326464671</c:v>
                </c:pt>
                <c:pt idx="11062">
                  <c:v>25.483161326464671</c:v>
                </c:pt>
                <c:pt idx="11063">
                  <c:v>25.483161326464671</c:v>
                </c:pt>
                <c:pt idx="11064">
                  <c:v>25.483161326464671</c:v>
                </c:pt>
                <c:pt idx="11065">
                  <c:v>25.483161326464671</c:v>
                </c:pt>
                <c:pt idx="11066">
                  <c:v>25.486514062607927</c:v>
                </c:pt>
                <c:pt idx="11067">
                  <c:v>25.486514062607927</c:v>
                </c:pt>
                <c:pt idx="11068">
                  <c:v>25.486514062607927</c:v>
                </c:pt>
                <c:pt idx="11069">
                  <c:v>25.486514062607927</c:v>
                </c:pt>
                <c:pt idx="11070">
                  <c:v>25.489866798751361</c:v>
                </c:pt>
                <c:pt idx="11071">
                  <c:v>25.489866798751361</c:v>
                </c:pt>
                <c:pt idx="11072">
                  <c:v>25.489866798751361</c:v>
                </c:pt>
                <c:pt idx="11073">
                  <c:v>25.489866798751361</c:v>
                </c:pt>
                <c:pt idx="11074">
                  <c:v>25.493120925007947</c:v>
                </c:pt>
                <c:pt idx="11075">
                  <c:v>25.493120925007947</c:v>
                </c:pt>
                <c:pt idx="11076">
                  <c:v>25.493120925007947</c:v>
                </c:pt>
                <c:pt idx="11077">
                  <c:v>25.493120925007947</c:v>
                </c:pt>
                <c:pt idx="11078">
                  <c:v>25.496473661151377</c:v>
                </c:pt>
                <c:pt idx="11079">
                  <c:v>25.496473661151377</c:v>
                </c:pt>
                <c:pt idx="11080">
                  <c:v>25.496473661151377</c:v>
                </c:pt>
                <c:pt idx="11081">
                  <c:v>25.496473661151377</c:v>
                </c:pt>
                <c:pt idx="11082">
                  <c:v>25.499826397294637</c:v>
                </c:pt>
                <c:pt idx="11083">
                  <c:v>25.499826397294637</c:v>
                </c:pt>
                <c:pt idx="11084">
                  <c:v>25.499826397294637</c:v>
                </c:pt>
                <c:pt idx="11085">
                  <c:v>25.499826397294637</c:v>
                </c:pt>
                <c:pt idx="11086">
                  <c:v>25.503179133437893</c:v>
                </c:pt>
                <c:pt idx="11087">
                  <c:v>25.503179133437893</c:v>
                </c:pt>
                <c:pt idx="11088">
                  <c:v>25.503179133437893</c:v>
                </c:pt>
                <c:pt idx="11089">
                  <c:v>25.506433259694656</c:v>
                </c:pt>
                <c:pt idx="11090">
                  <c:v>25.506433259694656</c:v>
                </c:pt>
                <c:pt idx="11091">
                  <c:v>25.506433259694656</c:v>
                </c:pt>
                <c:pt idx="11092">
                  <c:v>25.506433259694656</c:v>
                </c:pt>
                <c:pt idx="11093">
                  <c:v>25.50978599583809</c:v>
                </c:pt>
                <c:pt idx="11094">
                  <c:v>25.50978599583809</c:v>
                </c:pt>
                <c:pt idx="11095">
                  <c:v>25.50978599583809</c:v>
                </c:pt>
                <c:pt idx="11096">
                  <c:v>25.50978599583809</c:v>
                </c:pt>
                <c:pt idx="11097">
                  <c:v>25.50978599583809</c:v>
                </c:pt>
                <c:pt idx="11098">
                  <c:v>25.50978599583809</c:v>
                </c:pt>
                <c:pt idx="11099">
                  <c:v>25.51313873198135</c:v>
                </c:pt>
                <c:pt idx="11100">
                  <c:v>25.51313873198135</c:v>
                </c:pt>
                <c:pt idx="11101">
                  <c:v>25.51313873198135</c:v>
                </c:pt>
                <c:pt idx="11102">
                  <c:v>25.51313873198135</c:v>
                </c:pt>
                <c:pt idx="11103">
                  <c:v>25.51313873198135</c:v>
                </c:pt>
                <c:pt idx="11104">
                  <c:v>25.51639285823811</c:v>
                </c:pt>
                <c:pt idx="11105">
                  <c:v>25.51639285823811</c:v>
                </c:pt>
                <c:pt idx="11106">
                  <c:v>25.51639285823811</c:v>
                </c:pt>
                <c:pt idx="11107">
                  <c:v>25.51639285823811</c:v>
                </c:pt>
                <c:pt idx="11108">
                  <c:v>25.519745594381366</c:v>
                </c:pt>
                <c:pt idx="11109">
                  <c:v>25.519745594381366</c:v>
                </c:pt>
                <c:pt idx="11110">
                  <c:v>25.519745594381366</c:v>
                </c:pt>
                <c:pt idx="11111">
                  <c:v>25.519745594381366</c:v>
                </c:pt>
                <c:pt idx="11112">
                  <c:v>25.5230983305248</c:v>
                </c:pt>
                <c:pt idx="11113">
                  <c:v>25.5230983305248</c:v>
                </c:pt>
                <c:pt idx="11114">
                  <c:v>25.5230983305248</c:v>
                </c:pt>
                <c:pt idx="11115">
                  <c:v>25.5230983305248</c:v>
                </c:pt>
                <c:pt idx="11116">
                  <c:v>25.526352456781389</c:v>
                </c:pt>
                <c:pt idx="11117">
                  <c:v>25.526352456781389</c:v>
                </c:pt>
                <c:pt idx="11118">
                  <c:v>25.526352456781389</c:v>
                </c:pt>
                <c:pt idx="11119">
                  <c:v>25.526352456781389</c:v>
                </c:pt>
                <c:pt idx="11120">
                  <c:v>25.529705192924823</c:v>
                </c:pt>
                <c:pt idx="11121">
                  <c:v>25.529705192924823</c:v>
                </c:pt>
                <c:pt idx="11122">
                  <c:v>25.533057929068079</c:v>
                </c:pt>
                <c:pt idx="11123">
                  <c:v>25.533057929068079</c:v>
                </c:pt>
                <c:pt idx="11124">
                  <c:v>25.533057929068079</c:v>
                </c:pt>
                <c:pt idx="11125">
                  <c:v>25.536312055324842</c:v>
                </c:pt>
                <c:pt idx="11126">
                  <c:v>25.536312055324842</c:v>
                </c:pt>
                <c:pt idx="11127">
                  <c:v>25.536312055324842</c:v>
                </c:pt>
                <c:pt idx="11128">
                  <c:v>25.539664791468095</c:v>
                </c:pt>
                <c:pt idx="11129">
                  <c:v>25.539664791468095</c:v>
                </c:pt>
                <c:pt idx="11130">
                  <c:v>25.539664791468095</c:v>
                </c:pt>
                <c:pt idx="11131">
                  <c:v>25.539664791468095</c:v>
                </c:pt>
                <c:pt idx="11132">
                  <c:v>25.539664791468095</c:v>
                </c:pt>
                <c:pt idx="11133">
                  <c:v>25.539664791468095</c:v>
                </c:pt>
                <c:pt idx="11134">
                  <c:v>25.543017527611529</c:v>
                </c:pt>
                <c:pt idx="11135">
                  <c:v>25.543017527611529</c:v>
                </c:pt>
                <c:pt idx="11136">
                  <c:v>25.543017527611529</c:v>
                </c:pt>
                <c:pt idx="11137">
                  <c:v>25.543017527611529</c:v>
                </c:pt>
                <c:pt idx="11138">
                  <c:v>25.543017527611529</c:v>
                </c:pt>
                <c:pt idx="11139">
                  <c:v>25.546271653868292</c:v>
                </c:pt>
                <c:pt idx="11140">
                  <c:v>25.546271653868292</c:v>
                </c:pt>
                <c:pt idx="11141">
                  <c:v>25.546271653868292</c:v>
                </c:pt>
                <c:pt idx="11142">
                  <c:v>25.546271653868292</c:v>
                </c:pt>
                <c:pt idx="11143">
                  <c:v>25.549624390011552</c:v>
                </c:pt>
                <c:pt idx="11144">
                  <c:v>25.549624390011552</c:v>
                </c:pt>
                <c:pt idx="11145">
                  <c:v>25.549624390011552</c:v>
                </c:pt>
                <c:pt idx="11146">
                  <c:v>25.549624390011552</c:v>
                </c:pt>
                <c:pt idx="11147">
                  <c:v>25.552977126154808</c:v>
                </c:pt>
                <c:pt idx="11148">
                  <c:v>25.552977126154808</c:v>
                </c:pt>
                <c:pt idx="11149">
                  <c:v>25.552977126154808</c:v>
                </c:pt>
                <c:pt idx="11150">
                  <c:v>25.552977126154808</c:v>
                </c:pt>
                <c:pt idx="11151">
                  <c:v>25.556231252411571</c:v>
                </c:pt>
                <c:pt idx="11152">
                  <c:v>25.556231252411571</c:v>
                </c:pt>
                <c:pt idx="11153">
                  <c:v>25.556231252411571</c:v>
                </c:pt>
                <c:pt idx="11154">
                  <c:v>25.556231252411571</c:v>
                </c:pt>
                <c:pt idx="11155">
                  <c:v>25.559583988554827</c:v>
                </c:pt>
                <c:pt idx="11156">
                  <c:v>25.559583988554827</c:v>
                </c:pt>
                <c:pt idx="11157">
                  <c:v>25.559583988554827</c:v>
                </c:pt>
                <c:pt idx="11158">
                  <c:v>25.559583988554827</c:v>
                </c:pt>
                <c:pt idx="11159">
                  <c:v>25.562936724698261</c:v>
                </c:pt>
                <c:pt idx="11160">
                  <c:v>25.562936724698261</c:v>
                </c:pt>
                <c:pt idx="11161">
                  <c:v>25.562936724698261</c:v>
                </c:pt>
                <c:pt idx="11162">
                  <c:v>25.566190850955024</c:v>
                </c:pt>
                <c:pt idx="11163">
                  <c:v>25.566190850955024</c:v>
                </c:pt>
                <c:pt idx="11164">
                  <c:v>25.566190850955024</c:v>
                </c:pt>
                <c:pt idx="11165">
                  <c:v>25.566190850955024</c:v>
                </c:pt>
                <c:pt idx="11166">
                  <c:v>25.566190850955024</c:v>
                </c:pt>
                <c:pt idx="11167">
                  <c:v>25.569543587098281</c:v>
                </c:pt>
                <c:pt idx="11168">
                  <c:v>25.569543587098281</c:v>
                </c:pt>
                <c:pt idx="11169">
                  <c:v>25.569543587098281</c:v>
                </c:pt>
                <c:pt idx="11170">
                  <c:v>25.569543587098281</c:v>
                </c:pt>
                <c:pt idx="11171">
                  <c:v>25.569543587098281</c:v>
                </c:pt>
                <c:pt idx="11172">
                  <c:v>25.57289632324154</c:v>
                </c:pt>
                <c:pt idx="11173">
                  <c:v>25.57289632324154</c:v>
                </c:pt>
                <c:pt idx="11174">
                  <c:v>25.57289632324154</c:v>
                </c:pt>
                <c:pt idx="11175">
                  <c:v>25.57289632324154</c:v>
                </c:pt>
                <c:pt idx="11176">
                  <c:v>25.5761504494983</c:v>
                </c:pt>
                <c:pt idx="11177">
                  <c:v>25.5761504494983</c:v>
                </c:pt>
                <c:pt idx="11178">
                  <c:v>25.5761504494983</c:v>
                </c:pt>
                <c:pt idx="11179">
                  <c:v>25.5761504494983</c:v>
                </c:pt>
                <c:pt idx="11180">
                  <c:v>25.5761504494983</c:v>
                </c:pt>
                <c:pt idx="11181">
                  <c:v>25.57950318564173</c:v>
                </c:pt>
                <c:pt idx="11182">
                  <c:v>25.57950318564173</c:v>
                </c:pt>
                <c:pt idx="11183">
                  <c:v>25.57950318564173</c:v>
                </c:pt>
                <c:pt idx="11184">
                  <c:v>25.57950318564173</c:v>
                </c:pt>
                <c:pt idx="11185">
                  <c:v>25.58285592178499</c:v>
                </c:pt>
                <c:pt idx="11186">
                  <c:v>25.58285592178499</c:v>
                </c:pt>
                <c:pt idx="11187">
                  <c:v>25.58285592178499</c:v>
                </c:pt>
                <c:pt idx="11188">
                  <c:v>25.58285592178499</c:v>
                </c:pt>
                <c:pt idx="11189">
                  <c:v>25.58285592178499</c:v>
                </c:pt>
                <c:pt idx="11190">
                  <c:v>25.586110048041753</c:v>
                </c:pt>
                <c:pt idx="11191">
                  <c:v>25.586110048041753</c:v>
                </c:pt>
                <c:pt idx="11192">
                  <c:v>25.586110048041753</c:v>
                </c:pt>
                <c:pt idx="11193">
                  <c:v>25.586110048041753</c:v>
                </c:pt>
                <c:pt idx="11194">
                  <c:v>25.586110048041753</c:v>
                </c:pt>
                <c:pt idx="11195">
                  <c:v>25.586110048041753</c:v>
                </c:pt>
                <c:pt idx="11196">
                  <c:v>25.58946278418501</c:v>
                </c:pt>
                <c:pt idx="11197">
                  <c:v>25.58946278418501</c:v>
                </c:pt>
                <c:pt idx="11198">
                  <c:v>25.58946278418501</c:v>
                </c:pt>
                <c:pt idx="11199">
                  <c:v>25.58946278418501</c:v>
                </c:pt>
                <c:pt idx="11200">
                  <c:v>25.592815520328269</c:v>
                </c:pt>
                <c:pt idx="11201">
                  <c:v>25.592815520328269</c:v>
                </c:pt>
                <c:pt idx="11202">
                  <c:v>25.592815520328269</c:v>
                </c:pt>
                <c:pt idx="11203">
                  <c:v>25.592815520328269</c:v>
                </c:pt>
                <c:pt idx="11204">
                  <c:v>25.596069646585033</c:v>
                </c:pt>
                <c:pt idx="11205">
                  <c:v>25.596069646585033</c:v>
                </c:pt>
                <c:pt idx="11206">
                  <c:v>25.596069646585033</c:v>
                </c:pt>
                <c:pt idx="11207">
                  <c:v>25.596069646585033</c:v>
                </c:pt>
                <c:pt idx="11208">
                  <c:v>25.599422382728463</c:v>
                </c:pt>
                <c:pt idx="11209">
                  <c:v>25.599422382728463</c:v>
                </c:pt>
                <c:pt idx="11210">
                  <c:v>25.599422382728463</c:v>
                </c:pt>
                <c:pt idx="11211">
                  <c:v>25.599422382728463</c:v>
                </c:pt>
                <c:pt idx="11212">
                  <c:v>25.599422382728463</c:v>
                </c:pt>
                <c:pt idx="11213">
                  <c:v>25.602775118871719</c:v>
                </c:pt>
                <c:pt idx="11214">
                  <c:v>25.602775118871719</c:v>
                </c:pt>
                <c:pt idx="11215">
                  <c:v>25.602775118871719</c:v>
                </c:pt>
                <c:pt idx="11216">
                  <c:v>25.606029245128482</c:v>
                </c:pt>
                <c:pt idx="11217">
                  <c:v>25.606029245128482</c:v>
                </c:pt>
                <c:pt idx="11218">
                  <c:v>25.606029245128482</c:v>
                </c:pt>
                <c:pt idx="11219">
                  <c:v>25.606029245128482</c:v>
                </c:pt>
                <c:pt idx="11220">
                  <c:v>25.609381981271742</c:v>
                </c:pt>
                <c:pt idx="11221">
                  <c:v>25.609381981271742</c:v>
                </c:pt>
                <c:pt idx="11222">
                  <c:v>25.609381981271742</c:v>
                </c:pt>
                <c:pt idx="11223">
                  <c:v>25.609381981271742</c:v>
                </c:pt>
                <c:pt idx="11224">
                  <c:v>25.612734717415172</c:v>
                </c:pt>
                <c:pt idx="11225">
                  <c:v>25.612734717415172</c:v>
                </c:pt>
                <c:pt idx="11226">
                  <c:v>25.612734717415172</c:v>
                </c:pt>
                <c:pt idx="11227">
                  <c:v>25.615988843671762</c:v>
                </c:pt>
                <c:pt idx="11228">
                  <c:v>25.615988843671762</c:v>
                </c:pt>
                <c:pt idx="11229">
                  <c:v>25.615988843671762</c:v>
                </c:pt>
                <c:pt idx="11230">
                  <c:v>25.615988843671762</c:v>
                </c:pt>
                <c:pt idx="11231">
                  <c:v>25.619341579815192</c:v>
                </c:pt>
                <c:pt idx="11232">
                  <c:v>25.619341579815192</c:v>
                </c:pt>
                <c:pt idx="11233">
                  <c:v>25.619341579815192</c:v>
                </c:pt>
                <c:pt idx="11234">
                  <c:v>25.622694315958448</c:v>
                </c:pt>
                <c:pt idx="11235">
                  <c:v>25.622694315958448</c:v>
                </c:pt>
                <c:pt idx="11236">
                  <c:v>25.622694315958448</c:v>
                </c:pt>
                <c:pt idx="11237">
                  <c:v>25.625948442215211</c:v>
                </c:pt>
                <c:pt idx="11238">
                  <c:v>25.625948442215211</c:v>
                </c:pt>
                <c:pt idx="11239">
                  <c:v>25.625948442215211</c:v>
                </c:pt>
                <c:pt idx="11240">
                  <c:v>25.629301178358471</c:v>
                </c:pt>
                <c:pt idx="11241">
                  <c:v>25.629301178358471</c:v>
                </c:pt>
                <c:pt idx="11242">
                  <c:v>25.629301178358471</c:v>
                </c:pt>
                <c:pt idx="11243">
                  <c:v>25.632653914501905</c:v>
                </c:pt>
                <c:pt idx="11244">
                  <c:v>25.632653914501905</c:v>
                </c:pt>
                <c:pt idx="11245">
                  <c:v>25.632653914501905</c:v>
                </c:pt>
                <c:pt idx="11246">
                  <c:v>25.636006650645157</c:v>
                </c:pt>
                <c:pt idx="11247">
                  <c:v>25.636006650645157</c:v>
                </c:pt>
                <c:pt idx="11248">
                  <c:v>25.636006650645157</c:v>
                </c:pt>
                <c:pt idx="11249">
                  <c:v>25.639260776901921</c:v>
                </c:pt>
                <c:pt idx="11250">
                  <c:v>25.639260776901921</c:v>
                </c:pt>
                <c:pt idx="11251">
                  <c:v>25.639260776901921</c:v>
                </c:pt>
                <c:pt idx="11252">
                  <c:v>25.64261351304518</c:v>
                </c:pt>
                <c:pt idx="11253">
                  <c:v>25.64261351304518</c:v>
                </c:pt>
                <c:pt idx="11254">
                  <c:v>25.64261351304518</c:v>
                </c:pt>
                <c:pt idx="11255">
                  <c:v>25.645966249188437</c:v>
                </c:pt>
                <c:pt idx="11256">
                  <c:v>25.645966249188437</c:v>
                </c:pt>
                <c:pt idx="11257">
                  <c:v>25.645966249188437</c:v>
                </c:pt>
                <c:pt idx="11258">
                  <c:v>25.645966249188437</c:v>
                </c:pt>
                <c:pt idx="11259">
                  <c:v>25.6492203754452</c:v>
                </c:pt>
                <c:pt idx="11260">
                  <c:v>25.6492203754452</c:v>
                </c:pt>
                <c:pt idx="11261">
                  <c:v>25.6492203754452</c:v>
                </c:pt>
                <c:pt idx="11262">
                  <c:v>25.6492203754452</c:v>
                </c:pt>
                <c:pt idx="11263">
                  <c:v>25.652573111588634</c:v>
                </c:pt>
                <c:pt idx="11264">
                  <c:v>25.652573111588634</c:v>
                </c:pt>
                <c:pt idx="11265">
                  <c:v>25.652573111588634</c:v>
                </c:pt>
                <c:pt idx="11266">
                  <c:v>25.652573111588634</c:v>
                </c:pt>
                <c:pt idx="11267">
                  <c:v>25.65592584773189</c:v>
                </c:pt>
                <c:pt idx="11268">
                  <c:v>25.65592584773189</c:v>
                </c:pt>
                <c:pt idx="11269">
                  <c:v>25.65592584773189</c:v>
                </c:pt>
                <c:pt idx="11270">
                  <c:v>25.65592584773189</c:v>
                </c:pt>
                <c:pt idx="11271">
                  <c:v>25.65592584773189</c:v>
                </c:pt>
                <c:pt idx="11272">
                  <c:v>25.65917997398865</c:v>
                </c:pt>
                <c:pt idx="11273">
                  <c:v>25.65917997398865</c:v>
                </c:pt>
                <c:pt idx="11274">
                  <c:v>25.65917997398865</c:v>
                </c:pt>
                <c:pt idx="11275">
                  <c:v>25.65917997398865</c:v>
                </c:pt>
                <c:pt idx="11276">
                  <c:v>25.662532710131909</c:v>
                </c:pt>
                <c:pt idx="11277">
                  <c:v>25.662532710131909</c:v>
                </c:pt>
                <c:pt idx="11278">
                  <c:v>25.662532710131909</c:v>
                </c:pt>
                <c:pt idx="11279">
                  <c:v>25.662532710131909</c:v>
                </c:pt>
                <c:pt idx="11280">
                  <c:v>25.662532710131909</c:v>
                </c:pt>
                <c:pt idx="11281">
                  <c:v>25.665885446275343</c:v>
                </c:pt>
                <c:pt idx="11282">
                  <c:v>25.665885446275343</c:v>
                </c:pt>
                <c:pt idx="11283">
                  <c:v>25.665885446275343</c:v>
                </c:pt>
                <c:pt idx="11284">
                  <c:v>25.665885446275343</c:v>
                </c:pt>
                <c:pt idx="11285">
                  <c:v>25.665885446275343</c:v>
                </c:pt>
                <c:pt idx="11286">
                  <c:v>25.669139572532107</c:v>
                </c:pt>
                <c:pt idx="11287">
                  <c:v>25.669139572532107</c:v>
                </c:pt>
                <c:pt idx="11288">
                  <c:v>25.669139572532107</c:v>
                </c:pt>
                <c:pt idx="11289">
                  <c:v>25.669139572532107</c:v>
                </c:pt>
                <c:pt idx="11290">
                  <c:v>25.672492308675363</c:v>
                </c:pt>
                <c:pt idx="11291">
                  <c:v>25.672492308675363</c:v>
                </c:pt>
                <c:pt idx="11292">
                  <c:v>25.672492308675363</c:v>
                </c:pt>
                <c:pt idx="11293">
                  <c:v>25.672492308675363</c:v>
                </c:pt>
                <c:pt idx="11294">
                  <c:v>25.675845044818619</c:v>
                </c:pt>
                <c:pt idx="11295">
                  <c:v>25.675845044818619</c:v>
                </c:pt>
                <c:pt idx="11296">
                  <c:v>25.675845044818619</c:v>
                </c:pt>
                <c:pt idx="11297">
                  <c:v>25.675845044818619</c:v>
                </c:pt>
                <c:pt idx="11298">
                  <c:v>25.679099171075382</c:v>
                </c:pt>
                <c:pt idx="11299">
                  <c:v>25.679099171075382</c:v>
                </c:pt>
                <c:pt idx="11300">
                  <c:v>25.679099171075382</c:v>
                </c:pt>
                <c:pt idx="11301">
                  <c:v>25.679099171075382</c:v>
                </c:pt>
                <c:pt idx="11302">
                  <c:v>25.682451907218638</c:v>
                </c:pt>
                <c:pt idx="11303">
                  <c:v>25.682451907218638</c:v>
                </c:pt>
                <c:pt idx="11304">
                  <c:v>25.682451907218638</c:v>
                </c:pt>
                <c:pt idx="11305">
                  <c:v>25.682451907218638</c:v>
                </c:pt>
                <c:pt idx="11306">
                  <c:v>25.682451907218638</c:v>
                </c:pt>
                <c:pt idx="11307">
                  <c:v>25.682451907218638</c:v>
                </c:pt>
                <c:pt idx="11308">
                  <c:v>25.685804643362072</c:v>
                </c:pt>
                <c:pt idx="11309">
                  <c:v>25.685804643362072</c:v>
                </c:pt>
                <c:pt idx="11310">
                  <c:v>25.685804643362072</c:v>
                </c:pt>
                <c:pt idx="11311">
                  <c:v>25.685804643362072</c:v>
                </c:pt>
                <c:pt idx="11312">
                  <c:v>25.685804643362072</c:v>
                </c:pt>
                <c:pt idx="11313">
                  <c:v>25.685804643362072</c:v>
                </c:pt>
                <c:pt idx="11314">
                  <c:v>25.689058769618835</c:v>
                </c:pt>
                <c:pt idx="11315">
                  <c:v>25.689058769618835</c:v>
                </c:pt>
                <c:pt idx="11316">
                  <c:v>25.689058769618835</c:v>
                </c:pt>
                <c:pt idx="11317">
                  <c:v>25.689058769618835</c:v>
                </c:pt>
                <c:pt idx="11318">
                  <c:v>25.692411505762095</c:v>
                </c:pt>
                <c:pt idx="11319">
                  <c:v>25.692411505762095</c:v>
                </c:pt>
                <c:pt idx="11320">
                  <c:v>25.692411505762095</c:v>
                </c:pt>
                <c:pt idx="11321">
                  <c:v>25.692411505762095</c:v>
                </c:pt>
                <c:pt idx="11322">
                  <c:v>25.692411505762095</c:v>
                </c:pt>
                <c:pt idx="11323">
                  <c:v>25.695764241905348</c:v>
                </c:pt>
                <c:pt idx="11324">
                  <c:v>25.695764241905348</c:v>
                </c:pt>
                <c:pt idx="11325">
                  <c:v>25.695764241905348</c:v>
                </c:pt>
                <c:pt idx="11326">
                  <c:v>25.695764241905348</c:v>
                </c:pt>
                <c:pt idx="11327">
                  <c:v>25.695764241905348</c:v>
                </c:pt>
                <c:pt idx="11328">
                  <c:v>25.699018368162111</c:v>
                </c:pt>
                <c:pt idx="11329">
                  <c:v>25.699018368162111</c:v>
                </c:pt>
                <c:pt idx="11330">
                  <c:v>25.699018368162111</c:v>
                </c:pt>
                <c:pt idx="11331">
                  <c:v>25.699018368162111</c:v>
                </c:pt>
                <c:pt idx="11332">
                  <c:v>25.702371104305371</c:v>
                </c:pt>
                <c:pt idx="11333">
                  <c:v>25.702371104305371</c:v>
                </c:pt>
                <c:pt idx="11334">
                  <c:v>25.702371104305371</c:v>
                </c:pt>
                <c:pt idx="11335">
                  <c:v>25.705723840448801</c:v>
                </c:pt>
                <c:pt idx="11336">
                  <c:v>25.705723840448801</c:v>
                </c:pt>
                <c:pt idx="11337">
                  <c:v>25.705723840448801</c:v>
                </c:pt>
                <c:pt idx="11338">
                  <c:v>25.708977966705564</c:v>
                </c:pt>
                <c:pt idx="11339">
                  <c:v>25.708977966705564</c:v>
                </c:pt>
                <c:pt idx="11340">
                  <c:v>25.708977966705564</c:v>
                </c:pt>
                <c:pt idx="11341">
                  <c:v>25.708977966705564</c:v>
                </c:pt>
                <c:pt idx="11342">
                  <c:v>25.712330702848824</c:v>
                </c:pt>
                <c:pt idx="11343">
                  <c:v>25.712330702848824</c:v>
                </c:pt>
                <c:pt idx="11344">
                  <c:v>25.712330702848824</c:v>
                </c:pt>
                <c:pt idx="11345">
                  <c:v>25.712330702848824</c:v>
                </c:pt>
                <c:pt idx="11346">
                  <c:v>25.715683438992077</c:v>
                </c:pt>
                <c:pt idx="11347">
                  <c:v>25.715683438992077</c:v>
                </c:pt>
                <c:pt idx="11348">
                  <c:v>25.715683438992077</c:v>
                </c:pt>
                <c:pt idx="11349">
                  <c:v>25.71893756524884</c:v>
                </c:pt>
                <c:pt idx="11350">
                  <c:v>25.71893756524884</c:v>
                </c:pt>
                <c:pt idx="11351">
                  <c:v>25.71893756524884</c:v>
                </c:pt>
                <c:pt idx="11352">
                  <c:v>25.722290301392274</c:v>
                </c:pt>
                <c:pt idx="11353">
                  <c:v>25.722290301392274</c:v>
                </c:pt>
                <c:pt idx="11354">
                  <c:v>25.722290301392274</c:v>
                </c:pt>
                <c:pt idx="11355">
                  <c:v>25.722290301392274</c:v>
                </c:pt>
                <c:pt idx="11356">
                  <c:v>25.725643037535534</c:v>
                </c:pt>
                <c:pt idx="11357">
                  <c:v>25.725643037535534</c:v>
                </c:pt>
                <c:pt idx="11358">
                  <c:v>25.725643037535534</c:v>
                </c:pt>
                <c:pt idx="11359">
                  <c:v>25.725643037535534</c:v>
                </c:pt>
                <c:pt idx="11360">
                  <c:v>25.728897163792297</c:v>
                </c:pt>
                <c:pt idx="11361">
                  <c:v>25.728897163792297</c:v>
                </c:pt>
                <c:pt idx="11362">
                  <c:v>25.728897163792297</c:v>
                </c:pt>
                <c:pt idx="11363">
                  <c:v>25.732249899935553</c:v>
                </c:pt>
                <c:pt idx="11364">
                  <c:v>25.732249899935553</c:v>
                </c:pt>
                <c:pt idx="11365">
                  <c:v>25.732249899935553</c:v>
                </c:pt>
                <c:pt idx="11366">
                  <c:v>25.735602636078809</c:v>
                </c:pt>
                <c:pt idx="11367">
                  <c:v>25.735602636078809</c:v>
                </c:pt>
                <c:pt idx="11368">
                  <c:v>25.735602636078809</c:v>
                </c:pt>
                <c:pt idx="11369">
                  <c:v>25.735602636078809</c:v>
                </c:pt>
                <c:pt idx="11370">
                  <c:v>25.738856762335573</c:v>
                </c:pt>
                <c:pt idx="11371">
                  <c:v>25.738856762335573</c:v>
                </c:pt>
                <c:pt idx="11372">
                  <c:v>25.738856762335573</c:v>
                </c:pt>
                <c:pt idx="11373">
                  <c:v>25.742209498479006</c:v>
                </c:pt>
                <c:pt idx="11374">
                  <c:v>25.742209498479006</c:v>
                </c:pt>
                <c:pt idx="11375">
                  <c:v>25.742209498479006</c:v>
                </c:pt>
                <c:pt idx="11376">
                  <c:v>25.742209498479006</c:v>
                </c:pt>
                <c:pt idx="11377">
                  <c:v>25.745562234622263</c:v>
                </c:pt>
                <c:pt idx="11378">
                  <c:v>25.745562234622263</c:v>
                </c:pt>
                <c:pt idx="11379">
                  <c:v>25.745562234622263</c:v>
                </c:pt>
                <c:pt idx="11380">
                  <c:v>25.745562234622263</c:v>
                </c:pt>
                <c:pt idx="11381">
                  <c:v>25.748816360879026</c:v>
                </c:pt>
                <c:pt idx="11382">
                  <c:v>25.748816360879026</c:v>
                </c:pt>
                <c:pt idx="11383">
                  <c:v>25.748816360879026</c:v>
                </c:pt>
                <c:pt idx="11384">
                  <c:v>25.748816360879026</c:v>
                </c:pt>
                <c:pt idx="11385">
                  <c:v>25.748816360879026</c:v>
                </c:pt>
                <c:pt idx="11386">
                  <c:v>25.752169097022282</c:v>
                </c:pt>
                <c:pt idx="11387">
                  <c:v>25.752169097022282</c:v>
                </c:pt>
                <c:pt idx="11388">
                  <c:v>25.752169097022282</c:v>
                </c:pt>
                <c:pt idx="11389">
                  <c:v>25.752169097022282</c:v>
                </c:pt>
                <c:pt idx="11390">
                  <c:v>25.755521833165712</c:v>
                </c:pt>
                <c:pt idx="11391">
                  <c:v>25.755521833165712</c:v>
                </c:pt>
                <c:pt idx="11392">
                  <c:v>25.755521833165712</c:v>
                </c:pt>
                <c:pt idx="11393">
                  <c:v>25.755521833165712</c:v>
                </c:pt>
                <c:pt idx="11394">
                  <c:v>25.758874569308972</c:v>
                </c:pt>
                <c:pt idx="11395">
                  <c:v>25.758874569308972</c:v>
                </c:pt>
                <c:pt idx="11396">
                  <c:v>25.758874569308972</c:v>
                </c:pt>
                <c:pt idx="11397">
                  <c:v>25.762128695565735</c:v>
                </c:pt>
                <c:pt idx="11398">
                  <c:v>25.762128695565735</c:v>
                </c:pt>
                <c:pt idx="11399">
                  <c:v>25.762128695565735</c:v>
                </c:pt>
                <c:pt idx="11400">
                  <c:v>25.762128695565735</c:v>
                </c:pt>
                <c:pt idx="11401">
                  <c:v>25.762128695565735</c:v>
                </c:pt>
                <c:pt idx="11402">
                  <c:v>25.762128695565735</c:v>
                </c:pt>
                <c:pt idx="11403">
                  <c:v>25.765481431708992</c:v>
                </c:pt>
                <c:pt idx="11404">
                  <c:v>25.765481431708992</c:v>
                </c:pt>
                <c:pt idx="11405">
                  <c:v>25.765481431708992</c:v>
                </c:pt>
                <c:pt idx="11406">
                  <c:v>25.768834167852251</c:v>
                </c:pt>
                <c:pt idx="11407">
                  <c:v>25.768834167852251</c:v>
                </c:pt>
                <c:pt idx="11408">
                  <c:v>25.768834167852251</c:v>
                </c:pt>
                <c:pt idx="11409">
                  <c:v>25.768834167852251</c:v>
                </c:pt>
                <c:pt idx="11410">
                  <c:v>25.772088294109015</c:v>
                </c:pt>
                <c:pt idx="11411">
                  <c:v>25.772088294109015</c:v>
                </c:pt>
                <c:pt idx="11412">
                  <c:v>25.772088294109015</c:v>
                </c:pt>
                <c:pt idx="11413">
                  <c:v>25.775441030252445</c:v>
                </c:pt>
                <c:pt idx="11414">
                  <c:v>25.775441030252445</c:v>
                </c:pt>
                <c:pt idx="11415">
                  <c:v>25.775441030252445</c:v>
                </c:pt>
                <c:pt idx="11416">
                  <c:v>25.778793766395701</c:v>
                </c:pt>
                <c:pt idx="11417">
                  <c:v>25.778793766395701</c:v>
                </c:pt>
                <c:pt idx="11418">
                  <c:v>25.778793766395701</c:v>
                </c:pt>
                <c:pt idx="11419">
                  <c:v>25.778793766395701</c:v>
                </c:pt>
                <c:pt idx="11420">
                  <c:v>25.778793766395701</c:v>
                </c:pt>
                <c:pt idx="11421">
                  <c:v>25.782047892652464</c:v>
                </c:pt>
                <c:pt idx="11422">
                  <c:v>25.782047892652464</c:v>
                </c:pt>
                <c:pt idx="11423">
                  <c:v>25.782047892652464</c:v>
                </c:pt>
                <c:pt idx="11424">
                  <c:v>25.782047892652464</c:v>
                </c:pt>
                <c:pt idx="11425">
                  <c:v>25.785400628795724</c:v>
                </c:pt>
                <c:pt idx="11426">
                  <c:v>25.785400628795724</c:v>
                </c:pt>
                <c:pt idx="11427">
                  <c:v>25.785400628795724</c:v>
                </c:pt>
                <c:pt idx="11428">
                  <c:v>25.788753364939154</c:v>
                </c:pt>
                <c:pt idx="11429">
                  <c:v>25.788753364939154</c:v>
                </c:pt>
                <c:pt idx="11430">
                  <c:v>25.788753364939154</c:v>
                </c:pt>
                <c:pt idx="11431">
                  <c:v>25.788753364939154</c:v>
                </c:pt>
                <c:pt idx="11432">
                  <c:v>25.788753364939154</c:v>
                </c:pt>
                <c:pt idx="11433">
                  <c:v>25.788753364939154</c:v>
                </c:pt>
                <c:pt idx="11434">
                  <c:v>25.788753364939154</c:v>
                </c:pt>
                <c:pt idx="11435">
                  <c:v>25.792007491195744</c:v>
                </c:pt>
                <c:pt idx="11436">
                  <c:v>25.792007491195744</c:v>
                </c:pt>
                <c:pt idx="11437">
                  <c:v>25.792007491195744</c:v>
                </c:pt>
                <c:pt idx="11438">
                  <c:v>25.792007491195744</c:v>
                </c:pt>
                <c:pt idx="11439">
                  <c:v>25.792007491195744</c:v>
                </c:pt>
                <c:pt idx="11440">
                  <c:v>25.792007491195744</c:v>
                </c:pt>
                <c:pt idx="11441">
                  <c:v>25.792007491195744</c:v>
                </c:pt>
                <c:pt idx="11442">
                  <c:v>25.795360227339174</c:v>
                </c:pt>
                <c:pt idx="11443">
                  <c:v>25.795360227339174</c:v>
                </c:pt>
                <c:pt idx="11444">
                  <c:v>25.795360227339174</c:v>
                </c:pt>
                <c:pt idx="11445">
                  <c:v>25.795360227339174</c:v>
                </c:pt>
                <c:pt idx="11446">
                  <c:v>25.795360227339174</c:v>
                </c:pt>
                <c:pt idx="11447">
                  <c:v>25.79871296348243</c:v>
                </c:pt>
                <c:pt idx="11448">
                  <c:v>25.79871296348243</c:v>
                </c:pt>
                <c:pt idx="11449">
                  <c:v>25.79871296348243</c:v>
                </c:pt>
                <c:pt idx="11450">
                  <c:v>25.79871296348243</c:v>
                </c:pt>
                <c:pt idx="11451">
                  <c:v>25.79871296348243</c:v>
                </c:pt>
                <c:pt idx="11452">
                  <c:v>25.801967089739193</c:v>
                </c:pt>
                <c:pt idx="11453">
                  <c:v>25.801967089739193</c:v>
                </c:pt>
                <c:pt idx="11454">
                  <c:v>25.801967089739193</c:v>
                </c:pt>
                <c:pt idx="11455">
                  <c:v>25.801967089739193</c:v>
                </c:pt>
                <c:pt idx="11456">
                  <c:v>25.805319825882453</c:v>
                </c:pt>
                <c:pt idx="11457">
                  <c:v>25.805319825882453</c:v>
                </c:pt>
                <c:pt idx="11458">
                  <c:v>25.805319825882453</c:v>
                </c:pt>
                <c:pt idx="11459">
                  <c:v>25.805319825882453</c:v>
                </c:pt>
                <c:pt idx="11460">
                  <c:v>25.808672562025887</c:v>
                </c:pt>
                <c:pt idx="11461">
                  <c:v>25.808672562025887</c:v>
                </c:pt>
                <c:pt idx="11462">
                  <c:v>25.808672562025887</c:v>
                </c:pt>
                <c:pt idx="11463">
                  <c:v>25.808672562025887</c:v>
                </c:pt>
                <c:pt idx="11464">
                  <c:v>25.81192668828265</c:v>
                </c:pt>
                <c:pt idx="11465">
                  <c:v>25.81192668828265</c:v>
                </c:pt>
                <c:pt idx="11466">
                  <c:v>25.81192668828265</c:v>
                </c:pt>
                <c:pt idx="11467">
                  <c:v>25.81192668828265</c:v>
                </c:pt>
                <c:pt idx="11468">
                  <c:v>25.815279424425903</c:v>
                </c:pt>
                <c:pt idx="11469">
                  <c:v>25.815279424425903</c:v>
                </c:pt>
                <c:pt idx="11470">
                  <c:v>25.815279424425903</c:v>
                </c:pt>
                <c:pt idx="11471">
                  <c:v>25.818632160569162</c:v>
                </c:pt>
                <c:pt idx="11472">
                  <c:v>25.818632160569162</c:v>
                </c:pt>
                <c:pt idx="11473">
                  <c:v>25.818632160569162</c:v>
                </c:pt>
                <c:pt idx="11474">
                  <c:v>25.818632160569162</c:v>
                </c:pt>
                <c:pt idx="11475">
                  <c:v>25.821886286825926</c:v>
                </c:pt>
                <c:pt idx="11476">
                  <c:v>25.821886286825926</c:v>
                </c:pt>
                <c:pt idx="11477">
                  <c:v>25.821886286825926</c:v>
                </c:pt>
                <c:pt idx="11478">
                  <c:v>25.821886286825926</c:v>
                </c:pt>
                <c:pt idx="11479">
                  <c:v>25.825239022969182</c:v>
                </c:pt>
                <c:pt idx="11480">
                  <c:v>25.825239022969182</c:v>
                </c:pt>
                <c:pt idx="11481">
                  <c:v>25.825239022969182</c:v>
                </c:pt>
                <c:pt idx="11482">
                  <c:v>25.825239022969182</c:v>
                </c:pt>
                <c:pt idx="11483">
                  <c:v>25.828591759112616</c:v>
                </c:pt>
                <c:pt idx="11484">
                  <c:v>25.828591759112616</c:v>
                </c:pt>
                <c:pt idx="11485">
                  <c:v>25.828591759112616</c:v>
                </c:pt>
                <c:pt idx="11486">
                  <c:v>25.828591759112616</c:v>
                </c:pt>
                <c:pt idx="11487">
                  <c:v>25.831845885369379</c:v>
                </c:pt>
                <c:pt idx="11488">
                  <c:v>25.831845885369379</c:v>
                </c:pt>
                <c:pt idx="11489">
                  <c:v>25.831845885369379</c:v>
                </c:pt>
                <c:pt idx="11490">
                  <c:v>25.831845885369379</c:v>
                </c:pt>
                <c:pt idx="11491">
                  <c:v>25.835198621512632</c:v>
                </c:pt>
                <c:pt idx="11492">
                  <c:v>25.835198621512632</c:v>
                </c:pt>
                <c:pt idx="11493">
                  <c:v>25.835198621512632</c:v>
                </c:pt>
                <c:pt idx="11494">
                  <c:v>25.835198621512632</c:v>
                </c:pt>
                <c:pt idx="11495">
                  <c:v>25.838551357655891</c:v>
                </c:pt>
                <c:pt idx="11496">
                  <c:v>25.838551357655891</c:v>
                </c:pt>
                <c:pt idx="11497">
                  <c:v>25.838551357655891</c:v>
                </c:pt>
                <c:pt idx="11498">
                  <c:v>25.838551357655891</c:v>
                </c:pt>
                <c:pt idx="11499">
                  <c:v>25.841805483912655</c:v>
                </c:pt>
                <c:pt idx="11500">
                  <c:v>25.841805483912655</c:v>
                </c:pt>
                <c:pt idx="11501">
                  <c:v>25.841805483912655</c:v>
                </c:pt>
                <c:pt idx="11502">
                  <c:v>25.841805483912655</c:v>
                </c:pt>
                <c:pt idx="11503">
                  <c:v>25.841805483912655</c:v>
                </c:pt>
                <c:pt idx="11504">
                  <c:v>25.845158220056089</c:v>
                </c:pt>
                <c:pt idx="11505">
                  <c:v>25.845158220056089</c:v>
                </c:pt>
                <c:pt idx="11506">
                  <c:v>25.845158220056089</c:v>
                </c:pt>
                <c:pt idx="11507">
                  <c:v>25.845158220056089</c:v>
                </c:pt>
                <c:pt idx="11508">
                  <c:v>25.845158220056089</c:v>
                </c:pt>
                <c:pt idx="11509">
                  <c:v>25.848510956199345</c:v>
                </c:pt>
                <c:pt idx="11510">
                  <c:v>25.848510956199345</c:v>
                </c:pt>
                <c:pt idx="11511">
                  <c:v>25.848510956199345</c:v>
                </c:pt>
                <c:pt idx="11512">
                  <c:v>25.848510956199345</c:v>
                </c:pt>
                <c:pt idx="11513">
                  <c:v>25.848510956199345</c:v>
                </c:pt>
                <c:pt idx="11514">
                  <c:v>25.851765082456108</c:v>
                </c:pt>
                <c:pt idx="11515">
                  <c:v>25.851765082456108</c:v>
                </c:pt>
                <c:pt idx="11516">
                  <c:v>25.851765082456108</c:v>
                </c:pt>
                <c:pt idx="11517">
                  <c:v>25.851765082456108</c:v>
                </c:pt>
                <c:pt idx="11518">
                  <c:v>25.851765082456108</c:v>
                </c:pt>
                <c:pt idx="11519">
                  <c:v>25.851765082456108</c:v>
                </c:pt>
                <c:pt idx="11520">
                  <c:v>25.855117818599364</c:v>
                </c:pt>
                <c:pt idx="11521">
                  <c:v>25.855117818599364</c:v>
                </c:pt>
                <c:pt idx="11522">
                  <c:v>25.855117818599364</c:v>
                </c:pt>
                <c:pt idx="11523">
                  <c:v>25.855117818599364</c:v>
                </c:pt>
                <c:pt idx="11524">
                  <c:v>25.855117818599364</c:v>
                </c:pt>
                <c:pt idx="11525">
                  <c:v>25.855117818599364</c:v>
                </c:pt>
                <c:pt idx="11526">
                  <c:v>25.85847055474262</c:v>
                </c:pt>
                <c:pt idx="11527">
                  <c:v>25.85847055474262</c:v>
                </c:pt>
                <c:pt idx="11528">
                  <c:v>25.85847055474262</c:v>
                </c:pt>
                <c:pt idx="11529">
                  <c:v>25.85847055474262</c:v>
                </c:pt>
                <c:pt idx="11530">
                  <c:v>25.85847055474262</c:v>
                </c:pt>
                <c:pt idx="11531">
                  <c:v>25.861724680999384</c:v>
                </c:pt>
                <c:pt idx="11532">
                  <c:v>25.861724680999384</c:v>
                </c:pt>
                <c:pt idx="11533">
                  <c:v>25.861724680999384</c:v>
                </c:pt>
                <c:pt idx="11534">
                  <c:v>25.865077417142817</c:v>
                </c:pt>
                <c:pt idx="11535">
                  <c:v>25.865077417142817</c:v>
                </c:pt>
                <c:pt idx="11536">
                  <c:v>25.865077417142817</c:v>
                </c:pt>
                <c:pt idx="11537">
                  <c:v>25.865077417142817</c:v>
                </c:pt>
                <c:pt idx="11538">
                  <c:v>25.865077417142817</c:v>
                </c:pt>
                <c:pt idx="11539">
                  <c:v>25.868430153286077</c:v>
                </c:pt>
                <c:pt idx="11540">
                  <c:v>25.868430153286077</c:v>
                </c:pt>
                <c:pt idx="11541">
                  <c:v>25.868430153286077</c:v>
                </c:pt>
                <c:pt idx="11542">
                  <c:v>25.868430153286077</c:v>
                </c:pt>
                <c:pt idx="11543">
                  <c:v>25.871684279542841</c:v>
                </c:pt>
                <c:pt idx="11544">
                  <c:v>25.871684279542841</c:v>
                </c:pt>
                <c:pt idx="11545">
                  <c:v>25.871684279542841</c:v>
                </c:pt>
                <c:pt idx="11546">
                  <c:v>25.871684279542841</c:v>
                </c:pt>
                <c:pt idx="11547">
                  <c:v>25.875037015686093</c:v>
                </c:pt>
                <c:pt idx="11548">
                  <c:v>25.875037015686093</c:v>
                </c:pt>
                <c:pt idx="11549">
                  <c:v>25.875037015686093</c:v>
                </c:pt>
                <c:pt idx="11550">
                  <c:v>25.878389751829527</c:v>
                </c:pt>
                <c:pt idx="11551">
                  <c:v>25.878389751829527</c:v>
                </c:pt>
                <c:pt idx="11552">
                  <c:v>25.878389751829527</c:v>
                </c:pt>
                <c:pt idx="11553">
                  <c:v>25.881643878086113</c:v>
                </c:pt>
                <c:pt idx="11554">
                  <c:v>25.881643878086113</c:v>
                </c:pt>
                <c:pt idx="11555">
                  <c:v>25.881643878086113</c:v>
                </c:pt>
                <c:pt idx="11556">
                  <c:v>25.881643878086113</c:v>
                </c:pt>
                <c:pt idx="11557">
                  <c:v>25.884996614229546</c:v>
                </c:pt>
                <c:pt idx="11558">
                  <c:v>25.884996614229546</c:v>
                </c:pt>
                <c:pt idx="11559">
                  <c:v>25.884996614229546</c:v>
                </c:pt>
                <c:pt idx="11560">
                  <c:v>25.888349350372806</c:v>
                </c:pt>
                <c:pt idx="11561">
                  <c:v>25.888349350372806</c:v>
                </c:pt>
                <c:pt idx="11562">
                  <c:v>25.888349350372806</c:v>
                </c:pt>
                <c:pt idx="11563">
                  <c:v>25.891702086516062</c:v>
                </c:pt>
                <c:pt idx="11564">
                  <c:v>25.891702086516062</c:v>
                </c:pt>
                <c:pt idx="11565">
                  <c:v>25.891702086516062</c:v>
                </c:pt>
                <c:pt idx="11566">
                  <c:v>25.894956212772826</c:v>
                </c:pt>
                <c:pt idx="11567">
                  <c:v>25.894956212772826</c:v>
                </c:pt>
                <c:pt idx="11568">
                  <c:v>25.894956212772826</c:v>
                </c:pt>
                <c:pt idx="11569">
                  <c:v>25.898308948916256</c:v>
                </c:pt>
                <c:pt idx="11570">
                  <c:v>25.898308948916256</c:v>
                </c:pt>
                <c:pt idx="11571">
                  <c:v>25.898308948916256</c:v>
                </c:pt>
                <c:pt idx="11572">
                  <c:v>25.898308948916256</c:v>
                </c:pt>
                <c:pt idx="11573">
                  <c:v>25.901661685059516</c:v>
                </c:pt>
                <c:pt idx="11574">
                  <c:v>25.901661685059516</c:v>
                </c:pt>
                <c:pt idx="11575">
                  <c:v>25.901661685059516</c:v>
                </c:pt>
                <c:pt idx="11576">
                  <c:v>25.901661685059516</c:v>
                </c:pt>
                <c:pt idx="11577">
                  <c:v>25.901661685059516</c:v>
                </c:pt>
                <c:pt idx="11578">
                  <c:v>25.904915811316279</c:v>
                </c:pt>
                <c:pt idx="11579">
                  <c:v>25.904915811316279</c:v>
                </c:pt>
                <c:pt idx="11580">
                  <c:v>25.904915811316279</c:v>
                </c:pt>
                <c:pt idx="11581">
                  <c:v>25.904915811316279</c:v>
                </c:pt>
                <c:pt idx="11582">
                  <c:v>25.908268547459535</c:v>
                </c:pt>
                <c:pt idx="11583">
                  <c:v>25.908268547459535</c:v>
                </c:pt>
                <c:pt idx="11584">
                  <c:v>25.908268547459535</c:v>
                </c:pt>
                <c:pt idx="11585">
                  <c:v>25.908268547459535</c:v>
                </c:pt>
                <c:pt idx="11586">
                  <c:v>25.908268547459535</c:v>
                </c:pt>
                <c:pt idx="11587">
                  <c:v>25.911621283602965</c:v>
                </c:pt>
                <c:pt idx="11588">
                  <c:v>25.911621283602965</c:v>
                </c:pt>
                <c:pt idx="11589">
                  <c:v>25.911621283602965</c:v>
                </c:pt>
                <c:pt idx="11590">
                  <c:v>25.911621283602965</c:v>
                </c:pt>
                <c:pt idx="11591">
                  <c:v>25.911621283602965</c:v>
                </c:pt>
                <c:pt idx="11592">
                  <c:v>25.914875409859558</c:v>
                </c:pt>
                <c:pt idx="11593">
                  <c:v>25.914875409859558</c:v>
                </c:pt>
                <c:pt idx="11594">
                  <c:v>25.914875409859558</c:v>
                </c:pt>
                <c:pt idx="11595">
                  <c:v>25.914875409859558</c:v>
                </c:pt>
                <c:pt idx="11596">
                  <c:v>25.914875409859558</c:v>
                </c:pt>
                <c:pt idx="11597">
                  <c:v>25.918228146002985</c:v>
                </c:pt>
                <c:pt idx="11598">
                  <c:v>25.918228146002985</c:v>
                </c:pt>
                <c:pt idx="11599">
                  <c:v>25.918228146002985</c:v>
                </c:pt>
                <c:pt idx="11600">
                  <c:v>25.921580882146245</c:v>
                </c:pt>
                <c:pt idx="11601">
                  <c:v>25.921580882146245</c:v>
                </c:pt>
                <c:pt idx="11602">
                  <c:v>25.921580882146245</c:v>
                </c:pt>
                <c:pt idx="11603">
                  <c:v>25.921580882146245</c:v>
                </c:pt>
                <c:pt idx="11604">
                  <c:v>25.924835008403008</c:v>
                </c:pt>
                <c:pt idx="11605">
                  <c:v>25.924835008403008</c:v>
                </c:pt>
                <c:pt idx="11606">
                  <c:v>25.924835008403008</c:v>
                </c:pt>
                <c:pt idx="11607">
                  <c:v>25.924835008403008</c:v>
                </c:pt>
                <c:pt idx="11608">
                  <c:v>25.924835008403008</c:v>
                </c:pt>
                <c:pt idx="11609">
                  <c:v>25.928187744546264</c:v>
                </c:pt>
                <c:pt idx="11610">
                  <c:v>25.928187744546264</c:v>
                </c:pt>
                <c:pt idx="11611">
                  <c:v>25.928187744546264</c:v>
                </c:pt>
                <c:pt idx="11612">
                  <c:v>25.928187744546264</c:v>
                </c:pt>
                <c:pt idx="11613">
                  <c:v>25.928187744546264</c:v>
                </c:pt>
                <c:pt idx="11614">
                  <c:v>25.931540480689694</c:v>
                </c:pt>
                <c:pt idx="11615">
                  <c:v>25.931540480689694</c:v>
                </c:pt>
                <c:pt idx="11616">
                  <c:v>25.931540480689694</c:v>
                </c:pt>
                <c:pt idx="11617">
                  <c:v>25.931540480689694</c:v>
                </c:pt>
                <c:pt idx="11618">
                  <c:v>25.934794606946458</c:v>
                </c:pt>
                <c:pt idx="11619">
                  <c:v>25.934794606946458</c:v>
                </c:pt>
                <c:pt idx="11620">
                  <c:v>25.934794606946458</c:v>
                </c:pt>
                <c:pt idx="11621">
                  <c:v>25.934794606946458</c:v>
                </c:pt>
                <c:pt idx="11622">
                  <c:v>25.934794606946458</c:v>
                </c:pt>
                <c:pt idx="11623">
                  <c:v>25.934794606946458</c:v>
                </c:pt>
                <c:pt idx="11624">
                  <c:v>25.938147343089717</c:v>
                </c:pt>
                <c:pt idx="11625">
                  <c:v>25.938147343089717</c:v>
                </c:pt>
                <c:pt idx="11626">
                  <c:v>25.938147343089717</c:v>
                </c:pt>
                <c:pt idx="11627">
                  <c:v>25.938147343089717</c:v>
                </c:pt>
                <c:pt idx="11628">
                  <c:v>25.941500079232974</c:v>
                </c:pt>
                <c:pt idx="11629">
                  <c:v>25.941500079232974</c:v>
                </c:pt>
                <c:pt idx="11630">
                  <c:v>25.941500079232974</c:v>
                </c:pt>
                <c:pt idx="11631">
                  <c:v>25.941500079232974</c:v>
                </c:pt>
                <c:pt idx="11632">
                  <c:v>25.941500079232974</c:v>
                </c:pt>
                <c:pt idx="11633">
                  <c:v>25.944754205489737</c:v>
                </c:pt>
                <c:pt idx="11634">
                  <c:v>25.944754205489737</c:v>
                </c:pt>
                <c:pt idx="11635">
                  <c:v>25.944754205489737</c:v>
                </c:pt>
                <c:pt idx="11636">
                  <c:v>25.944754205489737</c:v>
                </c:pt>
                <c:pt idx="11637">
                  <c:v>25.944754205489737</c:v>
                </c:pt>
                <c:pt idx="11638">
                  <c:v>25.944754205489737</c:v>
                </c:pt>
                <c:pt idx="11639">
                  <c:v>25.944754205489737</c:v>
                </c:pt>
                <c:pt idx="11640">
                  <c:v>25.948106941632997</c:v>
                </c:pt>
                <c:pt idx="11641">
                  <c:v>25.948106941632997</c:v>
                </c:pt>
                <c:pt idx="11642">
                  <c:v>25.948106941632997</c:v>
                </c:pt>
                <c:pt idx="11643">
                  <c:v>25.948106941632997</c:v>
                </c:pt>
                <c:pt idx="11644">
                  <c:v>25.948106941632997</c:v>
                </c:pt>
                <c:pt idx="11645">
                  <c:v>25.948106941632997</c:v>
                </c:pt>
                <c:pt idx="11646">
                  <c:v>25.951459677776427</c:v>
                </c:pt>
                <c:pt idx="11647">
                  <c:v>25.951459677776427</c:v>
                </c:pt>
                <c:pt idx="11648">
                  <c:v>25.951459677776427</c:v>
                </c:pt>
                <c:pt idx="11649">
                  <c:v>25.951459677776427</c:v>
                </c:pt>
                <c:pt idx="11650">
                  <c:v>25.951459677776427</c:v>
                </c:pt>
                <c:pt idx="11651">
                  <c:v>25.95471380403319</c:v>
                </c:pt>
                <c:pt idx="11652">
                  <c:v>25.95471380403319</c:v>
                </c:pt>
                <c:pt idx="11653">
                  <c:v>25.95471380403319</c:v>
                </c:pt>
                <c:pt idx="11654">
                  <c:v>25.95471380403319</c:v>
                </c:pt>
                <c:pt idx="11655">
                  <c:v>25.95471380403319</c:v>
                </c:pt>
                <c:pt idx="11656">
                  <c:v>25.958066540176446</c:v>
                </c:pt>
                <c:pt idx="11657">
                  <c:v>25.958066540176446</c:v>
                </c:pt>
                <c:pt idx="11658">
                  <c:v>25.958066540176446</c:v>
                </c:pt>
                <c:pt idx="11659">
                  <c:v>25.961419276319706</c:v>
                </c:pt>
                <c:pt idx="11660">
                  <c:v>25.961419276319706</c:v>
                </c:pt>
                <c:pt idx="11661">
                  <c:v>25.961419276319706</c:v>
                </c:pt>
                <c:pt idx="11662">
                  <c:v>25.961419276319706</c:v>
                </c:pt>
                <c:pt idx="11663">
                  <c:v>25.964673402576466</c:v>
                </c:pt>
                <c:pt idx="11664">
                  <c:v>25.964673402576466</c:v>
                </c:pt>
                <c:pt idx="11665">
                  <c:v>25.964673402576466</c:v>
                </c:pt>
                <c:pt idx="11666">
                  <c:v>25.964673402576466</c:v>
                </c:pt>
                <c:pt idx="11667">
                  <c:v>25.968026138719726</c:v>
                </c:pt>
                <c:pt idx="11668">
                  <c:v>25.968026138719726</c:v>
                </c:pt>
                <c:pt idx="11669">
                  <c:v>25.968026138719726</c:v>
                </c:pt>
                <c:pt idx="11670">
                  <c:v>25.971378874863156</c:v>
                </c:pt>
                <c:pt idx="11671">
                  <c:v>25.971378874863156</c:v>
                </c:pt>
                <c:pt idx="11672">
                  <c:v>25.971378874863156</c:v>
                </c:pt>
                <c:pt idx="11673">
                  <c:v>25.971378874863156</c:v>
                </c:pt>
                <c:pt idx="11674">
                  <c:v>25.971378874863156</c:v>
                </c:pt>
                <c:pt idx="11675">
                  <c:v>25.974633001119919</c:v>
                </c:pt>
                <c:pt idx="11676">
                  <c:v>25.974633001119919</c:v>
                </c:pt>
                <c:pt idx="11677">
                  <c:v>25.974633001119919</c:v>
                </c:pt>
                <c:pt idx="11678">
                  <c:v>25.974633001119919</c:v>
                </c:pt>
                <c:pt idx="11679">
                  <c:v>25.977985737263175</c:v>
                </c:pt>
                <c:pt idx="11680">
                  <c:v>25.977985737263175</c:v>
                </c:pt>
                <c:pt idx="11681">
                  <c:v>25.977985737263175</c:v>
                </c:pt>
                <c:pt idx="11682">
                  <c:v>25.977985737263175</c:v>
                </c:pt>
                <c:pt idx="11683">
                  <c:v>25.981338473406435</c:v>
                </c:pt>
                <c:pt idx="11684">
                  <c:v>25.981338473406435</c:v>
                </c:pt>
                <c:pt idx="11685">
                  <c:v>25.981338473406435</c:v>
                </c:pt>
                <c:pt idx="11686">
                  <c:v>25.981338473406435</c:v>
                </c:pt>
                <c:pt idx="11687">
                  <c:v>25.981338473406435</c:v>
                </c:pt>
                <c:pt idx="11688">
                  <c:v>25.981338473406435</c:v>
                </c:pt>
                <c:pt idx="11689">
                  <c:v>25.981338473406435</c:v>
                </c:pt>
                <c:pt idx="11690">
                  <c:v>25.981338473406435</c:v>
                </c:pt>
                <c:pt idx="11691">
                  <c:v>25.984592599663198</c:v>
                </c:pt>
                <c:pt idx="11692">
                  <c:v>25.984592599663198</c:v>
                </c:pt>
                <c:pt idx="11693">
                  <c:v>25.984592599663198</c:v>
                </c:pt>
                <c:pt idx="11694">
                  <c:v>25.984592599663198</c:v>
                </c:pt>
                <c:pt idx="11695">
                  <c:v>25.984592599663198</c:v>
                </c:pt>
                <c:pt idx="11696">
                  <c:v>25.984592599663198</c:v>
                </c:pt>
                <c:pt idx="11697">
                  <c:v>25.987945335806632</c:v>
                </c:pt>
                <c:pt idx="11698">
                  <c:v>25.987945335806632</c:v>
                </c:pt>
                <c:pt idx="11699">
                  <c:v>25.987945335806632</c:v>
                </c:pt>
                <c:pt idx="11700">
                  <c:v>25.987945335806632</c:v>
                </c:pt>
                <c:pt idx="11701">
                  <c:v>25.987945335806632</c:v>
                </c:pt>
                <c:pt idx="11702">
                  <c:v>25.991298071949885</c:v>
                </c:pt>
                <c:pt idx="11703">
                  <c:v>25.991298071949885</c:v>
                </c:pt>
                <c:pt idx="11704">
                  <c:v>25.991298071949885</c:v>
                </c:pt>
                <c:pt idx="11705">
                  <c:v>25.991298071949885</c:v>
                </c:pt>
                <c:pt idx="11706">
                  <c:v>25.991298071949885</c:v>
                </c:pt>
                <c:pt idx="11707">
                  <c:v>25.991298071949885</c:v>
                </c:pt>
                <c:pt idx="11708">
                  <c:v>25.991298071949885</c:v>
                </c:pt>
                <c:pt idx="11709">
                  <c:v>25.991298071949885</c:v>
                </c:pt>
                <c:pt idx="11710">
                  <c:v>25.994552198206648</c:v>
                </c:pt>
                <c:pt idx="11711">
                  <c:v>25.994552198206648</c:v>
                </c:pt>
                <c:pt idx="11712">
                  <c:v>25.994552198206648</c:v>
                </c:pt>
                <c:pt idx="11713">
                  <c:v>25.994552198206648</c:v>
                </c:pt>
                <c:pt idx="11714">
                  <c:v>25.994552198206648</c:v>
                </c:pt>
                <c:pt idx="11715">
                  <c:v>25.997904934349908</c:v>
                </c:pt>
                <c:pt idx="11716">
                  <c:v>25.994552198206648</c:v>
                </c:pt>
                <c:pt idx="11717">
                  <c:v>25.994552198206648</c:v>
                </c:pt>
                <c:pt idx="11718">
                  <c:v>25.997904934349908</c:v>
                </c:pt>
                <c:pt idx="11719">
                  <c:v>25.997904934349908</c:v>
                </c:pt>
                <c:pt idx="11720">
                  <c:v>25.997904934349908</c:v>
                </c:pt>
                <c:pt idx="11721">
                  <c:v>26.001257670493164</c:v>
                </c:pt>
                <c:pt idx="11722">
                  <c:v>26.001257670493164</c:v>
                </c:pt>
                <c:pt idx="11723">
                  <c:v>26.001257670493164</c:v>
                </c:pt>
                <c:pt idx="11724">
                  <c:v>26.001257670493164</c:v>
                </c:pt>
                <c:pt idx="11725">
                  <c:v>26.001257670493164</c:v>
                </c:pt>
                <c:pt idx="11726">
                  <c:v>26.004511796749927</c:v>
                </c:pt>
                <c:pt idx="11727">
                  <c:v>26.004511796749927</c:v>
                </c:pt>
                <c:pt idx="11728">
                  <c:v>26.004511796749927</c:v>
                </c:pt>
                <c:pt idx="11729">
                  <c:v>26.004511796749927</c:v>
                </c:pt>
                <c:pt idx="11730">
                  <c:v>26.004511796749927</c:v>
                </c:pt>
                <c:pt idx="11731">
                  <c:v>26.007864532893361</c:v>
                </c:pt>
                <c:pt idx="11732">
                  <c:v>26.007864532893361</c:v>
                </c:pt>
                <c:pt idx="11733">
                  <c:v>26.007864532893361</c:v>
                </c:pt>
                <c:pt idx="11734">
                  <c:v>26.007864532893361</c:v>
                </c:pt>
                <c:pt idx="11735">
                  <c:v>26.011217269036617</c:v>
                </c:pt>
                <c:pt idx="11736">
                  <c:v>26.011217269036617</c:v>
                </c:pt>
                <c:pt idx="11737">
                  <c:v>26.011217269036617</c:v>
                </c:pt>
                <c:pt idx="11738">
                  <c:v>26.011217269036617</c:v>
                </c:pt>
                <c:pt idx="11739">
                  <c:v>26.014570005179873</c:v>
                </c:pt>
                <c:pt idx="11740">
                  <c:v>26.014570005179873</c:v>
                </c:pt>
                <c:pt idx="11741">
                  <c:v>26.014570005179873</c:v>
                </c:pt>
                <c:pt idx="11742">
                  <c:v>26.017824131436637</c:v>
                </c:pt>
                <c:pt idx="11743">
                  <c:v>26.017824131436637</c:v>
                </c:pt>
                <c:pt idx="11744">
                  <c:v>26.017824131436637</c:v>
                </c:pt>
                <c:pt idx="11745">
                  <c:v>26.017824131436637</c:v>
                </c:pt>
                <c:pt idx="11746">
                  <c:v>26.021176867580071</c:v>
                </c:pt>
                <c:pt idx="11747">
                  <c:v>26.021176867580071</c:v>
                </c:pt>
                <c:pt idx="11748">
                  <c:v>26.021176867580071</c:v>
                </c:pt>
                <c:pt idx="11749">
                  <c:v>26.024529603723327</c:v>
                </c:pt>
                <c:pt idx="11750">
                  <c:v>26.024529603723327</c:v>
                </c:pt>
                <c:pt idx="11751">
                  <c:v>26.024529603723327</c:v>
                </c:pt>
                <c:pt idx="11752">
                  <c:v>26.024529603723327</c:v>
                </c:pt>
                <c:pt idx="11753">
                  <c:v>26.02778372998009</c:v>
                </c:pt>
                <c:pt idx="11754">
                  <c:v>26.02778372998009</c:v>
                </c:pt>
                <c:pt idx="11755">
                  <c:v>26.03113646612335</c:v>
                </c:pt>
                <c:pt idx="11756">
                  <c:v>26.03113646612335</c:v>
                </c:pt>
                <c:pt idx="11757">
                  <c:v>26.03113646612335</c:v>
                </c:pt>
                <c:pt idx="11758">
                  <c:v>26.034489202266602</c:v>
                </c:pt>
                <c:pt idx="11759">
                  <c:v>26.034489202266602</c:v>
                </c:pt>
                <c:pt idx="11760">
                  <c:v>26.034489202266602</c:v>
                </c:pt>
                <c:pt idx="11761">
                  <c:v>26.037743328523366</c:v>
                </c:pt>
                <c:pt idx="11762">
                  <c:v>26.037743328523366</c:v>
                </c:pt>
                <c:pt idx="11763">
                  <c:v>26.041096064666799</c:v>
                </c:pt>
                <c:pt idx="11764">
                  <c:v>26.041096064666799</c:v>
                </c:pt>
                <c:pt idx="11765">
                  <c:v>26.041096064666799</c:v>
                </c:pt>
                <c:pt idx="11766">
                  <c:v>26.044448800810059</c:v>
                </c:pt>
                <c:pt idx="11767">
                  <c:v>26.044448800810059</c:v>
                </c:pt>
                <c:pt idx="11768">
                  <c:v>26.047702927066819</c:v>
                </c:pt>
                <c:pt idx="11769">
                  <c:v>26.047702927066819</c:v>
                </c:pt>
                <c:pt idx="11770">
                  <c:v>26.047702927066819</c:v>
                </c:pt>
                <c:pt idx="11771">
                  <c:v>26.047702927066819</c:v>
                </c:pt>
                <c:pt idx="11772">
                  <c:v>26.051055663210079</c:v>
                </c:pt>
                <c:pt idx="11773">
                  <c:v>26.051055663210079</c:v>
                </c:pt>
                <c:pt idx="11774">
                  <c:v>26.051055663210079</c:v>
                </c:pt>
                <c:pt idx="11775">
                  <c:v>26.051055663210079</c:v>
                </c:pt>
                <c:pt idx="11776">
                  <c:v>26.054408399353509</c:v>
                </c:pt>
                <c:pt idx="11777">
                  <c:v>26.054408399353509</c:v>
                </c:pt>
                <c:pt idx="11778">
                  <c:v>26.054408399353509</c:v>
                </c:pt>
                <c:pt idx="11779">
                  <c:v>26.057662525610095</c:v>
                </c:pt>
                <c:pt idx="11780">
                  <c:v>26.057662525610095</c:v>
                </c:pt>
                <c:pt idx="11781">
                  <c:v>26.057662525610095</c:v>
                </c:pt>
                <c:pt idx="11782">
                  <c:v>26.057662525610095</c:v>
                </c:pt>
                <c:pt idx="11783">
                  <c:v>26.057662525610095</c:v>
                </c:pt>
                <c:pt idx="11784">
                  <c:v>26.061015261753528</c:v>
                </c:pt>
                <c:pt idx="11785">
                  <c:v>26.061015261753528</c:v>
                </c:pt>
                <c:pt idx="11786">
                  <c:v>26.061015261753528</c:v>
                </c:pt>
                <c:pt idx="11787">
                  <c:v>26.064367997896788</c:v>
                </c:pt>
                <c:pt idx="11788">
                  <c:v>26.064367997896788</c:v>
                </c:pt>
                <c:pt idx="11789">
                  <c:v>26.064367997896788</c:v>
                </c:pt>
                <c:pt idx="11790">
                  <c:v>26.067622124153552</c:v>
                </c:pt>
                <c:pt idx="11791">
                  <c:v>26.067622124153552</c:v>
                </c:pt>
                <c:pt idx="11792">
                  <c:v>26.067622124153552</c:v>
                </c:pt>
                <c:pt idx="11793">
                  <c:v>26.067622124153552</c:v>
                </c:pt>
                <c:pt idx="11794">
                  <c:v>26.070974860296808</c:v>
                </c:pt>
                <c:pt idx="11795">
                  <c:v>26.070974860296808</c:v>
                </c:pt>
                <c:pt idx="11796">
                  <c:v>26.070974860296808</c:v>
                </c:pt>
                <c:pt idx="11797">
                  <c:v>26.074327596440238</c:v>
                </c:pt>
                <c:pt idx="11798">
                  <c:v>26.074327596440238</c:v>
                </c:pt>
                <c:pt idx="11799">
                  <c:v>26.074327596440238</c:v>
                </c:pt>
                <c:pt idx="11800">
                  <c:v>26.077581722697001</c:v>
                </c:pt>
                <c:pt idx="11801">
                  <c:v>26.077581722697001</c:v>
                </c:pt>
                <c:pt idx="11802">
                  <c:v>26.077581722697001</c:v>
                </c:pt>
                <c:pt idx="11803">
                  <c:v>26.077581722697001</c:v>
                </c:pt>
                <c:pt idx="11804">
                  <c:v>26.080934458840261</c:v>
                </c:pt>
                <c:pt idx="11805">
                  <c:v>26.080934458840261</c:v>
                </c:pt>
                <c:pt idx="11806">
                  <c:v>26.084287194983517</c:v>
                </c:pt>
                <c:pt idx="11807">
                  <c:v>26.084287194983517</c:v>
                </c:pt>
                <c:pt idx="11808">
                  <c:v>26.084287194983517</c:v>
                </c:pt>
                <c:pt idx="11809">
                  <c:v>26.084287194983517</c:v>
                </c:pt>
                <c:pt idx="11810">
                  <c:v>26.08754132124028</c:v>
                </c:pt>
                <c:pt idx="11811">
                  <c:v>26.08754132124028</c:v>
                </c:pt>
                <c:pt idx="11812">
                  <c:v>26.090894057383537</c:v>
                </c:pt>
                <c:pt idx="11813">
                  <c:v>26.090894057383537</c:v>
                </c:pt>
                <c:pt idx="11814">
                  <c:v>26.090894057383537</c:v>
                </c:pt>
                <c:pt idx="11815">
                  <c:v>26.090894057383537</c:v>
                </c:pt>
                <c:pt idx="11816">
                  <c:v>26.094246793526967</c:v>
                </c:pt>
                <c:pt idx="11817">
                  <c:v>26.094246793526967</c:v>
                </c:pt>
                <c:pt idx="11818">
                  <c:v>26.094246793526967</c:v>
                </c:pt>
                <c:pt idx="11819">
                  <c:v>26.094246793526967</c:v>
                </c:pt>
                <c:pt idx="11820">
                  <c:v>26.094246793526967</c:v>
                </c:pt>
                <c:pt idx="11821">
                  <c:v>26.094246793526967</c:v>
                </c:pt>
                <c:pt idx="11822">
                  <c:v>26.09750091978373</c:v>
                </c:pt>
                <c:pt idx="11823">
                  <c:v>26.09750091978373</c:v>
                </c:pt>
                <c:pt idx="11824">
                  <c:v>26.09750091978373</c:v>
                </c:pt>
                <c:pt idx="11825">
                  <c:v>26.09750091978373</c:v>
                </c:pt>
                <c:pt idx="11826">
                  <c:v>26.09750091978373</c:v>
                </c:pt>
                <c:pt idx="11827">
                  <c:v>26.10085365592699</c:v>
                </c:pt>
                <c:pt idx="11828">
                  <c:v>26.10085365592699</c:v>
                </c:pt>
                <c:pt idx="11829">
                  <c:v>26.104206392070246</c:v>
                </c:pt>
                <c:pt idx="11830">
                  <c:v>26.104206392070246</c:v>
                </c:pt>
                <c:pt idx="11831">
                  <c:v>26.104206392070246</c:v>
                </c:pt>
                <c:pt idx="11832">
                  <c:v>26.107460518327009</c:v>
                </c:pt>
                <c:pt idx="11833">
                  <c:v>26.107460518327009</c:v>
                </c:pt>
                <c:pt idx="11834">
                  <c:v>26.11081325447044</c:v>
                </c:pt>
                <c:pt idx="11835">
                  <c:v>26.11081325447044</c:v>
                </c:pt>
                <c:pt idx="11836">
                  <c:v>26.11081325447044</c:v>
                </c:pt>
                <c:pt idx="11837">
                  <c:v>26.114165990613699</c:v>
                </c:pt>
                <c:pt idx="11838">
                  <c:v>26.114165990613699</c:v>
                </c:pt>
                <c:pt idx="11839">
                  <c:v>26.114165990613699</c:v>
                </c:pt>
                <c:pt idx="11840">
                  <c:v>26.117420116870463</c:v>
                </c:pt>
                <c:pt idx="11841">
                  <c:v>26.117420116870463</c:v>
                </c:pt>
                <c:pt idx="11842">
                  <c:v>26.117420116870463</c:v>
                </c:pt>
                <c:pt idx="11843">
                  <c:v>26.120772853013719</c:v>
                </c:pt>
                <c:pt idx="11844">
                  <c:v>26.120772853013719</c:v>
                </c:pt>
                <c:pt idx="11845">
                  <c:v>26.120772853013719</c:v>
                </c:pt>
                <c:pt idx="11846">
                  <c:v>26.124125589156979</c:v>
                </c:pt>
                <c:pt idx="11847">
                  <c:v>26.124125589156979</c:v>
                </c:pt>
                <c:pt idx="11848">
                  <c:v>26.124125589156979</c:v>
                </c:pt>
                <c:pt idx="11849">
                  <c:v>26.127379715413742</c:v>
                </c:pt>
                <c:pt idx="11850">
                  <c:v>26.127379715413742</c:v>
                </c:pt>
                <c:pt idx="11851">
                  <c:v>26.127379715413742</c:v>
                </c:pt>
                <c:pt idx="11852">
                  <c:v>26.127379715413742</c:v>
                </c:pt>
                <c:pt idx="11853">
                  <c:v>26.127379715413742</c:v>
                </c:pt>
                <c:pt idx="11854">
                  <c:v>26.130732451557172</c:v>
                </c:pt>
                <c:pt idx="11855">
                  <c:v>26.130732451557172</c:v>
                </c:pt>
                <c:pt idx="11856">
                  <c:v>26.130732451557172</c:v>
                </c:pt>
                <c:pt idx="11857">
                  <c:v>26.130732451557172</c:v>
                </c:pt>
                <c:pt idx="11858">
                  <c:v>26.130732451557172</c:v>
                </c:pt>
                <c:pt idx="11859">
                  <c:v>26.130732451557172</c:v>
                </c:pt>
                <c:pt idx="11860">
                  <c:v>26.130732451557172</c:v>
                </c:pt>
                <c:pt idx="11861">
                  <c:v>26.130732451557172</c:v>
                </c:pt>
                <c:pt idx="11862">
                  <c:v>26.130732451557172</c:v>
                </c:pt>
                <c:pt idx="11863">
                  <c:v>26.134085187700428</c:v>
                </c:pt>
                <c:pt idx="11864">
                  <c:v>26.134085187700428</c:v>
                </c:pt>
                <c:pt idx="11865">
                  <c:v>26.134085187700428</c:v>
                </c:pt>
                <c:pt idx="11866">
                  <c:v>26.134085187700428</c:v>
                </c:pt>
                <c:pt idx="11867">
                  <c:v>26.137339313957192</c:v>
                </c:pt>
                <c:pt idx="11868">
                  <c:v>26.137339313957192</c:v>
                </c:pt>
                <c:pt idx="11869">
                  <c:v>26.137339313957192</c:v>
                </c:pt>
                <c:pt idx="11870">
                  <c:v>26.140692050100448</c:v>
                </c:pt>
                <c:pt idx="11871">
                  <c:v>26.140692050100448</c:v>
                </c:pt>
                <c:pt idx="11872">
                  <c:v>26.144044786243882</c:v>
                </c:pt>
                <c:pt idx="11873">
                  <c:v>26.144044786243882</c:v>
                </c:pt>
                <c:pt idx="11874">
                  <c:v>26.144044786243882</c:v>
                </c:pt>
                <c:pt idx="11875">
                  <c:v>26.144044786243882</c:v>
                </c:pt>
                <c:pt idx="11876">
                  <c:v>26.147397522387141</c:v>
                </c:pt>
                <c:pt idx="11877">
                  <c:v>26.147397522387141</c:v>
                </c:pt>
                <c:pt idx="11878">
                  <c:v>26.147397522387141</c:v>
                </c:pt>
                <c:pt idx="11879">
                  <c:v>26.150651648643905</c:v>
                </c:pt>
                <c:pt idx="11880">
                  <c:v>26.150651648643905</c:v>
                </c:pt>
                <c:pt idx="11881">
                  <c:v>26.150651648643905</c:v>
                </c:pt>
                <c:pt idx="11882">
                  <c:v>26.154004384787157</c:v>
                </c:pt>
                <c:pt idx="11883">
                  <c:v>26.154004384787157</c:v>
                </c:pt>
                <c:pt idx="11884">
                  <c:v>26.154004384787157</c:v>
                </c:pt>
                <c:pt idx="11885">
                  <c:v>26.157357120930417</c:v>
                </c:pt>
                <c:pt idx="11886">
                  <c:v>26.157357120930417</c:v>
                </c:pt>
                <c:pt idx="11887">
                  <c:v>26.157357120930417</c:v>
                </c:pt>
                <c:pt idx="11888">
                  <c:v>26.16061124718718</c:v>
                </c:pt>
                <c:pt idx="11889">
                  <c:v>26.16061124718718</c:v>
                </c:pt>
                <c:pt idx="11890">
                  <c:v>26.16061124718718</c:v>
                </c:pt>
                <c:pt idx="11891">
                  <c:v>26.163963983330614</c:v>
                </c:pt>
                <c:pt idx="11892">
                  <c:v>26.163963983330614</c:v>
                </c:pt>
                <c:pt idx="11893">
                  <c:v>26.163963983330614</c:v>
                </c:pt>
                <c:pt idx="11894">
                  <c:v>26.163963983330614</c:v>
                </c:pt>
                <c:pt idx="11895">
                  <c:v>26.16731671947387</c:v>
                </c:pt>
                <c:pt idx="11896">
                  <c:v>26.16731671947387</c:v>
                </c:pt>
                <c:pt idx="11897">
                  <c:v>26.16731671947387</c:v>
                </c:pt>
                <c:pt idx="11898">
                  <c:v>26.16731671947387</c:v>
                </c:pt>
                <c:pt idx="11899">
                  <c:v>26.170570845730634</c:v>
                </c:pt>
                <c:pt idx="11900">
                  <c:v>26.170570845730634</c:v>
                </c:pt>
                <c:pt idx="11901">
                  <c:v>26.170570845730634</c:v>
                </c:pt>
                <c:pt idx="11902">
                  <c:v>26.17392358187389</c:v>
                </c:pt>
                <c:pt idx="11903">
                  <c:v>26.17392358187389</c:v>
                </c:pt>
                <c:pt idx="11904">
                  <c:v>26.17392358187389</c:v>
                </c:pt>
                <c:pt idx="11905">
                  <c:v>26.17392358187389</c:v>
                </c:pt>
                <c:pt idx="11906">
                  <c:v>26.17727631801732</c:v>
                </c:pt>
                <c:pt idx="11907">
                  <c:v>26.17727631801732</c:v>
                </c:pt>
                <c:pt idx="11908">
                  <c:v>26.17727631801732</c:v>
                </c:pt>
                <c:pt idx="11909">
                  <c:v>26.17727631801732</c:v>
                </c:pt>
                <c:pt idx="11910">
                  <c:v>26.180530444273909</c:v>
                </c:pt>
                <c:pt idx="11911">
                  <c:v>26.180530444273909</c:v>
                </c:pt>
                <c:pt idx="11912">
                  <c:v>26.180530444273909</c:v>
                </c:pt>
                <c:pt idx="11913">
                  <c:v>26.180530444273909</c:v>
                </c:pt>
                <c:pt idx="11914">
                  <c:v>26.183883180417343</c:v>
                </c:pt>
                <c:pt idx="11915">
                  <c:v>26.183883180417343</c:v>
                </c:pt>
                <c:pt idx="11916">
                  <c:v>26.183883180417343</c:v>
                </c:pt>
                <c:pt idx="11917">
                  <c:v>26.183883180417343</c:v>
                </c:pt>
                <c:pt idx="11918">
                  <c:v>26.183883180417343</c:v>
                </c:pt>
                <c:pt idx="11919">
                  <c:v>26.187235916560599</c:v>
                </c:pt>
                <c:pt idx="11920">
                  <c:v>26.187235916560599</c:v>
                </c:pt>
                <c:pt idx="11921">
                  <c:v>26.187235916560599</c:v>
                </c:pt>
                <c:pt idx="11922">
                  <c:v>26.187235916560599</c:v>
                </c:pt>
                <c:pt idx="11923">
                  <c:v>26.187235916560599</c:v>
                </c:pt>
                <c:pt idx="11924">
                  <c:v>26.190490042817363</c:v>
                </c:pt>
                <c:pt idx="11925">
                  <c:v>26.190490042817363</c:v>
                </c:pt>
                <c:pt idx="11926">
                  <c:v>26.190490042817363</c:v>
                </c:pt>
                <c:pt idx="11927">
                  <c:v>26.190490042817363</c:v>
                </c:pt>
                <c:pt idx="11928">
                  <c:v>26.190490042817363</c:v>
                </c:pt>
                <c:pt idx="11929">
                  <c:v>26.193842778960619</c:v>
                </c:pt>
                <c:pt idx="11930">
                  <c:v>26.193842778960619</c:v>
                </c:pt>
                <c:pt idx="11931">
                  <c:v>26.193842778960619</c:v>
                </c:pt>
                <c:pt idx="11932">
                  <c:v>26.193842778960619</c:v>
                </c:pt>
                <c:pt idx="11933">
                  <c:v>26.193842778960619</c:v>
                </c:pt>
                <c:pt idx="11934">
                  <c:v>26.197195515104053</c:v>
                </c:pt>
                <c:pt idx="11935">
                  <c:v>26.197195515104053</c:v>
                </c:pt>
                <c:pt idx="11936">
                  <c:v>26.197195515104053</c:v>
                </c:pt>
                <c:pt idx="11937">
                  <c:v>26.197195515104053</c:v>
                </c:pt>
                <c:pt idx="11938">
                  <c:v>26.197195515104053</c:v>
                </c:pt>
                <c:pt idx="11939">
                  <c:v>26.200449641360816</c:v>
                </c:pt>
                <c:pt idx="11940">
                  <c:v>26.200449641360816</c:v>
                </c:pt>
                <c:pt idx="11941">
                  <c:v>26.200449641360816</c:v>
                </c:pt>
                <c:pt idx="11942">
                  <c:v>26.200449641360816</c:v>
                </c:pt>
                <c:pt idx="11943">
                  <c:v>26.200449641360816</c:v>
                </c:pt>
                <c:pt idx="11944">
                  <c:v>26.203802377504072</c:v>
                </c:pt>
                <c:pt idx="11945">
                  <c:v>26.203802377504072</c:v>
                </c:pt>
                <c:pt idx="11946">
                  <c:v>26.203802377504072</c:v>
                </c:pt>
                <c:pt idx="11947">
                  <c:v>26.203802377504072</c:v>
                </c:pt>
                <c:pt idx="11948">
                  <c:v>26.203802377504072</c:v>
                </c:pt>
                <c:pt idx="11949">
                  <c:v>26.207155113647332</c:v>
                </c:pt>
                <c:pt idx="11950">
                  <c:v>26.207155113647332</c:v>
                </c:pt>
                <c:pt idx="11951">
                  <c:v>26.207155113647332</c:v>
                </c:pt>
                <c:pt idx="11952">
                  <c:v>26.207155113647332</c:v>
                </c:pt>
                <c:pt idx="11953">
                  <c:v>26.207155113647332</c:v>
                </c:pt>
                <c:pt idx="11954">
                  <c:v>26.207155113647332</c:v>
                </c:pt>
                <c:pt idx="11955">
                  <c:v>26.207155113647332</c:v>
                </c:pt>
                <c:pt idx="11956">
                  <c:v>26.210409239904095</c:v>
                </c:pt>
                <c:pt idx="11957">
                  <c:v>26.210409239904095</c:v>
                </c:pt>
                <c:pt idx="11958">
                  <c:v>26.210409239904095</c:v>
                </c:pt>
                <c:pt idx="11959">
                  <c:v>26.210409239904095</c:v>
                </c:pt>
                <c:pt idx="11960">
                  <c:v>26.213761976047348</c:v>
                </c:pt>
                <c:pt idx="11961">
                  <c:v>26.213761976047348</c:v>
                </c:pt>
                <c:pt idx="11962">
                  <c:v>26.213761976047348</c:v>
                </c:pt>
                <c:pt idx="11963">
                  <c:v>26.213761976047348</c:v>
                </c:pt>
                <c:pt idx="11964">
                  <c:v>26.213761976047348</c:v>
                </c:pt>
                <c:pt idx="11965">
                  <c:v>26.213761976047348</c:v>
                </c:pt>
                <c:pt idx="11966">
                  <c:v>26.217114712190781</c:v>
                </c:pt>
                <c:pt idx="11967">
                  <c:v>26.217114712190781</c:v>
                </c:pt>
                <c:pt idx="11968">
                  <c:v>26.217114712190781</c:v>
                </c:pt>
                <c:pt idx="11969">
                  <c:v>26.217114712190781</c:v>
                </c:pt>
                <c:pt idx="11970">
                  <c:v>26.217114712190781</c:v>
                </c:pt>
                <c:pt idx="11971">
                  <c:v>26.220368838447545</c:v>
                </c:pt>
                <c:pt idx="11972">
                  <c:v>26.220368838447545</c:v>
                </c:pt>
                <c:pt idx="11973">
                  <c:v>26.220368838447545</c:v>
                </c:pt>
                <c:pt idx="11974">
                  <c:v>26.220368838447545</c:v>
                </c:pt>
                <c:pt idx="11975">
                  <c:v>26.223721574590801</c:v>
                </c:pt>
                <c:pt idx="11976">
                  <c:v>26.223721574590801</c:v>
                </c:pt>
                <c:pt idx="11977">
                  <c:v>26.223721574590801</c:v>
                </c:pt>
                <c:pt idx="11978">
                  <c:v>26.223721574590801</c:v>
                </c:pt>
                <c:pt idx="11979">
                  <c:v>26.227074310734061</c:v>
                </c:pt>
                <c:pt idx="11980">
                  <c:v>26.227074310734061</c:v>
                </c:pt>
                <c:pt idx="11981">
                  <c:v>26.227074310734061</c:v>
                </c:pt>
                <c:pt idx="11982">
                  <c:v>26.227074310734061</c:v>
                </c:pt>
                <c:pt idx="11983">
                  <c:v>26.230328436990824</c:v>
                </c:pt>
                <c:pt idx="11984">
                  <c:v>26.230328436990824</c:v>
                </c:pt>
                <c:pt idx="11985">
                  <c:v>26.230328436990824</c:v>
                </c:pt>
                <c:pt idx="11986">
                  <c:v>26.230328436990824</c:v>
                </c:pt>
                <c:pt idx="11987">
                  <c:v>26.230328436990824</c:v>
                </c:pt>
                <c:pt idx="11988">
                  <c:v>26.233681173134254</c:v>
                </c:pt>
                <c:pt idx="11989">
                  <c:v>26.233681173134254</c:v>
                </c:pt>
                <c:pt idx="11990">
                  <c:v>26.233681173134254</c:v>
                </c:pt>
                <c:pt idx="11991">
                  <c:v>26.233681173134254</c:v>
                </c:pt>
                <c:pt idx="11992">
                  <c:v>26.23703390927751</c:v>
                </c:pt>
                <c:pt idx="11993">
                  <c:v>26.23703390927751</c:v>
                </c:pt>
                <c:pt idx="11994">
                  <c:v>26.23703390927751</c:v>
                </c:pt>
                <c:pt idx="11995">
                  <c:v>26.23703390927751</c:v>
                </c:pt>
                <c:pt idx="11996">
                  <c:v>26.240288035534274</c:v>
                </c:pt>
                <c:pt idx="11997">
                  <c:v>26.240288035534274</c:v>
                </c:pt>
                <c:pt idx="11998">
                  <c:v>26.240288035534274</c:v>
                </c:pt>
                <c:pt idx="11999">
                  <c:v>26.240288035534274</c:v>
                </c:pt>
                <c:pt idx="12000">
                  <c:v>26.243640771677534</c:v>
                </c:pt>
                <c:pt idx="12001">
                  <c:v>26.243640771677534</c:v>
                </c:pt>
                <c:pt idx="12002">
                  <c:v>26.243640771677534</c:v>
                </c:pt>
                <c:pt idx="12003">
                  <c:v>26.243640771677534</c:v>
                </c:pt>
                <c:pt idx="12004">
                  <c:v>26.24699350782079</c:v>
                </c:pt>
                <c:pt idx="12005">
                  <c:v>26.24699350782079</c:v>
                </c:pt>
                <c:pt idx="12006">
                  <c:v>26.24699350782079</c:v>
                </c:pt>
                <c:pt idx="12007">
                  <c:v>26.250247634077553</c:v>
                </c:pt>
                <c:pt idx="12008">
                  <c:v>26.250247634077553</c:v>
                </c:pt>
                <c:pt idx="12009">
                  <c:v>26.250247634077553</c:v>
                </c:pt>
                <c:pt idx="12010">
                  <c:v>26.250247634077553</c:v>
                </c:pt>
                <c:pt idx="12011">
                  <c:v>26.253600370220983</c:v>
                </c:pt>
                <c:pt idx="12012">
                  <c:v>26.253600370220983</c:v>
                </c:pt>
                <c:pt idx="12013">
                  <c:v>26.253600370220983</c:v>
                </c:pt>
                <c:pt idx="12014">
                  <c:v>26.253600370220983</c:v>
                </c:pt>
                <c:pt idx="12015">
                  <c:v>26.253600370220983</c:v>
                </c:pt>
                <c:pt idx="12016">
                  <c:v>26.256953106364243</c:v>
                </c:pt>
                <c:pt idx="12017">
                  <c:v>26.256953106364243</c:v>
                </c:pt>
                <c:pt idx="12018">
                  <c:v>26.256953106364243</c:v>
                </c:pt>
                <c:pt idx="12019">
                  <c:v>26.256953106364243</c:v>
                </c:pt>
                <c:pt idx="12020">
                  <c:v>26.256953106364243</c:v>
                </c:pt>
                <c:pt idx="12021">
                  <c:v>26.256953106364243</c:v>
                </c:pt>
                <c:pt idx="12022">
                  <c:v>26.260207232621006</c:v>
                </c:pt>
                <c:pt idx="12023">
                  <c:v>26.260207232621006</c:v>
                </c:pt>
                <c:pt idx="12024">
                  <c:v>26.260207232621006</c:v>
                </c:pt>
                <c:pt idx="12025">
                  <c:v>26.260207232621006</c:v>
                </c:pt>
                <c:pt idx="12026">
                  <c:v>26.260207232621006</c:v>
                </c:pt>
                <c:pt idx="12027">
                  <c:v>26.260207232621006</c:v>
                </c:pt>
                <c:pt idx="12028">
                  <c:v>26.260207232621006</c:v>
                </c:pt>
                <c:pt idx="12029">
                  <c:v>26.260207232621006</c:v>
                </c:pt>
                <c:pt idx="12030">
                  <c:v>26.263559968764262</c:v>
                </c:pt>
                <c:pt idx="12031">
                  <c:v>26.263559968764262</c:v>
                </c:pt>
                <c:pt idx="12032">
                  <c:v>26.263559968764262</c:v>
                </c:pt>
                <c:pt idx="12033">
                  <c:v>26.263559968764262</c:v>
                </c:pt>
                <c:pt idx="12034">
                  <c:v>26.263559968764262</c:v>
                </c:pt>
                <c:pt idx="12035">
                  <c:v>26.263559968764262</c:v>
                </c:pt>
                <c:pt idx="12036">
                  <c:v>26.266912704907519</c:v>
                </c:pt>
                <c:pt idx="12037">
                  <c:v>26.266912704907519</c:v>
                </c:pt>
                <c:pt idx="12038">
                  <c:v>26.266912704907519</c:v>
                </c:pt>
                <c:pt idx="12039">
                  <c:v>26.266912704907519</c:v>
                </c:pt>
                <c:pt idx="12040">
                  <c:v>26.266912704907519</c:v>
                </c:pt>
                <c:pt idx="12041">
                  <c:v>26.266912704907519</c:v>
                </c:pt>
                <c:pt idx="12042">
                  <c:v>26.270265441050949</c:v>
                </c:pt>
                <c:pt idx="12043">
                  <c:v>26.270265441050949</c:v>
                </c:pt>
                <c:pt idx="12044">
                  <c:v>26.270265441050949</c:v>
                </c:pt>
                <c:pt idx="12045">
                  <c:v>26.270265441050949</c:v>
                </c:pt>
                <c:pt idx="12046">
                  <c:v>26.270265441050949</c:v>
                </c:pt>
                <c:pt idx="12047">
                  <c:v>26.273519567307712</c:v>
                </c:pt>
                <c:pt idx="12048">
                  <c:v>26.273519567307712</c:v>
                </c:pt>
                <c:pt idx="12049">
                  <c:v>26.273519567307712</c:v>
                </c:pt>
                <c:pt idx="12050">
                  <c:v>26.273519567307712</c:v>
                </c:pt>
                <c:pt idx="12051">
                  <c:v>26.273519567307712</c:v>
                </c:pt>
                <c:pt idx="12052">
                  <c:v>26.273519567307712</c:v>
                </c:pt>
                <c:pt idx="12053">
                  <c:v>26.276872303450972</c:v>
                </c:pt>
                <c:pt idx="12054">
                  <c:v>26.276872303450972</c:v>
                </c:pt>
                <c:pt idx="12055">
                  <c:v>26.276872303450972</c:v>
                </c:pt>
                <c:pt idx="12056">
                  <c:v>26.276872303450972</c:v>
                </c:pt>
                <c:pt idx="12057">
                  <c:v>26.276872303450972</c:v>
                </c:pt>
                <c:pt idx="12058">
                  <c:v>26.276872303450972</c:v>
                </c:pt>
                <c:pt idx="12059">
                  <c:v>26.276872303450972</c:v>
                </c:pt>
                <c:pt idx="12060">
                  <c:v>26.276872303450972</c:v>
                </c:pt>
                <c:pt idx="12061">
                  <c:v>26.280225039594228</c:v>
                </c:pt>
                <c:pt idx="12062">
                  <c:v>26.280225039594228</c:v>
                </c:pt>
                <c:pt idx="12063">
                  <c:v>26.280225039594228</c:v>
                </c:pt>
                <c:pt idx="12064">
                  <c:v>26.280225039594228</c:v>
                </c:pt>
                <c:pt idx="12065">
                  <c:v>26.280225039594228</c:v>
                </c:pt>
                <c:pt idx="12066">
                  <c:v>26.280225039594228</c:v>
                </c:pt>
                <c:pt idx="12067">
                  <c:v>26.280225039594228</c:v>
                </c:pt>
                <c:pt idx="12068">
                  <c:v>26.280225039594228</c:v>
                </c:pt>
                <c:pt idx="12069">
                  <c:v>26.283479165850991</c:v>
                </c:pt>
                <c:pt idx="12070">
                  <c:v>26.283479165850991</c:v>
                </c:pt>
                <c:pt idx="12071">
                  <c:v>26.283479165850991</c:v>
                </c:pt>
                <c:pt idx="12072">
                  <c:v>26.283479165850991</c:v>
                </c:pt>
                <c:pt idx="12073">
                  <c:v>26.283479165850991</c:v>
                </c:pt>
                <c:pt idx="12074">
                  <c:v>26.283479165850991</c:v>
                </c:pt>
                <c:pt idx="12075">
                  <c:v>26.286831901994425</c:v>
                </c:pt>
                <c:pt idx="12076">
                  <c:v>26.286831901994425</c:v>
                </c:pt>
                <c:pt idx="12077">
                  <c:v>26.286831901994425</c:v>
                </c:pt>
                <c:pt idx="12078">
                  <c:v>26.286831901994425</c:v>
                </c:pt>
                <c:pt idx="12079">
                  <c:v>26.286831901994425</c:v>
                </c:pt>
                <c:pt idx="12080">
                  <c:v>26.286831901994425</c:v>
                </c:pt>
                <c:pt idx="12081">
                  <c:v>26.290184638137681</c:v>
                </c:pt>
                <c:pt idx="12082">
                  <c:v>26.290184638137681</c:v>
                </c:pt>
                <c:pt idx="12083">
                  <c:v>26.290184638137681</c:v>
                </c:pt>
                <c:pt idx="12084">
                  <c:v>26.290184638137681</c:v>
                </c:pt>
                <c:pt idx="12085">
                  <c:v>26.290184638137681</c:v>
                </c:pt>
                <c:pt idx="12086">
                  <c:v>26.293438764394445</c:v>
                </c:pt>
                <c:pt idx="12087">
                  <c:v>26.293438764394445</c:v>
                </c:pt>
                <c:pt idx="12088">
                  <c:v>26.293438764394445</c:v>
                </c:pt>
                <c:pt idx="12089">
                  <c:v>26.293438764394445</c:v>
                </c:pt>
                <c:pt idx="12090">
                  <c:v>26.293438764394445</c:v>
                </c:pt>
                <c:pt idx="12091">
                  <c:v>26.293438764394445</c:v>
                </c:pt>
                <c:pt idx="12092">
                  <c:v>26.293438764394445</c:v>
                </c:pt>
                <c:pt idx="12093">
                  <c:v>26.296791500537701</c:v>
                </c:pt>
                <c:pt idx="12094">
                  <c:v>26.296791500537701</c:v>
                </c:pt>
                <c:pt idx="12095">
                  <c:v>26.296791500537701</c:v>
                </c:pt>
                <c:pt idx="12096">
                  <c:v>26.296791500537701</c:v>
                </c:pt>
                <c:pt idx="12097">
                  <c:v>26.296791500537701</c:v>
                </c:pt>
                <c:pt idx="12098">
                  <c:v>26.296791500537701</c:v>
                </c:pt>
                <c:pt idx="12099">
                  <c:v>26.296791500537701</c:v>
                </c:pt>
                <c:pt idx="12100">
                  <c:v>26.296791500537701</c:v>
                </c:pt>
                <c:pt idx="12101">
                  <c:v>26.300144236680961</c:v>
                </c:pt>
                <c:pt idx="12102">
                  <c:v>26.300144236680961</c:v>
                </c:pt>
                <c:pt idx="12103">
                  <c:v>26.300144236680961</c:v>
                </c:pt>
                <c:pt idx="12104">
                  <c:v>26.300144236680961</c:v>
                </c:pt>
                <c:pt idx="12105">
                  <c:v>26.300144236680961</c:v>
                </c:pt>
                <c:pt idx="12106">
                  <c:v>26.303398362937724</c:v>
                </c:pt>
                <c:pt idx="12107">
                  <c:v>26.303398362937724</c:v>
                </c:pt>
                <c:pt idx="12108">
                  <c:v>26.303398362937724</c:v>
                </c:pt>
                <c:pt idx="12109">
                  <c:v>26.303398362937724</c:v>
                </c:pt>
                <c:pt idx="12110">
                  <c:v>26.306751099081154</c:v>
                </c:pt>
                <c:pt idx="12111">
                  <c:v>26.306751099081154</c:v>
                </c:pt>
                <c:pt idx="12112">
                  <c:v>26.306751099081154</c:v>
                </c:pt>
                <c:pt idx="12113">
                  <c:v>26.306751099081154</c:v>
                </c:pt>
                <c:pt idx="12114">
                  <c:v>26.31010383522441</c:v>
                </c:pt>
                <c:pt idx="12115">
                  <c:v>26.31010383522441</c:v>
                </c:pt>
                <c:pt idx="12116">
                  <c:v>26.31010383522441</c:v>
                </c:pt>
                <c:pt idx="12117">
                  <c:v>26.313357961481174</c:v>
                </c:pt>
                <c:pt idx="12118">
                  <c:v>26.313357961481174</c:v>
                </c:pt>
                <c:pt idx="12119">
                  <c:v>26.313357961481174</c:v>
                </c:pt>
                <c:pt idx="12120">
                  <c:v>26.313357961481174</c:v>
                </c:pt>
                <c:pt idx="12121">
                  <c:v>26.31671069762443</c:v>
                </c:pt>
                <c:pt idx="12122">
                  <c:v>26.31671069762443</c:v>
                </c:pt>
                <c:pt idx="12123">
                  <c:v>26.31671069762443</c:v>
                </c:pt>
                <c:pt idx="12124">
                  <c:v>26.31671069762443</c:v>
                </c:pt>
                <c:pt idx="12125">
                  <c:v>26.320063433767864</c:v>
                </c:pt>
                <c:pt idx="12126">
                  <c:v>26.320063433767864</c:v>
                </c:pt>
                <c:pt idx="12127">
                  <c:v>26.320063433767864</c:v>
                </c:pt>
                <c:pt idx="12128">
                  <c:v>26.320063433767864</c:v>
                </c:pt>
                <c:pt idx="12129">
                  <c:v>26.323317560024453</c:v>
                </c:pt>
                <c:pt idx="12130">
                  <c:v>26.323317560024453</c:v>
                </c:pt>
                <c:pt idx="12131">
                  <c:v>26.323317560024453</c:v>
                </c:pt>
                <c:pt idx="12132">
                  <c:v>26.323317560024453</c:v>
                </c:pt>
                <c:pt idx="12133">
                  <c:v>26.326670296167887</c:v>
                </c:pt>
                <c:pt idx="12134">
                  <c:v>26.326670296167887</c:v>
                </c:pt>
                <c:pt idx="12135">
                  <c:v>26.326670296167887</c:v>
                </c:pt>
                <c:pt idx="12136">
                  <c:v>26.326670296167887</c:v>
                </c:pt>
                <c:pt idx="12137">
                  <c:v>26.326670296167887</c:v>
                </c:pt>
                <c:pt idx="12138">
                  <c:v>26.330023032311139</c:v>
                </c:pt>
                <c:pt idx="12139">
                  <c:v>26.330023032311139</c:v>
                </c:pt>
                <c:pt idx="12140">
                  <c:v>26.330023032311139</c:v>
                </c:pt>
                <c:pt idx="12141">
                  <c:v>26.330023032311139</c:v>
                </c:pt>
                <c:pt idx="12142">
                  <c:v>26.333277158567903</c:v>
                </c:pt>
                <c:pt idx="12143">
                  <c:v>26.333277158567903</c:v>
                </c:pt>
                <c:pt idx="12144">
                  <c:v>26.333277158567903</c:v>
                </c:pt>
                <c:pt idx="12145">
                  <c:v>26.333277158567903</c:v>
                </c:pt>
                <c:pt idx="12146">
                  <c:v>26.336629894711162</c:v>
                </c:pt>
                <c:pt idx="12147">
                  <c:v>26.336629894711162</c:v>
                </c:pt>
                <c:pt idx="12148">
                  <c:v>26.336629894711162</c:v>
                </c:pt>
                <c:pt idx="12149">
                  <c:v>26.336629894711162</c:v>
                </c:pt>
                <c:pt idx="12150">
                  <c:v>26.336629894711162</c:v>
                </c:pt>
                <c:pt idx="12151">
                  <c:v>26.339982630854596</c:v>
                </c:pt>
                <c:pt idx="12152">
                  <c:v>26.339982630854596</c:v>
                </c:pt>
                <c:pt idx="12153">
                  <c:v>26.339982630854596</c:v>
                </c:pt>
                <c:pt idx="12154">
                  <c:v>26.339982630854596</c:v>
                </c:pt>
                <c:pt idx="12155">
                  <c:v>26.339982630854596</c:v>
                </c:pt>
                <c:pt idx="12156">
                  <c:v>26.343236757111359</c:v>
                </c:pt>
                <c:pt idx="12157">
                  <c:v>26.343236757111359</c:v>
                </c:pt>
                <c:pt idx="12158">
                  <c:v>26.343236757111359</c:v>
                </c:pt>
                <c:pt idx="12159">
                  <c:v>26.343236757111359</c:v>
                </c:pt>
                <c:pt idx="12160">
                  <c:v>26.343236757111359</c:v>
                </c:pt>
                <c:pt idx="12161">
                  <c:v>26.346589493254616</c:v>
                </c:pt>
                <c:pt idx="12162">
                  <c:v>26.346589493254616</c:v>
                </c:pt>
                <c:pt idx="12163">
                  <c:v>26.346589493254616</c:v>
                </c:pt>
                <c:pt idx="12164">
                  <c:v>26.346589493254616</c:v>
                </c:pt>
                <c:pt idx="12165">
                  <c:v>26.346589493254616</c:v>
                </c:pt>
                <c:pt idx="12166">
                  <c:v>26.346589493254616</c:v>
                </c:pt>
                <c:pt idx="12167">
                  <c:v>26.349942229397868</c:v>
                </c:pt>
                <c:pt idx="12168">
                  <c:v>26.349942229397868</c:v>
                </c:pt>
                <c:pt idx="12169">
                  <c:v>26.349942229397868</c:v>
                </c:pt>
                <c:pt idx="12170">
                  <c:v>26.349942229397868</c:v>
                </c:pt>
                <c:pt idx="12171">
                  <c:v>26.349942229397868</c:v>
                </c:pt>
                <c:pt idx="12172">
                  <c:v>26.349942229397868</c:v>
                </c:pt>
                <c:pt idx="12173">
                  <c:v>26.353196355654632</c:v>
                </c:pt>
                <c:pt idx="12174">
                  <c:v>26.353196355654632</c:v>
                </c:pt>
                <c:pt idx="12175">
                  <c:v>26.353196355654632</c:v>
                </c:pt>
                <c:pt idx="12176">
                  <c:v>26.353196355654632</c:v>
                </c:pt>
                <c:pt idx="12177">
                  <c:v>26.353196355654632</c:v>
                </c:pt>
                <c:pt idx="12178">
                  <c:v>26.356549091797891</c:v>
                </c:pt>
                <c:pt idx="12179">
                  <c:v>26.356549091797891</c:v>
                </c:pt>
                <c:pt idx="12180">
                  <c:v>26.356549091797891</c:v>
                </c:pt>
                <c:pt idx="12181">
                  <c:v>26.356549091797891</c:v>
                </c:pt>
                <c:pt idx="12182">
                  <c:v>26.356549091797891</c:v>
                </c:pt>
                <c:pt idx="12183">
                  <c:v>26.359901827941325</c:v>
                </c:pt>
                <c:pt idx="12184">
                  <c:v>26.359901827941325</c:v>
                </c:pt>
                <c:pt idx="12185">
                  <c:v>26.359901827941325</c:v>
                </c:pt>
                <c:pt idx="12186">
                  <c:v>26.359901827941325</c:v>
                </c:pt>
                <c:pt idx="12187">
                  <c:v>26.359901827941325</c:v>
                </c:pt>
                <c:pt idx="12188">
                  <c:v>26.359901827941325</c:v>
                </c:pt>
                <c:pt idx="12189">
                  <c:v>26.363155954198088</c:v>
                </c:pt>
                <c:pt idx="12190">
                  <c:v>26.363155954198088</c:v>
                </c:pt>
                <c:pt idx="12191">
                  <c:v>26.363155954198088</c:v>
                </c:pt>
                <c:pt idx="12192">
                  <c:v>26.363155954198088</c:v>
                </c:pt>
                <c:pt idx="12193">
                  <c:v>26.363155954198088</c:v>
                </c:pt>
                <c:pt idx="12194">
                  <c:v>26.363155954198088</c:v>
                </c:pt>
                <c:pt idx="12195">
                  <c:v>26.363155954198088</c:v>
                </c:pt>
                <c:pt idx="12196">
                  <c:v>26.366508690341345</c:v>
                </c:pt>
                <c:pt idx="12197">
                  <c:v>26.366508690341345</c:v>
                </c:pt>
                <c:pt idx="12198">
                  <c:v>26.366508690341345</c:v>
                </c:pt>
                <c:pt idx="12199">
                  <c:v>26.366508690341345</c:v>
                </c:pt>
                <c:pt idx="12200">
                  <c:v>26.366508690341345</c:v>
                </c:pt>
                <c:pt idx="12201">
                  <c:v>26.369861426484601</c:v>
                </c:pt>
                <c:pt idx="12202">
                  <c:v>26.369861426484601</c:v>
                </c:pt>
                <c:pt idx="12203">
                  <c:v>26.369861426484601</c:v>
                </c:pt>
                <c:pt idx="12204">
                  <c:v>26.369861426484601</c:v>
                </c:pt>
                <c:pt idx="12205">
                  <c:v>26.369861426484601</c:v>
                </c:pt>
                <c:pt idx="12206">
                  <c:v>26.369861426484601</c:v>
                </c:pt>
                <c:pt idx="12207">
                  <c:v>26.369861426484601</c:v>
                </c:pt>
                <c:pt idx="12208">
                  <c:v>26.373115552741364</c:v>
                </c:pt>
                <c:pt idx="12209">
                  <c:v>26.373115552741364</c:v>
                </c:pt>
                <c:pt idx="12210">
                  <c:v>26.369861426484601</c:v>
                </c:pt>
                <c:pt idx="12211">
                  <c:v>26.366508690341345</c:v>
                </c:pt>
                <c:pt idx="12212">
                  <c:v>26.366508690341345</c:v>
                </c:pt>
                <c:pt idx="12213">
                  <c:v>26.366508690341345</c:v>
                </c:pt>
                <c:pt idx="12214">
                  <c:v>26.366508690341345</c:v>
                </c:pt>
                <c:pt idx="12215">
                  <c:v>26.369861426484601</c:v>
                </c:pt>
                <c:pt idx="12216">
                  <c:v>26.356549091797891</c:v>
                </c:pt>
                <c:pt idx="12217">
                  <c:v>26.346589493254616</c:v>
                </c:pt>
                <c:pt idx="12218">
                  <c:v>26.343236757111359</c:v>
                </c:pt>
                <c:pt idx="12219">
                  <c:v>26.336629894711162</c:v>
                </c:pt>
                <c:pt idx="12220">
                  <c:v>26.336629894711162</c:v>
                </c:pt>
                <c:pt idx="12221">
                  <c:v>26.333277158567903</c:v>
                </c:pt>
                <c:pt idx="12222">
                  <c:v>26.330023032311139</c:v>
                </c:pt>
                <c:pt idx="12223">
                  <c:v>26.330023032311139</c:v>
                </c:pt>
                <c:pt idx="12224">
                  <c:v>26.330023032311139</c:v>
                </c:pt>
                <c:pt idx="12225">
                  <c:v>26.330023032311139</c:v>
                </c:pt>
                <c:pt idx="12226">
                  <c:v>26.330023032311139</c:v>
                </c:pt>
                <c:pt idx="12227">
                  <c:v>26.330023032311139</c:v>
                </c:pt>
                <c:pt idx="12228">
                  <c:v>26.333277158567903</c:v>
                </c:pt>
                <c:pt idx="12229">
                  <c:v>26.333277158567903</c:v>
                </c:pt>
                <c:pt idx="12230">
                  <c:v>26.333277158567903</c:v>
                </c:pt>
                <c:pt idx="12231">
                  <c:v>26.333277158567903</c:v>
                </c:pt>
                <c:pt idx="12232">
                  <c:v>26.333277158567903</c:v>
                </c:pt>
                <c:pt idx="12233">
                  <c:v>26.333277158567903</c:v>
                </c:pt>
                <c:pt idx="12234">
                  <c:v>26.336629894711162</c:v>
                </c:pt>
                <c:pt idx="12235">
                  <c:v>26.339982630854596</c:v>
                </c:pt>
                <c:pt idx="12236">
                  <c:v>26.343236757111359</c:v>
                </c:pt>
                <c:pt idx="12237">
                  <c:v>26.346589493254616</c:v>
                </c:pt>
                <c:pt idx="12238">
                  <c:v>26.346589493254616</c:v>
                </c:pt>
                <c:pt idx="12239">
                  <c:v>26.346589493254616</c:v>
                </c:pt>
                <c:pt idx="12240">
                  <c:v>26.346589493254616</c:v>
                </c:pt>
                <c:pt idx="12241">
                  <c:v>26.359901827941325</c:v>
                </c:pt>
                <c:pt idx="12242">
                  <c:v>26.369861426484601</c:v>
                </c:pt>
                <c:pt idx="12243">
                  <c:v>26.376468288884798</c:v>
                </c:pt>
                <c:pt idx="12244">
                  <c:v>26.379821025028054</c:v>
                </c:pt>
                <c:pt idx="12245">
                  <c:v>26.386427887428077</c:v>
                </c:pt>
                <c:pt idx="12246">
                  <c:v>26.389780623571333</c:v>
                </c:pt>
                <c:pt idx="12247">
                  <c:v>26.393034749828093</c:v>
                </c:pt>
                <c:pt idx="12248">
                  <c:v>26.393034749828093</c:v>
                </c:pt>
                <c:pt idx="12249">
                  <c:v>26.393034749828093</c:v>
                </c:pt>
                <c:pt idx="12250">
                  <c:v>26.396387485971527</c:v>
                </c:pt>
                <c:pt idx="12251">
                  <c:v>26.396387485971527</c:v>
                </c:pt>
                <c:pt idx="12252">
                  <c:v>26.396387485971527</c:v>
                </c:pt>
                <c:pt idx="12253">
                  <c:v>26.396387485971527</c:v>
                </c:pt>
                <c:pt idx="12254">
                  <c:v>26.396387485971527</c:v>
                </c:pt>
                <c:pt idx="12255">
                  <c:v>26.396387485971527</c:v>
                </c:pt>
                <c:pt idx="12256">
                  <c:v>26.396387485971527</c:v>
                </c:pt>
                <c:pt idx="12257">
                  <c:v>26.396387485971527</c:v>
                </c:pt>
                <c:pt idx="12258">
                  <c:v>26.399740222114783</c:v>
                </c:pt>
                <c:pt idx="12259">
                  <c:v>26.399740222114783</c:v>
                </c:pt>
                <c:pt idx="12260">
                  <c:v>26.399740222114783</c:v>
                </c:pt>
                <c:pt idx="12261">
                  <c:v>26.399740222114783</c:v>
                </c:pt>
                <c:pt idx="12262">
                  <c:v>26.399740222114783</c:v>
                </c:pt>
                <c:pt idx="12263">
                  <c:v>26.403092958258043</c:v>
                </c:pt>
                <c:pt idx="12264">
                  <c:v>26.403092958258043</c:v>
                </c:pt>
                <c:pt idx="12265">
                  <c:v>26.403092958258043</c:v>
                </c:pt>
                <c:pt idx="12266">
                  <c:v>26.403092958258043</c:v>
                </c:pt>
                <c:pt idx="12267">
                  <c:v>26.406347084514806</c:v>
                </c:pt>
                <c:pt idx="12268">
                  <c:v>26.406347084514806</c:v>
                </c:pt>
                <c:pt idx="12269">
                  <c:v>26.406347084514806</c:v>
                </c:pt>
                <c:pt idx="12270">
                  <c:v>26.406347084514806</c:v>
                </c:pt>
                <c:pt idx="12271">
                  <c:v>26.409699820658236</c:v>
                </c:pt>
                <c:pt idx="12272">
                  <c:v>26.409699820658236</c:v>
                </c:pt>
                <c:pt idx="12273">
                  <c:v>26.409699820658236</c:v>
                </c:pt>
                <c:pt idx="12274">
                  <c:v>26.409699820658236</c:v>
                </c:pt>
                <c:pt idx="12275">
                  <c:v>26.413052556801492</c:v>
                </c:pt>
                <c:pt idx="12276">
                  <c:v>26.413052556801492</c:v>
                </c:pt>
                <c:pt idx="12277">
                  <c:v>26.413052556801492</c:v>
                </c:pt>
                <c:pt idx="12278">
                  <c:v>26.413052556801492</c:v>
                </c:pt>
                <c:pt idx="12279">
                  <c:v>26.413052556801492</c:v>
                </c:pt>
                <c:pt idx="12280">
                  <c:v>26.413052556801492</c:v>
                </c:pt>
                <c:pt idx="12281">
                  <c:v>26.416306683058256</c:v>
                </c:pt>
                <c:pt idx="12282">
                  <c:v>26.416306683058256</c:v>
                </c:pt>
                <c:pt idx="12283">
                  <c:v>26.416306683058256</c:v>
                </c:pt>
                <c:pt idx="12284">
                  <c:v>26.416306683058256</c:v>
                </c:pt>
                <c:pt idx="12285">
                  <c:v>26.416306683058256</c:v>
                </c:pt>
                <c:pt idx="12286">
                  <c:v>26.416306683058256</c:v>
                </c:pt>
                <c:pt idx="12287">
                  <c:v>26.416306683058256</c:v>
                </c:pt>
                <c:pt idx="12288">
                  <c:v>26.419659419201516</c:v>
                </c:pt>
                <c:pt idx="12289">
                  <c:v>26.419659419201516</c:v>
                </c:pt>
                <c:pt idx="12290">
                  <c:v>26.419659419201516</c:v>
                </c:pt>
                <c:pt idx="12291">
                  <c:v>26.419659419201516</c:v>
                </c:pt>
                <c:pt idx="12292">
                  <c:v>26.419659419201516</c:v>
                </c:pt>
                <c:pt idx="12293">
                  <c:v>26.419659419201516</c:v>
                </c:pt>
                <c:pt idx="12294">
                  <c:v>26.419659419201516</c:v>
                </c:pt>
                <c:pt idx="12295">
                  <c:v>26.419659419201516</c:v>
                </c:pt>
                <c:pt idx="12296">
                  <c:v>26.419659419201516</c:v>
                </c:pt>
                <c:pt idx="12297">
                  <c:v>26.423012155344772</c:v>
                </c:pt>
                <c:pt idx="12298">
                  <c:v>26.423012155344772</c:v>
                </c:pt>
                <c:pt idx="12299">
                  <c:v>26.423012155344772</c:v>
                </c:pt>
                <c:pt idx="12300">
                  <c:v>26.423012155344772</c:v>
                </c:pt>
                <c:pt idx="12301">
                  <c:v>26.423012155344772</c:v>
                </c:pt>
                <c:pt idx="12302">
                  <c:v>26.423012155344772</c:v>
                </c:pt>
                <c:pt idx="12303">
                  <c:v>26.423012155344772</c:v>
                </c:pt>
                <c:pt idx="12304">
                  <c:v>26.426266281601535</c:v>
                </c:pt>
                <c:pt idx="12305">
                  <c:v>26.426266281601535</c:v>
                </c:pt>
                <c:pt idx="12306">
                  <c:v>26.426266281601535</c:v>
                </c:pt>
                <c:pt idx="12307">
                  <c:v>26.426266281601535</c:v>
                </c:pt>
                <c:pt idx="12308">
                  <c:v>26.426266281601535</c:v>
                </c:pt>
                <c:pt idx="12309">
                  <c:v>26.429619017744965</c:v>
                </c:pt>
                <c:pt idx="12310">
                  <c:v>26.429619017744965</c:v>
                </c:pt>
                <c:pt idx="12311">
                  <c:v>26.429619017744965</c:v>
                </c:pt>
                <c:pt idx="12312">
                  <c:v>26.429619017744965</c:v>
                </c:pt>
                <c:pt idx="12313">
                  <c:v>26.429619017744965</c:v>
                </c:pt>
                <c:pt idx="12314">
                  <c:v>26.429619017744965</c:v>
                </c:pt>
                <c:pt idx="12315">
                  <c:v>26.432971753888225</c:v>
                </c:pt>
                <c:pt idx="12316">
                  <c:v>26.432971753888225</c:v>
                </c:pt>
                <c:pt idx="12317">
                  <c:v>26.432971753888225</c:v>
                </c:pt>
                <c:pt idx="12318">
                  <c:v>26.432971753888225</c:v>
                </c:pt>
                <c:pt idx="12319">
                  <c:v>26.432971753888225</c:v>
                </c:pt>
                <c:pt idx="12320">
                  <c:v>26.436225880144985</c:v>
                </c:pt>
                <c:pt idx="12321">
                  <c:v>26.436225880144985</c:v>
                </c:pt>
                <c:pt idx="12322">
                  <c:v>26.436225880144985</c:v>
                </c:pt>
                <c:pt idx="12323">
                  <c:v>26.439578616288244</c:v>
                </c:pt>
                <c:pt idx="12324">
                  <c:v>26.439578616288244</c:v>
                </c:pt>
                <c:pt idx="12325">
                  <c:v>26.439578616288244</c:v>
                </c:pt>
                <c:pt idx="12326">
                  <c:v>26.439578616288244</c:v>
                </c:pt>
                <c:pt idx="12327">
                  <c:v>26.442931352431678</c:v>
                </c:pt>
                <c:pt idx="12328">
                  <c:v>26.442931352431678</c:v>
                </c:pt>
                <c:pt idx="12329">
                  <c:v>26.442931352431678</c:v>
                </c:pt>
                <c:pt idx="12330">
                  <c:v>26.442931352431678</c:v>
                </c:pt>
                <c:pt idx="12331">
                  <c:v>26.442931352431678</c:v>
                </c:pt>
                <c:pt idx="12332">
                  <c:v>26.446185478688264</c:v>
                </c:pt>
                <c:pt idx="12333">
                  <c:v>26.446185478688264</c:v>
                </c:pt>
                <c:pt idx="12334">
                  <c:v>26.446185478688264</c:v>
                </c:pt>
                <c:pt idx="12335">
                  <c:v>26.446185478688264</c:v>
                </c:pt>
                <c:pt idx="12336">
                  <c:v>26.446185478688264</c:v>
                </c:pt>
                <c:pt idx="12337">
                  <c:v>26.449538214831694</c:v>
                </c:pt>
                <c:pt idx="12338">
                  <c:v>26.449538214831694</c:v>
                </c:pt>
                <c:pt idx="12339">
                  <c:v>26.449538214831694</c:v>
                </c:pt>
                <c:pt idx="12340">
                  <c:v>26.449538214831694</c:v>
                </c:pt>
                <c:pt idx="12341">
                  <c:v>26.449538214831694</c:v>
                </c:pt>
                <c:pt idx="12342">
                  <c:v>26.449538214831694</c:v>
                </c:pt>
                <c:pt idx="12343">
                  <c:v>26.452890950974954</c:v>
                </c:pt>
                <c:pt idx="12344">
                  <c:v>26.452890950974954</c:v>
                </c:pt>
                <c:pt idx="12345">
                  <c:v>26.452890950974954</c:v>
                </c:pt>
                <c:pt idx="12346">
                  <c:v>26.452890950974954</c:v>
                </c:pt>
                <c:pt idx="12347">
                  <c:v>26.452890950974954</c:v>
                </c:pt>
                <c:pt idx="12348">
                  <c:v>26.452890950974954</c:v>
                </c:pt>
                <c:pt idx="12349">
                  <c:v>26.452890950974954</c:v>
                </c:pt>
                <c:pt idx="12350">
                  <c:v>26.452890950974954</c:v>
                </c:pt>
                <c:pt idx="12351">
                  <c:v>26.456145077231717</c:v>
                </c:pt>
                <c:pt idx="12352">
                  <c:v>26.456145077231717</c:v>
                </c:pt>
                <c:pt idx="12353">
                  <c:v>26.456145077231717</c:v>
                </c:pt>
                <c:pt idx="12354">
                  <c:v>26.456145077231717</c:v>
                </c:pt>
                <c:pt idx="12355">
                  <c:v>26.456145077231717</c:v>
                </c:pt>
                <c:pt idx="12356">
                  <c:v>26.459497813374973</c:v>
                </c:pt>
                <c:pt idx="12357">
                  <c:v>26.459497813374973</c:v>
                </c:pt>
                <c:pt idx="12358">
                  <c:v>26.459497813374973</c:v>
                </c:pt>
                <c:pt idx="12359">
                  <c:v>26.459497813374973</c:v>
                </c:pt>
                <c:pt idx="12360">
                  <c:v>26.462850549518407</c:v>
                </c:pt>
                <c:pt idx="12361">
                  <c:v>26.462850549518407</c:v>
                </c:pt>
                <c:pt idx="12362">
                  <c:v>26.462850549518407</c:v>
                </c:pt>
                <c:pt idx="12363">
                  <c:v>26.462850549518407</c:v>
                </c:pt>
                <c:pt idx="12364">
                  <c:v>26.462850549518407</c:v>
                </c:pt>
                <c:pt idx="12365">
                  <c:v>26.462850549518407</c:v>
                </c:pt>
                <c:pt idx="12366">
                  <c:v>26.466104675775171</c:v>
                </c:pt>
                <c:pt idx="12367">
                  <c:v>26.466104675775171</c:v>
                </c:pt>
                <c:pt idx="12368">
                  <c:v>26.466104675775171</c:v>
                </c:pt>
                <c:pt idx="12369">
                  <c:v>26.466104675775171</c:v>
                </c:pt>
                <c:pt idx="12370">
                  <c:v>26.466104675775171</c:v>
                </c:pt>
                <c:pt idx="12371">
                  <c:v>26.469457411918427</c:v>
                </c:pt>
                <c:pt idx="12372">
                  <c:v>26.469457411918427</c:v>
                </c:pt>
                <c:pt idx="12373">
                  <c:v>26.469457411918427</c:v>
                </c:pt>
                <c:pt idx="12374">
                  <c:v>26.469457411918427</c:v>
                </c:pt>
                <c:pt idx="12375">
                  <c:v>26.469457411918427</c:v>
                </c:pt>
                <c:pt idx="12376">
                  <c:v>26.469457411918427</c:v>
                </c:pt>
                <c:pt idx="12377">
                  <c:v>26.472810148061683</c:v>
                </c:pt>
                <c:pt idx="12378">
                  <c:v>26.472810148061683</c:v>
                </c:pt>
                <c:pt idx="12379">
                  <c:v>26.472810148061683</c:v>
                </c:pt>
                <c:pt idx="12380">
                  <c:v>26.472810148061683</c:v>
                </c:pt>
                <c:pt idx="12381">
                  <c:v>26.472810148061683</c:v>
                </c:pt>
                <c:pt idx="12382">
                  <c:v>26.472810148061683</c:v>
                </c:pt>
                <c:pt idx="12383">
                  <c:v>26.472810148061683</c:v>
                </c:pt>
                <c:pt idx="12384">
                  <c:v>26.476064274318446</c:v>
                </c:pt>
                <c:pt idx="12385">
                  <c:v>26.476064274318446</c:v>
                </c:pt>
                <c:pt idx="12386">
                  <c:v>26.476064274318446</c:v>
                </c:pt>
                <c:pt idx="12387">
                  <c:v>26.476064274318446</c:v>
                </c:pt>
                <c:pt idx="12388">
                  <c:v>26.476064274318446</c:v>
                </c:pt>
                <c:pt idx="12389">
                  <c:v>26.476064274318446</c:v>
                </c:pt>
                <c:pt idx="12390">
                  <c:v>26.476064274318446</c:v>
                </c:pt>
                <c:pt idx="12391">
                  <c:v>26.476064274318446</c:v>
                </c:pt>
                <c:pt idx="12392">
                  <c:v>26.479417010461702</c:v>
                </c:pt>
                <c:pt idx="12393">
                  <c:v>26.479417010461702</c:v>
                </c:pt>
                <c:pt idx="12394">
                  <c:v>26.479417010461702</c:v>
                </c:pt>
                <c:pt idx="12395">
                  <c:v>26.479417010461702</c:v>
                </c:pt>
                <c:pt idx="12396">
                  <c:v>26.479417010461702</c:v>
                </c:pt>
                <c:pt idx="12397">
                  <c:v>26.482769746605136</c:v>
                </c:pt>
                <c:pt idx="12398">
                  <c:v>26.482769746605136</c:v>
                </c:pt>
                <c:pt idx="12399">
                  <c:v>26.482769746605136</c:v>
                </c:pt>
                <c:pt idx="12400">
                  <c:v>26.482769746605136</c:v>
                </c:pt>
                <c:pt idx="12401">
                  <c:v>26.482769746605136</c:v>
                </c:pt>
                <c:pt idx="12402">
                  <c:v>26.4860238728619</c:v>
                </c:pt>
                <c:pt idx="12403">
                  <c:v>26.4860238728619</c:v>
                </c:pt>
                <c:pt idx="12404">
                  <c:v>26.4860238728619</c:v>
                </c:pt>
                <c:pt idx="12405">
                  <c:v>26.4860238728619</c:v>
                </c:pt>
                <c:pt idx="12406">
                  <c:v>26.4860238728619</c:v>
                </c:pt>
                <c:pt idx="12407">
                  <c:v>26.489376609005156</c:v>
                </c:pt>
                <c:pt idx="12408">
                  <c:v>26.489376609005156</c:v>
                </c:pt>
                <c:pt idx="12409">
                  <c:v>26.489376609005156</c:v>
                </c:pt>
                <c:pt idx="12410">
                  <c:v>26.489376609005156</c:v>
                </c:pt>
                <c:pt idx="12411">
                  <c:v>26.489376609005156</c:v>
                </c:pt>
                <c:pt idx="12412">
                  <c:v>26.489376609005156</c:v>
                </c:pt>
                <c:pt idx="12413">
                  <c:v>26.492729345148412</c:v>
                </c:pt>
                <c:pt idx="12414">
                  <c:v>26.492729345148412</c:v>
                </c:pt>
                <c:pt idx="12415">
                  <c:v>26.492729345148412</c:v>
                </c:pt>
                <c:pt idx="12416">
                  <c:v>26.492729345148412</c:v>
                </c:pt>
                <c:pt idx="12417">
                  <c:v>26.495983471405175</c:v>
                </c:pt>
                <c:pt idx="12418">
                  <c:v>26.495983471405175</c:v>
                </c:pt>
                <c:pt idx="12419">
                  <c:v>26.495983471405175</c:v>
                </c:pt>
                <c:pt idx="12420">
                  <c:v>26.495983471405175</c:v>
                </c:pt>
                <c:pt idx="12421">
                  <c:v>26.499336207548609</c:v>
                </c:pt>
                <c:pt idx="12422">
                  <c:v>26.499336207548609</c:v>
                </c:pt>
                <c:pt idx="12423">
                  <c:v>26.499336207548609</c:v>
                </c:pt>
                <c:pt idx="12424">
                  <c:v>26.499336207548609</c:v>
                </c:pt>
                <c:pt idx="12425">
                  <c:v>26.502688943691869</c:v>
                </c:pt>
                <c:pt idx="12426">
                  <c:v>26.502688943691869</c:v>
                </c:pt>
                <c:pt idx="12427">
                  <c:v>26.502688943691869</c:v>
                </c:pt>
                <c:pt idx="12428">
                  <c:v>26.502688943691869</c:v>
                </c:pt>
                <c:pt idx="12429">
                  <c:v>26.502688943691869</c:v>
                </c:pt>
                <c:pt idx="12430">
                  <c:v>26.505943069948632</c:v>
                </c:pt>
                <c:pt idx="12431">
                  <c:v>26.505943069948632</c:v>
                </c:pt>
                <c:pt idx="12432">
                  <c:v>26.505943069948632</c:v>
                </c:pt>
                <c:pt idx="12433">
                  <c:v>26.505943069948632</c:v>
                </c:pt>
                <c:pt idx="12434">
                  <c:v>26.505943069948632</c:v>
                </c:pt>
                <c:pt idx="12435">
                  <c:v>26.505943069948632</c:v>
                </c:pt>
                <c:pt idx="12436">
                  <c:v>26.505943069948632</c:v>
                </c:pt>
                <c:pt idx="12437">
                  <c:v>26.509295806091885</c:v>
                </c:pt>
                <c:pt idx="12438">
                  <c:v>26.509295806091885</c:v>
                </c:pt>
                <c:pt idx="12439">
                  <c:v>26.509295806091885</c:v>
                </c:pt>
                <c:pt idx="12440">
                  <c:v>26.509295806091885</c:v>
                </c:pt>
                <c:pt idx="12441">
                  <c:v>26.509295806091885</c:v>
                </c:pt>
                <c:pt idx="12442">
                  <c:v>26.509295806091885</c:v>
                </c:pt>
                <c:pt idx="12443">
                  <c:v>26.509295806091885</c:v>
                </c:pt>
                <c:pt idx="12444">
                  <c:v>26.509295806091885</c:v>
                </c:pt>
                <c:pt idx="12445">
                  <c:v>26.509295806091885</c:v>
                </c:pt>
                <c:pt idx="12446">
                  <c:v>26.509295806091885</c:v>
                </c:pt>
                <c:pt idx="12447">
                  <c:v>26.512648542235144</c:v>
                </c:pt>
                <c:pt idx="12448">
                  <c:v>26.509295806091885</c:v>
                </c:pt>
                <c:pt idx="12449">
                  <c:v>26.509295806091885</c:v>
                </c:pt>
                <c:pt idx="12450">
                  <c:v>26.512648542235144</c:v>
                </c:pt>
                <c:pt idx="12451">
                  <c:v>26.512648542235144</c:v>
                </c:pt>
                <c:pt idx="12452">
                  <c:v>26.512648542235144</c:v>
                </c:pt>
                <c:pt idx="12453">
                  <c:v>26.512648542235144</c:v>
                </c:pt>
                <c:pt idx="12454">
                  <c:v>26.512648542235144</c:v>
                </c:pt>
                <c:pt idx="12455">
                  <c:v>26.515902668491908</c:v>
                </c:pt>
                <c:pt idx="12456">
                  <c:v>26.515902668491908</c:v>
                </c:pt>
                <c:pt idx="12457">
                  <c:v>26.515902668491908</c:v>
                </c:pt>
                <c:pt idx="12458">
                  <c:v>26.515902668491908</c:v>
                </c:pt>
                <c:pt idx="12459">
                  <c:v>26.519255404635341</c:v>
                </c:pt>
                <c:pt idx="12460">
                  <c:v>26.519255404635341</c:v>
                </c:pt>
                <c:pt idx="12461">
                  <c:v>26.519255404635341</c:v>
                </c:pt>
                <c:pt idx="12462">
                  <c:v>26.519255404635341</c:v>
                </c:pt>
                <c:pt idx="12463">
                  <c:v>26.522608140778598</c:v>
                </c:pt>
                <c:pt idx="12464">
                  <c:v>26.522608140778598</c:v>
                </c:pt>
                <c:pt idx="12465">
                  <c:v>26.522608140778598</c:v>
                </c:pt>
                <c:pt idx="12466">
                  <c:v>26.522608140778598</c:v>
                </c:pt>
                <c:pt idx="12467">
                  <c:v>26.522608140778598</c:v>
                </c:pt>
                <c:pt idx="12468">
                  <c:v>26.525862267035361</c:v>
                </c:pt>
                <c:pt idx="12469">
                  <c:v>26.525862267035361</c:v>
                </c:pt>
                <c:pt idx="12470">
                  <c:v>26.525862267035361</c:v>
                </c:pt>
                <c:pt idx="12471">
                  <c:v>26.525862267035361</c:v>
                </c:pt>
                <c:pt idx="12472">
                  <c:v>26.525862267035361</c:v>
                </c:pt>
                <c:pt idx="12473">
                  <c:v>26.529215003178617</c:v>
                </c:pt>
                <c:pt idx="12474">
                  <c:v>26.529215003178617</c:v>
                </c:pt>
                <c:pt idx="12475">
                  <c:v>26.529215003178617</c:v>
                </c:pt>
                <c:pt idx="12476">
                  <c:v>26.529215003178617</c:v>
                </c:pt>
                <c:pt idx="12477">
                  <c:v>26.529215003178617</c:v>
                </c:pt>
                <c:pt idx="12478">
                  <c:v>26.529215003178617</c:v>
                </c:pt>
                <c:pt idx="12479">
                  <c:v>26.532567739322047</c:v>
                </c:pt>
                <c:pt idx="12480">
                  <c:v>26.532567739322047</c:v>
                </c:pt>
                <c:pt idx="12481">
                  <c:v>26.532567739322047</c:v>
                </c:pt>
                <c:pt idx="12482">
                  <c:v>26.532567739322047</c:v>
                </c:pt>
                <c:pt idx="12483">
                  <c:v>26.532567739322047</c:v>
                </c:pt>
                <c:pt idx="12484">
                  <c:v>26.532567739322047</c:v>
                </c:pt>
                <c:pt idx="12485">
                  <c:v>26.532567739322047</c:v>
                </c:pt>
                <c:pt idx="12486">
                  <c:v>26.535920475465307</c:v>
                </c:pt>
                <c:pt idx="12487">
                  <c:v>26.535920475465307</c:v>
                </c:pt>
                <c:pt idx="12488">
                  <c:v>26.535920475465307</c:v>
                </c:pt>
                <c:pt idx="12489">
                  <c:v>26.535920475465307</c:v>
                </c:pt>
                <c:pt idx="12490">
                  <c:v>26.535920475465307</c:v>
                </c:pt>
                <c:pt idx="12491">
                  <c:v>26.53917460172207</c:v>
                </c:pt>
                <c:pt idx="12492">
                  <c:v>26.53917460172207</c:v>
                </c:pt>
                <c:pt idx="12493">
                  <c:v>26.53917460172207</c:v>
                </c:pt>
                <c:pt idx="12494">
                  <c:v>26.53917460172207</c:v>
                </c:pt>
                <c:pt idx="12495">
                  <c:v>26.53917460172207</c:v>
                </c:pt>
                <c:pt idx="12496">
                  <c:v>26.542527337865327</c:v>
                </c:pt>
                <c:pt idx="12497">
                  <c:v>26.542527337865327</c:v>
                </c:pt>
                <c:pt idx="12498">
                  <c:v>26.542527337865327</c:v>
                </c:pt>
                <c:pt idx="12499">
                  <c:v>26.542527337865327</c:v>
                </c:pt>
                <c:pt idx="12500">
                  <c:v>26.545880074008586</c:v>
                </c:pt>
                <c:pt idx="12501">
                  <c:v>26.545880074008586</c:v>
                </c:pt>
                <c:pt idx="12502">
                  <c:v>26.545880074008586</c:v>
                </c:pt>
                <c:pt idx="12503">
                  <c:v>26.545880074008586</c:v>
                </c:pt>
                <c:pt idx="12504">
                  <c:v>26.545880074008586</c:v>
                </c:pt>
                <c:pt idx="12505">
                  <c:v>26.54913420026535</c:v>
                </c:pt>
                <c:pt idx="12506">
                  <c:v>26.54913420026535</c:v>
                </c:pt>
                <c:pt idx="12507">
                  <c:v>26.54913420026535</c:v>
                </c:pt>
                <c:pt idx="12508">
                  <c:v>26.54913420026535</c:v>
                </c:pt>
                <c:pt idx="12509">
                  <c:v>26.55248693640878</c:v>
                </c:pt>
                <c:pt idx="12510">
                  <c:v>26.55248693640878</c:v>
                </c:pt>
                <c:pt idx="12511">
                  <c:v>26.55248693640878</c:v>
                </c:pt>
                <c:pt idx="12512">
                  <c:v>26.555839672552036</c:v>
                </c:pt>
                <c:pt idx="12513">
                  <c:v>26.555839672552036</c:v>
                </c:pt>
                <c:pt idx="12514">
                  <c:v>26.555839672552036</c:v>
                </c:pt>
                <c:pt idx="12515">
                  <c:v>26.559093798808799</c:v>
                </c:pt>
                <c:pt idx="12516">
                  <c:v>26.559093798808799</c:v>
                </c:pt>
                <c:pt idx="12517">
                  <c:v>26.559093798808799</c:v>
                </c:pt>
                <c:pt idx="12518">
                  <c:v>26.559093798808799</c:v>
                </c:pt>
                <c:pt idx="12519">
                  <c:v>26.559093798808799</c:v>
                </c:pt>
                <c:pt idx="12520">
                  <c:v>26.562446534952059</c:v>
                </c:pt>
                <c:pt idx="12521">
                  <c:v>26.562446534952059</c:v>
                </c:pt>
                <c:pt idx="12522">
                  <c:v>26.562446534952059</c:v>
                </c:pt>
                <c:pt idx="12523">
                  <c:v>26.562446534952059</c:v>
                </c:pt>
                <c:pt idx="12524">
                  <c:v>26.565799271095315</c:v>
                </c:pt>
                <c:pt idx="12525">
                  <c:v>26.565799271095315</c:v>
                </c:pt>
                <c:pt idx="12526">
                  <c:v>26.565799271095315</c:v>
                </c:pt>
                <c:pt idx="12527">
                  <c:v>26.565799271095315</c:v>
                </c:pt>
                <c:pt idx="12528">
                  <c:v>26.569053397352079</c:v>
                </c:pt>
                <c:pt idx="12529">
                  <c:v>26.569053397352079</c:v>
                </c:pt>
                <c:pt idx="12530">
                  <c:v>26.569053397352079</c:v>
                </c:pt>
                <c:pt idx="12531">
                  <c:v>26.569053397352079</c:v>
                </c:pt>
                <c:pt idx="12532">
                  <c:v>26.569053397352079</c:v>
                </c:pt>
                <c:pt idx="12533">
                  <c:v>26.569053397352079</c:v>
                </c:pt>
                <c:pt idx="12534">
                  <c:v>26.569053397352079</c:v>
                </c:pt>
                <c:pt idx="12535">
                  <c:v>26.569053397352079</c:v>
                </c:pt>
                <c:pt idx="12536">
                  <c:v>26.572406133495509</c:v>
                </c:pt>
                <c:pt idx="12537">
                  <c:v>26.572406133495509</c:v>
                </c:pt>
                <c:pt idx="12538">
                  <c:v>26.572406133495509</c:v>
                </c:pt>
                <c:pt idx="12539">
                  <c:v>26.572406133495509</c:v>
                </c:pt>
                <c:pt idx="12540">
                  <c:v>26.572406133495509</c:v>
                </c:pt>
                <c:pt idx="12541">
                  <c:v>26.572406133495509</c:v>
                </c:pt>
                <c:pt idx="12542">
                  <c:v>26.572406133495509</c:v>
                </c:pt>
                <c:pt idx="12543">
                  <c:v>26.572406133495509</c:v>
                </c:pt>
                <c:pt idx="12544">
                  <c:v>26.572406133495509</c:v>
                </c:pt>
                <c:pt idx="12545">
                  <c:v>26.572406133495509</c:v>
                </c:pt>
                <c:pt idx="12546">
                  <c:v>26.572406133495509</c:v>
                </c:pt>
                <c:pt idx="12547">
                  <c:v>26.572406133495509</c:v>
                </c:pt>
                <c:pt idx="12548">
                  <c:v>26.572406133495509</c:v>
                </c:pt>
                <c:pt idx="12549">
                  <c:v>26.572406133495509</c:v>
                </c:pt>
                <c:pt idx="12550">
                  <c:v>26.575758869638765</c:v>
                </c:pt>
                <c:pt idx="12551">
                  <c:v>26.575758869638765</c:v>
                </c:pt>
                <c:pt idx="12552">
                  <c:v>26.575758869638765</c:v>
                </c:pt>
                <c:pt idx="12553">
                  <c:v>26.575758869638765</c:v>
                </c:pt>
                <c:pt idx="12554">
                  <c:v>26.575758869638765</c:v>
                </c:pt>
                <c:pt idx="12555">
                  <c:v>26.575758869638765</c:v>
                </c:pt>
                <c:pt idx="12556">
                  <c:v>26.575758869638765</c:v>
                </c:pt>
                <c:pt idx="12557">
                  <c:v>26.575758869638765</c:v>
                </c:pt>
                <c:pt idx="12558">
                  <c:v>26.575758869638765</c:v>
                </c:pt>
                <c:pt idx="12559">
                  <c:v>26.579012995895528</c:v>
                </c:pt>
                <c:pt idx="12560">
                  <c:v>26.579012995895528</c:v>
                </c:pt>
                <c:pt idx="12561">
                  <c:v>26.579012995895528</c:v>
                </c:pt>
                <c:pt idx="12562">
                  <c:v>26.579012995895528</c:v>
                </c:pt>
                <c:pt idx="12563">
                  <c:v>26.579012995895528</c:v>
                </c:pt>
                <c:pt idx="12564">
                  <c:v>26.579012995895528</c:v>
                </c:pt>
                <c:pt idx="12565">
                  <c:v>26.579012995895528</c:v>
                </c:pt>
                <c:pt idx="12566">
                  <c:v>26.582365732038788</c:v>
                </c:pt>
                <c:pt idx="12567">
                  <c:v>26.582365732038788</c:v>
                </c:pt>
                <c:pt idx="12568">
                  <c:v>26.582365732038788</c:v>
                </c:pt>
                <c:pt idx="12569">
                  <c:v>26.582365732038788</c:v>
                </c:pt>
                <c:pt idx="12570">
                  <c:v>26.582365732038788</c:v>
                </c:pt>
                <c:pt idx="12571">
                  <c:v>26.582365732038788</c:v>
                </c:pt>
                <c:pt idx="12572">
                  <c:v>26.582365732038788</c:v>
                </c:pt>
                <c:pt idx="12573">
                  <c:v>26.585718468182218</c:v>
                </c:pt>
                <c:pt idx="12574">
                  <c:v>26.585718468182218</c:v>
                </c:pt>
                <c:pt idx="12575">
                  <c:v>26.585718468182218</c:v>
                </c:pt>
                <c:pt idx="12576">
                  <c:v>26.585718468182218</c:v>
                </c:pt>
                <c:pt idx="12577">
                  <c:v>26.585718468182218</c:v>
                </c:pt>
                <c:pt idx="12578">
                  <c:v>26.585718468182218</c:v>
                </c:pt>
                <c:pt idx="12579">
                  <c:v>26.585718468182218</c:v>
                </c:pt>
                <c:pt idx="12580">
                  <c:v>26.588972594438808</c:v>
                </c:pt>
                <c:pt idx="12581">
                  <c:v>26.588972594438808</c:v>
                </c:pt>
                <c:pt idx="12582">
                  <c:v>26.588972594438808</c:v>
                </c:pt>
                <c:pt idx="12583">
                  <c:v>26.588972594438808</c:v>
                </c:pt>
                <c:pt idx="12584">
                  <c:v>26.588972594438808</c:v>
                </c:pt>
                <c:pt idx="12585">
                  <c:v>26.588972594438808</c:v>
                </c:pt>
                <c:pt idx="12586">
                  <c:v>26.588972594438808</c:v>
                </c:pt>
                <c:pt idx="12587">
                  <c:v>26.588972594438808</c:v>
                </c:pt>
                <c:pt idx="12588">
                  <c:v>26.588972594438808</c:v>
                </c:pt>
                <c:pt idx="12589">
                  <c:v>26.588972594438808</c:v>
                </c:pt>
                <c:pt idx="12590">
                  <c:v>26.592325330582238</c:v>
                </c:pt>
                <c:pt idx="12591">
                  <c:v>26.592325330582238</c:v>
                </c:pt>
                <c:pt idx="12592">
                  <c:v>26.592325330582238</c:v>
                </c:pt>
                <c:pt idx="12593">
                  <c:v>26.592325330582238</c:v>
                </c:pt>
                <c:pt idx="12594">
                  <c:v>26.592325330582238</c:v>
                </c:pt>
                <c:pt idx="12595">
                  <c:v>26.592325330582238</c:v>
                </c:pt>
                <c:pt idx="12596">
                  <c:v>26.592325330582238</c:v>
                </c:pt>
                <c:pt idx="12597">
                  <c:v>26.592325330582238</c:v>
                </c:pt>
                <c:pt idx="12598">
                  <c:v>26.592325330582238</c:v>
                </c:pt>
                <c:pt idx="12599">
                  <c:v>26.592325330582238</c:v>
                </c:pt>
                <c:pt idx="12600">
                  <c:v>26.592325330582238</c:v>
                </c:pt>
                <c:pt idx="12601">
                  <c:v>26.595678066725498</c:v>
                </c:pt>
                <c:pt idx="12602">
                  <c:v>26.595678066725498</c:v>
                </c:pt>
                <c:pt idx="12603">
                  <c:v>26.595678066725498</c:v>
                </c:pt>
                <c:pt idx="12604">
                  <c:v>26.595678066725498</c:v>
                </c:pt>
                <c:pt idx="12605">
                  <c:v>26.595678066725498</c:v>
                </c:pt>
                <c:pt idx="12606">
                  <c:v>26.595678066725498</c:v>
                </c:pt>
                <c:pt idx="12607">
                  <c:v>26.595678066725498</c:v>
                </c:pt>
                <c:pt idx="12608">
                  <c:v>26.598932192982261</c:v>
                </c:pt>
                <c:pt idx="12609">
                  <c:v>26.598932192982261</c:v>
                </c:pt>
                <c:pt idx="12610">
                  <c:v>26.598932192982261</c:v>
                </c:pt>
                <c:pt idx="12611">
                  <c:v>26.598932192982261</c:v>
                </c:pt>
                <c:pt idx="12612">
                  <c:v>26.598932192982261</c:v>
                </c:pt>
                <c:pt idx="12613">
                  <c:v>26.602284929125517</c:v>
                </c:pt>
                <c:pt idx="12614">
                  <c:v>26.602284929125517</c:v>
                </c:pt>
                <c:pt idx="12615">
                  <c:v>26.602284929125517</c:v>
                </c:pt>
                <c:pt idx="12616">
                  <c:v>26.602284929125517</c:v>
                </c:pt>
                <c:pt idx="12617">
                  <c:v>26.605637665268947</c:v>
                </c:pt>
                <c:pt idx="12618">
                  <c:v>26.605637665268947</c:v>
                </c:pt>
                <c:pt idx="12619">
                  <c:v>26.605637665268947</c:v>
                </c:pt>
                <c:pt idx="12620">
                  <c:v>26.605637665268947</c:v>
                </c:pt>
                <c:pt idx="12621">
                  <c:v>26.605637665268947</c:v>
                </c:pt>
                <c:pt idx="12622">
                  <c:v>26.605637665268947</c:v>
                </c:pt>
                <c:pt idx="12623">
                  <c:v>26.608891791525711</c:v>
                </c:pt>
                <c:pt idx="12624">
                  <c:v>26.608891791525711</c:v>
                </c:pt>
                <c:pt idx="12625">
                  <c:v>26.608891791525711</c:v>
                </c:pt>
                <c:pt idx="12626">
                  <c:v>26.608891791525711</c:v>
                </c:pt>
                <c:pt idx="12627">
                  <c:v>26.608891791525711</c:v>
                </c:pt>
                <c:pt idx="12628">
                  <c:v>26.612244527668967</c:v>
                </c:pt>
                <c:pt idx="12629">
                  <c:v>26.612244527668967</c:v>
                </c:pt>
                <c:pt idx="12630">
                  <c:v>26.612244527668967</c:v>
                </c:pt>
                <c:pt idx="12631">
                  <c:v>26.612244527668967</c:v>
                </c:pt>
                <c:pt idx="12632">
                  <c:v>26.615597263812226</c:v>
                </c:pt>
                <c:pt idx="12633">
                  <c:v>26.615597263812226</c:v>
                </c:pt>
                <c:pt idx="12634">
                  <c:v>26.615597263812226</c:v>
                </c:pt>
                <c:pt idx="12635">
                  <c:v>26.615597263812226</c:v>
                </c:pt>
                <c:pt idx="12636">
                  <c:v>26.615597263812226</c:v>
                </c:pt>
                <c:pt idx="12637">
                  <c:v>26.615597263812226</c:v>
                </c:pt>
                <c:pt idx="12638">
                  <c:v>26.615597263812226</c:v>
                </c:pt>
                <c:pt idx="12639">
                  <c:v>26.615597263812226</c:v>
                </c:pt>
                <c:pt idx="12640">
                  <c:v>26.615597263812226</c:v>
                </c:pt>
                <c:pt idx="12641">
                  <c:v>26.61885139006899</c:v>
                </c:pt>
                <c:pt idx="12642">
                  <c:v>26.61885139006899</c:v>
                </c:pt>
                <c:pt idx="12643">
                  <c:v>26.61885139006899</c:v>
                </c:pt>
                <c:pt idx="12644">
                  <c:v>26.61885139006899</c:v>
                </c:pt>
                <c:pt idx="12645">
                  <c:v>26.61885139006899</c:v>
                </c:pt>
                <c:pt idx="12646">
                  <c:v>26.61885139006899</c:v>
                </c:pt>
                <c:pt idx="12647">
                  <c:v>26.61885139006899</c:v>
                </c:pt>
                <c:pt idx="12648">
                  <c:v>26.61885139006899</c:v>
                </c:pt>
                <c:pt idx="12649">
                  <c:v>26.61885139006899</c:v>
                </c:pt>
                <c:pt idx="12650">
                  <c:v>26.61885139006899</c:v>
                </c:pt>
                <c:pt idx="12651">
                  <c:v>26.61885139006899</c:v>
                </c:pt>
                <c:pt idx="12652">
                  <c:v>26.61885139006899</c:v>
                </c:pt>
                <c:pt idx="12653">
                  <c:v>26.61885139006899</c:v>
                </c:pt>
                <c:pt idx="12654">
                  <c:v>26.61885139006899</c:v>
                </c:pt>
                <c:pt idx="12655">
                  <c:v>26.61885139006899</c:v>
                </c:pt>
                <c:pt idx="12656">
                  <c:v>26.622204126212246</c:v>
                </c:pt>
                <c:pt idx="12657">
                  <c:v>26.622204126212246</c:v>
                </c:pt>
                <c:pt idx="12658">
                  <c:v>26.622204126212246</c:v>
                </c:pt>
                <c:pt idx="12659">
                  <c:v>26.622204126212246</c:v>
                </c:pt>
                <c:pt idx="12660">
                  <c:v>26.622204126212246</c:v>
                </c:pt>
                <c:pt idx="12661">
                  <c:v>26.62555686235568</c:v>
                </c:pt>
                <c:pt idx="12662">
                  <c:v>26.62555686235568</c:v>
                </c:pt>
                <c:pt idx="12663">
                  <c:v>26.62555686235568</c:v>
                </c:pt>
                <c:pt idx="12664">
                  <c:v>26.62555686235568</c:v>
                </c:pt>
                <c:pt idx="12665">
                  <c:v>26.62555686235568</c:v>
                </c:pt>
                <c:pt idx="12666">
                  <c:v>26.62555686235568</c:v>
                </c:pt>
                <c:pt idx="12667">
                  <c:v>26.62555686235568</c:v>
                </c:pt>
                <c:pt idx="12668">
                  <c:v>26.62555686235568</c:v>
                </c:pt>
                <c:pt idx="12669">
                  <c:v>26.62555686235568</c:v>
                </c:pt>
                <c:pt idx="12670">
                  <c:v>26.62881098861244</c:v>
                </c:pt>
                <c:pt idx="12671">
                  <c:v>26.62881098861244</c:v>
                </c:pt>
                <c:pt idx="12672">
                  <c:v>26.62881098861244</c:v>
                </c:pt>
                <c:pt idx="12673">
                  <c:v>26.62881098861244</c:v>
                </c:pt>
                <c:pt idx="12674">
                  <c:v>26.62881098861244</c:v>
                </c:pt>
                <c:pt idx="12675">
                  <c:v>26.62881098861244</c:v>
                </c:pt>
                <c:pt idx="12676">
                  <c:v>26.62881098861244</c:v>
                </c:pt>
                <c:pt idx="12677">
                  <c:v>26.632163724755699</c:v>
                </c:pt>
                <c:pt idx="12678">
                  <c:v>26.632163724755699</c:v>
                </c:pt>
                <c:pt idx="12679">
                  <c:v>26.632163724755699</c:v>
                </c:pt>
                <c:pt idx="12680">
                  <c:v>26.632163724755699</c:v>
                </c:pt>
                <c:pt idx="12681">
                  <c:v>26.632163724755699</c:v>
                </c:pt>
                <c:pt idx="12682">
                  <c:v>26.632163724755699</c:v>
                </c:pt>
                <c:pt idx="12683">
                  <c:v>26.632163724755699</c:v>
                </c:pt>
                <c:pt idx="12684">
                  <c:v>26.632163724755699</c:v>
                </c:pt>
                <c:pt idx="12685">
                  <c:v>26.632163724755699</c:v>
                </c:pt>
                <c:pt idx="12686">
                  <c:v>26.632163724755699</c:v>
                </c:pt>
                <c:pt idx="12687">
                  <c:v>26.635516460898955</c:v>
                </c:pt>
                <c:pt idx="12688">
                  <c:v>26.635516460898955</c:v>
                </c:pt>
                <c:pt idx="12689">
                  <c:v>26.635516460898955</c:v>
                </c:pt>
                <c:pt idx="12690">
                  <c:v>26.635516460898955</c:v>
                </c:pt>
                <c:pt idx="12691">
                  <c:v>26.635516460898955</c:v>
                </c:pt>
                <c:pt idx="12692">
                  <c:v>26.635516460898955</c:v>
                </c:pt>
                <c:pt idx="12693">
                  <c:v>26.638770587155719</c:v>
                </c:pt>
                <c:pt idx="12694">
                  <c:v>26.638770587155719</c:v>
                </c:pt>
                <c:pt idx="12695">
                  <c:v>26.638770587155719</c:v>
                </c:pt>
                <c:pt idx="12696">
                  <c:v>26.638770587155719</c:v>
                </c:pt>
                <c:pt idx="12697">
                  <c:v>26.638770587155719</c:v>
                </c:pt>
                <c:pt idx="12698">
                  <c:v>26.638770587155719</c:v>
                </c:pt>
                <c:pt idx="12699">
                  <c:v>26.638770587155719</c:v>
                </c:pt>
                <c:pt idx="12700">
                  <c:v>26.638770587155719</c:v>
                </c:pt>
                <c:pt idx="12701">
                  <c:v>26.642123323299153</c:v>
                </c:pt>
                <c:pt idx="12702">
                  <c:v>26.642123323299153</c:v>
                </c:pt>
                <c:pt idx="12703">
                  <c:v>26.642123323299153</c:v>
                </c:pt>
                <c:pt idx="12704">
                  <c:v>26.642123323299153</c:v>
                </c:pt>
                <c:pt idx="12705">
                  <c:v>26.642123323299153</c:v>
                </c:pt>
                <c:pt idx="12706">
                  <c:v>26.642123323299153</c:v>
                </c:pt>
                <c:pt idx="12707">
                  <c:v>26.642123323299153</c:v>
                </c:pt>
                <c:pt idx="12708">
                  <c:v>26.642123323299153</c:v>
                </c:pt>
                <c:pt idx="12709">
                  <c:v>26.642123323299153</c:v>
                </c:pt>
                <c:pt idx="12710">
                  <c:v>26.642123323299153</c:v>
                </c:pt>
                <c:pt idx="12711">
                  <c:v>26.645476059442412</c:v>
                </c:pt>
                <c:pt idx="12712">
                  <c:v>26.645476059442412</c:v>
                </c:pt>
                <c:pt idx="12713">
                  <c:v>26.645476059442412</c:v>
                </c:pt>
                <c:pt idx="12714">
                  <c:v>26.645476059442412</c:v>
                </c:pt>
                <c:pt idx="12715">
                  <c:v>26.645476059442412</c:v>
                </c:pt>
                <c:pt idx="12716">
                  <c:v>26.645476059442412</c:v>
                </c:pt>
                <c:pt idx="12717">
                  <c:v>26.648730185699172</c:v>
                </c:pt>
                <c:pt idx="12718">
                  <c:v>26.648730185699172</c:v>
                </c:pt>
                <c:pt idx="12719">
                  <c:v>26.648730185699172</c:v>
                </c:pt>
                <c:pt idx="12720">
                  <c:v>26.648730185699172</c:v>
                </c:pt>
                <c:pt idx="12721">
                  <c:v>26.648730185699172</c:v>
                </c:pt>
                <c:pt idx="12722">
                  <c:v>26.648730185699172</c:v>
                </c:pt>
                <c:pt idx="12723">
                  <c:v>26.648730185699172</c:v>
                </c:pt>
                <c:pt idx="12724">
                  <c:v>26.652082921842428</c:v>
                </c:pt>
                <c:pt idx="12725">
                  <c:v>26.652082921842428</c:v>
                </c:pt>
                <c:pt idx="12726">
                  <c:v>26.652082921842428</c:v>
                </c:pt>
                <c:pt idx="12727">
                  <c:v>26.652082921842428</c:v>
                </c:pt>
                <c:pt idx="12728">
                  <c:v>26.652082921842428</c:v>
                </c:pt>
                <c:pt idx="12729">
                  <c:v>26.652082921842428</c:v>
                </c:pt>
                <c:pt idx="12730">
                  <c:v>26.652082921842428</c:v>
                </c:pt>
                <c:pt idx="12731">
                  <c:v>26.652082921842428</c:v>
                </c:pt>
                <c:pt idx="12732">
                  <c:v>26.655435657985684</c:v>
                </c:pt>
                <c:pt idx="12733">
                  <c:v>26.655435657985684</c:v>
                </c:pt>
                <c:pt idx="12734">
                  <c:v>26.655435657985684</c:v>
                </c:pt>
                <c:pt idx="12735">
                  <c:v>26.655435657985684</c:v>
                </c:pt>
                <c:pt idx="12736">
                  <c:v>26.655435657985684</c:v>
                </c:pt>
                <c:pt idx="12737">
                  <c:v>26.658788394129118</c:v>
                </c:pt>
                <c:pt idx="12738">
                  <c:v>26.658788394129118</c:v>
                </c:pt>
                <c:pt idx="12739">
                  <c:v>26.658788394129118</c:v>
                </c:pt>
                <c:pt idx="12740">
                  <c:v>26.658788394129118</c:v>
                </c:pt>
                <c:pt idx="12741">
                  <c:v>26.658788394129118</c:v>
                </c:pt>
                <c:pt idx="12742">
                  <c:v>26.658788394129118</c:v>
                </c:pt>
                <c:pt idx="12743">
                  <c:v>26.658788394129118</c:v>
                </c:pt>
                <c:pt idx="12744">
                  <c:v>26.662042520385882</c:v>
                </c:pt>
                <c:pt idx="12745">
                  <c:v>26.662042520385882</c:v>
                </c:pt>
                <c:pt idx="12746">
                  <c:v>26.662042520385882</c:v>
                </c:pt>
                <c:pt idx="12747">
                  <c:v>26.662042520385882</c:v>
                </c:pt>
                <c:pt idx="12748">
                  <c:v>26.662042520385882</c:v>
                </c:pt>
                <c:pt idx="12749">
                  <c:v>26.662042520385882</c:v>
                </c:pt>
                <c:pt idx="12750">
                  <c:v>26.665395256529141</c:v>
                </c:pt>
                <c:pt idx="12751">
                  <c:v>26.665395256529141</c:v>
                </c:pt>
                <c:pt idx="12752">
                  <c:v>26.665395256529141</c:v>
                </c:pt>
                <c:pt idx="12753">
                  <c:v>26.665395256529141</c:v>
                </c:pt>
                <c:pt idx="12754">
                  <c:v>26.665395256529141</c:v>
                </c:pt>
                <c:pt idx="12755">
                  <c:v>26.665395256529141</c:v>
                </c:pt>
                <c:pt idx="12756">
                  <c:v>26.668747992672394</c:v>
                </c:pt>
                <c:pt idx="12757">
                  <c:v>26.668747992672394</c:v>
                </c:pt>
                <c:pt idx="12758">
                  <c:v>26.668747992672394</c:v>
                </c:pt>
                <c:pt idx="12759">
                  <c:v>26.668747992672394</c:v>
                </c:pt>
                <c:pt idx="12760">
                  <c:v>26.668747992672394</c:v>
                </c:pt>
                <c:pt idx="12761">
                  <c:v>26.668747992672394</c:v>
                </c:pt>
                <c:pt idx="12762">
                  <c:v>26.668747992672394</c:v>
                </c:pt>
                <c:pt idx="12763">
                  <c:v>26.668747992672394</c:v>
                </c:pt>
                <c:pt idx="12764">
                  <c:v>26.668747992672394</c:v>
                </c:pt>
                <c:pt idx="12765">
                  <c:v>26.668747992672394</c:v>
                </c:pt>
                <c:pt idx="12766">
                  <c:v>26.672002118929157</c:v>
                </c:pt>
                <c:pt idx="12767">
                  <c:v>26.672002118929157</c:v>
                </c:pt>
                <c:pt idx="12768">
                  <c:v>26.672002118929157</c:v>
                </c:pt>
                <c:pt idx="12769">
                  <c:v>26.672002118929157</c:v>
                </c:pt>
                <c:pt idx="12770">
                  <c:v>26.672002118929157</c:v>
                </c:pt>
                <c:pt idx="12771">
                  <c:v>26.672002118929157</c:v>
                </c:pt>
                <c:pt idx="12772">
                  <c:v>26.675354855072591</c:v>
                </c:pt>
                <c:pt idx="12773">
                  <c:v>26.675354855072591</c:v>
                </c:pt>
                <c:pt idx="12774">
                  <c:v>26.675354855072591</c:v>
                </c:pt>
                <c:pt idx="12775">
                  <c:v>26.675354855072591</c:v>
                </c:pt>
                <c:pt idx="12776">
                  <c:v>26.675354855072591</c:v>
                </c:pt>
                <c:pt idx="12777">
                  <c:v>26.675354855072591</c:v>
                </c:pt>
                <c:pt idx="12778">
                  <c:v>26.678707591215851</c:v>
                </c:pt>
                <c:pt idx="12779">
                  <c:v>26.678707591215851</c:v>
                </c:pt>
                <c:pt idx="12780">
                  <c:v>26.678707591215851</c:v>
                </c:pt>
                <c:pt idx="12781">
                  <c:v>26.678707591215851</c:v>
                </c:pt>
                <c:pt idx="12782">
                  <c:v>26.678707591215851</c:v>
                </c:pt>
                <c:pt idx="12783">
                  <c:v>26.678707591215851</c:v>
                </c:pt>
                <c:pt idx="12784">
                  <c:v>26.678707591215851</c:v>
                </c:pt>
                <c:pt idx="12785">
                  <c:v>26.681961717472614</c:v>
                </c:pt>
                <c:pt idx="12786">
                  <c:v>26.681961717472614</c:v>
                </c:pt>
                <c:pt idx="12787">
                  <c:v>26.681961717472614</c:v>
                </c:pt>
                <c:pt idx="12788">
                  <c:v>26.681961717472614</c:v>
                </c:pt>
                <c:pt idx="12789">
                  <c:v>26.681961717472614</c:v>
                </c:pt>
                <c:pt idx="12790">
                  <c:v>26.681961717472614</c:v>
                </c:pt>
                <c:pt idx="12791">
                  <c:v>26.681961717472614</c:v>
                </c:pt>
                <c:pt idx="12792">
                  <c:v>26.681961717472614</c:v>
                </c:pt>
                <c:pt idx="12793">
                  <c:v>26.681961717472614</c:v>
                </c:pt>
                <c:pt idx="12794">
                  <c:v>26.681961717472614</c:v>
                </c:pt>
                <c:pt idx="12795">
                  <c:v>26.68531445361587</c:v>
                </c:pt>
                <c:pt idx="12796">
                  <c:v>26.68531445361587</c:v>
                </c:pt>
                <c:pt idx="12797">
                  <c:v>26.68531445361587</c:v>
                </c:pt>
                <c:pt idx="12798">
                  <c:v>26.68531445361587</c:v>
                </c:pt>
                <c:pt idx="12799">
                  <c:v>26.68531445361587</c:v>
                </c:pt>
                <c:pt idx="12800">
                  <c:v>26.68531445361587</c:v>
                </c:pt>
                <c:pt idx="12801">
                  <c:v>26.68531445361587</c:v>
                </c:pt>
                <c:pt idx="12802">
                  <c:v>26.68531445361587</c:v>
                </c:pt>
                <c:pt idx="12803">
                  <c:v>26.68531445361587</c:v>
                </c:pt>
                <c:pt idx="12804">
                  <c:v>26.68531445361587</c:v>
                </c:pt>
                <c:pt idx="12805">
                  <c:v>26.68531445361587</c:v>
                </c:pt>
                <c:pt idx="12806">
                  <c:v>26.68531445361587</c:v>
                </c:pt>
                <c:pt idx="12807">
                  <c:v>26.68531445361587</c:v>
                </c:pt>
                <c:pt idx="12808">
                  <c:v>26.68531445361587</c:v>
                </c:pt>
                <c:pt idx="12809">
                  <c:v>26.68531445361587</c:v>
                </c:pt>
                <c:pt idx="12810">
                  <c:v>26.688667189759126</c:v>
                </c:pt>
                <c:pt idx="12811">
                  <c:v>26.688667189759126</c:v>
                </c:pt>
                <c:pt idx="12812">
                  <c:v>26.688667189759126</c:v>
                </c:pt>
                <c:pt idx="12813">
                  <c:v>26.688667189759126</c:v>
                </c:pt>
                <c:pt idx="12814">
                  <c:v>26.688667189759126</c:v>
                </c:pt>
                <c:pt idx="12815">
                  <c:v>26.688667189759126</c:v>
                </c:pt>
                <c:pt idx="12816">
                  <c:v>26.688667189759126</c:v>
                </c:pt>
                <c:pt idx="12817">
                  <c:v>26.688667189759126</c:v>
                </c:pt>
                <c:pt idx="12818">
                  <c:v>26.688667189759126</c:v>
                </c:pt>
                <c:pt idx="12819">
                  <c:v>26.688667189759126</c:v>
                </c:pt>
                <c:pt idx="12820">
                  <c:v>26.688667189759126</c:v>
                </c:pt>
                <c:pt idx="12821">
                  <c:v>26.688667189759126</c:v>
                </c:pt>
                <c:pt idx="12822">
                  <c:v>26.69192131601589</c:v>
                </c:pt>
                <c:pt idx="12823">
                  <c:v>26.69192131601589</c:v>
                </c:pt>
                <c:pt idx="12824">
                  <c:v>26.69192131601589</c:v>
                </c:pt>
                <c:pt idx="12825">
                  <c:v>26.69192131601589</c:v>
                </c:pt>
                <c:pt idx="12826">
                  <c:v>26.69192131601589</c:v>
                </c:pt>
                <c:pt idx="12827">
                  <c:v>26.69192131601589</c:v>
                </c:pt>
                <c:pt idx="12828">
                  <c:v>26.69192131601589</c:v>
                </c:pt>
                <c:pt idx="12829">
                  <c:v>26.69527405215932</c:v>
                </c:pt>
                <c:pt idx="12830">
                  <c:v>26.69527405215932</c:v>
                </c:pt>
                <c:pt idx="12831">
                  <c:v>26.69527405215932</c:v>
                </c:pt>
                <c:pt idx="12832">
                  <c:v>26.69527405215932</c:v>
                </c:pt>
                <c:pt idx="12833">
                  <c:v>26.69527405215932</c:v>
                </c:pt>
                <c:pt idx="12834">
                  <c:v>26.69862678830258</c:v>
                </c:pt>
                <c:pt idx="12835">
                  <c:v>26.69862678830258</c:v>
                </c:pt>
                <c:pt idx="12836">
                  <c:v>26.69862678830258</c:v>
                </c:pt>
                <c:pt idx="12837">
                  <c:v>26.69862678830258</c:v>
                </c:pt>
                <c:pt idx="12838">
                  <c:v>26.69862678830258</c:v>
                </c:pt>
                <c:pt idx="12839">
                  <c:v>26.69862678830258</c:v>
                </c:pt>
                <c:pt idx="12840">
                  <c:v>26.69862678830258</c:v>
                </c:pt>
                <c:pt idx="12841">
                  <c:v>26.69862678830258</c:v>
                </c:pt>
                <c:pt idx="12842">
                  <c:v>26.69862678830258</c:v>
                </c:pt>
                <c:pt idx="12843">
                  <c:v>26.69862678830258</c:v>
                </c:pt>
                <c:pt idx="12844">
                  <c:v>26.69862678830258</c:v>
                </c:pt>
                <c:pt idx="12845">
                  <c:v>26.701880914559343</c:v>
                </c:pt>
                <c:pt idx="12846">
                  <c:v>26.701880914559343</c:v>
                </c:pt>
                <c:pt idx="12847">
                  <c:v>26.701880914559343</c:v>
                </c:pt>
                <c:pt idx="12848">
                  <c:v>26.701880914559343</c:v>
                </c:pt>
                <c:pt idx="12849">
                  <c:v>26.701880914559343</c:v>
                </c:pt>
                <c:pt idx="12850">
                  <c:v>26.701880914559343</c:v>
                </c:pt>
                <c:pt idx="12851">
                  <c:v>26.701880914559343</c:v>
                </c:pt>
                <c:pt idx="12852">
                  <c:v>26.705233650702599</c:v>
                </c:pt>
                <c:pt idx="12853">
                  <c:v>26.705233650702599</c:v>
                </c:pt>
                <c:pt idx="12854">
                  <c:v>26.705233650702599</c:v>
                </c:pt>
                <c:pt idx="12855">
                  <c:v>26.705233650702599</c:v>
                </c:pt>
                <c:pt idx="12856">
                  <c:v>26.705233650702599</c:v>
                </c:pt>
                <c:pt idx="12857">
                  <c:v>26.705233650702599</c:v>
                </c:pt>
                <c:pt idx="12858">
                  <c:v>26.705233650702599</c:v>
                </c:pt>
                <c:pt idx="12859">
                  <c:v>26.708586386846029</c:v>
                </c:pt>
                <c:pt idx="12860">
                  <c:v>26.708586386846029</c:v>
                </c:pt>
                <c:pt idx="12861">
                  <c:v>26.708586386846029</c:v>
                </c:pt>
                <c:pt idx="12862">
                  <c:v>26.708586386846029</c:v>
                </c:pt>
                <c:pt idx="12863">
                  <c:v>26.708586386846029</c:v>
                </c:pt>
                <c:pt idx="12864">
                  <c:v>26.708586386846029</c:v>
                </c:pt>
                <c:pt idx="12865">
                  <c:v>26.708586386846029</c:v>
                </c:pt>
                <c:pt idx="12866">
                  <c:v>26.708586386846029</c:v>
                </c:pt>
                <c:pt idx="12867">
                  <c:v>26.708586386846029</c:v>
                </c:pt>
                <c:pt idx="12868">
                  <c:v>26.708586386846029</c:v>
                </c:pt>
                <c:pt idx="12869">
                  <c:v>26.711840513102619</c:v>
                </c:pt>
                <c:pt idx="12870">
                  <c:v>26.711840513102619</c:v>
                </c:pt>
                <c:pt idx="12871">
                  <c:v>26.711840513102619</c:v>
                </c:pt>
                <c:pt idx="12872">
                  <c:v>26.711840513102619</c:v>
                </c:pt>
                <c:pt idx="12873">
                  <c:v>26.711840513102619</c:v>
                </c:pt>
                <c:pt idx="12874">
                  <c:v>26.711840513102619</c:v>
                </c:pt>
                <c:pt idx="12875">
                  <c:v>26.711840513102619</c:v>
                </c:pt>
                <c:pt idx="12876">
                  <c:v>26.711840513102619</c:v>
                </c:pt>
                <c:pt idx="12877">
                  <c:v>26.711840513102619</c:v>
                </c:pt>
                <c:pt idx="12878">
                  <c:v>26.711840513102619</c:v>
                </c:pt>
                <c:pt idx="12879">
                  <c:v>26.711840513102619</c:v>
                </c:pt>
                <c:pt idx="12880">
                  <c:v>26.711840513102619</c:v>
                </c:pt>
                <c:pt idx="12881">
                  <c:v>26.715193249246052</c:v>
                </c:pt>
                <c:pt idx="12882">
                  <c:v>26.715193249246052</c:v>
                </c:pt>
                <c:pt idx="12883">
                  <c:v>26.715193249246052</c:v>
                </c:pt>
                <c:pt idx="12884">
                  <c:v>26.711840513102619</c:v>
                </c:pt>
                <c:pt idx="12885">
                  <c:v>26.711840513102619</c:v>
                </c:pt>
                <c:pt idx="12886">
                  <c:v>26.715193249246052</c:v>
                </c:pt>
                <c:pt idx="12887">
                  <c:v>26.715193249246052</c:v>
                </c:pt>
                <c:pt idx="12888">
                  <c:v>26.715193249246052</c:v>
                </c:pt>
                <c:pt idx="12889">
                  <c:v>26.715193249246052</c:v>
                </c:pt>
                <c:pt idx="12890">
                  <c:v>26.715193249246052</c:v>
                </c:pt>
                <c:pt idx="12891">
                  <c:v>26.715193249246052</c:v>
                </c:pt>
                <c:pt idx="12892">
                  <c:v>26.718545985389309</c:v>
                </c:pt>
                <c:pt idx="12893">
                  <c:v>26.718545985389309</c:v>
                </c:pt>
                <c:pt idx="12894">
                  <c:v>26.718545985389309</c:v>
                </c:pt>
                <c:pt idx="12895">
                  <c:v>26.718545985389309</c:v>
                </c:pt>
                <c:pt idx="12896">
                  <c:v>26.718545985389309</c:v>
                </c:pt>
                <c:pt idx="12897">
                  <c:v>26.718545985389309</c:v>
                </c:pt>
                <c:pt idx="12898">
                  <c:v>26.721800111646072</c:v>
                </c:pt>
                <c:pt idx="12899">
                  <c:v>26.721800111646072</c:v>
                </c:pt>
                <c:pt idx="12900">
                  <c:v>26.721800111646072</c:v>
                </c:pt>
                <c:pt idx="12901">
                  <c:v>26.721800111646072</c:v>
                </c:pt>
                <c:pt idx="12902">
                  <c:v>26.725152847789332</c:v>
                </c:pt>
                <c:pt idx="12903">
                  <c:v>26.725152847789332</c:v>
                </c:pt>
                <c:pt idx="12904">
                  <c:v>26.725152847789332</c:v>
                </c:pt>
                <c:pt idx="12905">
                  <c:v>26.725152847789332</c:v>
                </c:pt>
                <c:pt idx="12906">
                  <c:v>26.725152847789332</c:v>
                </c:pt>
                <c:pt idx="12907">
                  <c:v>26.725152847789332</c:v>
                </c:pt>
                <c:pt idx="12908">
                  <c:v>26.725152847789332</c:v>
                </c:pt>
                <c:pt idx="12909">
                  <c:v>26.728505583932762</c:v>
                </c:pt>
                <c:pt idx="12910">
                  <c:v>26.728505583932762</c:v>
                </c:pt>
                <c:pt idx="12911">
                  <c:v>26.728505583932762</c:v>
                </c:pt>
                <c:pt idx="12912">
                  <c:v>26.728505583932762</c:v>
                </c:pt>
                <c:pt idx="12913">
                  <c:v>26.728505583932762</c:v>
                </c:pt>
                <c:pt idx="12914">
                  <c:v>26.728505583932762</c:v>
                </c:pt>
                <c:pt idx="12915">
                  <c:v>26.728505583932762</c:v>
                </c:pt>
                <c:pt idx="12916">
                  <c:v>26.728505583932762</c:v>
                </c:pt>
                <c:pt idx="12917">
                  <c:v>26.731759710189525</c:v>
                </c:pt>
                <c:pt idx="12918">
                  <c:v>26.731759710189525</c:v>
                </c:pt>
                <c:pt idx="12919">
                  <c:v>26.731759710189525</c:v>
                </c:pt>
                <c:pt idx="12920">
                  <c:v>26.731759710189525</c:v>
                </c:pt>
                <c:pt idx="12921">
                  <c:v>26.731759710189525</c:v>
                </c:pt>
                <c:pt idx="12922">
                  <c:v>26.731759710189525</c:v>
                </c:pt>
                <c:pt idx="12923">
                  <c:v>26.731759710189525</c:v>
                </c:pt>
                <c:pt idx="12924">
                  <c:v>26.731759710189525</c:v>
                </c:pt>
                <c:pt idx="12925">
                  <c:v>26.731759710189525</c:v>
                </c:pt>
                <c:pt idx="12926">
                  <c:v>26.731759710189525</c:v>
                </c:pt>
                <c:pt idx="12927">
                  <c:v>26.731759710189525</c:v>
                </c:pt>
                <c:pt idx="12928">
                  <c:v>26.735112446332781</c:v>
                </c:pt>
                <c:pt idx="12929">
                  <c:v>26.735112446332781</c:v>
                </c:pt>
                <c:pt idx="12930">
                  <c:v>26.735112446332781</c:v>
                </c:pt>
                <c:pt idx="12931">
                  <c:v>26.735112446332781</c:v>
                </c:pt>
                <c:pt idx="12932">
                  <c:v>26.735112446332781</c:v>
                </c:pt>
                <c:pt idx="12933">
                  <c:v>26.735112446332781</c:v>
                </c:pt>
                <c:pt idx="12934">
                  <c:v>26.735112446332781</c:v>
                </c:pt>
                <c:pt idx="12935">
                  <c:v>26.735112446332781</c:v>
                </c:pt>
                <c:pt idx="12936">
                  <c:v>26.735112446332781</c:v>
                </c:pt>
                <c:pt idx="12937">
                  <c:v>26.735112446332781</c:v>
                </c:pt>
                <c:pt idx="12938">
                  <c:v>26.735112446332781</c:v>
                </c:pt>
                <c:pt idx="12939">
                  <c:v>26.738465182476038</c:v>
                </c:pt>
                <c:pt idx="12940">
                  <c:v>26.738465182476038</c:v>
                </c:pt>
                <c:pt idx="12941">
                  <c:v>26.738465182476038</c:v>
                </c:pt>
                <c:pt idx="12942">
                  <c:v>26.738465182476038</c:v>
                </c:pt>
                <c:pt idx="12943">
                  <c:v>26.738465182476038</c:v>
                </c:pt>
                <c:pt idx="12944">
                  <c:v>26.741719308732801</c:v>
                </c:pt>
                <c:pt idx="12945">
                  <c:v>26.741719308732801</c:v>
                </c:pt>
                <c:pt idx="12946">
                  <c:v>26.741719308732801</c:v>
                </c:pt>
                <c:pt idx="12947">
                  <c:v>26.741719308732801</c:v>
                </c:pt>
                <c:pt idx="12948">
                  <c:v>26.741719308732801</c:v>
                </c:pt>
                <c:pt idx="12949">
                  <c:v>26.745072044876061</c:v>
                </c:pt>
                <c:pt idx="12950">
                  <c:v>26.745072044876061</c:v>
                </c:pt>
                <c:pt idx="12951">
                  <c:v>26.745072044876061</c:v>
                </c:pt>
                <c:pt idx="12952">
                  <c:v>26.745072044876061</c:v>
                </c:pt>
                <c:pt idx="12953">
                  <c:v>26.748424781019491</c:v>
                </c:pt>
                <c:pt idx="12954">
                  <c:v>26.748424781019491</c:v>
                </c:pt>
                <c:pt idx="12955">
                  <c:v>26.748424781019491</c:v>
                </c:pt>
                <c:pt idx="12956">
                  <c:v>26.751678907276254</c:v>
                </c:pt>
                <c:pt idx="12957">
                  <c:v>26.751678907276254</c:v>
                </c:pt>
                <c:pt idx="12958">
                  <c:v>26.75503164341951</c:v>
                </c:pt>
                <c:pt idx="12959">
                  <c:v>26.75503164341951</c:v>
                </c:pt>
                <c:pt idx="12960">
                  <c:v>26.75503164341951</c:v>
                </c:pt>
                <c:pt idx="12961">
                  <c:v>26.75838437956277</c:v>
                </c:pt>
                <c:pt idx="12962">
                  <c:v>26.75838437956277</c:v>
                </c:pt>
                <c:pt idx="12963">
                  <c:v>26.75838437956277</c:v>
                </c:pt>
                <c:pt idx="12964">
                  <c:v>26.761638505819533</c:v>
                </c:pt>
                <c:pt idx="12965">
                  <c:v>26.761638505819533</c:v>
                </c:pt>
                <c:pt idx="12966">
                  <c:v>26.761638505819533</c:v>
                </c:pt>
                <c:pt idx="12967">
                  <c:v>26.764991241962967</c:v>
                </c:pt>
                <c:pt idx="12968">
                  <c:v>26.764991241962967</c:v>
                </c:pt>
                <c:pt idx="12969">
                  <c:v>26.764991241962967</c:v>
                </c:pt>
                <c:pt idx="12970">
                  <c:v>26.764991241962967</c:v>
                </c:pt>
                <c:pt idx="12971">
                  <c:v>26.76834397810622</c:v>
                </c:pt>
                <c:pt idx="12972">
                  <c:v>26.76834397810622</c:v>
                </c:pt>
                <c:pt idx="12973">
                  <c:v>26.76834397810622</c:v>
                </c:pt>
                <c:pt idx="12974">
                  <c:v>26.76834397810622</c:v>
                </c:pt>
                <c:pt idx="12975">
                  <c:v>26.76834397810622</c:v>
                </c:pt>
                <c:pt idx="12976">
                  <c:v>26.76834397810622</c:v>
                </c:pt>
                <c:pt idx="12977">
                  <c:v>26.76834397810622</c:v>
                </c:pt>
                <c:pt idx="12978">
                  <c:v>26.76834397810622</c:v>
                </c:pt>
                <c:pt idx="12979">
                  <c:v>26.771598104362983</c:v>
                </c:pt>
                <c:pt idx="12980">
                  <c:v>26.771598104362983</c:v>
                </c:pt>
                <c:pt idx="12981">
                  <c:v>26.771598104362983</c:v>
                </c:pt>
                <c:pt idx="12982">
                  <c:v>26.771598104362983</c:v>
                </c:pt>
                <c:pt idx="12983">
                  <c:v>26.76834397810622</c:v>
                </c:pt>
                <c:pt idx="12984">
                  <c:v>26.76834397810622</c:v>
                </c:pt>
                <c:pt idx="12985">
                  <c:v>26.771598104362983</c:v>
                </c:pt>
                <c:pt idx="12986">
                  <c:v>26.771598104362983</c:v>
                </c:pt>
                <c:pt idx="12987">
                  <c:v>26.771598104362983</c:v>
                </c:pt>
                <c:pt idx="12988">
                  <c:v>26.771598104362983</c:v>
                </c:pt>
                <c:pt idx="12989">
                  <c:v>26.771598104362983</c:v>
                </c:pt>
                <c:pt idx="12990">
                  <c:v>26.771598104362983</c:v>
                </c:pt>
                <c:pt idx="12991">
                  <c:v>26.771598104362983</c:v>
                </c:pt>
                <c:pt idx="12992">
                  <c:v>26.771598104362983</c:v>
                </c:pt>
                <c:pt idx="12993">
                  <c:v>26.771598104362983</c:v>
                </c:pt>
                <c:pt idx="12994">
                  <c:v>26.771598104362983</c:v>
                </c:pt>
                <c:pt idx="12995">
                  <c:v>26.771598104362983</c:v>
                </c:pt>
                <c:pt idx="12996">
                  <c:v>26.774950840506243</c:v>
                </c:pt>
                <c:pt idx="12997">
                  <c:v>26.774950840506243</c:v>
                </c:pt>
                <c:pt idx="12998">
                  <c:v>26.774950840506243</c:v>
                </c:pt>
                <c:pt idx="12999">
                  <c:v>26.774950840506243</c:v>
                </c:pt>
                <c:pt idx="13000">
                  <c:v>26.774950840506243</c:v>
                </c:pt>
                <c:pt idx="13001">
                  <c:v>26.774950840506243</c:v>
                </c:pt>
                <c:pt idx="13002">
                  <c:v>26.774950840506243</c:v>
                </c:pt>
                <c:pt idx="13003">
                  <c:v>26.774950840506243</c:v>
                </c:pt>
                <c:pt idx="13004">
                  <c:v>26.778303576649499</c:v>
                </c:pt>
                <c:pt idx="13005">
                  <c:v>26.778303576649499</c:v>
                </c:pt>
                <c:pt idx="13006">
                  <c:v>26.778303576649499</c:v>
                </c:pt>
                <c:pt idx="13007">
                  <c:v>26.778303576649499</c:v>
                </c:pt>
                <c:pt idx="13008">
                  <c:v>26.778303576649499</c:v>
                </c:pt>
                <c:pt idx="13009">
                  <c:v>26.781557702906262</c:v>
                </c:pt>
                <c:pt idx="13010">
                  <c:v>26.781557702906262</c:v>
                </c:pt>
                <c:pt idx="13011">
                  <c:v>26.781557702906262</c:v>
                </c:pt>
                <c:pt idx="13012">
                  <c:v>26.781557702906262</c:v>
                </c:pt>
                <c:pt idx="13013">
                  <c:v>26.781557702906262</c:v>
                </c:pt>
                <c:pt idx="13014">
                  <c:v>26.781557702906262</c:v>
                </c:pt>
                <c:pt idx="13015">
                  <c:v>26.781557702906262</c:v>
                </c:pt>
                <c:pt idx="13016">
                  <c:v>26.784910439049696</c:v>
                </c:pt>
                <c:pt idx="13017">
                  <c:v>26.784910439049696</c:v>
                </c:pt>
                <c:pt idx="13018">
                  <c:v>26.784910439049696</c:v>
                </c:pt>
                <c:pt idx="13019">
                  <c:v>26.784910439049696</c:v>
                </c:pt>
                <c:pt idx="13020">
                  <c:v>26.784910439049696</c:v>
                </c:pt>
                <c:pt idx="13021">
                  <c:v>26.784910439049696</c:v>
                </c:pt>
                <c:pt idx="13022">
                  <c:v>26.784910439049696</c:v>
                </c:pt>
                <c:pt idx="13023">
                  <c:v>26.784910439049696</c:v>
                </c:pt>
                <c:pt idx="13024">
                  <c:v>26.784910439049696</c:v>
                </c:pt>
                <c:pt idx="13025">
                  <c:v>26.784910439049696</c:v>
                </c:pt>
                <c:pt idx="13026">
                  <c:v>26.788263175192949</c:v>
                </c:pt>
                <c:pt idx="13027">
                  <c:v>26.788263175192949</c:v>
                </c:pt>
                <c:pt idx="13028">
                  <c:v>26.788263175192949</c:v>
                </c:pt>
                <c:pt idx="13029">
                  <c:v>26.788263175192949</c:v>
                </c:pt>
                <c:pt idx="13030">
                  <c:v>26.788263175192949</c:v>
                </c:pt>
                <c:pt idx="13031">
                  <c:v>26.788263175192949</c:v>
                </c:pt>
                <c:pt idx="13032">
                  <c:v>26.788263175192949</c:v>
                </c:pt>
                <c:pt idx="13033">
                  <c:v>26.788263175192949</c:v>
                </c:pt>
                <c:pt idx="13034">
                  <c:v>26.788263175192949</c:v>
                </c:pt>
                <c:pt idx="13035">
                  <c:v>26.788263175192949</c:v>
                </c:pt>
                <c:pt idx="13036">
                  <c:v>26.791615911336208</c:v>
                </c:pt>
                <c:pt idx="13037">
                  <c:v>26.791615911336208</c:v>
                </c:pt>
                <c:pt idx="13038">
                  <c:v>26.791615911336208</c:v>
                </c:pt>
                <c:pt idx="13039">
                  <c:v>26.791615911336208</c:v>
                </c:pt>
                <c:pt idx="13040">
                  <c:v>26.791615911336208</c:v>
                </c:pt>
                <c:pt idx="13041">
                  <c:v>26.791615911336208</c:v>
                </c:pt>
                <c:pt idx="13042">
                  <c:v>26.791615911336208</c:v>
                </c:pt>
                <c:pt idx="13043">
                  <c:v>26.791615911336208</c:v>
                </c:pt>
                <c:pt idx="13044">
                  <c:v>26.791615911336208</c:v>
                </c:pt>
                <c:pt idx="13045">
                  <c:v>26.791615911336208</c:v>
                </c:pt>
                <c:pt idx="13046">
                  <c:v>26.791615911336208</c:v>
                </c:pt>
                <c:pt idx="13047">
                  <c:v>26.791615911336208</c:v>
                </c:pt>
                <c:pt idx="13048">
                  <c:v>26.791615911336208</c:v>
                </c:pt>
                <c:pt idx="13049">
                  <c:v>26.791615911336208</c:v>
                </c:pt>
                <c:pt idx="13050">
                  <c:v>26.791615911336208</c:v>
                </c:pt>
                <c:pt idx="13051">
                  <c:v>26.791615911336208</c:v>
                </c:pt>
                <c:pt idx="13052">
                  <c:v>26.791615911336208</c:v>
                </c:pt>
                <c:pt idx="13053">
                  <c:v>26.791615911336208</c:v>
                </c:pt>
                <c:pt idx="13054">
                  <c:v>26.791615911336208</c:v>
                </c:pt>
                <c:pt idx="13055">
                  <c:v>26.794870037592972</c:v>
                </c:pt>
                <c:pt idx="13056">
                  <c:v>26.794870037592972</c:v>
                </c:pt>
                <c:pt idx="13057">
                  <c:v>26.794870037592972</c:v>
                </c:pt>
                <c:pt idx="13058">
                  <c:v>26.794870037592972</c:v>
                </c:pt>
                <c:pt idx="13059">
                  <c:v>26.794870037592972</c:v>
                </c:pt>
                <c:pt idx="13060">
                  <c:v>26.794870037592972</c:v>
                </c:pt>
                <c:pt idx="13061">
                  <c:v>26.794870037592972</c:v>
                </c:pt>
                <c:pt idx="13062">
                  <c:v>26.791615911336208</c:v>
                </c:pt>
                <c:pt idx="13063">
                  <c:v>26.791615911336208</c:v>
                </c:pt>
                <c:pt idx="13064">
                  <c:v>26.791615911336208</c:v>
                </c:pt>
                <c:pt idx="13065">
                  <c:v>26.791615911336208</c:v>
                </c:pt>
                <c:pt idx="13066">
                  <c:v>26.791615911336208</c:v>
                </c:pt>
                <c:pt idx="13067">
                  <c:v>26.791615911336208</c:v>
                </c:pt>
                <c:pt idx="13068">
                  <c:v>26.788263175192949</c:v>
                </c:pt>
                <c:pt idx="13069">
                  <c:v>26.788263175192949</c:v>
                </c:pt>
                <c:pt idx="13070">
                  <c:v>26.788263175192949</c:v>
                </c:pt>
                <c:pt idx="13071">
                  <c:v>26.788263175192949</c:v>
                </c:pt>
                <c:pt idx="13072">
                  <c:v>26.788263175192949</c:v>
                </c:pt>
                <c:pt idx="13073">
                  <c:v>26.788263175192949</c:v>
                </c:pt>
                <c:pt idx="13074">
                  <c:v>26.784910439049696</c:v>
                </c:pt>
                <c:pt idx="13075">
                  <c:v>26.784910439049696</c:v>
                </c:pt>
                <c:pt idx="13076">
                  <c:v>26.784910439049696</c:v>
                </c:pt>
                <c:pt idx="13077">
                  <c:v>26.781557702906262</c:v>
                </c:pt>
                <c:pt idx="13078">
                  <c:v>26.781557702906262</c:v>
                </c:pt>
                <c:pt idx="13079">
                  <c:v>26.778303576649499</c:v>
                </c:pt>
                <c:pt idx="13080">
                  <c:v>26.778303576649499</c:v>
                </c:pt>
                <c:pt idx="13081">
                  <c:v>26.778303576649499</c:v>
                </c:pt>
                <c:pt idx="13082">
                  <c:v>26.774950840506243</c:v>
                </c:pt>
                <c:pt idx="13083">
                  <c:v>26.774950840506243</c:v>
                </c:pt>
                <c:pt idx="13084">
                  <c:v>26.771598104362983</c:v>
                </c:pt>
                <c:pt idx="13085">
                  <c:v>26.771598104362983</c:v>
                </c:pt>
                <c:pt idx="13086">
                  <c:v>26.76834397810622</c:v>
                </c:pt>
                <c:pt idx="13087">
                  <c:v>26.76834397810622</c:v>
                </c:pt>
                <c:pt idx="13088">
                  <c:v>26.76834397810622</c:v>
                </c:pt>
                <c:pt idx="13089">
                  <c:v>26.764991241962967</c:v>
                </c:pt>
                <c:pt idx="13090">
                  <c:v>26.764991241962967</c:v>
                </c:pt>
                <c:pt idx="13091">
                  <c:v>26.764991241962967</c:v>
                </c:pt>
                <c:pt idx="13092">
                  <c:v>26.761638505819533</c:v>
                </c:pt>
                <c:pt idx="13093">
                  <c:v>26.761638505819533</c:v>
                </c:pt>
                <c:pt idx="13094">
                  <c:v>26.75838437956277</c:v>
                </c:pt>
                <c:pt idx="13095">
                  <c:v>26.75838437956277</c:v>
                </c:pt>
                <c:pt idx="13096">
                  <c:v>26.75838437956277</c:v>
                </c:pt>
                <c:pt idx="13097">
                  <c:v>26.75503164341951</c:v>
                </c:pt>
                <c:pt idx="13098">
                  <c:v>26.75503164341951</c:v>
                </c:pt>
                <c:pt idx="13099">
                  <c:v>26.751678907276254</c:v>
                </c:pt>
                <c:pt idx="13100">
                  <c:v>26.751678907276254</c:v>
                </c:pt>
                <c:pt idx="13101">
                  <c:v>26.748424781019491</c:v>
                </c:pt>
                <c:pt idx="13102">
                  <c:v>26.745072044876061</c:v>
                </c:pt>
                <c:pt idx="13103">
                  <c:v>26.745072044876061</c:v>
                </c:pt>
                <c:pt idx="13104">
                  <c:v>26.745072044876061</c:v>
                </c:pt>
                <c:pt idx="13105">
                  <c:v>26.741719308732801</c:v>
                </c:pt>
                <c:pt idx="13106">
                  <c:v>26.738465182476038</c:v>
                </c:pt>
                <c:pt idx="13107">
                  <c:v>26.738465182476038</c:v>
                </c:pt>
                <c:pt idx="13108">
                  <c:v>26.735112446332781</c:v>
                </c:pt>
                <c:pt idx="13109">
                  <c:v>26.735112446332781</c:v>
                </c:pt>
                <c:pt idx="13110">
                  <c:v>26.731759710189525</c:v>
                </c:pt>
                <c:pt idx="13111">
                  <c:v>26.728505583932762</c:v>
                </c:pt>
                <c:pt idx="13112">
                  <c:v>26.728505583932762</c:v>
                </c:pt>
                <c:pt idx="13113">
                  <c:v>26.728505583932762</c:v>
                </c:pt>
                <c:pt idx="13114">
                  <c:v>26.725152847789332</c:v>
                </c:pt>
                <c:pt idx="13115">
                  <c:v>26.725152847789332</c:v>
                </c:pt>
                <c:pt idx="13116">
                  <c:v>26.721800111646072</c:v>
                </c:pt>
                <c:pt idx="13117">
                  <c:v>26.721800111646072</c:v>
                </c:pt>
                <c:pt idx="13118">
                  <c:v>26.718545985389309</c:v>
                </c:pt>
                <c:pt idx="13119">
                  <c:v>26.718545985389309</c:v>
                </c:pt>
                <c:pt idx="13120">
                  <c:v>26.715193249246052</c:v>
                </c:pt>
                <c:pt idx="13121">
                  <c:v>26.715193249246052</c:v>
                </c:pt>
                <c:pt idx="13122">
                  <c:v>26.715193249246052</c:v>
                </c:pt>
                <c:pt idx="13123">
                  <c:v>26.711840513102619</c:v>
                </c:pt>
                <c:pt idx="13124">
                  <c:v>26.711840513102619</c:v>
                </c:pt>
                <c:pt idx="13125">
                  <c:v>26.711840513102619</c:v>
                </c:pt>
                <c:pt idx="13126">
                  <c:v>26.711840513102619</c:v>
                </c:pt>
                <c:pt idx="13127">
                  <c:v>26.708586386846029</c:v>
                </c:pt>
                <c:pt idx="13128">
                  <c:v>26.708586386846029</c:v>
                </c:pt>
                <c:pt idx="13129">
                  <c:v>26.708586386846029</c:v>
                </c:pt>
                <c:pt idx="13130">
                  <c:v>26.708586386846029</c:v>
                </c:pt>
                <c:pt idx="13131">
                  <c:v>26.705233650702599</c:v>
                </c:pt>
                <c:pt idx="13132">
                  <c:v>26.705233650702599</c:v>
                </c:pt>
                <c:pt idx="13133">
                  <c:v>26.705233650702599</c:v>
                </c:pt>
                <c:pt idx="13134">
                  <c:v>26.705233650702599</c:v>
                </c:pt>
                <c:pt idx="13135">
                  <c:v>26.705233650702599</c:v>
                </c:pt>
                <c:pt idx="13136">
                  <c:v>26.705233650702599</c:v>
                </c:pt>
                <c:pt idx="13137">
                  <c:v>26.705233650702599</c:v>
                </c:pt>
                <c:pt idx="13138">
                  <c:v>26.705233650702599</c:v>
                </c:pt>
                <c:pt idx="13139">
                  <c:v>26.705233650702599</c:v>
                </c:pt>
                <c:pt idx="13140">
                  <c:v>26.705233650702599</c:v>
                </c:pt>
                <c:pt idx="13141">
                  <c:v>26.705233650702599</c:v>
                </c:pt>
                <c:pt idx="13142">
                  <c:v>26.705233650702599</c:v>
                </c:pt>
                <c:pt idx="13143">
                  <c:v>26.705233650702599</c:v>
                </c:pt>
                <c:pt idx="13144">
                  <c:v>26.705233650702599</c:v>
                </c:pt>
                <c:pt idx="13145">
                  <c:v>26.705233650702599</c:v>
                </c:pt>
                <c:pt idx="13146">
                  <c:v>26.705233650702599</c:v>
                </c:pt>
                <c:pt idx="13147">
                  <c:v>26.705233650702599</c:v>
                </c:pt>
                <c:pt idx="13148">
                  <c:v>26.705233650702599</c:v>
                </c:pt>
                <c:pt idx="13149">
                  <c:v>26.708586386846029</c:v>
                </c:pt>
                <c:pt idx="13150">
                  <c:v>26.708586386846029</c:v>
                </c:pt>
                <c:pt idx="13151">
                  <c:v>26.708586386846029</c:v>
                </c:pt>
                <c:pt idx="13152">
                  <c:v>26.708586386846029</c:v>
                </c:pt>
                <c:pt idx="13153">
                  <c:v>26.708586386846029</c:v>
                </c:pt>
                <c:pt idx="13154">
                  <c:v>26.708586386846029</c:v>
                </c:pt>
                <c:pt idx="13155">
                  <c:v>26.711840513102619</c:v>
                </c:pt>
                <c:pt idx="13156">
                  <c:v>26.711840513102619</c:v>
                </c:pt>
                <c:pt idx="13157">
                  <c:v>26.711840513102619</c:v>
                </c:pt>
                <c:pt idx="13158">
                  <c:v>26.715193249246052</c:v>
                </c:pt>
                <c:pt idx="13159">
                  <c:v>26.715193249246052</c:v>
                </c:pt>
                <c:pt idx="13160">
                  <c:v>26.715193249246052</c:v>
                </c:pt>
                <c:pt idx="13161">
                  <c:v>26.715193249246052</c:v>
                </c:pt>
                <c:pt idx="13162">
                  <c:v>26.718545985389309</c:v>
                </c:pt>
                <c:pt idx="13163">
                  <c:v>26.718545985389309</c:v>
                </c:pt>
                <c:pt idx="13164">
                  <c:v>26.718545985389309</c:v>
                </c:pt>
                <c:pt idx="13165">
                  <c:v>26.718545985389309</c:v>
                </c:pt>
                <c:pt idx="13166">
                  <c:v>26.718545985389309</c:v>
                </c:pt>
                <c:pt idx="13167">
                  <c:v>26.721800111646072</c:v>
                </c:pt>
                <c:pt idx="13168">
                  <c:v>26.721800111646072</c:v>
                </c:pt>
                <c:pt idx="13169">
                  <c:v>26.721800111646072</c:v>
                </c:pt>
                <c:pt idx="13170">
                  <c:v>26.721800111646072</c:v>
                </c:pt>
                <c:pt idx="13171">
                  <c:v>26.725152847789332</c:v>
                </c:pt>
                <c:pt idx="13172">
                  <c:v>26.725152847789332</c:v>
                </c:pt>
                <c:pt idx="13173">
                  <c:v>26.725152847789332</c:v>
                </c:pt>
                <c:pt idx="13174">
                  <c:v>26.725152847789332</c:v>
                </c:pt>
                <c:pt idx="13175">
                  <c:v>26.728505583932762</c:v>
                </c:pt>
                <c:pt idx="13176">
                  <c:v>26.728505583932762</c:v>
                </c:pt>
                <c:pt idx="13177">
                  <c:v>26.728505583932762</c:v>
                </c:pt>
                <c:pt idx="13178">
                  <c:v>26.728505583932762</c:v>
                </c:pt>
                <c:pt idx="13179">
                  <c:v>26.731759710189525</c:v>
                </c:pt>
                <c:pt idx="13180">
                  <c:v>26.731759710189525</c:v>
                </c:pt>
                <c:pt idx="13181">
                  <c:v>26.731759710189525</c:v>
                </c:pt>
                <c:pt idx="13182">
                  <c:v>26.731759710189525</c:v>
                </c:pt>
                <c:pt idx="13183">
                  <c:v>26.735112446332781</c:v>
                </c:pt>
                <c:pt idx="13184">
                  <c:v>26.735112446332781</c:v>
                </c:pt>
                <c:pt idx="13185">
                  <c:v>26.735112446332781</c:v>
                </c:pt>
                <c:pt idx="13186">
                  <c:v>26.738465182476038</c:v>
                </c:pt>
                <c:pt idx="13187">
                  <c:v>26.738465182476038</c:v>
                </c:pt>
                <c:pt idx="13188">
                  <c:v>26.738465182476038</c:v>
                </c:pt>
                <c:pt idx="13189">
                  <c:v>26.741719308732801</c:v>
                </c:pt>
                <c:pt idx="13190">
                  <c:v>26.741719308732801</c:v>
                </c:pt>
                <c:pt idx="13191">
                  <c:v>26.745072044876061</c:v>
                </c:pt>
                <c:pt idx="13192">
                  <c:v>26.745072044876061</c:v>
                </c:pt>
                <c:pt idx="13193">
                  <c:v>26.745072044876061</c:v>
                </c:pt>
                <c:pt idx="13194">
                  <c:v>26.745072044876061</c:v>
                </c:pt>
                <c:pt idx="13195">
                  <c:v>26.748424781019491</c:v>
                </c:pt>
                <c:pt idx="13196">
                  <c:v>26.748424781019491</c:v>
                </c:pt>
                <c:pt idx="13197">
                  <c:v>26.748424781019491</c:v>
                </c:pt>
                <c:pt idx="13198">
                  <c:v>26.751678907276254</c:v>
                </c:pt>
                <c:pt idx="13199">
                  <c:v>26.751678907276254</c:v>
                </c:pt>
                <c:pt idx="13200">
                  <c:v>26.751678907276254</c:v>
                </c:pt>
                <c:pt idx="13201">
                  <c:v>26.751678907276254</c:v>
                </c:pt>
                <c:pt idx="13202">
                  <c:v>26.75503164341951</c:v>
                </c:pt>
                <c:pt idx="13203">
                  <c:v>26.75503164341951</c:v>
                </c:pt>
                <c:pt idx="13204">
                  <c:v>26.75503164341951</c:v>
                </c:pt>
                <c:pt idx="13205">
                  <c:v>26.75503164341951</c:v>
                </c:pt>
                <c:pt idx="13206">
                  <c:v>26.75838437956277</c:v>
                </c:pt>
                <c:pt idx="13207">
                  <c:v>26.75838437956277</c:v>
                </c:pt>
                <c:pt idx="13208">
                  <c:v>26.75838437956277</c:v>
                </c:pt>
                <c:pt idx="13209">
                  <c:v>26.75838437956277</c:v>
                </c:pt>
                <c:pt idx="13210">
                  <c:v>26.761638505819533</c:v>
                </c:pt>
                <c:pt idx="13211">
                  <c:v>26.761638505819533</c:v>
                </c:pt>
                <c:pt idx="13212">
                  <c:v>26.761638505819533</c:v>
                </c:pt>
                <c:pt idx="13213">
                  <c:v>26.761638505819533</c:v>
                </c:pt>
                <c:pt idx="13214">
                  <c:v>26.761638505819533</c:v>
                </c:pt>
                <c:pt idx="13215">
                  <c:v>26.764991241962967</c:v>
                </c:pt>
                <c:pt idx="13216">
                  <c:v>26.764991241962967</c:v>
                </c:pt>
                <c:pt idx="13217">
                  <c:v>26.764991241962967</c:v>
                </c:pt>
                <c:pt idx="13218">
                  <c:v>26.76834397810622</c:v>
                </c:pt>
                <c:pt idx="13219">
                  <c:v>26.76834397810622</c:v>
                </c:pt>
                <c:pt idx="13220">
                  <c:v>26.76834397810622</c:v>
                </c:pt>
                <c:pt idx="13221">
                  <c:v>26.771598104362983</c:v>
                </c:pt>
                <c:pt idx="13222">
                  <c:v>26.771598104362983</c:v>
                </c:pt>
                <c:pt idx="13223">
                  <c:v>26.774950840506243</c:v>
                </c:pt>
                <c:pt idx="13224">
                  <c:v>26.774950840506243</c:v>
                </c:pt>
                <c:pt idx="13225">
                  <c:v>26.774950840506243</c:v>
                </c:pt>
                <c:pt idx="13226">
                  <c:v>26.778303576649499</c:v>
                </c:pt>
                <c:pt idx="13227">
                  <c:v>26.778303576649499</c:v>
                </c:pt>
                <c:pt idx="13228">
                  <c:v>26.778303576649499</c:v>
                </c:pt>
                <c:pt idx="13229">
                  <c:v>26.781557702906262</c:v>
                </c:pt>
                <c:pt idx="13230">
                  <c:v>26.781557702906262</c:v>
                </c:pt>
                <c:pt idx="13231">
                  <c:v>26.784910439049696</c:v>
                </c:pt>
                <c:pt idx="13232">
                  <c:v>26.784910439049696</c:v>
                </c:pt>
                <c:pt idx="13233">
                  <c:v>26.784910439049696</c:v>
                </c:pt>
                <c:pt idx="13234">
                  <c:v>26.788263175192949</c:v>
                </c:pt>
                <c:pt idx="13235">
                  <c:v>26.788263175192949</c:v>
                </c:pt>
                <c:pt idx="13236">
                  <c:v>26.788263175192949</c:v>
                </c:pt>
                <c:pt idx="13237">
                  <c:v>26.791615911336208</c:v>
                </c:pt>
                <c:pt idx="13238">
                  <c:v>26.791615911336208</c:v>
                </c:pt>
                <c:pt idx="13239">
                  <c:v>26.791615911336208</c:v>
                </c:pt>
                <c:pt idx="13240">
                  <c:v>26.794870037592972</c:v>
                </c:pt>
                <c:pt idx="13241">
                  <c:v>26.794870037592972</c:v>
                </c:pt>
                <c:pt idx="13242">
                  <c:v>26.794870037592972</c:v>
                </c:pt>
                <c:pt idx="13243">
                  <c:v>26.798222773736406</c:v>
                </c:pt>
                <c:pt idx="13244">
                  <c:v>26.798222773736406</c:v>
                </c:pt>
                <c:pt idx="13245">
                  <c:v>26.798222773736406</c:v>
                </c:pt>
                <c:pt idx="13246">
                  <c:v>26.798222773736406</c:v>
                </c:pt>
                <c:pt idx="13247">
                  <c:v>26.798222773736406</c:v>
                </c:pt>
                <c:pt idx="13248">
                  <c:v>26.801575509879662</c:v>
                </c:pt>
                <c:pt idx="13249">
                  <c:v>26.801575509879662</c:v>
                </c:pt>
                <c:pt idx="13250">
                  <c:v>26.801575509879662</c:v>
                </c:pt>
                <c:pt idx="13251">
                  <c:v>26.801575509879662</c:v>
                </c:pt>
                <c:pt idx="13252">
                  <c:v>26.804829636136425</c:v>
                </c:pt>
                <c:pt idx="13253">
                  <c:v>26.804829636136425</c:v>
                </c:pt>
                <c:pt idx="13254">
                  <c:v>26.804829636136425</c:v>
                </c:pt>
                <c:pt idx="13255">
                  <c:v>26.804829636136425</c:v>
                </c:pt>
                <c:pt idx="13256">
                  <c:v>26.804829636136425</c:v>
                </c:pt>
                <c:pt idx="13257">
                  <c:v>26.804829636136425</c:v>
                </c:pt>
                <c:pt idx="13258">
                  <c:v>26.804829636136425</c:v>
                </c:pt>
                <c:pt idx="13259">
                  <c:v>26.808182372279681</c:v>
                </c:pt>
                <c:pt idx="13260">
                  <c:v>26.808182372279681</c:v>
                </c:pt>
                <c:pt idx="13261">
                  <c:v>26.808182372279681</c:v>
                </c:pt>
                <c:pt idx="13262">
                  <c:v>26.808182372279681</c:v>
                </c:pt>
                <c:pt idx="13263">
                  <c:v>26.811535108422937</c:v>
                </c:pt>
                <c:pt idx="13264">
                  <c:v>26.811535108422937</c:v>
                </c:pt>
                <c:pt idx="13265">
                  <c:v>26.811535108422937</c:v>
                </c:pt>
                <c:pt idx="13266">
                  <c:v>26.811535108422937</c:v>
                </c:pt>
                <c:pt idx="13267">
                  <c:v>26.811535108422937</c:v>
                </c:pt>
                <c:pt idx="13268">
                  <c:v>26.814789234679701</c:v>
                </c:pt>
                <c:pt idx="13269">
                  <c:v>26.814789234679701</c:v>
                </c:pt>
                <c:pt idx="13270">
                  <c:v>26.814789234679701</c:v>
                </c:pt>
                <c:pt idx="13271">
                  <c:v>26.818141970823135</c:v>
                </c:pt>
                <c:pt idx="13272">
                  <c:v>26.818141970823135</c:v>
                </c:pt>
                <c:pt idx="13273">
                  <c:v>26.818141970823135</c:v>
                </c:pt>
                <c:pt idx="13274">
                  <c:v>26.821494706966394</c:v>
                </c:pt>
                <c:pt idx="13275">
                  <c:v>26.821494706966394</c:v>
                </c:pt>
                <c:pt idx="13276">
                  <c:v>26.824748833223154</c:v>
                </c:pt>
                <c:pt idx="13277">
                  <c:v>26.824748833223154</c:v>
                </c:pt>
                <c:pt idx="13278">
                  <c:v>26.82810156936641</c:v>
                </c:pt>
                <c:pt idx="13279">
                  <c:v>26.82810156936641</c:v>
                </c:pt>
                <c:pt idx="13280">
                  <c:v>26.82810156936641</c:v>
                </c:pt>
                <c:pt idx="13281">
                  <c:v>26.831454305509844</c:v>
                </c:pt>
                <c:pt idx="13282">
                  <c:v>26.83470843176643</c:v>
                </c:pt>
                <c:pt idx="13283">
                  <c:v>26.83470843176643</c:v>
                </c:pt>
                <c:pt idx="13284">
                  <c:v>26.838061167909864</c:v>
                </c:pt>
                <c:pt idx="13285">
                  <c:v>26.838061167909864</c:v>
                </c:pt>
                <c:pt idx="13286">
                  <c:v>26.841413904053123</c:v>
                </c:pt>
                <c:pt idx="13287">
                  <c:v>26.841413904053123</c:v>
                </c:pt>
                <c:pt idx="13288">
                  <c:v>26.841413904053123</c:v>
                </c:pt>
                <c:pt idx="13289">
                  <c:v>26.844668030309887</c:v>
                </c:pt>
                <c:pt idx="13290">
                  <c:v>26.844668030309887</c:v>
                </c:pt>
                <c:pt idx="13291">
                  <c:v>26.848020766453139</c:v>
                </c:pt>
                <c:pt idx="13292">
                  <c:v>26.848020766453139</c:v>
                </c:pt>
                <c:pt idx="13293">
                  <c:v>26.851373502596573</c:v>
                </c:pt>
                <c:pt idx="13294">
                  <c:v>26.851373502596573</c:v>
                </c:pt>
                <c:pt idx="13295">
                  <c:v>26.851373502596573</c:v>
                </c:pt>
                <c:pt idx="13296">
                  <c:v>26.854627628853336</c:v>
                </c:pt>
                <c:pt idx="13297">
                  <c:v>26.854627628853336</c:v>
                </c:pt>
                <c:pt idx="13298">
                  <c:v>26.854627628853336</c:v>
                </c:pt>
                <c:pt idx="13299">
                  <c:v>26.854627628853336</c:v>
                </c:pt>
                <c:pt idx="13300">
                  <c:v>26.854627628853336</c:v>
                </c:pt>
                <c:pt idx="13301">
                  <c:v>26.857980364996596</c:v>
                </c:pt>
                <c:pt idx="13302">
                  <c:v>26.857980364996596</c:v>
                </c:pt>
                <c:pt idx="13303">
                  <c:v>26.857980364996596</c:v>
                </c:pt>
                <c:pt idx="13304">
                  <c:v>26.857980364996596</c:v>
                </c:pt>
                <c:pt idx="13305">
                  <c:v>26.857980364996596</c:v>
                </c:pt>
                <c:pt idx="13306">
                  <c:v>26.857980364996596</c:v>
                </c:pt>
                <c:pt idx="13307">
                  <c:v>26.861333101139852</c:v>
                </c:pt>
                <c:pt idx="13308">
                  <c:v>26.861333101139852</c:v>
                </c:pt>
                <c:pt idx="13309">
                  <c:v>26.861333101139852</c:v>
                </c:pt>
                <c:pt idx="13310">
                  <c:v>26.861333101139852</c:v>
                </c:pt>
                <c:pt idx="13311">
                  <c:v>26.861333101139852</c:v>
                </c:pt>
                <c:pt idx="13312">
                  <c:v>26.861333101139852</c:v>
                </c:pt>
                <c:pt idx="13313">
                  <c:v>26.861333101139852</c:v>
                </c:pt>
                <c:pt idx="13314">
                  <c:v>26.861333101139852</c:v>
                </c:pt>
                <c:pt idx="13315">
                  <c:v>26.861333101139852</c:v>
                </c:pt>
                <c:pt idx="13316">
                  <c:v>26.861333101139852</c:v>
                </c:pt>
                <c:pt idx="13317">
                  <c:v>26.861333101139852</c:v>
                </c:pt>
                <c:pt idx="13318">
                  <c:v>26.861333101139852</c:v>
                </c:pt>
                <c:pt idx="13319">
                  <c:v>26.861333101139852</c:v>
                </c:pt>
                <c:pt idx="13320">
                  <c:v>26.861333101139852</c:v>
                </c:pt>
                <c:pt idx="13321">
                  <c:v>26.861333101139852</c:v>
                </c:pt>
                <c:pt idx="13322">
                  <c:v>26.861333101139852</c:v>
                </c:pt>
                <c:pt idx="13323">
                  <c:v>26.864587227396616</c:v>
                </c:pt>
                <c:pt idx="13324">
                  <c:v>26.864587227396616</c:v>
                </c:pt>
                <c:pt idx="13325">
                  <c:v>26.864587227396616</c:v>
                </c:pt>
                <c:pt idx="13326">
                  <c:v>26.864587227396616</c:v>
                </c:pt>
                <c:pt idx="13327">
                  <c:v>26.864587227396616</c:v>
                </c:pt>
                <c:pt idx="13328">
                  <c:v>26.867939963539868</c:v>
                </c:pt>
                <c:pt idx="13329">
                  <c:v>26.867939963539868</c:v>
                </c:pt>
                <c:pt idx="13330">
                  <c:v>26.867939963539868</c:v>
                </c:pt>
                <c:pt idx="13331">
                  <c:v>26.867939963539868</c:v>
                </c:pt>
                <c:pt idx="13332">
                  <c:v>26.867939963539868</c:v>
                </c:pt>
                <c:pt idx="13333">
                  <c:v>26.867939963539868</c:v>
                </c:pt>
                <c:pt idx="13334">
                  <c:v>26.871292699683302</c:v>
                </c:pt>
                <c:pt idx="13335">
                  <c:v>26.871292699683302</c:v>
                </c:pt>
                <c:pt idx="13336">
                  <c:v>26.871292699683302</c:v>
                </c:pt>
                <c:pt idx="13337">
                  <c:v>26.871292699683302</c:v>
                </c:pt>
                <c:pt idx="13338">
                  <c:v>26.874546825940065</c:v>
                </c:pt>
                <c:pt idx="13339">
                  <c:v>26.874546825940065</c:v>
                </c:pt>
                <c:pt idx="13340">
                  <c:v>26.874546825940065</c:v>
                </c:pt>
                <c:pt idx="13341">
                  <c:v>26.874546825940065</c:v>
                </c:pt>
                <c:pt idx="13342">
                  <c:v>26.877899562083325</c:v>
                </c:pt>
                <c:pt idx="13343">
                  <c:v>26.877899562083325</c:v>
                </c:pt>
                <c:pt idx="13344">
                  <c:v>26.877899562083325</c:v>
                </c:pt>
                <c:pt idx="13345">
                  <c:v>26.877899562083325</c:v>
                </c:pt>
                <c:pt idx="13346">
                  <c:v>26.881252298226581</c:v>
                </c:pt>
                <c:pt idx="13347">
                  <c:v>26.881252298226581</c:v>
                </c:pt>
                <c:pt idx="13348">
                  <c:v>26.881252298226581</c:v>
                </c:pt>
                <c:pt idx="13349">
                  <c:v>26.881252298226581</c:v>
                </c:pt>
                <c:pt idx="13350">
                  <c:v>26.884506424483344</c:v>
                </c:pt>
                <c:pt idx="13351">
                  <c:v>26.884506424483344</c:v>
                </c:pt>
                <c:pt idx="13352">
                  <c:v>26.884506424483344</c:v>
                </c:pt>
                <c:pt idx="13353">
                  <c:v>26.884506424483344</c:v>
                </c:pt>
                <c:pt idx="13354">
                  <c:v>26.887859160626601</c:v>
                </c:pt>
                <c:pt idx="13355">
                  <c:v>26.887859160626601</c:v>
                </c:pt>
                <c:pt idx="13356">
                  <c:v>26.887859160626601</c:v>
                </c:pt>
                <c:pt idx="13357">
                  <c:v>26.887859160626601</c:v>
                </c:pt>
                <c:pt idx="13358">
                  <c:v>26.887859160626601</c:v>
                </c:pt>
                <c:pt idx="13359">
                  <c:v>26.891211896770034</c:v>
                </c:pt>
                <c:pt idx="13360">
                  <c:v>26.891211896770034</c:v>
                </c:pt>
                <c:pt idx="13361">
                  <c:v>26.891211896770034</c:v>
                </c:pt>
                <c:pt idx="13362">
                  <c:v>26.891211896770034</c:v>
                </c:pt>
                <c:pt idx="13363">
                  <c:v>26.891211896770034</c:v>
                </c:pt>
                <c:pt idx="13364">
                  <c:v>26.894466023026798</c:v>
                </c:pt>
                <c:pt idx="13365">
                  <c:v>26.894466023026798</c:v>
                </c:pt>
                <c:pt idx="13366">
                  <c:v>26.894466023026798</c:v>
                </c:pt>
                <c:pt idx="13367">
                  <c:v>26.894466023026798</c:v>
                </c:pt>
                <c:pt idx="13368">
                  <c:v>26.897818759170054</c:v>
                </c:pt>
                <c:pt idx="13369">
                  <c:v>26.897818759170054</c:v>
                </c:pt>
                <c:pt idx="13370">
                  <c:v>26.897818759170054</c:v>
                </c:pt>
                <c:pt idx="13371">
                  <c:v>26.897818759170054</c:v>
                </c:pt>
                <c:pt idx="13372">
                  <c:v>26.901171495313314</c:v>
                </c:pt>
                <c:pt idx="13373">
                  <c:v>26.901171495313314</c:v>
                </c:pt>
                <c:pt idx="13374">
                  <c:v>26.901171495313314</c:v>
                </c:pt>
                <c:pt idx="13375">
                  <c:v>26.901171495313314</c:v>
                </c:pt>
                <c:pt idx="13376">
                  <c:v>26.901171495313314</c:v>
                </c:pt>
                <c:pt idx="13377">
                  <c:v>26.901171495313314</c:v>
                </c:pt>
                <c:pt idx="13378">
                  <c:v>26.904425621570077</c:v>
                </c:pt>
                <c:pt idx="13379">
                  <c:v>26.904425621570077</c:v>
                </c:pt>
                <c:pt idx="13380">
                  <c:v>26.904425621570077</c:v>
                </c:pt>
                <c:pt idx="13381">
                  <c:v>26.904425621570077</c:v>
                </c:pt>
                <c:pt idx="13382">
                  <c:v>26.907778357713504</c:v>
                </c:pt>
                <c:pt idx="13383">
                  <c:v>26.907778357713504</c:v>
                </c:pt>
                <c:pt idx="13384">
                  <c:v>26.907778357713504</c:v>
                </c:pt>
                <c:pt idx="13385">
                  <c:v>26.907778357713504</c:v>
                </c:pt>
                <c:pt idx="13386">
                  <c:v>26.911131093856763</c:v>
                </c:pt>
                <c:pt idx="13387">
                  <c:v>26.911131093856763</c:v>
                </c:pt>
                <c:pt idx="13388">
                  <c:v>26.911131093856763</c:v>
                </c:pt>
                <c:pt idx="13389">
                  <c:v>26.91448383000002</c:v>
                </c:pt>
                <c:pt idx="13390">
                  <c:v>26.91448383000002</c:v>
                </c:pt>
                <c:pt idx="13391">
                  <c:v>26.91448383000002</c:v>
                </c:pt>
                <c:pt idx="13392">
                  <c:v>26.917737956256783</c:v>
                </c:pt>
                <c:pt idx="13393">
                  <c:v>26.917737956256783</c:v>
                </c:pt>
                <c:pt idx="13394">
                  <c:v>26.917737956256783</c:v>
                </c:pt>
                <c:pt idx="13395">
                  <c:v>26.917737956256783</c:v>
                </c:pt>
                <c:pt idx="13396">
                  <c:v>26.921090692400043</c:v>
                </c:pt>
                <c:pt idx="13397">
                  <c:v>26.921090692400043</c:v>
                </c:pt>
                <c:pt idx="13398">
                  <c:v>26.921090692400043</c:v>
                </c:pt>
                <c:pt idx="13399">
                  <c:v>26.921090692400043</c:v>
                </c:pt>
                <c:pt idx="13400">
                  <c:v>26.924443428543473</c:v>
                </c:pt>
                <c:pt idx="13401">
                  <c:v>26.924443428543473</c:v>
                </c:pt>
                <c:pt idx="13402">
                  <c:v>26.924443428543473</c:v>
                </c:pt>
                <c:pt idx="13403">
                  <c:v>26.924443428543473</c:v>
                </c:pt>
                <c:pt idx="13404">
                  <c:v>26.924443428543473</c:v>
                </c:pt>
                <c:pt idx="13405">
                  <c:v>26.924443428543473</c:v>
                </c:pt>
                <c:pt idx="13406">
                  <c:v>26.924443428543473</c:v>
                </c:pt>
                <c:pt idx="13407">
                  <c:v>26.924443428543473</c:v>
                </c:pt>
                <c:pt idx="13408">
                  <c:v>26.924443428543473</c:v>
                </c:pt>
                <c:pt idx="13409">
                  <c:v>26.924443428543473</c:v>
                </c:pt>
                <c:pt idx="13410">
                  <c:v>26.927697554800236</c:v>
                </c:pt>
                <c:pt idx="13411">
                  <c:v>26.924443428543473</c:v>
                </c:pt>
                <c:pt idx="13412">
                  <c:v>26.927697554800236</c:v>
                </c:pt>
                <c:pt idx="13413">
                  <c:v>26.927697554800236</c:v>
                </c:pt>
                <c:pt idx="13414">
                  <c:v>26.927697554800236</c:v>
                </c:pt>
                <c:pt idx="13415">
                  <c:v>26.927697554800236</c:v>
                </c:pt>
                <c:pt idx="13416">
                  <c:v>26.927697554800236</c:v>
                </c:pt>
                <c:pt idx="13417">
                  <c:v>26.924443428543473</c:v>
                </c:pt>
                <c:pt idx="13418">
                  <c:v>26.924443428543473</c:v>
                </c:pt>
                <c:pt idx="13419">
                  <c:v>26.924443428543473</c:v>
                </c:pt>
                <c:pt idx="13420">
                  <c:v>26.924443428543473</c:v>
                </c:pt>
                <c:pt idx="13421">
                  <c:v>26.924443428543473</c:v>
                </c:pt>
                <c:pt idx="13422">
                  <c:v>26.924443428543473</c:v>
                </c:pt>
                <c:pt idx="13423">
                  <c:v>26.924443428543473</c:v>
                </c:pt>
                <c:pt idx="13424">
                  <c:v>26.924443428543473</c:v>
                </c:pt>
                <c:pt idx="13425">
                  <c:v>26.924443428543473</c:v>
                </c:pt>
                <c:pt idx="13426">
                  <c:v>26.924443428543473</c:v>
                </c:pt>
                <c:pt idx="13427">
                  <c:v>26.924443428543473</c:v>
                </c:pt>
                <c:pt idx="13428">
                  <c:v>26.924443428543473</c:v>
                </c:pt>
                <c:pt idx="13429">
                  <c:v>26.924443428543473</c:v>
                </c:pt>
                <c:pt idx="13430">
                  <c:v>26.924443428543473</c:v>
                </c:pt>
                <c:pt idx="13431">
                  <c:v>26.924443428543473</c:v>
                </c:pt>
                <c:pt idx="13432">
                  <c:v>26.924443428543473</c:v>
                </c:pt>
                <c:pt idx="13433">
                  <c:v>26.924443428543473</c:v>
                </c:pt>
                <c:pt idx="13434">
                  <c:v>26.921090692400043</c:v>
                </c:pt>
                <c:pt idx="13435">
                  <c:v>26.921090692400043</c:v>
                </c:pt>
                <c:pt idx="13436">
                  <c:v>26.921090692400043</c:v>
                </c:pt>
                <c:pt idx="13437">
                  <c:v>26.921090692400043</c:v>
                </c:pt>
                <c:pt idx="13438">
                  <c:v>26.921090692400043</c:v>
                </c:pt>
                <c:pt idx="13439">
                  <c:v>26.917737956256783</c:v>
                </c:pt>
                <c:pt idx="13440">
                  <c:v>26.917737956256783</c:v>
                </c:pt>
                <c:pt idx="13441">
                  <c:v>26.917737956256783</c:v>
                </c:pt>
                <c:pt idx="13442">
                  <c:v>26.917737956256783</c:v>
                </c:pt>
                <c:pt idx="13443">
                  <c:v>26.917737956256783</c:v>
                </c:pt>
                <c:pt idx="13444">
                  <c:v>26.91448383000002</c:v>
                </c:pt>
                <c:pt idx="13445">
                  <c:v>26.91448383000002</c:v>
                </c:pt>
                <c:pt idx="13446">
                  <c:v>26.91448383000002</c:v>
                </c:pt>
                <c:pt idx="13447">
                  <c:v>26.91448383000002</c:v>
                </c:pt>
                <c:pt idx="13448">
                  <c:v>26.911131093856763</c:v>
                </c:pt>
                <c:pt idx="13449">
                  <c:v>26.911131093856763</c:v>
                </c:pt>
                <c:pt idx="13450">
                  <c:v>26.911131093856763</c:v>
                </c:pt>
                <c:pt idx="13451">
                  <c:v>26.907778357713504</c:v>
                </c:pt>
                <c:pt idx="13452">
                  <c:v>26.907778357713504</c:v>
                </c:pt>
                <c:pt idx="13453">
                  <c:v>26.907778357713504</c:v>
                </c:pt>
                <c:pt idx="13454">
                  <c:v>26.907778357713504</c:v>
                </c:pt>
                <c:pt idx="13455">
                  <c:v>26.907778357713504</c:v>
                </c:pt>
                <c:pt idx="13456">
                  <c:v>26.904425621570077</c:v>
                </c:pt>
                <c:pt idx="13457">
                  <c:v>26.904425621570077</c:v>
                </c:pt>
                <c:pt idx="13458">
                  <c:v>26.901171495313314</c:v>
                </c:pt>
                <c:pt idx="13459">
                  <c:v>26.901171495313314</c:v>
                </c:pt>
                <c:pt idx="13460">
                  <c:v>26.901171495313314</c:v>
                </c:pt>
                <c:pt idx="13461">
                  <c:v>26.897818759170054</c:v>
                </c:pt>
                <c:pt idx="13462">
                  <c:v>26.897818759170054</c:v>
                </c:pt>
                <c:pt idx="13463">
                  <c:v>26.897818759170054</c:v>
                </c:pt>
                <c:pt idx="13464">
                  <c:v>26.894466023026798</c:v>
                </c:pt>
                <c:pt idx="13465">
                  <c:v>26.894466023026798</c:v>
                </c:pt>
                <c:pt idx="13466">
                  <c:v>26.891211896770034</c:v>
                </c:pt>
                <c:pt idx="13467">
                  <c:v>26.891211896770034</c:v>
                </c:pt>
                <c:pt idx="13468">
                  <c:v>26.887859160626601</c:v>
                </c:pt>
                <c:pt idx="13469">
                  <c:v>26.887859160626601</c:v>
                </c:pt>
                <c:pt idx="13470">
                  <c:v>26.884506424483344</c:v>
                </c:pt>
                <c:pt idx="13471">
                  <c:v>26.884506424483344</c:v>
                </c:pt>
                <c:pt idx="13472">
                  <c:v>26.881252298226581</c:v>
                </c:pt>
                <c:pt idx="13473">
                  <c:v>26.877899562083325</c:v>
                </c:pt>
                <c:pt idx="13474">
                  <c:v>26.877899562083325</c:v>
                </c:pt>
                <c:pt idx="13475">
                  <c:v>26.874546825940065</c:v>
                </c:pt>
                <c:pt idx="13476">
                  <c:v>26.874546825940065</c:v>
                </c:pt>
                <c:pt idx="13477">
                  <c:v>26.871292699683302</c:v>
                </c:pt>
                <c:pt idx="13478">
                  <c:v>26.867939963539868</c:v>
                </c:pt>
                <c:pt idx="13479">
                  <c:v>26.864587227396616</c:v>
                </c:pt>
                <c:pt idx="13480">
                  <c:v>26.861333101139852</c:v>
                </c:pt>
                <c:pt idx="13481">
                  <c:v>26.857980364996596</c:v>
                </c:pt>
                <c:pt idx="13482">
                  <c:v>26.857980364996596</c:v>
                </c:pt>
                <c:pt idx="13483">
                  <c:v>26.854627628853336</c:v>
                </c:pt>
                <c:pt idx="13484">
                  <c:v>26.851373502596573</c:v>
                </c:pt>
                <c:pt idx="13485">
                  <c:v>26.848020766453139</c:v>
                </c:pt>
                <c:pt idx="13486">
                  <c:v>26.848020766453139</c:v>
                </c:pt>
                <c:pt idx="13487">
                  <c:v>26.844668030309887</c:v>
                </c:pt>
                <c:pt idx="13488">
                  <c:v>26.841413904053123</c:v>
                </c:pt>
                <c:pt idx="13489">
                  <c:v>26.841413904053123</c:v>
                </c:pt>
                <c:pt idx="13490">
                  <c:v>26.838061167909864</c:v>
                </c:pt>
                <c:pt idx="13491">
                  <c:v>26.838061167909864</c:v>
                </c:pt>
                <c:pt idx="13492">
                  <c:v>26.83470843176643</c:v>
                </c:pt>
                <c:pt idx="13493">
                  <c:v>26.83470843176643</c:v>
                </c:pt>
                <c:pt idx="13494">
                  <c:v>26.831454305509844</c:v>
                </c:pt>
                <c:pt idx="13495">
                  <c:v>26.831454305509844</c:v>
                </c:pt>
                <c:pt idx="13496">
                  <c:v>26.82810156936641</c:v>
                </c:pt>
                <c:pt idx="13497">
                  <c:v>26.824748833223154</c:v>
                </c:pt>
                <c:pt idx="13498">
                  <c:v>26.824748833223154</c:v>
                </c:pt>
                <c:pt idx="13499">
                  <c:v>26.821494706966394</c:v>
                </c:pt>
                <c:pt idx="13500">
                  <c:v>26.821494706966394</c:v>
                </c:pt>
                <c:pt idx="13501">
                  <c:v>26.818141970823135</c:v>
                </c:pt>
                <c:pt idx="13502">
                  <c:v>26.818141970823135</c:v>
                </c:pt>
                <c:pt idx="13503">
                  <c:v>26.814789234679701</c:v>
                </c:pt>
                <c:pt idx="13504">
                  <c:v>26.814789234679701</c:v>
                </c:pt>
                <c:pt idx="13505">
                  <c:v>26.811535108422937</c:v>
                </c:pt>
                <c:pt idx="13506">
                  <c:v>26.808182372279681</c:v>
                </c:pt>
                <c:pt idx="13507">
                  <c:v>26.808182372279681</c:v>
                </c:pt>
                <c:pt idx="13508">
                  <c:v>26.804829636136425</c:v>
                </c:pt>
                <c:pt idx="13509">
                  <c:v>26.804829636136425</c:v>
                </c:pt>
                <c:pt idx="13510">
                  <c:v>26.801575509879662</c:v>
                </c:pt>
                <c:pt idx="13511">
                  <c:v>26.801575509879662</c:v>
                </c:pt>
                <c:pt idx="13512">
                  <c:v>26.798222773736406</c:v>
                </c:pt>
                <c:pt idx="13513">
                  <c:v>26.798222773736406</c:v>
                </c:pt>
                <c:pt idx="13514">
                  <c:v>26.794870037592972</c:v>
                </c:pt>
                <c:pt idx="13515">
                  <c:v>26.794870037592972</c:v>
                </c:pt>
                <c:pt idx="13516">
                  <c:v>26.791615911336208</c:v>
                </c:pt>
                <c:pt idx="13517">
                  <c:v>26.788263175192949</c:v>
                </c:pt>
                <c:pt idx="13518">
                  <c:v>26.788263175192949</c:v>
                </c:pt>
                <c:pt idx="13519">
                  <c:v>26.784910439049696</c:v>
                </c:pt>
                <c:pt idx="13520">
                  <c:v>26.784910439049696</c:v>
                </c:pt>
                <c:pt idx="13521">
                  <c:v>26.781557702906262</c:v>
                </c:pt>
                <c:pt idx="13522">
                  <c:v>26.778303576649499</c:v>
                </c:pt>
                <c:pt idx="13523">
                  <c:v>26.778303576649499</c:v>
                </c:pt>
                <c:pt idx="13524">
                  <c:v>26.774950840506243</c:v>
                </c:pt>
                <c:pt idx="13525">
                  <c:v>26.774950840506243</c:v>
                </c:pt>
                <c:pt idx="13526">
                  <c:v>26.771598104362983</c:v>
                </c:pt>
                <c:pt idx="13527">
                  <c:v>26.771598104362983</c:v>
                </c:pt>
                <c:pt idx="13528">
                  <c:v>26.76834397810622</c:v>
                </c:pt>
                <c:pt idx="13529">
                  <c:v>26.76834397810622</c:v>
                </c:pt>
                <c:pt idx="13530">
                  <c:v>26.76834397810622</c:v>
                </c:pt>
                <c:pt idx="13531">
                  <c:v>26.764991241962967</c:v>
                </c:pt>
                <c:pt idx="13532">
                  <c:v>26.764991241962967</c:v>
                </c:pt>
                <c:pt idx="13533">
                  <c:v>26.761638505819533</c:v>
                </c:pt>
                <c:pt idx="13534">
                  <c:v>26.75838437956277</c:v>
                </c:pt>
                <c:pt idx="13535">
                  <c:v>26.75838437956277</c:v>
                </c:pt>
                <c:pt idx="13536">
                  <c:v>26.75503164341951</c:v>
                </c:pt>
                <c:pt idx="13537">
                  <c:v>26.75503164341951</c:v>
                </c:pt>
                <c:pt idx="13538">
                  <c:v>26.751678907276254</c:v>
                </c:pt>
                <c:pt idx="13539">
                  <c:v>26.751678907276254</c:v>
                </c:pt>
                <c:pt idx="13540">
                  <c:v>26.751678907276254</c:v>
                </c:pt>
                <c:pt idx="13541">
                  <c:v>26.748424781019491</c:v>
                </c:pt>
                <c:pt idx="13542">
                  <c:v>26.748424781019491</c:v>
                </c:pt>
                <c:pt idx="13543">
                  <c:v>26.745072044876061</c:v>
                </c:pt>
                <c:pt idx="13544">
                  <c:v>26.745072044876061</c:v>
                </c:pt>
                <c:pt idx="13545">
                  <c:v>26.745072044876061</c:v>
                </c:pt>
                <c:pt idx="13546">
                  <c:v>26.741719308732801</c:v>
                </c:pt>
                <c:pt idx="13547">
                  <c:v>26.741719308732801</c:v>
                </c:pt>
                <c:pt idx="13548">
                  <c:v>26.738465182476038</c:v>
                </c:pt>
                <c:pt idx="13549">
                  <c:v>26.738465182476038</c:v>
                </c:pt>
                <c:pt idx="13550">
                  <c:v>26.735112446332781</c:v>
                </c:pt>
                <c:pt idx="13551">
                  <c:v>26.735112446332781</c:v>
                </c:pt>
                <c:pt idx="13552">
                  <c:v>26.731759710189525</c:v>
                </c:pt>
                <c:pt idx="13553">
                  <c:v>26.731759710189525</c:v>
                </c:pt>
                <c:pt idx="13554">
                  <c:v>26.728505583932762</c:v>
                </c:pt>
                <c:pt idx="13555">
                  <c:v>26.728505583932762</c:v>
                </c:pt>
                <c:pt idx="13556">
                  <c:v>26.725152847789332</c:v>
                </c:pt>
                <c:pt idx="13557">
                  <c:v>26.725152847789332</c:v>
                </c:pt>
                <c:pt idx="13558">
                  <c:v>26.721800111646072</c:v>
                </c:pt>
                <c:pt idx="13559">
                  <c:v>26.721800111646072</c:v>
                </c:pt>
                <c:pt idx="13560">
                  <c:v>26.721800111646072</c:v>
                </c:pt>
                <c:pt idx="13561">
                  <c:v>26.718545985389309</c:v>
                </c:pt>
                <c:pt idx="13562">
                  <c:v>26.718545985389309</c:v>
                </c:pt>
                <c:pt idx="13563">
                  <c:v>26.718545985389309</c:v>
                </c:pt>
                <c:pt idx="13564">
                  <c:v>26.715193249246052</c:v>
                </c:pt>
                <c:pt idx="13565">
                  <c:v>26.711840513102619</c:v>
                </c:pt>
                <c:pt idx="13566">
                  <c:v>26.711840513102619</c:v>
                </c:pt>
                <c:pt idx="13567">
                  <c:v>26.711840513102619</c:v>
                </c:pt>
                <c:pt idx="13568">
                  <c:v>26.708586386846029</c:v>
                </c:pt>
                <c:pt idx="13569">
                  <c:v>26.708586386846029</c:v>
                </c:pt>
                <c:pt idx="13570">
                  <c:v>26.708586386846029</c:v>
                </c:pt>
                <c:pt idx="13571">
                  <c:v>26.705233650702599</c:v>
                </c:pt>
                <c:pt idx="13572">
                  <c:v>26.705233650702599</c:v>
                </c:pt>
                <c:pt idx="13573">
                  <c:v>26.705233650702599</c:v>
                </c:pt>
                <c:pt idx="13574">
                  <c:v>26.705233650702599</c:v>
                </c:pt>
                <c:pt idx="13575">
                  <c:v>26.701880914559343</c:v>
                </c:pt>
                <c:pt idx="13576">
                  <c:v>26.701880914559343</c:v>
                </c:pt>
                <c:pt idx="13577">
                  <c:v>26.701880914559343</c:v>
                </c:pt>
                <c:pt idx="13578">
                  <c:v>26.69862678830258</c:v>
                </c:pt>
                <c:pt idx="13579">
                  <c:v>26.69862678830258</c:v>
                </c:pt>
                <c:pt idx="13580">
                  <c:v>26.69862678830258</c:v>
                </c:pt>
                <c:pt idx="13581">
                  <c:v>26.69527405215932</c:v>
                </c:pt>
                <c:pt idx="13582">
                  <c:v>26.69527405215932</c:v>
                </c:pt>
                <c:pt idx="13583">
                  <c:v>26.69527405215932</c:v>
                </c:pt>
                <c:pt idx="13584">
                  <c:v>26.69527405215932</c:v>
                </c:pt>
                <c:pt idx="13585">
                  <c:v>26.69527405215932</c:v>
                </c:pt>
                <c:pt idx="13586">
                  <c:v>26.69192131601589</c:v>
                </c:pt>
                <c:pt idx="13587">
                  <c:v>26.69192131601589</c:v>
                </c:pt>
                <c:pt idx="13588">
                  <c:v>26.688667189759126</c:v>
                </c:pt>
                <c:pt idx="13589">
                  <c:v>26.688667189759126</c:v>
                </c:pt>
                <c:pt idx="13590">
                  <c:v>26.688667189759126</c:v>
                </c:pt>
                <c:pt idx="13591">
                  <c:v>26.68531445361587</c:v>
                </c:pt>
                <c:pt idx="13592">
                  <c:v>26.681961717472614</c:v>
                </c:pt>
                <c:pt idx="13593">
                  <c:v>26.681961717472614</c:v>
                </c:pt>
                <c:pt idx="13594">
                  <c:v>26.681961717472614</c:v>
                </c:pt>
                <c:pt idx="13595">
                  <c:v>26.678707591215851</c:v>
                </c:pt>
                <c:pt idx="13596">
                  <c:v>26.678707591215851</c:v>
                </c:pt>
                <c:pt idx="13597">
                  <c:v>26.675354855072591</c:v>
                </c:pt>
                <c:pt idx="13598">
                  <c:v>26.675354855072591</c:v>
                </c:pt>
                <c:pt idx="13599">
                  <c:v>26.672002118929157</c:v>
                </c:pt>
                <c:pt idx="13600">
                  <c:v>26.672002118929157</c:v>
                </c:pt>
                <c:pt idx="13601">
                  <c:v>26.668747992672394</c:v>
                </c:pt>
                <c:pt idx="13602">
                  <c:v>26.668747992672394</c:v>
                </c:pt>
                <c:pt idx="13603">
                  <c:v>26.668747992672394</c:v>
                </c:pt>
                <c:pt idx="13604">
                  <c:v>26.665395256529141</c:v>
                </c:pt>
                <c:pt idx="13605">
                  <c:v>26.665395256529141</c:v>
                </c:pt>
                <c:pt idx="13606">
                  <c:v>26.662042520385882</c:v>
                </c:pt>
                <c:pt idx="13607">
                  <c:v>26.662042520385882</c:v>
                </c:pt>
                <c:pt idx="13608">
                  <c:v>26.658788394129118</c:v>
                </c:pt>
                <c:pt idx="13609">
                  <c:v>26.658788394129118</c:v>
                </c:pt>
                <c:pt idx="13610">
                  <c:v>26.655435657985684</c:v>
                </c:pt>
                <c:pt idx="13611">
                  <c:v>26.655435657985684</c:v>
                </c:pt>
                <c:pt idx="13612">
                  <c:v>26.655435657985684</c:v>
                </c:pt>
                <c:pt idx="13613">
                  <c:v>26.655435657985684</c:v>
                </c:pt>
                <c:pt idx="13614">
                  <c:v>26.652082921842428</c:v>
                </c:pt>
                <c:pt idx="13615">
                  <c:v>26.652082921842428</c:v>
                </c:pt>
                <c:pt idx="13616">
                  <c:v>26.652082921842428</c:v>
                </c:pt>
                <c:pt idx="13617">
                  <c:v>26.648730185699172</c:v>
                </c:pt>
                <c:pt idx="13618">
                  <c:v>26.648730185699172</c:v>
                </c:pt>
                <c:pt idx="13619">
                  <c:v>26.648730185699172</c:v>
                </c:pt>
                <c:pt idx="13620">
                  <c:v>26.648730185699172</c:v>
                </c:pt>
                <c:pt idx="13621">
                  <c:v>26.645476059442412</c:v>
                </c:pt>
                <c:pt idx="13622">
                  <c:v>26.645476059442412</c:v>
                </c:pt>
                <c:pt idx="13623">
                  <c:v>26.645476059442412</c:v>
                </c:pt>
                <c:pt idx="13624">
                  <c:v>26.642123323299153</c:v>
                </c:pt>
                <c:pt idx="13625">
                  <c:v>26.642123323299153</c:v>
                </c:pt>
                <c:pt idx="13626">
                  <c:v>26.642123323299153</c:v>
                </c:pt>
                <c:pt idx="13627">
                  <c:v>26.642123323299153</c:v>
                </c:pt>
                <c:pt idx="13628">
                  <c:v>26.642123323299153</c:v>
                </c:pt>
                <c:pt idx="13629">
                  <c:v>26.638770587155719</c:v>
                </c:pt>
                <c:pt idx="13630">
                  <c:v>26.638770587155719</c:v>
                </c:pt>
                <c:pt idx="13631">
                  <c:v>26.638770587155719</c:v>
                </c:pt>
                <c:pt idx="13632">
                  <c:v>26.638770587155719</c:v>
                </c:pt>
                <c:pt idx="13633">
                  <c:v>26.638770587155719</c:v>
                </c:pt>
                <c:pt idx="13634">
                  <c:v>26.638770587155719</c:v>
                </c:pt>
                <c:pt idx="13635">
                  <c:v>26.635516460898955</c:v>
                </c:pt>
                <c:pt idx="13636">
                  <c:v>26.635516460898955</c:v>
                </c:pt>
                <c:pt idx="13637">
                  <c:v>26.635516460898955</c:v>
                </c:pt>
                <c:pt idx="13638">
                  <c:v>26.632163724755699</c:v>
                </c:pt>
                <c:pt idx="13639">
                  <c:v>26.632163724755699</c:v>
                </c:pt>
                <c:pt idx="13640">
                  <c:v>26.632163724755699</c:v>
                </c:pt>
                <c:pt idx="13641">
                  <c:v>26.62881098861244</c:v>
                </c:pt>
                <c:pt idx="13642">
                  <c:v>26.62881098861244</c:v>
                </c:pt>
                <c:pt idx="13643">
                  <c:v>26.62881098861244</c:v>
                </c:pt>
                <c:pt idx="13644">
                  <c:v>26.62881098861244</c:v>
                </c:pt>
                <c:pt idx="13645">
                  <c:v>26.62555686235568</c:v>
                </c:pt>
                <c:pt idx="13646">
                  <c:v>26.62555686235568</c:v>
                </c:pt>
                <c:pt idx="13647">
                  <c:v>26.62555686235568</c:v>
                </c:pt>
                <c:pt idx="13648">
                  <c:v>26.62555686235568</c:v>
                </c:pt>
                <c:pt idx="13649">
                  <c:v>26.622204126212246</c:v>
                </c:pt>
                <c:pt idx="13650">
                  <c:v>26.622204126212246</c:v>
                </c:pt>
                <c:pt idx="13651">
                  <c:v>26.61885139006899</c:v>
                </c:pt>
                <c:pt idx="13652">
                  <c:v>26.61885139006899</c:v>
                </c:pt>
                <c:pt idx="13653">
                  <c:v>26.615597263812226</c:v>
                </c:pt>
                <c:pt idx="13654">
                  <c:v>26.615597263812226</c:v>
                </c:pt>
                <c:pt idx="13655">
                  <c:v>26.615597263812226</c:v>
                </c:pt>
                <c:pt idx="13656">
                  <c:v>26.612244527668967</c:v>
                </c:pt>
                <c:pt idx="13657">
                  <c:v>26.612244527668967</c:v>
                </c:pt>
                <c:pt idx="13658">
                  <c:v>26.608891791525711</c:v>
                </c:pt>
                <c:pt idx="13659">
                  <c:v>26.608891791525711</c:v>
                </c:pt>
                <c:pt idx="13660">
                  <c:v>26.608891791525711</c:v>
                </c:pt>
                <c:pt idx="13661">
                  <c:v>26.605637665268947</c:v>
                </c:pt>
                <c:pt idx="13662">
                  <c:v>26.605637665268947</c:v>
                </c:pt>
                <c:pt idx="13663">
                  <c:v>26.602284929125517</c:v>
                </c:pt>
                <c:pt idx="13664">
                  <c:v>26.602284929125517</c:v>
                </c:pt>
                <c:pt idx="13665">
                  <c:v>26.602284929125517</c:v>
                </c:pt>
                <c:pt idx="13666">
                  <c:v>26.598932192982261</c:v>
                </c:pt>
                <c:pt idx="13667">
                  <c:v>26.598932192982261</c:v>
                </c:pt>
                <c:pt idx="13668">
                  <c:v>26.598932192982261</c:v>
                </c:pt>
                <c:pt idx="13669">
                  <c:v>26.595678066725498</c:v>
                </c:pt>
                <c:pt idx="13670">
                  <c:v>26.595678066725498</c:v>
                </c:pt>
                <c:pt idx="13671">
                  <c:v>26.595678066725498</c:v>
                </c:pt>
                <c:pt idx="13672">
                  <c:v>26.595678066725498</c:v>
                </c:pt>
                <c:pt idx="13673">
                  <c:v>26.592325330582238</c:v>
                </c:pt>
                <c:pt idx="13674">
                  <c:v>26.595678066725498</c:v>
                </c:pt>
                <c:pt idx="13675">
                  <c:v>26.595678066725498</c:v>
                </c:pt>
                <c:pt idx="13676">
                  <c:v>26.592325330582238</c:v>
                </c:pt>
                <c:pt idx="13677">
                  <c:v>26.592325330582238</c:v>
                </c:pt>
                <c:pt idx="13678">
                  <c:v>26.592325330582238</c:v>
                </c:pt>
                <c:pt idx="13679">
                  <c:v>26.592325330582238</c:v>
                </c:pt>
                <c:pt idx="13680">
                  <c:v>26.592325330582238</c:v>
                </c:pt>
                <c:pt idx="13681">
                  <c:v>26.592325330582238</c:v>
                </c:pt>
                <c:pt idx="13682">
                  <c:v>26.592325330582238</c:v>
                </c:pt>
                <c:pt idx="13683">
                  <c:v>26.588972594438808</c:v>
                </c:pt>
                <c:pt idx="13684">
                  <c:v>26.588972594438808</c:v>
                </c:pt>
                <c:pt idx="13685">
                  <c:v>26.588972594438808</c:v>
                </c:pt>
                <c:pt idx="13686">
                  <c:v>26.588972594438808</c:v>
                </c:pt>
                <c:pt idx="13687">
                  <c:v>26.588972594438808</c:v>
                </c:pt>
                <c:pt idx="13688">
                  <c:v>26.588972594438808</c:v>
                </c:pt>
                <c:pt idx="13689">
                  <c:v>26.588972594438808</c:v>
                </c:pt>
                <c:pt idx="13690">
                  <c:v>26.588972594438808</c:v>
                </c:pt>
                <c:pt idx="13691">
                  <c:v>26.588972594438808</c:v>
                </c:pt>
                <c:pt idx="13692">
                  <c:v>26.585718468182218</c:v>
                </c:pt>
                <c:pt idx="13693">
                  <c:v>26.585718468182218</c:v>
                </c:pt>
                <c:pt idx="13694">
                  <c:v>26.585718468182218</c:v>
                </c:pt>
                <c:pt idx="13695">
                  <c:v>26.585718468182218</c:v>
                </c:pt>
                <c:pt idx="13696">
                  <c:v>26.582365732038788</c:v>
                </c:pt>
                <c:pt idx="13697">
                  <c:v>26.582365732038788</c:v>
                </c:pt>
                <c:pt idx="13698">
                  <c:v>26.582365732038788</c:v>
                </c:pt>
                <c:pt idx="13699">
                  <c:v>26.582365732038788</c:v>
                </c:pt>
                <c:pt idx="13700">
                  <c:v>26.579012995895528</c:v>
                </c:pt>
                <c:pt idx="13701">
                  <c:v>26.579012995895528</c:v>
                </c:pt>
                <c:pt idx="13702">
                  <c:v>26.579012995895528</c:v>
                </c:pt>
                <c:pt idx="13703">
                  <c:v>26.575758869638765</c:v>
                </c:pt>
                <c:pt idx="13704">
                  <c:v>26.575758869638765</c:v>
                </c:pt>
                <c:pt idx="13705">
                  <c:v>26.575758869638765</c:v>
                </c:pt>
                <c:pt idx="13706">
                  <c:v>26.572406133495509</c:v>
                </c:pt>
                <c:pt idx="13707">
                  <c:v>26.572406133495509</c:v>
                </c:pt>
                <c:pt idx="13708">
                  <c:v>26.572406133495509</c:v>
                </c:pt>
                <c:pt idx="13709">
                  <c:v>26.569053397352079</c:v>
                </c:pt>
                <c:pt idx="13710">
                  <c:v>26.569053397352079</c:v>
                </c:pt>
                <c:pt idx="13711">
                  <c:v>26.565799271095315</c:v>
                </c:pt>
                <c:pt idx="13712">
                  <c:v>26.565799271095315</c:v>
                </c:pt>
                <c:pt idx="13713">
                  <c:v>26.565799271095315</c:v>
                </c:pt>
                <c:pt idx="13714">
                  <c:v>26.562446534952059</c:v>
                </c:pt>
                <c:pt idx="13715">
                  <c:v>26.562446534952059</c:v>
                </c:pt>
                <c:pt idx="13716">
                  <c:v>26.562446534952059</c:v>
                </c:pt>
                <c:pt idx="13717">
                  <c:v>26.559093798808799</c:v>
                </c:pt>
                <c:pt idx="13718">
                  <c:v>26.559093798808799</c:v>
                </c:pt>
                <c:pt idx="13719">
                  <c:v>26.559093798808799</c:v>
                </c:pt>
                <c:pt idx="13720">
                  <c:v>26.555839672552036</c:v>
                </c:pt>
                <c:pt idx="13721">
                  <c:v>26.555839672552036</c:v>
                </c:pt>
                <c:pt idx="13722">
                  <c:v>26.555839672552036</c:v>
                </c:pt>
                <c:pt idx="13723">
                  <c:v>26.55248693640878</c:v>
                </c:pt>
                <c:pt idx="13724">
                  <c:v>26.55248693640878</c:v>
                </c:pt>
                <c:pt idx="13725">
                  <c:v>26.54913420026535</c:v>
                </c:pt>
                <c:pt idx="13726">
                  <c:v>26.54913420026535</c:v>
                </c:pt>
                <c:pt idx="13727">
                  <c:v>26.54913420026535</c:v>
                </c:pt>
                <c:pt idx="13728">
                  <c:v>26.54913420026535</c:v>
                </c:pt>
                <c:pt idx="13729">
                  <c:v>26.545880074008586</c:v>
                </c:pt>
                <c:pt idx="13730">
                  <c:v>26.545880074008586</c:v>
                </c:pt>
                <c:pt idx="13731">
                  <c:v>26.545880074008586</c:v>
                </c:pt>
                <c:pt idx="13732">
                  <c:v>26.545880074008586</c:v>
                </c:pt>
                <c:pt idx="13733">
                  <c:v>26.542527337865327</c:v>
                </c:pt>
                <c:pt idx="13734">
                  <c:v>26.542527337865327</c:v>
                </c:pt>
                <c:pt idx="13735">
                  <c:v>26.542527337865327</c:v>
                </c:pt>
                <c:pt idx="13736">
                  <c:v>26.542527337865327</c:v>
                </c:pt>
                <c:pt idx="13737">
                  <c:v>26.542527337865327</c:v>
                </c:pt>
                <c:pt idx="13738">
                  <c:v>26.53917460172207</c:v>
                </c:pt>
                <c:pt idx="13739">
                  <c:v>26.53917460172207</c:v>
                </c:pt>
                <c:pt idx="13740">
                  <c:v>26.53917460172207</c:v>
                </c:pt>
                <c:pt idx="13741">
                  <c:v>26.53917460172207</c:v>
                </c:pt>
                <c:pt idx="13742">
                  <c:v>26.53917460172207</c:v>
                </c:pt>
                <c:pt idx="13743">
                  <c:v>26.53917460172207</c:v>
                </c:pt>
                <c:pt idx="13744">
                  <c:v>26.53917460172207</c:v>
                </c:pt>
                <c:pt idx="13745">
                  <c:v>26.535920475465307</c:v>
                </c:pt>
                <c:pt idx="13746">
                  <c:v>26.535920475465307</c:v>
                </c:pt>
                <c:pt idx="13747">
                  <c:v>26.535920475465307</c:v>
                </c:pt>
                <c:pt idx="13748">
                  <c:v>26.535920475465307</c:v>
                </c:pt>
                <c:pt idx="13749">
                  <c:v>26.535920475465307</c:v>
                </c:pt>
                <c:pt idx="13750">
                  <c:v>26.532567739322047</c:v>
                </c:pt>
                <c:pt idx="13751">
                  <c:v>26.532567739322047</c:v>
                </c:pt>
                <c:pt idx="13752">
                  <c:v>26.532567739322047</c:v>
                </c:pt>
                <c:pt idx="13753">
                  <c:v>26.532567739322047</c:v>
                </c:pt>
                <c:pt idx="13754">
                  <c:v>26.532567739322047</c:v>
                </c:pt>
                <c:pt idx="13755">
                  <c:v>26.532567739322047</c:v>
                </c:pt>
                <c:pt idx="13756">
                  <c:v>26.529215003178617</c:v>
                </c:pt>
                <c:pt idx="13757">
                  <c:v>26.529215003178617</c:v>
                </c:pt>
                <c:pt idx="13758">
                  <c:v>26.529215003178617</c:v>
                </c:pt>
                <c:pt idx="13759">
                  <c:v>26.529215003178617</c:v>
                </c:pt>
                <c:pt idx="13760">
                  <c:v>26.525862267035361</c:v>
                </c:pt>
                <c:pt idx="13761">
                  <c:v>26.525862267035361</c:v>
                </c:pt>
                <c:pt idx="13762">
                  <c:v>26.525862267035361</c:v>
                </c:pt>
                <c:pt idx="13763">
                  <c:v>26.525862267035361</c:v>
                </c:pt>
                <c:pt idx="13764">
                  <c:v>26.522608140778598</c:v>
                </c:pt>
                <c:pt idx="13765">
                  <c:v>26.522608140778598</c:v>
                </c:pt>
                <c:pt idx="13766">
                  <c:v>26.522608140778598</c:v>
                </c:pt>
                <c:pt idx="13767">
                  <c:v>26.522608140778598</c:v>
                </c:pt>
                <c:pt idx="13768">
                  <c:v>26.519255404635341</c:v>
                </c:pt>
                <c:pt idx="13769">
                  <c:v>26.519255404635341</c:v>
                </c:pt>
                <c:pt idx="13770">
                  <c:v>26.519255404635341</c:v>
                </c:pt>
                <c:pt idx="13771">
                  <c:v>26.519255404635341</c:v>
                </c:pt>
                <c:pt idx="13772">
                  <c:v>26.515902668491908</c:v>
                </c:pt>
                <c:pt idx="13773">
                  <c:v>26.515902668491908</c:v>
                </c:pt>
                <c:pt idx="13774">
                  <c:v>26.515902668491908</c:v>
                </c:pt>
                <c:pt idx="13775">
                  <c:v>26.512648542235144</c:v>
                </c:pt>
                <c:pt idx="13776">
                  <c:v>26.512648542235144</c:v>
                </c:pt>
                <c:pt idx="13777">
                  <c:v>26.512648542235144</c:v>
                </c:pt>
                <c:pt idx="13778">
                  <c:v>26.509295806091885</c:v>
                </c:pt>
                <c:pt idx="13779">
                  <c:v>26.509295806091885</c:v>
                </c:pt>
                <c:pt idx="13780">
                  <c:v>26.509295806091885</c:v>
                </c:pt>
                <c:pt idx="13781">
                  <c:v>26.509295806091885</c:v>
                </c:pt>
                <c:pt idx="13782">
                  <c:v>26.505943069948632</c:v>
                </c:pt>
                <c:pt idx="13783">
                  <c:v>26.505943069948632</c:v>
                </c:pt>
                <c:pt idx="13784">
                  <c:v>26.505943069948632</c:v>
                </c:pt>
                <c:pt idx="13785">
                  <c:v>26.505943069948632</c:v>
                </c:pt>
                <c:pt idx="13786">
                  <c:v>26.505943069948632</c:v>
                </c:pt>
                <c:pt idx="13787">
                  <c:v>26.502688943691869</c:v>
                </c:pt>
                <c:pt idx="13788">
                  <c:v>26.502688943691869</c:v>
                </c:pt>
                <c:pt idx="13789">
                  <c:v>26.502688943691869</c:v>
                </c:pt>
                <c:pt idx="13790">
                  <c:v>26.499336207548609</c:v>
                </c:pt>
                <c:pt idx="13791">
                  <c:v>26.499336207548609</c:v>
                </c:pt>
                <c:pt idx="13792">
                  <c:v>26.499336207548609</c:v>
                </c:pt>
                <c:pt idx="13793">
                  <c:v>26.499336207548609</c:v>
                </c:pt>
                <c:pt idx="13794">
                  <c:v>26.495983471405175</c:v>
                </c:pt>
                <c:pt idx="13795">
                  <c:v>26.495983471405175</c:v>
                </c:pt>
                <c:pt idx="13796">
                  <c:v>26.495983471405175</c:v>
                </c:pt>
                <c:pt idx="13797">
                  <c:v>26.495983471405175</c:v>
                </c:pt>
                <c:pt idx="13798">
                  <c:v>26.495983471405175</c:v>
                </c:pt>
                <c:pt idx="13799">
                  <c:v>26.492729345148412</c:v>
                </c:pt>
                <c:pt idx="13800">
                  <c:v>26.492729345148412</c:v>
                </c:pt>
                <c:pt idx="13801">
                  <c:v>26.492729345148412</c:v>
                </c:pt>
                <c:pt idx="13802">
                  <c:v>26.49272934514841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2D79-4E80-A3D1-87FA4BAEEF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9041936"/>
        <c:axId val="159169088"/>
      </c:scatterChart>
      <c:valAx>
        <c:axId val="309041936"/>
        <c:scaling>
          <c:orientation val="minMax"/>
          <c:max val="180"/>
          <c:min val="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59169088"/>
        <c:crosses val="autoZero"/>
        <c:crossBetween val="midCat"/>
      </c:valAx>
      <c:valAx>
        <c:axId val="159169088"/>
        <c:scaling>
          <c:orientation val="minMax"/>
          <c:max val="26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Uptake (mg/g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904193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4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7142</xdr:colOff>
      <xdr:row>0</xdr:row>
      <xdr:rowOff>57150</xdr:rowOff>
    </xdr:from>
    <xdr:to>
      <xdr:col>8</xdr:col>
      <xdr:colOff>538162</xdr:colOff>
      <xdr:row>12</xdr:row>
      <xdr:rowOff>154782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B3E47B1F-4D94-4649-A1E2-82086C00E1C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190500</xdr:colOff>
      <xdr:row>4</xdr:row>
      <xdr:rowOff>0</xdr:rowOff>
    </xdr:from>
    <xdr:to>
      <xdr:col>17</xdr:col>
      <xdr:colOff>111920</xdr:colOff>
      <xdr:row>16</xdr:row>
      <xdr:rowOff>97632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607C20C3-A08F-4BAE-8395-21CCE26C354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596240</xdr:colOff>
      <xdr:row>3</xdr:row>
      <xdr:rowOff>16946</xdr:rowOff>
    </xdr:from>
    <xdr:to>
      <xdr:col>18</xdr:col>
      <xdr:colOff>420584</xdr:colOff>
      <xdr:row>20</xdr:row>
      <xdr:rowOff>74222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AB3B7745-0B16-4C91-B01D-10A28E10453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163285</xdr:colOff>
      <xdr:row>4</xdr:row>
      <xdr:rowOff>140647</xdr:rowOff>
    </xdr:from>
    <xdr:to>
      <xdr:col>17</xdr:col>
      <xdr:colOff>470065</xdr:colOff>
      <xdr:row>22</xdr:row>
      <xdr:rowOff>0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6456752B-A649-40A5-9BCA-059544CAD2FC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353784</xdr:colOff>
      <xdr:row>7</xdr:row>
      <xdr:rowOff>95251</xdr:rowOff>
    </xdr:from>
    <xdr:to>
      <xdr:col>20</xdr:col>
      <xdr:colOff>340180</xdr:colOff>
      <xdr:row>28</xdr:row>
      <xdr:rowOff>34021</xdr:rowOff>
    </xdr:to>
    <xdr:graphicFrame macro="">
      <xdr:nvGraphicFramePr>
        <xdr:cNvPr id="10" name="Chart 9">
          <a:extLst>
            <a:ext uri="{FF2B5EF4-FFF2-40B4-BE49-F238E27FC236}">
              <a16:creationId xmlns:a16="http://schemas.microsoft.com/office/drawing/2014/main" id="{B88EE4C9-2362-4B52-A80D-C658000E70A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163286</xdr:colOff>
      <xdr:row>28</xdr:row>
      <xdr:rowOff>176893</xdr:rowOff>
    </xdr:from>
    <xdr:to>
      <xdr:col>20</xdr:col>
      <xdr:colOff>149682</xdr:colOff>
      <xdr:row>49</xdr:row>
      <xdr:rowOff>115663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DD2D0EC-6607-4BDA-9FD7-05BD4EF8475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323117\AppData\Local\Temp\Temp1_Physi%20ViewCalc%202007.zip\Physi%20ViewCalc%202007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AN Overlays"/>
      <sheetName val="t-Plot Overlays"/>
      <sheetName val="Reference"/>
      <sheetName val="Instructions"/>
      <sheetName val="Isotherm Data"/>
      <sheetName val="BET Surface Area Report"/>
      <sheetName val="Langmuir"/>
      <sheetName val="t-Plot"/>
      <sheetName val="Parameters"/>
      <sheetName val="Techniques"/>
      <sheetName val="License"/>
      <sheetName val="ISO_MCM41"/>
      <sheetName val="ISO_Primary"/>
      <sheetName val="BET Overlays"/>
      <sheetName val="zISO Overlays"/>
    </sheetNames>
    <sheetDataSet>
      <sheetData sheetId="0">
        <row r="14">
          <cell r="C14" t="str">
            <v>ISO_MCM41</v>
          </cell>
          <cell r="I14" t="str">
            <v>ISO_CARBSV-G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74</v>
          </cell>
          <cell r="G17">
            <v>1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55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1">
        <row r="14">
          <cell r="C14" t="str">
            <v>ISO_CARBSV-G</v>
          </cell>
          <cell r="I14" t="str">
            <v>ISO_MCM41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1</v>
          </cell>
          <cell r="G17">
            <v>62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0</v>
          </cell>
          <cell r="G18">
            <v>61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2"/>
      <sheetData sheetId="3"/>
      <sheetData sheetId="4">
        <row r="6">
          <cell r="F6">
            <v>44.61168</v>
          </cell>
        </row>
      </sheetData>
      <sheetData sheetId="5">
        <row r="1">
          <cell r="F1" t="str">
            <v>www.micromeritics.com</v>
          </cell>
        </row>
        <row r="2">
          <cell r="F2" t="str">
            <v>RP</v>
          </cell>
        </row>
        <row r="3">
          <cell r="F3" t="str">
            <v>&gt;=0.0249</v>
          </cell>
        </row>
        <row r="4">
          <cell r="F4" t="str">
            <v>RP</v>
          </cell>
          <cell r="H4" t="str">
            <v>RP</v>
          </cell>
        </row>
        <row r="5">
          <cell r="F5" t="str">
            <v>&gt;=0.00569561</v>
          </cell>
          <cell r="H5" t="str">
            <v>&lt;=0.499708696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2.4899999999999999E-2</v>
          </cell>
          <cell r="H7">
            <v>0.3</v>
          </cell>
        </row>
        <row r="8">
          <cell r="F8" t="str">
            <v>Experimental Data Limits</v>
          </cell>
        </row>
        <row r="9">
          <cell r="F9" t="str">
            <v>Real limits</v>
          </cell>
          <cell r="G9">
            <v>5.6956100000000003E-3</v>
          </cell>
          <cell r="H9">
            <v>0.49970869600000001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BET Surface Area (m2/g)</v>
          </cell>
        </row>
        <row r="26">
          <cell r="F26" t="str">
            <v>C</v>
          </cell>
        </row>
        <row r="27">
          <cell r="F27" t="str">
            <v>Qm (cm3/g STP)</v>
          </cell>
        </row>
        <row r="28">
          <cell r="F28" t="str">
            <v>Slope (g/cm3 STP)</v>
          </cell>
        </row>
        <row r="29">
          <cell r="F29" t="str">
            <v>Y-Intercept (g/cm3 STP)</v>
          </cell>
        </row>
        <row r="30">
          <cell r="F30" t="str">
            <v>Correlation</v>
          </cell>
        </row>
        <row r="31">
          <cell r="F31" t="str">
            <v>Molecular CSA (nm2)</v>
          </cell>
          <cell r="H31" t="str">
            <v>Nitrogen</v>
          </cell>
        </row>
        <row r="33">
          <cell r="F33" t="str">
            <v>BET Data</v>
          </cell>
        </row>
        <row r="34">
          <cell r="F34" t="str">
            <v>Relative Pressure 
(p/p°)</v>
          </cell>
        </row>
        <row r="35">
          <cell r="F35" t="str">
            <v>RP</v>
          </cell>
        </row>
        <row r="36">
          <cell r="F36">
            <v>8.253793287265547E-3</v>
          </cell>
        </row>
        <row r="37">
          <cell r="E37">
            <v>1</v>
          </cell>
          <cell r="F37">
            <v>6.2762706910167818E-2</v>
          </cell>
        </row>
        <row r="38">
          <cell r="E38">
            <v>3</v>
          </cell>
          <cell r="F38">
            <v>0.15368327462981243</v>
          </cell>
        </row>
        <row r="39">
          <cell r="F39">
            <v>0.25229604</v>
          </cell>
        </row>
        <row r="40">
          <cell r="F40">
            <v>0.37039034916090824</v>
          </cell>
        </row>
        <row r="41">
          <cell r="F41" t="str">
            <v/>
          </cell>
        </row>
        <row r="42">
          <cell r="F42" t="str">
            <v/>
          </cell>
        </row>
        <row r="43">
          <cell r="F43" t="str">
            <v/>
          </cell>
        </row>
        <row r="44">
          <cell r="F44" t="str">
            <v/>
          </cell>
        </row>
        <row r="45">
          <cell r="F45" t="str">
            <v/>
          </cell>
        </row>
        <row r="46">
          <cell r="F46" t="str">
            <v/>
          </cell>
        </row>
        <row r="47">
          <cell r="F47" t="str">
            <v/>
          </cell>
        </row>
        <row r="48">
          <cell r="F48" t="str">
            <v/>
          </cell>
        </row>
        <row r="49">
          <cell r="F49" t="str">
            <v/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</sheetData>
      <sheetData sheetId="6">
        <row r="1">
          <cell r="F1" t="str">
            <v>www.micromeritics.com</v>
          </cell>
        </row>
        <row r="2">
          <cell r="F2" t="str">
            <v>AP</v>
          </cell>
        </row>
        <row r="3">
          <cell r="F3" t="str">
            <v>&gt;=132.002182</v>
          </cell>
        </row>
        <row r="4">
          <cell r="F4" t="str">
            <v>AP</v>
          </cell>
          <cell r="H4" t="str">
            <v>AP</v>
          </cell>
        </row>
        <row r="5">
          <cell r="F5" t="str">
            <v>&gt;=132.002182</v>
          </cell>
          <cell r="H5" t="str">
            <v>&lt;=386.053345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132.002182</v>
          </cell>
          <cell r="H7">
            <v>312.294037</v>
          </cell>
        </row>
        <row r="8">
          <cell r="F8" t="str">
            <v>Experimental Data Limits</v>
          </cell>
          <cell r="G8">
            <v>123</v>
          </cell>
          <cell r="H8">
            <v>386.05334499999998</v>
          </cell>
        </row>
        <row r="9">
          <cell r="F9" t="str">
            <v>Real limits</v>
          </cell>
          <cell r="G9">
            <v>132.002182</v>
          </cell>
          <cell r="H9">
            <v>386.05334499999998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Langmuir Surface Area (m2/g)</v>
          </cell>
        </row>
        <row r="26">
          <cell r="F26" t="str">
            <v>b (1/mmHg)</v>
          </cell>
        </row>
        <row r="27">
          <cell r="F27" t="str">
            <v>Qm (cm3/g STP)</v>
          </cell>
        </row>
        <row r="28">
          <cell r="F28" t="str">
            <v>Slope (g/cm3 STP)</v>
          </cell>
        </row>
        <row r="29">
          <cell r="F29" t="str">
            <v>Y-Intercept (mmHg g/cm3 STP)</v>
          </cell>
        </row>
        <row r="30">
          <cell r="F30" t="str">
            <v>Correlation</v>
          </cell>
        </row>
        <row r="31">
          <cell r="F31" t="str">
            <v>Molecular CSA (nm2)</v>
          </cell>
          <cell r="H31" t="str">
            <v>Nitrogen</v>
          </cell>
        </row>
        <row r="33">
          <cell r="F33" t="str">
            <v>Langmuir Data</v>
          </cell>
        </row>
        <row r="34">
          <cell r="F34" t="str">
            <v>Absolute Pressure 
(mmHg)</v>
          </cell>
        </row>
        <row r="35">
          <cell r="F35" t="str">
            <v>AP</v>
          </cell>
        </row>
        <row r="36">
          <cell r="F36">
            <v>191.68191619999999</v>
          </cell>
        </row>
        <row r="37">
          <cell r="E37">
            <v>0</v>
          </cell>
          <cell r="F37">
            <v>281.40406777499999</v>
          </cell>
        </row>
        <row r="38">
          <cell r="E38">
            <v>2</v>
          </cell>
          <cell r="F38" t="str">
            <v/>
          </cell>
        </row>
        <row r="39">
          <cell r="F39" t="str">
            <v/>
          </cell>
        </row>
        <row r="40">
          <cell r="F40" t="str">
            <v/>
          </cell>
        </row>
        <row r="41">
          <cell r="F41" t="str">
            <v/>
          </cell>
        </row>
        <row r="42">
          <cell r="F42" t="str">
            <v/>
          </cell>
        </row>
        <row r="43">
          <cell r="F43" t="str">
            <v/>
          </cell>
        </row>
        <row r="44">
          <cell r="F44" t="str">
            <v/>
          </cell>
        </row>
        <row r="45">
          <cell r="F45" t="str">
            <v/>
          </cell>
        </row>
        <row r="46">
          <cell r="F46" t="str">
            <v/>
          </cell>
        </row>
        <row r="47">
          <cell r="F47" t="str">
            <v/>
          </cell>
        </row>
        <row r="48">
          <cell r="F48" t="str">
            <v/>
          </cell>
        </row>
        <row r="49">
          <cell r="F49" t="str">
            <v/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</sheetData>
      <sheetData sheetId="7">
        <row r="1">
          <cell r="F1" t="str">
            <v>www.micromeritics.com</v>
          </cell>
        </row>
        <row r="2">
          <cell r="F2" t="str">
            <v>RP</v>
          </cell>
        </row>
        <row r="3">
          <cell r="F3" t="str">
            <v>&gt;=0.049</v>
          </cell>
        </row>
        <row r="4">
          <cell r="F4" t="str">
            <v>RP</v>
          </cell>
          <cell r="H4" t="str">
            <v>RP</v>
          </cell>
        </row>
        <row r="5">
          <cell r="F5" t="str">
            <v>&gt;=0.00569561</v>
          </cell>
          <cell r="H5" t="str">
            <v>&lt;=0.499708696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4.9000000000000002E-2</v>
          </cell>
          <cell r="H7">
            <v>0.35141766000000002</v>
          </cell>
        </row>
        <row r="8">
          <cell r="F8" t="str">
            <v>Experimental Data Limits</v>
          </cell>
          <cell r="G8">
            <v>5.0000000000000001E-3</v>
          </cell>
          <cell r="H8">
            <v>0.5</v>
          </cell>
        </row>
        <row r="9">
          <cell r="F9" t="str">
            <v>Real limits</v>
          </cell>
          <cell r="G9">
            <v>5.6956100000000003E-3</v>
          </cell>
          <cell r="H9">
            <v>0.49970869600000001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A_M</v>
          </cell>
        </row>
        <row r="26">
          <cell r="F26" t="str">
            <v>CM3_M3</v>
          </cell>
        </row>
        <row r="27">
          <cell r="F27" t="str">
            <v>Micropore Volume (cm3/g):</v>
          </cell>
        </row>
        <row r="28">
          <cell r="F28" t="str">
            <v>Micropore Area (m2/g):</v>
          </cell>
        </row>
        <row r="29">
          <cell r="F29" t="str">
            <v>External Surface Area (m2/g)</v>
          </cell>
        </row>
        <row r="30">
          <cell r="F30" t="str">
            <v>Molecular CSA (nm2)</v>
          </cell>
          <cell r="H30" t="str">
            <v>Nitrogen</v>
          </cell>
        </row>
        <row r="31">
          <cell r="F31" t="str">
            <v>Molecular DCF</v>
          </cell>
        </row>
        <row r="32">
          <cell r="F32" t="str">
            <v>Surface Area Correction Factor</v>
          </cell>
        </row>
        <row r="33">
          <cell r="F33" t="str">
            <v>Total Surface Area (m2/g)</v>
          </cell>
        </row>
        <row r="34">
          <cell r="F34" t="str">
            <v>Thickness Curve</v>
          </cell>
          <cell r="H34" t="str">
            <v>Broekoff-de Boer</v>
          </cell>
        </row>
        <row r="35">
          <cell r="F35" t="str">
            <v>t-Plot Surface Area (m2/g)</v>
          </cell>
        </row>
        <row r="36">
          <cell r="F36" t="str">
            <v>Slope (cm3/g-A STP)</v>
          </cell>
        </row>
        <row r="37">
          <cell r="F37" t="str">
            <v>Y-Intercept (cm3/g STP)</v>
          </cell>
        </row>
        <row r="38">
          <cell r="F38" t="str">
            <v>Correlation</v>
          </cell>
        </row>
        <row r="42">
          <cell r="F42" t="str">
            <v>t-Plot Data</v>
          </cell>
        </row>
        <row r="43">
          <cell r="F43" t="str">
            <v>Relative Pressure 
(p/p°)</v>
          </cell>
        </row>
        <row r="44">
          <cell r="F44" t="str">
            <v>RP</v>
          </cell>
        </row>
        <row r="45">
          <cell r="F45">
            <v>8.253793287265547E-3</v>
          </cell>
        </row>
        <row r="46">
          <cell r="E46">
            <v>1</v>
          </cell>
          <cell r="F46">
            <v>6.2762706910167818E-2</v>
          </cell>
        </row>
        <row r="47">
          <cell r="E47">
            <v>3</v>
          </cell>
          <cell r="F47">
            <v>0.15368327462981243</v>
          </cell>
        </row>
        <row r="48">
          <cell r="F48">
            <v>0.25229604</v>
          </cell>
        </row>
        <row r="49">
          <cell r="F49">
            <v>0.37039034916090824</v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  <row r="536">
          <cell r="F536" t="str">
            <v/>
          </cell>
        </row>
        <row r="537">
          <cell r="F537" t="str">
            <v/>
          </cell>
        </row>
        <row r="538">
          <cell r="F538" t="str">
            <v/>
          </cell>
        </row>
        <row r="539">
          <cell r="F539" t="str">
            <v/>
          </cell>
        </row>
        <row r="540">
          <cell r="F540" t="str">
            <v/>
          </cell>
        </row>
        <row r="541">
          <cell r="F541" t="str">
            <v/>
          </cell>
        </row>
        <row r="542">
          <cell r="F542" t="str">
            <v/>
          </cell>
        </row>
        <row r="543">
          <cell r="F543" t="str">
            <v/>
          </cell>
        </row>
        <row r="544">
          <cell r="F544" t="str">
            <v/>
          </cell>
        </row>
      </sheetData>
      <sheetData sheetId="8">
        <row r="1">
          <cell r="B1" t="str">
            <v>www.micromeritics.com</v>
          </cell>
          <cell r="Q1" t="str">
            <v>User Defined Thickness</v>
          </cell>
        </row>
        <row r="2">
          <cell r="B2" t="str">
            <v>Name of Gas</v>
          </cell>
          <cell r="G2" t="str">
            <v>ISO Data Worksheets</v>
          </cell>
          <cell r="I2" t="str">
            <v>All Worksheets</v>
          </cell>
          <cell r="J2" t="str">
            <v>Show Worksheets</v>
          </cell>
          <cell r="K2" t="str">
            <v>key sheets</v>
          </cell>
          <cell r="L2" t="str">
            <v>Type:</v>
          </cell>
          <cell r="M2" t="str">
            <v>Prm1</v>
          </cell>
          <cell r="N2" t="str">
            <v>Prm2</v>
          </cell>
          <cell r="O2" t="str">
            <v>Prm3</v>
          </cell>
          <cell r="Q2" t="str">
            <v>Relative Pressure (p/p°)</v>
          </cell>
        </row>
        <row r="3">
          <cell r="B3" t="str">
            <v>Argon</v>
          </cell>
          <cell r="G3" t="str">
            <v>n/a</v>
          </cell>
          <cell r="I3" t="str">
            <v>LAN Overlays</v>
          </cell>
          <cell r="J3" t="str">
            <v>Instructions</v>
          </cell>
          <cell r="K3" t="str">
            <v>Isotherm Data</v>
          </cell>
          <cell r="L3" t="str">
            <v>Halsey</v>
          </cell>
          <cell r="M3">
            <v>3.54</v>
          </cell>
          <cell r="N3">
            <v>-5</v>
          </cell>
          <cell r="O3">
            <v>0.33300000000000002</v>
          </cell>
          <cell r="Q3">
            <v>9.9882779999999997E-3</v>
          </cell>
        </row>
        <row r="4">
          <cell r="B4" t="str">
            <v>Nitrogen</v>
          </cell>
          <cell r="G4" t="str">
            <v>ISO_MCM41</v>
          </cell>
          <cell r="I4" t="str">
            <v>t-Plot Overlays</v>
          </cell>
          <cell r="J4" t="str">
            <v>Isotherm Data</v>
          </cell>
          <cell r="K4" t="str">
            <v>t-Plot</v>
          </cell>
          <cell r="L4" t="str">
            <v>Harkin-Jura</v>
          </cell>
          <cell r="M4">
            <v>13.99</v>
          </cell>
          <cell r="N4">
            <v>3.4000000000000002E-2</v>
          </cell>
          <cell r="O4">
            <v>0.5</v>
          </cell>
          <cell r="Q4">
            <v>1.5255688E-2</v>
          </cell>
        </row>
        <row r="5">
          <cell r="B5" t="str">
            <v>Carbon Dioxide</v>
          </cell>
          <cell r="I5" t="str">
            <v>Instructions</v>
          </cell>
          <cell r="J5" t="str">
            <v>BET Surface Area Report</v>
          </cell>
          <cell r="K5" t="str">
            <v>BET Surface Area Report</v>
          </cell>
          <cell r="L5" t="str">
            <v>Broekoff-de Boer</v>
          </cell>
          <cell r="M5">
            <v>-16.11</v>
          </cell>
          <cell r="N5">
            <v>0.16819999999999999</v>
          </cell>
          <cell r="O5">
            <v>-0.1137</v>
          </cell>
          <cell r="Q5">
            <v>2.0162657E-2</v>
          </cell>
        </row>
        <row r="6">
          <cell r="B6" t="str">
            <v>Krypton</v>
          </cell>
          <cell r="I6" t="str">
            <v>Isotherm Data</v>
          </cell>
          <cell r="J6" t="str">
            <v>Langmuir</v>
          </cell>
          <cell r="K6" t="str">
            <v>Langmuir</v>
          </cell>
          <cell r="L6" t="str">
            <v>Carbon Black STSA</v>
          </cell>
          <cell r="M6">
            <v>2.98</v>
          </cell>
          <cell r="N6">
            <v>6.45</v>
          </cell>
          <cell r="O6">
            <v>0.88</v>
          </cell>
          <cell r="Q6">
            <v>2.5311861000000001E-2</v>
          </cell>
        </row>
        <row r="7">
          <cell r="I7" t="str">
            <v>BET Surface Area Report</v>
          </cell>
          <cell r="J7" t="str">
            <v>t-Plot</v>
          </cell>
          <cell r="L7" t="str">
            <v>User Defined</v>
          </cell>
          <cell r="Q7">
            <v>2.965112E-2</v>
          </cell>
        </row>
        <row r="8">
          <cell r="I8" t="str">
            <v>Langmuir</v>
          </cell>
          <cell r="J8" t="str">
            <v>Parameters</v>
          </cell>
          <cell r="Q8">
            <v>3.4921001E-2</v>
          </cell>
        </row>
        <row r="9">
          <cell r="I9" t="str">
            <v>t-Plot</v>
          </cell>
          <cell r="J9" t="str">
            <v>Techniques</v>
          </cell>
          <cell r="Q9">
            <v>4.0035932000000003E-2</v>
          </cell>
        </row>
        <row r="10">
          <cell r="I10" t="str">
            <v>Parameters</v>
          </cell>
          <cell r="J10" t="str">
            <v>ISO_Primary</v>
          </cell>
          <cell r="Q10">
            <v>4.4959910999999998E-2</v>
          </cell>
        </row>
        <row r="11">
          <cell r="I11" t="str">
            <v>Techniques</v>
          </cell>
          <cell r="J11" t="str">
            <v>ISO_MCM41</v>
          </cell>
          <cell r="Q11">
            <v>5.0010122999999997E-2</v>
          </cell>
        </row>
        <row r="12">
          <cell r="I12" t="str">
            <v>License</v>
          </cell>
          <cell r="Q12">
            <v>7.5176831E-2</v>
          </cell>
        </row>
        <row r="13">
          <cell r="I13" t="str">
            <v>ISO_MCM41</v>
          </cell>
          <cell r="Q13">
            <v>0.103959526</v>
          </cell>
        </row>
        <row r="14">
          <cell r="I14" t="str">
            <v>ISO_Primary</v>
          </cell>
          <cell r="Q14">
            <v>0.13007400599999999</v>
          </cell>
        </row>
        <row r="15">
          <cell r="I15" t="str">
            <v>BET Overlays</v>
          </cell>
          <cell r="Q15">
            <v>0.15694949599999999</v>
          </cell>
        </row>
        <row r="16">
          <cell r="I16" t="str">
            <v>zISO Overlays</v>
          </cell>
          <cell r="Q16">
            <v>0.179572335</v>
          </cell>
        </row>
        <row r="17">
          <cell r="Q17">
            <v>0.20354256200000001</v>
          </cell>
        </row>
        <row r="18">
          <cell r="Q18">
            <v>0.22713504700000001</v>
          </cell>
        </row>
        <row r="19">
          <cell r="Q19">
            <v>0.25189668799999998</v>
          </cell>
        </row>
        <row r="20">
          <cell r="Q20">
            <v>0.276709661</v>
          </cell>
        </row>
        <row r="21">
          <cell r="Q21">
            <v>0.30165506600000003</v>
          </cell>
        </row>
        <row r="22">
          <cell r="Q22">
            <v>0.326554552</v>
          </cell>
        </row>
        <row r="23">
          <cell r="Q23">
            <v>0.35141766000000002</v>
          </cell>
        </row>
        <row r="24">
          <cell r="Q24">
            <v>0.37556135699999998</v>
          </cell>
        </row>
        <row r="25">
          <cell r="Q25">
            <v>0.40056323100000002</v>
          </cell>
        </row>
        <row r="26">
          <cell r="Q26">
            <v>0.42511147700000002</v>
          </cell>
        </row>
        <row r="27">
          <cell r="Q27">
            <v>0.45037894899999997</v>
          </cell>
        </row>
        <row r="28">
          <cell r="Q28">
            <v>0.47519604199999999</v>
          </cell>
        </row>
        <row r="29">
          <cell r="Q29">
            <v>0.49970869600000001</v>
          </cell>
        </row>
        <row r="30">
          <cell r="Q30">
            <v>0.52549695399999996</v>
          </cell>
        </row>
        <row r="31">
          <cell r="Q31">
            <v>0.55011793499999995</v>
          </cell>
        </row>
        <row r="32">
          <cell r="Q32">
            <v>0.57496686900000005</v>
          </cell>
        </row>
        <row r="33">
          <cell r="Q33">
            <v>0.600147659</v>
          </cell>
        </row>
        <row r="34">
          <cell r="Q34">
            <v>0.62507379500000004</v>
          </cell>
        </row>
      </sheetData>
      <sheetData sheetId="9"/>
      <sheetData sheetId="10"/>
      <sheetData sheetId="11"/>
      <sheetData sheetId="12"/>
      <sheetData sheetId="13">
        <row r="11">
          <cell r="C11">
            <v>0</v>
          </cell>
          <cell r="D11">
            <v>4.6413831690277226E-5</v>
          </cell>
          <cell r="I11">
            <v>0</v>
          </cell>
          <cell r="J11">
            <v>0</v>
          </cell>
          <cell r="O11">
            <v>0</v>
          </cell>
          <cell r="P11">
            <v>0</v>
          </cell>
          <cell r="U11">
            <v>0</v>
          </cell>
          <cell r="V11">
            <v>0</v>
          </cell>
          <cell r="AA11">
            <v>0</v>
          </cell>
          <cell r="AB11">
            <v>0</v>
          </cell>
        </row>
        <row r="14">
          <cell r="C14" t="str">
            <v>ISO_MCM41</v>
          </cell>
          <cell r="I14" t="str">
            <v>ISO_CARBSV-G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103</v>
          </cell>
          <cell r="G17">
            <v>1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55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14">
        <row r="15">
          <cell r="C15" t="str">
            <v>ISO_MCM41</v>
          </cell>
          <cell r="I15" t="str">
            <v>ISO_CARBSV-G</v>
          </cell>
          <cell r="O15" t="str">
            <v>ISO_ZSM5_B</v>
          </cell>
          <cell r="U15" t="str">
            <v>ISO_CBV600</v>
          </cell>
          <cell r="AA15" t="str">
            <v>ISO_MCM41_1</v>
          </cell>
        </row>
        <row r="18">
          <cell r="A18">
            <v>282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5:A35"/>
  <sheetViews>
    <sheetView tabSelected="1" zoomScale="60" zoomScaleNormal="60" workbookViewId="0">
      <selection activeCell="B16" sqref="B16"/>
    </sheetView>
  </sheetViews>
  <sheetFormatPr defaultColWidth="9.140625" defaultRowHeight="14.25" x14ac:dyDescent="0.2"/>
  <cols>
    <col min="1" max="1" width="199.85546875" style="1" customWidth="1"/>
    <col min="2" max="2" width="49" style="1" customWidth="1"/>
    <col min="3" max="16384" width="9.140625" style="1"/>
  </cols>
  <sheetData>
    <row r="5" spans="1:1" ht="20.25" x14ac:dyDescent="0.2">
      <c r="A5" s="37" t="s">
        <v>19</v>
      </c>
    </row>
    <row r="6" spans="1:1" ht="20.25" x14ac:dyDescent="0.2">
      <c r="A6" s="2"/>
    </row>
    <row r="7" spans="1:1" ht="26.25" x14ac:dyDescent="0.2">
      <c r="A7" s="3"/>
    </row>
    <row r="8" spans="1:1" ht="26.25" x14ac:dyDescent="0.2">
      <c r="A8" s="3"/>
    </row>
    <row r="9" spans="1:1" ht="18.75" x14ac:dyDescent="0.2">
      <c r="A9" s="38" t="s">
        <v>20</v>
      </c>
    </row>
    <row r="10" spans="1:1" ht="20.25" x14ac:dyDescent="0.2">
      <c r="A10" s="4"/>
    </row>
    <row r="11" spans="1:1" ht="20.25" x14ac:dyDescent="0.2">
      <c r="A11" s="36" t="s">
        <v>6</v>
      </c>
    </row>
    <row r="12" spans="1:1" ht="20.25" x14ac:dyDescent="0.2">
      <c r="A12" s="36"/>
    </row>
    <row r="14" spans="1:1" ht="20.25" x14ac:dyDescent="0.2">
      <c r="A14" s="36"/>
    </row>
    <row r="15" spans="1:1" ht="20.25" x14ac:dyDescent="0.2">
      <c r="A15" s="35" t="s">
        <v>0</v>
      </c>
    </row>
    <row r="16" spans="1:1" ht="18.75" x14ac:dyDescent="0.2">
      <c r="A16" s="34"/>
    </row>
    <row r="17" spans="1:1" ht="18.75" x14ac:dyDescent="0.2">
      <c r="A17" s="34"/>
    </row>
    <row r="18" spans="1:1" ht="20.25" x14ac:dyDescent="0.2">
      <c r="A18" s="35" t="s">
        <v>5</v>
      </c>
    </row>
    <row r="19" spans="1:1" ht="18.75" x14ac:dyDescent="0.2">
      <c r="A19" s="34"/>
    </row>
    <row r="21" spans="1:1" ht="18" x14ac:dyDescent="0.2">
      <c r="A21" s="5"/>
    </row>
    <row r="35" spans="1:1" ht="15" x14ac:dyDescent="0.2">
      <c r="A35" s="6"/>
    </row>
  </sheetData>
  <pageMargins left="0.7" right="0.7" top="0.75" bottom="0.75" header="0.3" footer="0.3"/>
  <pageSetup paperSize="9" orientation="portrait" horizontalDpi="90" verticalDpi="9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A2730A-8D78-45D8-9536-3B4639F50F61}">
  <dimension ref="A1:AU58"/>
  <sheetViews>
    <sheetView workbookViewId="0">
      <selection activeCell="L19" sqref="L19"/>
    </sheetView>
  </sheetViews>
  <sheetFormatPr defaultRowHeight="15" x14ac:dyDescent="0.25"/>
  <cols>
    <col min="1" max="11" width="9.140625" style="47"/>
    <col min="12" max="12" width="12.140625" style="47" customWidth="1"/>
    <col min="13" max="14" width="9.140625" style="47"/>
  </cols>
  <sheetData>
    <row r="1" spans="1:47" x14ac:dyDescent="0.25">
      <c r="A1"/>
      <c r="B1"/>
      <c r="C1"/>
      <c r="D1"/>
      <c r="E1"/>
      <c r="F1"/>
      <c r="G1"/>
      <c r="H1"/>
      <c r="I1"/>
      <c r="J1"/>
      <c r="K1"/>
      <c r="L1"/>
      <c r="M1"/>
      <c r="N1"/>
    </row>
    <row r="2" spans="1:47" x14ac:dyDescent="0.25">
      <c r="A2"/>
      <c r="B2"/>
      <c r="C2"/>
      <c r="D2"/>
      <c r="E2"/>
      <c r="F2"/>
      <c r="G2"/>
      <c r="H2"/>
      <c r="I2"/>
      <c r="J2"/>
      <c r="K2"/>
      <c r="L2"/>
      <c r="M2"/>
      <c r="N2"/>
    </row>
    <row r="3" spans="1:47" x14ac:dyDescent="0.25">
      <c r="A3"/>
      <c r="B3"/>
      <c r="C3"/>
      <c r="D3"/>
      <c r="E3"/>
      <c r="F3"/>
      <c r="G3"/>
      <c r="H3"/>
      <c r="I3"/>
      <c r="J3"/>
      <c r="K3"/>
      <c r="L3"/>
      <c r="M3"/>
      <c r="N3"/>
    </row>
    <row r="4" spans="1:47" x14ac:dyDescent="0.25">
      <c r="A4"/>
      <c r="B4"/>
      <c r="C4"/>
      <c r="D4"/>
      <c r="E4"/>
      <c r="F4"/>
      <c r="G4"/>
      <c r="H4"/>
      <c r="I4"/>
      <c r="J4"/>
      <c r="K4"/>
      <c r="L4"/>
      <c r="M4"/>
      <c r="N4"/>
    </row>
    <row r="5" spans="1:47" x14ac:dyDescent="0.25">
      <c r="A5"/>
      <c r="B5"/>
      <c r="C5"/>
      <c r="D5"/>
      <c r="E5"/>
      <c r="F5"/>
      <c r="G5"/>
      <c r="H5"/>
      <c r="I5"/>
      <c r="J5"/>
      <c r="K5"/>
      <c r="L5"/>
      <c r="M5"/>
      <c r="N5"/>
    </row>
    <row r="6" spans="1:47" x14ac:dyDescent="0.25">
      <c r="A6"/>
      <c r="B6"/>
      <c r="C6"/>
      <c r="D6"/>
      <c r="E6"/>
      <c r="F6"/>
      <c r="G6"/>
      <c r="H6"/>
      <c r="I6"/>
      <c r="J6"/>
      <c r="K6"/>
      <c r="L6"/>
      <c r="M6"/>
      <c r="N6"/>
    </row>
    <row r="7" spans="1:47" x14ac:dyDescent="0.25">
      <c r="A7"/>
      <c r="B7"/>
      <c r="C7"/>
      <c r="D7"/>
      <c r="E7"/>
      <c r="F7"/>
      <c r="G7"/>
      <c r="H7"/>
      <c r="I7"/>
      <c r="J7"/>
      <c r="K7"/>
      <c r="L7"/>
      <c r="M7"/>
      <c r="N7"/>
    </row>
    <row r="8" spans="1:47" x14ac:dyDescent="0.25">
      <c r="A8"/>
      <c r="B8"/>
      <c r="C8"/>
      <c r="D8"/>
      <c r="E8"/>
      <c r="F8"/>
      <c r="G8"/>
      <c r="H8"/>
      <c r="I8"/>
      <c r="J8"/>
      <c r="K8"/>
      <c r="L8"/>
      <c r="M8"/>
      <c r="N8"/>
    </row>
    <row r="9" spans="1:47" x14ac:dyDescent="0.25">
      <c r="A9"/>
      <c r="B9"/>
      <c r="C9"/>
      <c r="D9"/>
      <c r="E9"/>
      <c r="F9"/>
      <c r="G9"/>
      <c r="H9"/>
      <c r="I9"/>
      <c r="J9"/>
      <c r="K9"/>
      <c r="L9"/>
      <c r="M9"/>
      <c r="N9"/>
    </row>
    <row r="10" spans="1:47" x14ac:dyDescent="0.25">
      <c r="A10"/>
      <c r="B10"/>
      <c r="C10"/>
      <c r="D10"/>
      <c r="E10"/>
      <c r="F10"/>
      <c r="G10"/>
      <c r="H10"/>
      <c r="I10"/>
      <c r="J10"/>
      <c r="K10"/>
      <c r="L10"/>
      <c r="M10"/>
      <c r="N10"/>
    </row>
    <row r="13" spans="1:47" x14ac:dyDescent="0.25">
      <c r="A13" s="39" t="s">
        <v>8</v>
      </c>
      <c r="N13" s="39"/>
    </row>
    <row r="14" spans="1:47" x14ac:dyDescent="0.25">
      <c r="A14" s="39" t="s">
        <v>9</v>
      </c>
      <c r="B14" s="48" t="s">
        <v>7</v>
      </c>
      <c r="N14" s="39"/>
      <c r="O14" s="32"/>
    </row>
    <row r="15" spans="1:47" x14ac:dyDescent="0.25">
      <c r="B15" s="39" t="s">
        <v>11</v>
      </c>
      <c r="C15" s="39"/>
      <c r="D15" s="39"/>
      <c r="E15" s="39" t="s">
        <v>24</v>
      </c>
      <c r="G15" s="39"/>
      <c r="H15" s="39" t="s">
        <v>23</v>
      </c>
      <c r="J15" s="39"/>
      <c r="K15" s="39" t="s">
        <v>21</v>
      </c>
      <c r="N15" s="39" t="s">
        <v>22</v>
      </c>
      <c r="O15" s="40"/>
      <c r="P15" s="11"/>
      <c r="Q15" s="11"/>
      <c r="R15" s="11"/>
      <c r="S15" s="11"/>
      <c r="T15" s="11"/>
      <c r="U15" s="11"/>
      <c r="V15" s="11"/>
      <c r="X15" s="40"/>
      <c r="Y15" s="40"/>
      <c r="Z15" s="40"/>
      <c r="AA15" s="40"/>
      <c r="AB15" s="40"/>
      <c r="AC15" s="40"/>
      <c r="AD15" s="40"/>
      <c r="AE15" s="40"/>
      <c r="AF15" s="40"/>
      <c r="AG15" s="40"/>
      <c r="AH15" s="40"/>
      <c r="AI15" s="40"/>
      <c r="AJ15" s="40"/>
      <c r="AK15" s="40"/>
      <c r="AL15" s="40"/>
      <c r="AM15" s="40"/>
      <c r="AN15" s="40"/>
      <c r="AO15" s="40"/>
      <c r="AP15" s="40"/>
      <c r="AQ15" s="40"/>
      <c r="AR15" s="40"/>
      <c r="AS15" s="40"/>
      <c r="AT15" s="40"/>
      <c r="AU15" s="40"/>
    </row>
    <row r="16" spans="1:47" x14ac:dyDescent="0.25">
      <c r="B16" s="39" t="s">
        <v>1</v>
      </c>
      <c r="C16" s="39" t="s">
        <v>2</v>
      </c>
      <c r="D16" s="39"/>
      <c r="E16" s="39" t="s">
        <v>1</v>
      </c>
      <c r="F16" s="39" t="s">
        <v>2</v>
      </c>
      <c r="G16" s="39"/>
      <c r="H16" s="39" t="s">
        <v>1</v>
      </c>
      <c r="I16" s="39" t="s">
        <v>2</v>
      </c>
      <c r="J16" s="39"/>
      <c r="K16" s="39" t="s">
        <v>25</v>
      </c>
      <c r="L16" s="49" t="s">
        <v>2</v>
      </c>
      <c r="M16" s="39"/>
      <c r="N16" s="39" t="s">
        <v>1</v>
      </c>
      <c r="O16" s="11" t="s">
        <v>2</v>
      </c>
      <c r="P16" s="11"/>
      <c r="Q16" s="11"/>
      <c r="R16" s="11"/>
      <c r="S16" s="11"/>
      <c r="T16" s="11"/>
      <c r="U16" s="11"/>
      <c r="V16" s="11"/>
      <c r="X16" s="40"/>
      <c r="Y16" s="40"/>
      <c r="Z16" s="40"/>
      <c r="AA16" s="40"/>
      <c r="AB16" s="40"/>
      <c r="AC16" s="40"/>
      <c r="AD16" s="40"/>
      <c r="AE16" s="40"/>
      <c r="AF16" s="40"/>
      <c r="AG16" s="40"/>
      <c r="AH16" s="40"/>
      <c r="AI16" s="41"/>
      <c r="AJ16" s="40"/>
      <c r="AK16" s="40"/>
      <c r="AL16" s="40"/>
      <c r="AM16" s="40"/>
      <c r="AN16" s="40"/>
      <c r="AO16" s="40"/>
      <c r="AP16" s="40"/>
      <c r="AQ16" s="40"/>
      <c r="AR16" s="40"/>
      <c r="AS16" s="40"/>
      <c r="AT16" s="40"/>
      <c r="AU16" s="40"/>
    </row>
    <row r="17" spans="2:47" x14ac:dyDescent="0.25">
      <c r="B17" s="50">
        <v>8.7600000000000008E-6</v>
      </c>
      <c r="C17" s="50">
        <v>35.154620000000001</v>
      </c>
      <c r="D17" s="50"/>
      <c r="E17" s="47">
        <v>1.9937099999999999E-2</v>
      </c>
      <c r="F17" s="47">
        <v>34.383450000000003</v>
      </c>
      <c r="G17" s="50"/>
      <c r="H17" s="51">
        <v>9.0368700000000007E-3</v>
      </c>
      <c r="I17" s="51">
        <v>28.817589999999999</v>
      </c>
      <c r="J17" s="50"/>
      <c r="K17" s="52">
        <v>1.4999999999999999E-4</v>
      </c>
      <c r="L17" s="53">
        <v>4.9339199999999996</v>
      </c>
      <c r="N17" s="47">
        <v>4.1965019999999999E-2</v>
      </c>
      <c r="O17" s="40">
        <v>16.894189999999998</v>
      </c>
      <c r="P17" s="10"/>
      <c r="Q17" s="10"/>
      <c r="R17" s="10"/>
      <c r="S17" s="10"/>
      <c r="T17" s="10"/>
      <c r="U17" s="10"/>
      <c r="V17" s="10"/>
      <c r="X17" s="42"/>
      <c r="Y17" s="42"/>
      <c r="Z17" s="40"/>
      <c r="AA17" s="40"/>
      <c r="AB17" s="40"/>
      <c r="AC17" s="40"/>
      <c r="AD17" s="40"/>
      <c r="AE17" s="40"/>
      <c r="AF17" s="40"/>
      <c r="AG17" s="40"/>
      <c r="AH17" s="43"/>
      <c r="AI17" s="44"/>
      <c r="AJ17" s="40"/>
      <c r="AK17" s="40"/>
      <c r="AL17" s="40"/>
      <c r="AM17" s="40"/>
      <c r="AN17" s="40"/>
      <c r="AO17" s="40"/>
      <c r="AP17" s="40"/>
      <c r="AQ17" s="42"/>
      <c r="AR17" s="42"/>
      <c r="AS17" s="40"/>
      <c r="AT17" s="40"/>
      <c r="AU17" s="40"/>
    </row>
    <row r="18" spans="2:47" x14ac:dyDescent="0.25">
      <c r="B18" s="50">
        <v>1.0750340000000001E-2</v>
      </c>
      <c r="C18" s="50">
        <v>69.614469999999997</v>
      </c>
      <c r="D18" s="50"/>
      <c r="E18" s="47">
        <v>0.10847608</v>
      </c>
      <c r="F18" s="47">
        <v>57.115589999999997</v>
      </c>
      <c r="G18" s="50"/>
      <c r="H18" s="51">
        <v>5.0044859999999997E-2</v>
      </c>
      <c r="I18" s="51">
        <v>49.515000000000001</v>
      </c>
      <c r="J18" s="50"/>
      <c r="K18" s="52">
        <v>3.0970999999999999E-4</v>
      </c>
      <c r="L18" s="53">
        <v>10.60932</v>
      </c>
      <c r="N18" s="47">
        <v>0.12397248</v>
      </c>
      <c r="O18" s="40">
        <v>24.102740000000001</v>
      </c>
      <c r="P18" s="10"/>
      <c r="Q18" s="10"/>
      <c r="R18" s="10"/>
      <c r="S18" s="10"/>
      <c r="T18" s="10"/>
      <c r="U18" s="10"/>
      <c r="V18" s="10"/>
      <c r="X18" s="42"/>
      <c r="Y18" s="42"/>
      <c r="Z18" s="40"/>
      <c r="AA18" s="40"/>
      <c r="AB18" s="40"/>
      <c r="AC18" s="40"/>
      <c r="AD18" s="40"/>
      <c r="AE18" s="40"/>
      <c r="AF18" s="40"/>
      <c r="AG18" s="40"/>
      <c r="AH18" s="43"/>
      <c r="AI18" s="44"/>
      <c r="AJ18" s="40"/>
      <c r="AK18" s="40"/>
      <c r="AL18" s="40"/>
      <c r="AM18" s="40"/>
      <c r="AN18" s="40"/>
      <c r="AO18" s="40"/>
      <c r="AP18" s="40"/>
      <c r="AQ18" s="42"/>
      <c r="AR18" s="42"/>
      <c r="AS18" s="40"/>
      <c r="AT18" s="40"/>
      <c r="AU18" s="40"/>
    </row>
    <row r="19" spans="2:47" x14ac:dyDescent="0.25">
      <c r="B19" s="50">
        <v>4.9694660000000002E-2</v>
      </c>
      <c r="C19" s="50">
        <v>96.004109999999997</v>
      </c>
      <c r="D19" s="50"/>
      <c r="E19" s="47">
        <v>0.32052627</v>
      </c>
      <c r="F19" s="47">
        <v>82.790120000000002</v>
      </c>
      <c r="G19" s="50"/>
      <c r="H19" s="51">
        <v>0.11947377000000001</v>
      </c>
      <c r="I19" s="51">
        <v>64.870410000000007</v>
      </c>
      <c r="J19" s="50"/>
      <c r="K19" s="52">
        <v>1.73289E-3</v>
      </c>
      <c r="L19" s="53">
        <v>15.14739</v>
      </c>
      <c r="N19" s="47">
        <v>0.30624596999999998</v>
      </c>
      <c r="O19" s="40">
        <v>33.81664</v>
      </c>
      <c r="P19" s="10"/>
      <c r="Q19" s="10"/>
      <c r="R19" s="10"/>
      <c r="S19" s="10"/>
      <c r="T19" s="10"/>
      <c r="U19" s="10"/>
      <c r="V19" s="10"/>
      <c r="X19" s="42"/>
      <c r="Y19" s="42"/>
      <c r="Z19" s="40"/>
      <c r="AA19" s="40"/>
      <c r="AB19" s="40"/>
      <c r="AC19" s="40"/>
      <c r="AD19" s="40"/>
      <c r="AE19" s="40"/>
      <c r="AF19" s="40"/>
      <c r="AG19" s="40"/>
      <c r="AH19" s="43"/>
      <c r="AI19" s="44"/>
      <c r="AJ19" s="40"/>
      <c r="AK19" s="40"/>
      <c r="AL19" s="40"/>
      <c r="AM19" s="40"/>
      <c r="AN19" s="40"/>
      <c r="AO19" s="40"/>
      <c r="AP19" s="40"/>
      <c r="AQ19" s="42"/>
      <c r="AR19" s="42"/>
      <c r="AS19" s="40"/>
      <c r="AT19" s="40"/>
      <c r="AU19" s="40"/>
    </row>
    <row r="20" spans="2:47" x14ac:dyDescent="0.25">
      <c r="B20" s="50">
        <v>0.11006498000000001</v>
      </c>
      <c r="C20" s="50">
        <v>114.66924</v>
      </c>
      <c r="D20" s="50"/>
      <c r="E20" s="47">
        <v>0.52983897999999996</v>
      </c>
      <c r="F20" s="47">
        <v>108.89124</v>
      </c>
      <c r="G20" s="50"/>
      <c r="H20" s="51">
        <v>0.27746272999999999</v>
      </c>
      <c r="I20" s="51">
        <v>86.627420000000001</v>
      </c>
      <c r="J20" s="50"/>
      <c r="K20" s="52">
        <v>4.2091799999999999E-3</v>
      </c>
      <c r="L20" s="53">
        <v>20.29468</v>
      </c>
      <c r="N20" s="47">
        <v>0.57640135999999997</v>
      </c>
      <c r="O20" s="40">
        <v>50.288930000000001</v>
      </c>
      <c r="P20" s="10"/>
      <c r="Q20" s="10"/>
      <c r="R20" s="10"/>
      <c r="S20" s="10"/>
      <c r="T20" s="10"/>
      <c r="U20" s="10"/>
      <c r="V20" s="10"/>
      <c r="X20" s="42"/>
      <c r="Y20" s="42"/>
      <c r="Z20" s="40"/>
      <c r="AA20" s="40"/>
      <c r="AB20" s="40"/>
      <c r="AC20" s="40"/>
      <c r="AD20" s="40"/>
      <c r="AE20" s="40"/>
      <c r="AF20" s="40"/>
      <c r="AG20" s="40"/>
      <c r="AH20" s="43"/>
      <c r="AI20" s="44"/>
      <c r="AJ20" s="40"/>
      <c r="AK20" s="40"/>
      <c r="AL20" s="40"/>
      <c r="AM20" s="40"/>
      <c r="AN20" s="40"/>
      <c r="AO20" s="40"/>
      <c r="AP20" s="40"/>
      <c r="AQ20" s="42"/>
      <c r="AR20" s="42"/>
      <c r="AS20" s="40"/>
      <c r="AT20" s="40"/>
      <c r="AU20" s="40"/>
    </row>
    <row r="21" spans="2:47" x14ac:dyDescent="0.25">
      <c r="B21" s="50">
        <v>0.25054134</v>
      </c>
      <c r="C21" s="50">
        <v>143.49137999999999</v>
      </c>
      <c r="D21" s="50"/>
      <c r="E21" s="47">
        <v>0.67268472999999995</v>
      </c>
      <c r="F21" s="47">
        <v>143.70419999999999</v>
      </c>
      <c r="G21" s="50"/>
      <c r="H21" s="51">
        <v>0.43997648</v>
      </c>
      <c r="I21" s="51">
        <v>107.57459</v>
      </c>
      <c r="J21" s="50"/>
      <c r="K21" s="52">
        <v>8.5489199999999998E-3</v>
      </c>
      <c r="L21" s="53">
        <v>25.44361</v>
      </c>
      <c r="N21" s="47">
        <v>0.73231201000000001</v>
      </c>
      <c r="O21" s="40">
        <v>90.090459999999993</v>
      </c>
      <c r="P21" s="10"/>
      <c r="Q21" s="10"/>
      <c r="R21" s="10"/>
      <c r="S21" s="10"/>
      <c r="T21" s="10"/>
      <c r="U21" s="10"/>
      <c r="V21" s="10"/>
      <c r="X21" s="42"/>
      <c r="Y21" s="42"/>
      <c r="Z21" s="40"/>
      <c r="AA21" s="40"/>
      <c r="AB21" s="40"/>
      <c r="AC21" s="40"/>
      <c r="AD21" s="40"/>
      <c r="AE21" s="40"/>
      <c r="AF21" s="40"/>
      <c r="AG21" s="40"/>
      <c r="AH21" s="43"/>
      <c r="AI21" s="44"/>
      <c r="AJ21" s="40"/>
      <c r="AK21" s="40"/>
      <c r="AL21" s="40"/>
      <c r="AM21" s="40"/>
      <c r="AN21" s="40"/>
      <c r="AO21" s="40"/>
      <c r="AP21" s="40"/>
      <c r="AQ21" s="42"/>
      <c r="AR21" s="42"/>
      <c r="AS21" s="40"/>
      <c r="AT21" s="40"/>
      <c r="AU21" s="40"/>
    </row>
    <row r="22" spans="2:47" x14ac:dyDescent="0.25">
      <c r="B22" s="50">
        <v>0.39675224999999997</v>
      </c>
      <c r="C22" s="50">
        <v>170.93628000000001</v>
      </c>
      <c r="D22" s="50"/>
      <c r="E22" s="47">
        <v>0.71103928999999999</v>
      </c>
      <c r="F22" s="47">
        <v>185.68221</v>
      </c>
      <c r="G22" s="50"/>
      <c r="H22" s="51">
        <v>0.64458963999999996</v>
      </c>
      <c r="I22" s="51">
        <v>145.87817000000001</v>
      </c>
      <c r="J22" s="50"/>
      <c r="K22" s="52">
        <v>1.285119E-2</v>
      </c>
      <c r="L22" s="53">
        <v>29.122489999999999</v>
      </c>
      <c r="N22" s="47">
        <v>0.77453994999999998</v>
      </c>
      <c r="O22" s="40">
        <v>139.36168000000001</v>
      </c>
      <c r="P22" s="10"/>
      <c r="Q22" s="10"/>
      <c r="R22" s="10"/>
      <c r="S22" s="10"/>
      <c r="T22" s="10"/>
      <c r="U22" s="10"/>
      <c r="V22" s="10"/>
      <c r="X22" s="42"/>
      <c r="Y22" s="42"/>
      <c r="Z22" s="40"/>
      <c r="AA22" s="40"/>
      <c r="AB22" s="40"/>
      <c r="AC22" s="40"/>
      <c r="AD22" s="40"/>
      <c r="AE22" s="40"/>
      <c r="AF22" s="40"/>
      <c r="AG22" s="40"/>
      <c r="AH22" s="43"/>
      <c r="AI22" s="44"/>
      <c r="AJ22" s="40"/>
      <c r="AK22" s="40"/>
      <c r="AL22" s="40"/>
      <c r="AM22" s="40"/>
      <c r="AN22" s="40"/>
      <c r="AO22" s="40"/>
      <c r="AP22" s="40"/>
      <c r="AQ22" s="42"/>
      <c r="AR22" s="42"/>
      <c r="AS22" s="40"/>
      <c r="AT22" s="40"/>
      <c r="AU22" s="40"/>
    </row>
    <row r="23" spans="2:47" x14ac:dyDescent="0.25">
      <c r="B23" s="50">
        <v>0.58781611</v>
      </c>
      <c r="C23" s="50">
        <v>216.47926000000001</v>
      </c>
      <c r="D23" s="50"/>
      <c r="E23" s="47">
        <v>0.72893836999999995</v>
      </c>
      <c r="F23" s="47">
        <v>228.82066</v>
      </c>
      <c r="G23" s="50"/>
      <c r="H23" s="51">
        <v>0.72787963</v>
      </c>
      <c r="I23" s="51">
        <v>192.14147</v>
      </c>
      <c r="J23" s="50"/>
      <c r="K23" s="52">
        <v>1.8062620000000001E-2</v>
      </c>
      <c r="L23" s="53">
        <v>32.592689999999997</v>
      </c>
      <c r="N23" s="47">
        <v>0.91911469999999995</v>
      </c>
      <c r="O23" s="40">
        <v>159.41216</v>
      </c>
      <c r="P23" s="10"/>
      <c r="Q23" s="10"/>
      <c r="R23" s="10"/>
      <c r="S23" s="10"/>
      <c r="T23" s="10"/>
      <c r="U23" s="10"/>
      <c r="V23" s="10"/>
      <c r="X23" s="42"/>
      <c r="Y23" s="42"/>
      <c r="Z23" s="40"/>
      <c r="AA23" s="40"/>
      <c r="AB23" s="40"/>
      <c r="AC23" s="40"/>
      <c r="AD23" s="40"/>
      <c r="AE23" s="40"/>
      <c r="AF23" s="40"/>
      <c r="AG23" s="40"/>
      <c r="AH23" s="43"/>
      <c r="AI23" s="44"/>
      <c r="AJ23" s="40"/>
      <c r="AK23" s="40"/>
      <c r="AL23" s="40"/>
      <c r="AM23" s="40"/>
      <c r="AN23" s="40"/>
      <c r="AO23" s="40"/>
      <c r="AP23" s="40"/>
      <c r="AQ23" s="42"/>
      <c r="AR23" s="42"/>
      <c r="AS23" s="40"/>
      <c r="AT23" s="40"/>
      <c r="AU23" s="40"/>
    </row>
    <row r="24" spans="2:47" x14ac:dyDescent="0.25">
      <c r="B24" s="50">
        <v>0.72444114999999998</v>
      </c>
      <c r="C24" s="50">
        <v>275.23164000000003</v>
      </c>
      <c r="D24" s="50"/>
      <c r="E24" s="47">
        <v>0.74317443999999999</v>
      </c>
      <c r="F24" s="47">
        <v>270.84080999999998</v>
      </c>
      <c r="G24" s="50"/>
      <c r="H24" s="51">
        <v>0.74975773999999995</v>
      </c>
      <c r="I24" s="51">
        <v>243.67197999999999</v>
      </c>
      <c r="J24" s="50"/>
      <c r="K24" s="52">
        <v>6.7394709999999997E-2</v>
      </c>
      <c r="L24" s="53">
        <v>49.951369999999997</v>
      </c>
      <c r="N24" s="47">
        <v>0.98709482999999998</v>
      </c>
      <c r="O24" s="40">
        <v>182.13502</v>
      </c>
      <c r="P24" s="10"/>
      <c r="Q24" s="10"/>
      <c r="R24" s="10"/>
      <c r="S24" s="10"/>
      <c r="T24" s="10"/>
      <c r="U24" s="10"/>
      <c r="V24" s="10"/>
      <c r="X24" s="42"/>
      <c r="Y24" s="42"/>
      <c r="Z24" s="40"/>
      <c r="AA24" s="40"/>
      <c r="AB24" s="40"/>
      <c r="AC24" s="40"/>
      <c r="AD24" s="40"/>
      <c r="AE24" s="40"/>
      <c r="AF24" s="40"/>
      <c r="AG24" s="40"/>
      <c r="AH24" s="43"/>
      <c r="AI24" s="44"/>
      <c r="AJ24" s="40"/>
      <c r="AK24" s="40"/>
      <c r="AL24" s="40"/>
      <c r="AM24" s="40"/>
      <c r="AN24" s="40"/>
      <c r="AO24" s="40"/>
      <c r="AP24" s="40"/>
      <c r="AQ24" s="42"/>
      <c r="AR24" s="42"/>
      <c r="AS24" s="40"/>
      <c r="AT24" s="40"/>
      <c r="AU24" s="40"/>
    </row>
    <row r="25" spans="2:47" x14ac:dyDescent="0.25">
      <c r="B25" s="50">
        <v>0.77140105000000003</v>
      </c>
      <c r="C25" s="50">
        <v>344.65215000000001</v>
      </c>
      <c r="D25" s="50"/>
      <c r="E25" s="47">
        <v>0.76021768999999995</v>
      </c>
      <c r="F25" s="47">
        <v>311.41451999999998</v>
      </c>
      <c r="G25" s="50"/>
      <c r="H25" s="51">
        <v>0.75994413999999999</v>
      </c>
      <c r="I25" s="51">
        <v>296.53181000000001</v>
      </c>
      <c r="J25" s="50"/>
      <c r="K25" s="52">
        <v>0.13689971000000001</v>
      </c>
      <c r="L25" s="53">
        <v>63.00873</v>
      </c>
      <c r="N25" s="47">
        <v>0.99441497999999995</v>
      </c>
      <c r="O25" s="40">
        <v>211.82221999999999</v>
      </c>
      <c r="P25" s="10"/>
      <c r="Q25" s="10"/>
      <c r="R25" s="10"/>
      <c r="S25" s="10"/>
      <c r="T25" s="10"/>
      <c r="U25" s="10"/>
      <c r="V25" s="10"/>
      <c r="X25" s="42"/>
      <c r="Y25" s="42"/>
      <c r="Z25" s="40"/>
      <c r="AA25" s="40"/>
      <c r="AB25" s="40"/>
      <c r="AC25" s="40"/>
      <c r="AD25" s="40"/>
      <c r="AE25" s="40"/>
      <c r="AF25" s="40"/>
      <c r="AG25" s="40"/>
      <c r="AH25" s="43"/>
      <c r="AI25" s="44"/>
      <c r="AJ25" s="40"/>
      <c r="AK25" s="40"/>
      <c r="AL25" s="40"/>
      <c r="AM25" s="40"/>
      <c r="AN25" s="40"/>
      <c r="AO25" s="40"/>
      <c r="AP25" s="40"/>
      <c r="AQ25" s="42"/>
      <c r="AR25" s="42"/>
      <c r="AS25" s="40"/>
      <c r="AT25" s="40"/>
      <c r="AU25" s="40"/>
    </row>
    <row r="26" spans="2:47" x14ac:dyDescent="0.25">
      <c r="B26" s="50">
        <v>0.78720657000000005</v>
      </c>
      <c r="C26" s="50">
        <v>412.91631000000001</v>
      </c>
      <c r="D26" s="50"/>
      <c r="E26" s="47">
        <v>0.8024384</v>
      </c>
      <c r="F26" s="47">
        <v>346.77062000000001</v>
      </c>
      <c r="G26" s="50"/>
      <c r="H26" s="51">
        <v>0.76750876999999995</v>
      </c>
      <c r="I26" s="51">
        <v>349.01934999999997</v>
      </c>
      <c r="J26" s="50"/>
      <c r="K26" s="52">
        <v>0.28628092999999999</v>
      </c>
      <c r="L26" s="53">
        <v>82.683490000000006</v>
      </c>
      <c r="N26" s="47">
        <v>0.99441497999999995</v>
      </c>
      <c r="O26" s="40">
        <v>211.82221999999999</v>
      </c>
      <c r="P26" s="10"/>
      <c r="Q26" s="10"/>
      <c r="R26" s="10"/>
      <c r="S26" s="10"/>
      <c r="T26" s="10"/>
      <c r="U26" s="10"/>
      <c r="V26" s="10"/>
      <c r="X26" s="42"/>
      <c r="Y26" s="42"/>
      <c r="Z26" s="40"/>
      <c r="AA26" s="40"/>
      <c r="AB26" s="40"/>
      <c r="AC26" s="40"/>
      <c r="AD26" s="40"/>
      <c r="AE26" s="40"/>
      <c r="AF26" s="40"/>
      <c r="AG26" s="40"/>
      <c r="AH26" s="43"/>
      <c r="AI26" s="44"/>
      <c r="AJ26" s="40"/>
      <c r="AK26" s="40"/>
      <c r="AL26" s="40"/>
      <c r="AM26" s="40"/>
      <c r="AN26" s="40"/>
      <c r="AO26" s="40"/>
      <c r="AP26" s="40"/>
      <c r="AQ26" s="42"/>
      <c r="AR26" s="42"/>
      <c r="AS26" s="40"/>
      <c r="AT26" s="40"/>
      <c r="AU26" s="40"/>
    </row>
    <row r="27" spans="2:47" x14ac:dyDescent="0.25">
      <c r="B27" s="50">
        <v>0.79330491999999997</v>
      </c>
      <c r="C27" s="50">
        <v>485.12223</v>
      </c>
      <c r="D27" s="50"/>
      <c r="E27" s="47">
        <v>0.90942659000000003</v>
      </c>
      <c r="F27" s="47">
        <v>367.30070999999998</v>
      </c>
      <c r="G27" s="50"/>
      <c r="H27" s="51">
        <v>0.77857105000000004</v>
      </c>
      <c r="I27" s="51">
        <v>400.01729</v>
      </c>
      <c r="J27" s="50"/>
      <c r="K27" s="52">
        <v>0.43793061999999999</v>
      </c>
      <c r="L27" s="53">
        <v>102.31124</v>
      </c>
      <c r="N27" s="47">
        <v>0.96199442999999996</v>
      </c>
      <c r="O27" s="40">
        <v>173.74503000000001</v>
      </c>
      <c r="P27" s="10"/>
      <c r="Q27" s="10"/>
      <c r="R27" s="10"/>
      <c r="S27" s="10"/>
      <c r="T27" s="10"/>
      <c r="U27" s="10"/>
      <c r="V27" s="10"/>
      <c r="X27" s="42"/>
      <c r="Y27" s="42"/>
      <c r="Z27" s="40"/>
      <c r="AA27" s="40"/>
      <c r="AB27" s="40"/>
      <c r="AC27" s="40"/>
      <c r="AD27" s="40"/>
      <c r="AE27" s="40"/>
      <c r="AF27" s="40"/>
      <c r="AG27" s="40"/>
      <c r="AH27" s="43"/>
      <c r="AI27" s="44"/>
      <c r="AJ27" s="40"/>
      <c r="AK27" s="40"/>
      <c r="AL27" s="40"/>
      <c r="AM27" s="40"/>
      <c r="AN27" s="40"/>
      <c r="AO27" s="40"/>
      <c r="AP27" s="40"/>
      <c r="AQ27" s="42"/>
      <c r="AR27" s="42"/>
      <c r="AS27" s="40"/>
      <c r="AT27" s="40"/>
      <c r="AU27" s="40"/>
    </row>
    <row r="28" spans="2:47" x14ac:dyDescent="0.25">
      <c r="B28" s="50">
        <v>0.79767094999999999</v>
      </c>
      <c r="C28" s="50">
        <v>556.43901000000005</v>
      </c>
      <c r="D28" s="50"/>
      <c r="E28" s="47">
        <v>0.97189420000000004</v>
      </c>
      <c r="F28" s="47">
        <v>384.04118999999997</v>
      </c>
      <c r="G28" s="50"/>
      <c r="H28" s="51">
        <v>0.83184753</v>
      </c>
      <c r="I28" s="51">
        <v>439.57170000000002</v>
      </c>
      <c r="J28" s="50"/>
      <c r="K28" s="52">
        <v>0.63058784000000001</v>
      </c>
      <c r="L28" s="53">
        <v>137.37696</v>
      </c>
      <c r="N28" s="47">
        <v>0.86069485999999995</v>
      </c>
      <c r="O28" s="40">
        <v>158.32424</v>
      </c>
      <c r="P28" s="10"/>
      <c r="Q28" s="10"/>
      <c r="R28" s="10"/>
      <c r="S28" s="10"/>
      <c r="T28" s="10"/>
      <c r="U28" s="10"/>
      <c r="V28" s="10"/>
      <c r="X28" s="42"/>
      <c r="Y28" s="42"/>
      <c r="Z28" s="40"/>
      <c r="AA28" s="40"/>
      <c r="AB28" s="40"/>
      <c r="AC28" s="40"/>
      <c r="AD28" s="40"/>
      <c r="AE28" s="40"/>
      <c r="AF28" s="40"/>
      <c r="AG28" s="40"/>
      <c r="AH28" s="43"/>
      <c r="AI28" s="44"/>
      <c r="AJ28" s="40"/>
      <c r="AK28" s="40"/>
      <c r="AL28" s="40"/>
      <c r="AM28" s="40"/>
      <c r="AN28" s="40"/>
      <c r="AO28" s="40"/>
      <c r="AP28" s="40"/>
      <c r="AQ28" s="42"/>
      <c r="AR28" s="42"/>
      <c r="AS28" s="40"/>
      <c r="AT28" s="40"/>
      <c r="AU28" s="40"/>
    </row>
    <row r="29" spans="2:47" x14ac:dyDescent="0.25">
      <c r="B29" s="50">
        <v>0.80550321000000003</v>
      </c>
      <c r="C29" s="50">
        <v>626.90580999999997</v>
      </c>
      <c r="D29" s="50"/>
      <c r="E29" s="47">
        <v>0.99038117999999997</v>
      </c>
      <c r="F29" s="47">
        <v>407.29541</v>
      </c>
      <c r="G29" s="50"/>
      <c r="H29" s="51">
        <v>0.93468319</v>
      </c>
      <c r="I29" s="51">
        <v>462.92919000000001</v>
      </c>
      <c r="J29" s="50"/>
      <c r="K29" s="53">
        <v>0.72278416999999995</v>
      </c>
      <c r="L29" s="53">
        <v>187.88613000000001</v>
      </c>
      <c r="N29" s="47">
        <v>0.75006212999999999</v>
      </c>
      <c r="O29" s="40">
        <v>147.63335000000001</v>
      </c>
      <c r="P29" s="10"/>
      <c r="Q29" s="10"/>
      <c r="R29" s="10"/>
      <c r="S29" s="10"/>
      <c r="T29" s="10"/>
      <c r="U29" s="10"/>
      <c r="V29" s="10"/>
      <c r="X29" s="42"/>
      <c r="Y29" s="42"/>
      <c r="Z29" s="40"/>
      <c r="AA29" s="40"/>
      <c r="AB29" s="40"/>
      <c r="AC29" s="40"/>
      <c r="AD29" s="40"/>
      <c r="AE29" s="40"/>
      <c r="AF29" s="40"/>
      <c r="AG29" s="40"/>
      <c r="AH29" s="44"/>
      <c r="AI29" s="44"/>
      <c r="AJ29" s="40"/>
      <c r="AK29" s="40"/>
      <c r="AL29" s="40"/>
      <c r="AM29" s="40"/>
      <c r="AN29" s="40"/>
      <c r="AO29" s="40"/>
      <c r="AP29" s="40"/>
      <c r="AQ29" s="42"/>
      <c r="AR29" s="42"/>
      <c r="AS29" s="40"/>
      <c r="AT29" s="40"/>
      <c r="AU29" s="40"/>
    </row>
    <row r="30" spans="2:47" x14ac:dyDescent="0.25">
      <c r="B30" s="50">
        <v>0.81588835999999998</v>
      </c>
      <c r="C30" s="50">
        <v>697.79825000000005</v>
      </c>
      <c r="D30" s="50"/>
      <c r="E30" s="47">
        <v>0.99038117999999997</v>
      </c>
      <c r="F30" s="47">
        <v>407.29541</v>
      </c>
      <c r="G30" s="50"/>
      <c r="H30" s="51">
        <v>0.98070906000000002</v>
      </c>
      <c r="I30" s="51">
        <v>490.00234999999998</v>
      </c>
      <c r="J30" s="50"/>
      <c r="K30" s="53">
        <v>0.74987073999999998</v>
      </c>
      <c r="L30" s="53">
        <v>243.62993</v>
      </c>
      <c r="N30" s="47">
        <v>0.70182215999999997</v>
      </c>
      <c r="O30" s="40">
        <v>121.69737000000001</v>
      </c>
      <c r="P30" s="10"/>
      <c r="Q30" s="10"/>
      <c r="R30" s="10"/>
      <c r="S30" s="10"/>
      <c r="T30" s="10"/>
      <c r="U30" s="10"/>
      <c r="V30" s="10"/>
      <c r="X30" s="42"/>
      <c r="Y30" s="42"/>
      <c r="Z30" s="40"/>
      <c r="AA30" s="40"/>
      <c r="AB30" s="40"/>
      <c r="AC30" s="40"/>
      <c r="AD30" s="40"/>
      <c r="AE30" s="40"/>
      <c r="AF30" s="40"/>
      <c r="AG30" s="40"/>
      <c r="AH30" s="44"/>
      <c r="AI30" s="44"/>
      <c r="AJ30" s="40"/>
      <c r="AK30" s="40"/>
      <c r="AL30" s="40"/>
      <c r="AM30" s="40"/>
      <c r="AN30" s="40"/>
      <c r="AO30" s="40"/>
      <c r="AP30" s="40"/>
      <c r="AQ30" s="42"/>
      <c r="AR30" s="42"/>
      <c r="AS30" s="40"/>
      <c r="AT30" s="40"/>
      <c r="AU30" s="40"/>
    </row>
    <row r="31" spans="2:47" x14ac:dyDescent="0.25">
      <c r="B31" s="50">
        <v>0.88960406000000003</v>
      </c>
      <c r="C31" s="50">
        <v>744.62233000000003</v>
      </c>
      <c r="D31" s="50"/>
      <c r="E31" s="47">
        <v>0.96406959999999997</v>
      </c>
      <c r="F31" s="47">
        <v>385.00949000000003</v>
      </c>
      <c r="G31" s="50"/>
      <c r="H31" s="51">
        <v>0.99003982000000001</v>
      </c>
      <c r="I31" s="51">
        <v>519.81826999999998</v>
      </c>
      <c r="J31" s="50"/>
      <c r="K31" s="53">
        <v>0.76266047999999997</v>
      </c>
      <c r="L31" s="53">
        <v>294.52494999999999</v>
      </c>
      <c r="N31" s="47">
        <v>0.68217492000000002</v>
      </c>
      <c r="O31" s="40">
        <v>88.79401</v>
      </c>
      <c r="P31" s="10"/>
      <c r="Q31" s="10"/>
      <c r="R31" s="10"/>
      <c r="S31" s="10"/>
      <c r="T31" s="10"/>
      <c r="U31" s="10"/>
      <c r="V31" s="10"/>
      <c r="X31" s="42"/>
      <c r="Y31" s="42"/>
      <c r="Z31" s="40"/>
      <c r="AA31" s="40"/>
      <c r="AB31" s="40"/>
      <c r="AC31" s="40"/>
      <c r="AD31" s="40"/>
      <c r="AE31" s="40"/>
      <c r="AF31" s="40"/>
      <c r="AG31" s="40"/>
      <c r="AH31" s="44"/>
      <c r="AI31" s="44"/>
      <c r="AJ31" s="40"/>
      <c r="AK31" s="40"/>
      <c r="AL31" s="40"/>
      <c r="AM31" s="40"/>
      <c r="AN31" s="40"/>
      <c r="AO31" s="40"/>
      <c r="AP31" s="40"/>
      <c r="AQ31" s="42"/>
      <c r="AR31" s="42"/>
      <c r="AS31" s="40"/>
      <c r="AT31" s="40"/>
      <c r="AU31" s="40"/>
    </row>
    <row r="32" spans="2:47" x14ac:dyDescent="0.25">
      <c r="B32" s="50">
        <v>0.96839934000000005</v>
      </c>
      <c r="C32" s="50">
        <v>780.17846999999995</v>
      </c>
      <c r="D32" s="50"/>
      <c r="E32" s="47">
        <v>0.89859855</v>
      </c>
      <c r="F32" s="47">
        <v>369.55489</v>
      </c>
      <c r="G32" s="50"/>
      <c r="H32" s="51">
        <v>0.99003982000000001</v>
      </c>
      <c r="I32" s="51">
        <v>519.81826999999998</v>
      </c>
      <c r="J32" s="50"/>
      <c r="K32" s="53">
        <v>0.77336956999999995</v>
      </c>
      <c r="L32" s="53">
        <v>348.75238999999999</v>
      </c>
      <c r="N32" s="47">
        <v>0.66629042000000005</v>
      </c>
      <c r="O32" s="40">
        <v>73.236189999999993</v>
      </c>
      <c r="P32" s="10"/>
      <c r="Q32" s="10"/>
      <c r="R32" s="10"/>
      <c r="S32" s="10"/>
      <c r="T32" s="10"/>
      <c r="U32" s="10"/>
      <c r="V32" s="10"/>
      <c r="X32" s="42"/>
      <c r="Y32" s="42"/>
      <c r="Z32" s="40"/>
      <c r="AA32" s="40"/>
      <c r="AB32" s="40"/>
      <c r="AC32" s="40"/>
      <c r="AD32" s="40"/>
      <c r="AE32" s="40"/>
      <c r="AF32" s="40"/>
      <c r="AG32" s="40"/>
      <c r="AH32" s="44"/>
      <c r="AI32" s="44"/>
      <c r="AJ32" s="40"/>
      <c r="AK32" s="40"/>
      <c r="AL32" s="40"/>
      <c r="AM32" s="40"/>
      <c r="AN32" s="40"/>
      <c r="AO32" s="40"/>
      <c r="AP32" s="40"/>
      <c r="AQ32" s="42"/>
      <c r="AR32" s="42"/>
      <c r="AS32" s="40"/>
      <c r="AT32" s="40"/>
      <c r="AU32" s="40"/>
    </row>
    <row r="33" spans="2:47" x14ac:dyDescent="0.25">
      <c r="B33" s="50">
        <v>0.98675321999999999</v>
      </c>
      <c r="C33" s="50">
        <v>824.63823000000002</v>
      </c>
      <c r="D33" s="50"/>
      <c r="E33" s="47">
        <v>0.81638197000000001</v>
      </c>
      <c r="F33" s="47">
        <v>357.05410000000001</v>
      </c>
      <c r="G33" s="50"/>
      <c r="H33" s="51">
        <v>0.88549314999999995</v>
      </c>
      <c r="I33" s="51">
        <v>458.52431000000001</v>
      </c>
      <c r="J33" s="50"/>
      <c r="K33" s="53">
        <v>0.83710404000000005</v>
      </c>
      <c r="L33" s="53">
        <v>389.83748000000003</v>
      </c>
      <c r="N33" s="47">
        <v>0.63155053999999999</v>
      </c>
      <c r="O33" s="40">
        <v>64.367649999999998</v>
      </c>
      <c r="P33" s="10"/>
      <c r="Q33" s="10"/>
      <c r="R33" s="10"/>
      <c r="S33" s="10"/>
      <c r="T33" s="10"/>
      <c r="U33" s="10"/>
      <c r="V33" s="10"/>
      <c r="X33" s="42"/>
      <c r="Y33" s="42"/>
      <c r="Z33" s="40"/>
      <c r="AA33" s="40"/>
      <c r="AB33" s="40"/>
      <c r="AC33" s="40"/>
      <c r="AD33" s="40"/>
      <c r="AE33" s="40"/>
      <c r="AF33" s="40"/>
      <c r="AG33" s="40"/>
      <c r="AH33" s="44"/>
      <c r="AI33" s="44"/>
      <c r="AJ33" s="40"/>
      <c r="AK33" s="40"/>
      <c r="AL33" s="40"/>
      <c r="AM33" s="40"/>
      <c r="AN33" s="40"/>
      <c r="AO33" s="40"/>
      <c r="AP33" s="40"/>
      <c r="AQ33" s="42"/>
      <c r="AR33" s="42"/>
      <c r="AS33" s="40"/>
      <c r="AT33" s="40"/>
      <c r="AU33" s="40"/>
    </row>
    <row r="34" spans="2:47" x14ac:dyDescent="0.25">
      <c r="B34" s="50">
        <v>0.99273073000000001</v>
      </c>
      <c r="C34" s="50">
        <v>870.37004000000002</v>
      </c>
      <c r="D34" s="50"/>
      <c r="E34" s="47">
        <v>0.74781445999999996</v>
      </c>
      <c r="F34" s="47">
        <v>342.21769</v>
      </c>
      <c r="G34" s="50"/>
      <c r="H34" s="51">
        <v>0.74200094999999999</v>
      </c>
      <c r="I34" s="51">
        <v>407.09354999999999</v>
      </c>
      <c r="J34" s="50"/>
      <c r="K34" s="53">
        <v>0.94663549000000002</v>
      </c>
      <c r="L34" s="53">
        <v>413.73122000000001</v>
      </c>
      <c r="N34" s="47">
        <v>0.56962499</v>
      </c>
      <c r="O34" s="40">
        <v>50.2774</v>
      </c>
      <c r="P34" s="10"/>
      <c r="Q34" s="10"/>
      <c r="R34" s="10"/>
      <c r="S34" s="10"/>
      <c r="T34" s="10"/>
      <c r="U34" s="10"/>
      <c r="V34" s="10"/>
      <c r="X34" s="42"/>
      <c r="Y34" s="42"/>
      <c r="Z34" s="40"/>
      <c r="AA34" s="40"/>
      <c r="AB34" s="40"/>
      <c r="AC34" s="40"/>
      <c r="AD34" s="40"/>
      <c r="AE34" s="40"/>
      <c r="AF34" s="40"/>
      <c r="AG34" s="40"/>
      <c r="AH34" s="44"/>
      <c r="AI34" s="44"/>
      <c r="AJ34" s="40"/>
      <c r="AK34" s="40"/>
      <c r="AL34" s="40"/>
      <c r="AM34" s="40"/>
      <c r="AN34" s="40"/>
      <c r="AO34" s="40"/>
      <c r="AP34" s="40"/>
      <c r="AQ34" s="42"/>
      <c r="AR34" s="42"/>
      <c r="AS34" s="40"/>
      <c r="AT34" s="40"/>
      <c r="AU34" s="40"/>
    </row>
    <row r="35" spans="2:47" x14ac:dyDescent="0.25">
      <c r="B35" s="50">
        <v>0.99273073000000001</v>
      </c>
      <c r="C35" s="50">
        <v>870.37004000000002</v>
      </c>
      <c r="D35" s="50"/>
      <c r="E35" s="47">
        <v>0.70757636000000002</v>
      </c>
      <c r="F35" s="47">
        <v>295.73576000000003</v>
      </c>
      <c r="G35" s="50"/>
      <c r="H35" s="51">
        <v>0.72184524000000005</v>
      </c>
      <c r="I35" s="51">
        <v>354.56761999999998</v>
      </c>
      <c r="J35" s="50"/>
      <c r="K35" s="53">
        <v>0.98505931999999996</v>
      </c>
      <c r="L35" s="53">
        <v>444.16307999999998</v>
      </c>
      <c r="N35" s="47">
        <v>0.50211866000000005</v>
      </c>
      <c r="O35" s="40">
        <v>45.75967</v>
      </c>
      <c r="P35" s="10"/>
      <c r="Q35" s="10"/>
      <c r="R35" s="10"/>
      <c r="S35" s="10"/>
      <c r="T35" s="10"/>
      <c r="U35" s="10"/>
      <c r="V35" s="10"/>
      <c r="X35" s="40"/>
      <c r="Y35" s="40"/>
      <c r="Z35" s="40"/>
      <c r="AA35" s="40"/>
      <c r="AB35" s="40"/>
      <c r="AC35" s="40"/>
      <c r="AD35" s="40"/>
      <c r="AE35" s="40"/>
      <c r="AF35" s="40"/>
      <c r="AG35" s="40"/>
      <c r="AH35" s="44"/>
      <c r="AI35" s="44"/>
      <c r="AJ35" s="40"/>
      <c r="AK35" s="40"/>
      <c r="AL35" s="40"/>
      <c r="AM35" s="40"/>
      <c r="AN35" s="40"/>
      <c r="AO35" s="40"/>
      <c r="AP35" s="40"/>
      <c r="AQ35" s="42"/>
      <c r="AR35" s="42"/>
      <c r="AS35" s="40"/>
      <c r="AT35" s="40"/>
      <c r="AU35" s="40"/>
    </row>
    <row r="36" spans="2:47" x14ac:dyDescent="0.25">
      <c r="B36" s="50">
        <v>0.94799049999999996</v>
      </c>
      <c r="C36" s="50">
        <v>775.43701999999996</v>
      </c>
      <c r="D36" s="50"/>
      <c r="E36" s="47">
        <v>0.69355230000000001</v>
      </c>
      <c r="F36" s="47">
        <v>247.87468000000001</v>
      </c>
      <c r="G36" s="50"/>
      <c r="H36" s="51">
        <v>0.71303260999999996</v>
      </c>
      <c r="I36" s="51">
        <v>299.41557</v>
      </c>
      <c r="J36" s="50"/>
      <c r="K36" s="53">
        <v>0.99269876000000001</v>
      </c>
      <c r="L36" s="53">
        <v>476.72014000000001</v>
      </c>
      <c r="N36" s="47">
        <v>0.43288210999999999</v>
      </c>
      <c r="O36" s="40">
        <v>41.538080000000001</v>
      </c>
      <c r="P36" s="10"/>
      <c r="Q36" s="10"/>
      <c r="R36" s="10"/>
      <c r="S36" s="10"/>
      <c r="T36" s="10"/>
      <c r="U36" s="10"/>
      <c r="V36" s="10"/>
      <c r="X36" s="42"/>
      <c r="Y36" s="42"/>
      <c r="Z36" s="40"/>
      <c r="AA36" s="40"/>
      <c r="AB36" s="40"/>
      <c r="AC36" s="40"/>
      <c r="AD36" s="40"/>
      <c r="AE36" s="40"/>
      <c r="AF36" s="40"/>
      <c r="AG36" s="40"/>
      <c r="AH36" s="44"/>
      <c r="AI36" s="44"/>
      <c r="AJ36" s="40"/>
      <c r="AK36" s="40"/>
      <c r="AL36" s="40"/>
      <c r="AM36" s="40"/>
      <c r="AN36" s="40"/>
      <c r="AO36" s="40"/>
      <c r="AP36" s="40"/>
      <c r="AQ36" s="42"/>
      <c r="AR36" s="42"/>
      <c r="AS36" s="40"/>
      <c r="AT36" s="40"/>
      <c r="AU36" s="40"/>
    </row>
    <row r="37" spans="2:47" x14ac:dyDescent="0.25">
      <c r="B37" s="50">
        <v>0.79698614000000001</v>
      </c>
      <c r="C37" s="50">
        <v>715.19970000000001</v>
      </c>
      <c r="D37" s="50"/>
      <c r="E37" s="47">
        <v>0.68097152000000005</v>
      </c>
      <c r="F37" s="47">
        <v>200.84381999999999</v>
      </c>
      <c r="G37" s="50"/>
      <c r="H37" s="51">
        <v>0.70566108000000005</v>
      </c>
      <c r="I37" s="51">
        <v>244.33149</v>
      </c>
      <c r="J37" s="50"/>
      <c r="K37" s="53">
        <v>0.99269876000000001</v>
      </c>
      <c r="L37" s="53">
        <v>476.72014000000001</v>
      </c>
      <c r="N37" s="47">
        <v>0.35633425000000002</v>
      </c>
      <c r="O37" s="40">
        <v>36.870690000000003</v>
      </c>
      <c r="P37" s="10"/>
      <c r="Q37" s="10"/>
      <c r="R37" s="10"/>
      <c r="S37" s="10"/>
      <c r="T37" s="10"/>
      <c r="U37" s="10"/>
      <c r="V37" s="10"/>
      <c r="X37" s="42"/>
      <c r="Y37" s="42"/>
      <c r="Z37" s="40"/>
      <c r="AA37" s="40"/>
      <c r="AB37" s="40"/>
      <c r="AC37" s="40"/>
      <c r="AD37" s="40"/>
      <c r="AE37" s="40"/>
      <c r="AF37" s="40"/>
      <c r="AG37" s="40"/>
      <c r="AH37" s="44"/>
      <c r="AI37" s="44"/>
      <c r="AJ37" s="40"/>
      <c r="AK37" s="40"/>
      <c r="AL37" s="40"/>
      <c r="AM37" s="40"/>
      <c r="AN37" s="40"/>
      <c r="AO37" s="40"/>
      <c r="AP37" s="40"/>
      <c r="AQ37" s="42"/>
      <c r="AR37" s="42"/>
      <c r="AS37" s="40"/>
      <c r="AT37" s="40"/>
      <c r="AU37" s="40"/>
    </row>
    <row r="38" spans="2:47" x14ac:dyDescent="0.25">
      <c r="B38" s="50">
        <v>0.75369271999999998</v>
      </c>
      <c r="C38" s="50">
        <v>623.33291999999994</v>
      </c>
      <c r="D38" s="50"/>
      <c r="E38" s="47">
        <v>0.66122060000000005</v>
      </c>
      <c r="F38" s="47">
        <v>156.01347000000001</v>
      </c>
      <c r="G38" s="50"/>
      <c r="H38" s="51">
        <v>0.69467846</v>
      </c>
      <c r="I38" s="51">
        <v>189.93051</v>
      </c>
      <c r="J38" s="50"/>
      <c r="K38" s="54">
        <v>0.91629607999999996</v>
      </c>
      <c r="L38" s="54">
        <v>413.18840999999998</v>
      </c>
      <c r="N38" s="47">
        <v>0.27899129</v>
      </c>
      <c r="O38" s="40">
        <v>32.898719999999997</v>
      </c>
      <c r="P38" s="10"/>
      <c r="Q38" s="10"/>
      <c r="R38" s="10"/>
      <c r="S38" s="10"/>
      <c r="T38" s="10"/>
      <c r="U38" s="10"/>
      <c r="V38" s="10"/>
      <c r="X38" s="42"/>
      <c r="Y38" s="42"/>
      <c r="Z38" s="40"/>
      <c r="AA38" s="40"/>
      <c r="AB38" s="40"/>
      <c r="AC38" s="40"/>
      <c r="AD38" s="40"/>
      <c r="AE38" s="40"/>
      <c r="AF38" s="40"/>
      <c r="AG38" s="40"/>
      <c r="AH38" s="45"/>
      <c r="AI38" s="45"/>
      <c r="AJ38" s="40"/>
      <c r="AK38" s="40"/>
      <c r="AL38" s="40"/>
      <c r="AM38" s="40"/>
      <c r="AN38" s="40"/>
      <c r="AO38" s="40"/>
      <c r="AP38" s="40"/>
      <c r="AQ38" s="42"/>
      <c r="AR38" s="42"/>
      <c r="AS38" s="40"/>
      <c r="AT38" s="40"/>
      <c r="AU38" s="40"/>
    </row>
    <row r="39" spans="2:47" x14ac:dyDescent="0.25">
      <c r="B39" s="50">
        <v>0.74408169999999996</v>
      </c>
      <c r="C39" s="50">
        <v>521.00414000000001</v>
      </c>
      <c r="D39" s="50"/>
      <c r="E39" s="47">
        <v>0.59597716000000001</v>
      </c>
      <c r="F39" s="47">
        <v>125.00979</v>
      </c>
      <c r="G39" s="50"/>
      <c r="H39" s="51">
        <v>0.64526782999999999</v>
      </c>
      <c r="I39" s="51">
        <v>146.25487000000001</v>
      </c>
      <c r="J39" s="50"/>
      <c r="K39" s="54">
        <v>0.74883277000000004</v>
      </c>
      <c r="L39" s="54">
        <v>371.75788</v>
      </c>
      <c r="N39" s="47">
        <v>0.20484954</v>
      </c>
      <c r="O39" s="40">
        <v>29.281169999999999</v>
      </c>
      <c r="P39" s="10"/>
      <c r="Q39" s="10"/>
      <c r="R39" s="10"/>
      <c r="S39" s="10"/>
      <c r="T39" s="10"/>
      <c r="U39" s="10"/>
      <c r="V39" s="10"/>
      <c r="X39" s="42"/>
      <c r="Y39" s="42"/>
      <c r="Z39" s="40"/>
      <c r="AA39" s="40"/>
      <c r="AB39" s="40"/>
      <c r="AC39" s="40"/>
      <c r="AD39" s="40"/>
      <c r="AE39" s="40"/>
      <c r="AF39" s="40"/>
      <c r="AG39" s="40"/>
      <c r="AH39" s="45"/>
      <c r="AI39" s="45"/>
      <c r="AJ39" s="40"/>
      <c r="AK39" s="40"/>
      <c r="AL39" s="40"/>
      <c r="AM39" s="40"/>
      <c r="AN39" s="40"/>
      <c r="AO39" s="40"/>
      <c r="AP39" s="40"/>
      <c r="AQ39" s="42"/>
      <c r="AR39" s="42"/>
      <c r="AS39" s="40"/>
      <c r="AT39" s="40"/>
      <c r="AU39" s="40"/>
    </row>
    <row r="40" spans="2:47" x14ac:dyDescent="0.25">
      <c r="B40" s="50">
        <v>0.73950475000000004</v>
      </c>
      <c r="C40" s="50">
        <v>446.87331</v>
      </c>
      <c r="D40" s="50"/>
      <c r="E40" s="47">
        <v>0.47091229000000001</v>
      </c>
      <c r="F40" s="47">
        <v>101.54313</v>
      </c>
      <c r="G40" s="50"/>
      <c r="H40" s="51">
        <v>0.51581573000000003</v>
      </c>
      <c r="I40" s="51">
        <v>121.7717</v>
      </c>
      <c r="J40" s="50"/>
      <c r="K40" s="54">
        <v>0.71599128000000001</v>
      </c>
      <c r="L40" s="54">
        <v>302.41572000000002</v>
      </c>
      <c r="N40" s="47">
        <v>0.13317498999999999</v>
      </c>
      <c r="O40" s="40">
        <v>25.346129999999999</v>
      </c>
      <c r="P40" s="10"/>
      <c r="Q40" s="10"/>
      <c r="R40" s="10"/>
      <c r="S40" s="10"/>
      <c r="T40" s="10"/>
      <c r="U40" s="10"/>
      <c r="V40" s="10"/>
      <c r="X40" s="42"/>
      <c r="Y40" s="42"/>
      <c r="Z40" s="40"/>
      <c r="AA40" s="40"/>
      <c r="AB40" s="40"/>
      <c r="AC40" s="40"/>
      <c r="AD40" s="40"/>
      <c r="AE40" s="40"/>
      <c r="AF40" s="40"/>
      <c r="AG40" s="40"/>
      <c r="AH40" s="45"/>
      <c r="AI40" s="45"/>
      <c r="AJ40" s="40"/>
      <c r="AK40" s="40"/>
      <c r="AL40" s="40"/>
      <c r="AM40" s="40"/>
      <c r="AN40" s="40"/>
      <c r="AO40" s="40"/>
      <c r="AP40" s="40"/>
      <c r="AQ40" s="42"/>
      <c r="AR40" s="42"/>
      <c r="AS40" s="40"/>
      <c r="AT40" s="40"/>
      <c r="AU40" s="40"/>
    </row>
    <row r="41" spans="2:47" x14ac:dyDescent="0.25">
      <c r="B41" s="50">
        <v>0.73442081000000003</v>
      </c>
      <c r="C41" s="50">
        <v>374.35003</v>
      </c>
      <c r="D41" s="50"/>
      <c r="E41" s="47">
        <v>0.36051832</v>
      </c>
      <c r="F41" s="47">
        <v>87.777090000000001</v>
      </c>
      <c r="G41" s="50"/>
      <c r="H41" s="51">
        <v>0.38053134</v>
      </c>
      <c r="I41" s="51">
        <v>99.912419999999997</v>
      </c>
      <c r="J41" s="50"/>
      <c r="K41" s="54">
        <v>0.70501292999999998</v>
      </c>
      <c r="L41" s="54">
        <v>241.78935000000001</v>
      </c>
      <c r="N41" s="47">
        <v>0.10305354</v>
      </c>
      <c r="O41" s="40">
        <v>23.382680000000001</v>
      </c>
      <c r="P41" s="10"/>
      <c r="Q41" s="10"/>
      <c r="R41" s="10"/>
      <c r="S41" s="10"/>
      <c r="T41" s="10"/>
      <c r="U41" s="10"/>
      <c r="V41" s="10"/>
      <c r="X41" s="42"/>
      <c r="Y41" s="42"/>
      <c r="Z41" s="40"/>
      <c r="AA41" s="40"/>
      <c r="AB41" s="40"/>
      <c r="AC41" s="40"/>
      <c r="AD41" s="40"/>
      <c r="AE41" s="40"/>
      <c r="AF41" s="40"/>
      <c r="AG41" s="40"/>
      <c r="AH41" s="45"/>
      <c r="AI41" s="45"/>
      <c r="AJ41" s="40"/>
      <c r="AK41" s="40"/>
      <c r="AL41" s="40"/>
      <c r="AM41" s="40"/>
      <c r="AN41" s="40"/>
      <c r="AO41" s="40"/>
      <c r="AP41" s="40"/>
      <c r="AQ41" s="42"/>
      <c r="AR41" s="42"/>
      <c r="AS41" s="40"/>
      <c r="AT41" s="40"/>
      <c r="AU41" s="40"/>
    </row>
    <row r="42" spans="2:47" x14ac:dyDescent="0.25">
      <c r="B42" s="50">
        <v>0.72541931000000004</v>
      </c>
      <c r="C42" s="50">
        <v>302.95202</v>
      </c>
      <c r="D42" s="50"/>
      <c r="E42" s="47">
        <v>0.27610962</v>
      </c>
      <c r="F42" s="47">
        <v>78.358239999999995</v>
      </c>
      <c r="G42" s="50"/>
      <c r="H42" s="51">
        <v>0.27589868000000001</v>
      </c>
      <c r="I42" s="51">
        <v>86.412030000000001</v>
      </c>
      <c r="J42" s="50"/>
      <c r="K42" s="54">
        <v>0.69410052</v>
      </c>
      <c r="L42" s="54">
        <v>181.31952000000001</v>
      </c>
      <c r="N42" s="47">
        <v>8.4288730000000006E-2</v>
      </c>
      <c r="O42" s="40">
        <v>21.987870000000001</v>
      </c>
      <c r="P42" s="10"/>
      <c r="Q42" s="10"/>
      <c r="R42" s="10"/>
      <c r="S42" s="10"/>
      <c r="T42" s="10"/>
      <c r="U42" s="10"/>
      <c r="V42" s="10"/>
      <c r="X42" s="42"/>
      <c r="Y42" s="42"/>
      <c r="Z42" s="40"/>
      <c r="AA42" s="40"/>
      <c r="AB42" s="40"/>
      <c r="AC42" s="40"/>
      <c r="AD42" s="40"/>
      <c r="AE42" s="40"/>
      <c r="AF42" s="40"/>
      <c r="AG42" s="40"/>
      <c r="AH42" s="45"/>
      <c r="AI42" s="45"/>
      <c r="AJ42" s="40"/>
      <c r="AK42" s="40"/>
      <c r="AL42" s="40"/>
      <c r="AM42" s="40"/>
      <c r="AN42" s="40"/>
      <c r="AO42" s="40"/>
      <c r="AP42" s="40"/>
      <c r="AQ42" s="42"/>
      <c r="AR42" s="42"/>
      <c r="AS42" s="40"/>
      <c r="AT42" s="40"/>
      <c r="AU42" s="40"/>
    </row>
    <row r="43" spans="2:47" x14ac:dyDescent="0.25">
      <c r="B43" s="50">
        <v>0.67595432</v>
      </c>
      <c r="C43" s="50">
        <v>254.38102000000001</v>
      </c>
      <c r="D43" s="50"/>
      <c r="E43" s="47">
        <v>0.21535951</v>
      </c>
      <c r="F43" s="47">
        <v>71.671059999999997</v>
      </c>
      <c r="G43" s="50"/>
      <c r="H43" s="51">
        <v>0.20082285</v>
      </c>
      <c r="I43" s="51">
        <v>76.073170000000005</v>
      </c>
      <c r="J43" s="50"/>
      <c r="K43" s="54">
        <v>0.62072050999999995</v>
      </c>
      <c r="L43" s="54">
        <v>135.58099999999999</v>
      </c>
      <c r="O43" s="10"/>
      <c r="P43" s="10"/>
      <c r="Q43" s="10"/>
      <c r="R43" s="10"/>
      <c r="S43" s="10"/>
      <c r="T43" s="10"/>
      <c r="U43" s="10"/>
      <c r="V43" s="10"/>
      <c r="X43" s="42"/>
      <c r="Y43" s="42"/>
      <c r="Z43" s="40"/>
      <c r="AA43" s="40"/>
      <c r="AB43" s="40"/>
      <c r="AC43" s="40"/>
      <c r="AD43" s="40"/>
      <c r="AE43" s="40"/>
      <c r="AF43" s="40"/>
      <c r="AG43" s="40"/>
      <c r="AH43" s="45"/>
      <c r="AI43" s="45"/>
      <c r="AJ43" s="40"/>
      <c r="AK43" s="40"/>
      <c r="AL43" s="40"/>
      <c r="AM43" s="40"/>
      <c r="AN43" s="40"/>
      <c r="AO43" s="40"/>
      <c r="AP43" s="40"/>
      <c r="AQ43" s="42"/>
      <c r="AR43" s="42"/>
      <c r="AS43" s="40"/>
      <c r="AT43" s="40"/>
      <c r="AU43" s="40"/>
    </row>
    <row r="44" spans="2:47" x14ac:dyDescent="0.25">
      <c r="B44" s="50">
        <v>0.56821348999999999</v>
      </c>
      <c r="C44" s="50">
        <v>211.80667</v>
      </c>
      <c r="D44" s="50"/>
      <c r="E44" s="47">
        <v>0.17214652</v>
      </c>
      <c r="F44" s="47">
        <v>66.603449999999995</v>
      </c>
      <c r="G44" s="50"/>
      <c r="H44" s="51">
        <v>0.14879867999999999</v>
      </c>
      <c r="I44" s="51">
        <v>68.908810000000003</v>
      </c>
      <c r="J44" s="50"/>
      <c r="K44" s="54">
        <v>0.46896837000000002</v>
      </c>
      <c r="L44" s="54">
        <v>107.96044999999999</v>
      </c>
      <c r="O44" s="10"/>
      <c r="P44" s="10"/>
      <c r="Q44" s="10"/>
      <c r="R44" s="10"/>
      <c r="S44" s="10"/>
      <c r="T44" s="10"/>
      <c r="U44" s="10"/>
      <c r="V44" s="10"/>
      <c r="X44" s="42"/>
      <c r="Y44" s="42"/>
      <c r="Z44" s="40"/>
      <c r="AA44" s="40"/>
      <c r="AB44" s="40"/>
      <c r="AC44" s="40"/>
      <c r="AD44" s="40"/>
      <c r="AE44" s="40"/>
      <c r="AF44" s="40"/>
      <c r="AG44" s="40"/>
      <c r="AH44" s="45"/>
      <c r="AI44" s="45"/>
      <c r="AJ44" s="40"/>
      <c r="AK44" s="40"/>
      <c r="AL44" s="40"/>
      <c r="AM44" s="40"/>
      <c r="AN44" s="40"/>
      <c r="AO44" s="40"/>
      <c r="AP44" s="40"/>
      <c r="AQ44" s="42"/>
      <c r="AR44" s="42"/>
      <c r="AS44" s="40"/>
      <c r="AT44" s="40"/>
      <c r="AU44" s="40"/>
    </row>
    <row r="45" spans="2:47" x14ac:dyDescent="0.25">
      <c r="B45" s="50">
        <v>0.44162404999999999</v>
      </c>
      <c r="C45" s="50">
        <v>181.63215</v>
      </c>
      <c r="D45" s="50"/>
      <c r="E45" s="47">
        <v>0.14114473999999999</v>
      </c>
      <c r="F45" s="47">
        <v>62.64573</v>
      </c>
      <c r="G45" s="50"/>
      <c r="H45" s="51">
        <v>0.11297499</v>
      </c>
      <c r="I45" s="51">
        <v>63.43309</v>
      </c>
      <c r="J45" s="50"/>
      <c r="K45" s="54">
        <v>0.33945640999999999</v>
      </c>
      <c r="L45" s="54">
        <v>89.565899999999999</v>
      </c>
      <c r="O45" s="10"/>
      <c r="P45" s="10"/>
      <c r="Q45" s="10"/>
      <c r="R45" s="10"/>
      <c r="S45" s="10"/>
      <c r="T45" s="10"/>
      <c r="U45" s="10"/>
      <c r="V45" s="10"/>
      <c r="X45" s="42"/>
      <c r="Y45" s="42"/>
      <c r="Z45" s="40"/>
      <c r="AA45" s="40"/>
      <c r="AB45" s="40"/>
      <c r="AC45" s="40"/>
      <c r="AD45" s="40"/>
      <c r="AE45" s="40"/>
      <c r="AF45" s="40"/>
      <c r="AG45" s="40"/>
      <c r="AH45" s="45"/>
      <c r="AI45" s="45"/>
      <c r="AJ45" s="40"/>
      <c r="AK45" s="40"/>
      <c r="AL45" s="40"/>
      <c r="AM45" s="40"/>
      <c r="AN45" s="40"/>
      <c r="AO45" s="40"/>
      <c r="AP45" s="40"/>
      <c r="AQ45" s="42"/>
      <c r="AR45" s="42"/>
      <c r="AS45" s="40"/>
      <c r="AT45" s="40"/>
      <c r="AU45" s="40"/>
    </row>
    <row r="46" spans="2:47" x14ac:dyDescent="0.25">
      <c r="B46" s="50">
        <v>0.32223790000000002</v>
      </c>
      <c r="C46" s="50">
        <v>156.94936999999999</v>
      </c>
      <c r="D46" s="50"/>
      <c r="E46" s="47">
        <v>0.1192199</v>
      </c>
      <c r="F46" s="47">
        <v>59.521259999999998</v>
      </c>
      <c r="G46" s="50"/>
      <c r="H46" s="51">
        <v>8.8284269999999998E-2</v>
      </c>
      <c r="I46" s="51">
        <v>57.97231</v>
      </c>
      <c r="J46" s="50"/>
      <c r="K46" s="54">
        <v>0.24060572999999999</v>
      </c>
      <c r="L46" s="54">
        <v>76.667680000000004</v>
      </c>
      <c r="O46" s="10"/>
      <c r="P46" s="10"/>
      <c r="Q46" s="10"/>
      <c r="R46" s="10"/>
      <c r="S46" s="10"/>
      <c r="T46" s="10"/>
      <c r="U46" s="10"/>
      <c r="V46" s="10"/>
      <c r="X46" s="42"/>
      <c r="Y46" s="42"/>
      <c r="Z46" s="40"/>
      <c r="AA46" s="40"/>
      <c r="AB46" s="40"/>
      <c r="AC46" s="40"/>
      <c r="AD46" s="40"/>
      <c r="AE46" s="40"/>
      <c r="AF46" s="40"/>
      <c r="AG46" s="40"/>
      <c r="AH46" s="45"/>
      <c r="AI46" s="45"/>
      <c r="AJ46" s="40"/>
      <c r="AK46" s="40"/>
      <c r="AL46" s="40"/>
      <c r="AM46" s="40"/>
      <c r="AN46" s="40"/>
      <c r="AO46" s="40"/>
      <c r="AP46" s="40"/>
      <c r="AQ46" s="42"/>
      <c r="AR46" s="42"/>
      <c r="AS46" s="40"/>
      <c r="AT46" s="40"/>
      <c r="AU46" s="40"/>
    </row>
    <row r="47" spans="2:47" x14ac:dyDescent="0.25">
      <c r="B47" s="50">
        <v>0.23411851</v>
      </c>
      <c r="C47" s="50">
        <v>140.12183999999999</v>
      </c>
      <c r="D47" s="50"/>
      <c r="E47" s="47">
        <v>0.10296186</v>
      </c>
      <c r="F47" s="47">
        <v>57.030239999999999</v>
      </c>
      <c r="G47" s="50"/>
      <c r="H47" s="50">
        <v>0.36112424999999998</v>
      </c>
      <c r="I47" s="50">
        <v>133.7047</v>
      </c>
      <c r="J47" s="50"/>
      <c r="K47" s="55">
        <v>0.1724926</v>
      </c>
      <c r="L47" s="55">
        <v>67.696610000000007</v>
      </c>
      <c r="O47" s="10"/>
      <c r="P47" s="10"/>
      <c r="Q47" s="10"/>
      <c r="R47" s="10"/>
      <c r="S47" s="10"/>
      <c r="T47" s="10"/>
      <c r="U47" s="10"/>
      <c r="V47" s="10"/>
      <c r="X47" s="42"/>
      <c r="Y47" s="42"/>
      <c r="Z47" s="40"/>
      <c r="AA47" s="40"/>
      <c r="AB47" s="40"/>
      <c r="AC47" s="40"/>
      <c r="AD47" s="40"/>
      <c r="AE47" s="40"/>
      <c r="AF47" s="40"/>
      <c r="AG47" s="40"/>
      <c r="AH47" s="46"/>
      <c r="AI47" s="46"/>
      <c r="AJ47" s="40"/>
      <c r="AK47" s="40"/>
      <c r="AL47" s="40"/>
      <c r="AM47" s="40"/>
      <c r="AN47" s="40"/>
      <c r="AO47" s="40"/>
      <c r="AP47" s="40"/>
      <c r="AQ47" s="42"/>
      <c r="AR47" s="42"/>
      <c r="AS47" s="40"/>
      <c r="AT47" s="40"/>
      <c r="AU47" s="40"/>
    </row>
    <row r="48" spans="2:47" x14ac:dyDescent="0.25">
      <c r="B48" s="50">
        <v>0.17146713999999999</v>
      </c>
      <c r="C48" s="50">
        <v>127.26738</v>
      </c>
      <c r="D48" s="50"/>
      <c r="E48" s="47">
        <v>9.1117530000000002E-2</v>
      </c>
      <c r="F48" s="47">
        <v>55.013860000000001</v>
      </c>
      <c r="G48" s="50"/>
      <c r="H48" s="50">
        <v>0.27631868999999998</v>
      </c>
      <c r="I48" s="50">
        <v>121.19014</v>
      </c>
      <c r="J48" s="50"/>
      <c r="K48" s="55">
        <v>0.12674946000000001</v>
      </c>
      <c r="L48" s="55">
        <v>61.101880000000001</v>
      </c>
      <c r="O48" s="10"/>
      <c r="P48" s="10"/>
      <c r="Q48" s="10"/>
      <c r="R48" s="10"/>
      <c r="S48" s="10"/>
      <c r="T48" s="10"/>
      <c r="U48" s="10"/>
      <c r="V48" s="10"/>
      <c r="X48" s="42"/>
      <c r="Y48" s="42"/>
      <c r="Z48" s="40"/>
      <c r="AA48" s="40"/>
      <c r="AB48" s="40"/>
      <c r="AC48" s="40"/>
      <c r="AD48" s="40"/>
      <c r="AE48" s="40"/>
      <c r="AF48" s="40"/>
      <c r="AG48" s="40"/>
      <c r="AH48" s="46"/>
      <c r="AI48" s="46"/>
      <c r="AJ48" s="40"/>
      <c r="AK48" s="40"/>
      <c r="AL48" s="40"/>
      <c r="AM48" s="40"/>
      <c r="AN48" s="40"/>
      <c r="AO48" s="40"/>
      <c r="AP48" s="40"/>
      <c r="AQ48" s="40"/>
      <c r="AR48" s="40"/>
      <c r="AS48" s="40"/>
      <c r="AT48" s="40"/>
      <c r="AU48" s="40"/>
    </row>
    <row r="49" spans="2:47" x14ac:dyDescent="0.25">
      <c r="B49" s="50">
        <v>0.12821883000000001</v>
      </c>
      <c r="C49" s="50">
        <v>118.39394</v>
      </c>
      <c r="D49" s="50"/>
      <c r="E49" s="50"/>
      <c r="F49" s="50"/>
      <c r="G49" s="50"/>
      <c r="H49" s="50">
        <v>0.21476161999999999</v>
      </c>
      <c r="I49" s="50">
        <v>112.1063</v>
      </c>
      <c r="J49" s="50"/>
      <c r="K49" s="55">
        <v>9.5945199999999994E-2</v>
      </c>
      <c r="L49" s="55">
        <v>55.314929999999997</v>
      </c>
      <c r="O49" s="10"/>
      <c r="P49" s="10"/>
      <c r="Q49" s="10"/>
      <c r="R49" s="10"/>
      <c r="S49" s="10"/>
      <c r="T49" s="10"/>
      <c r="U49" s="10"/>
      <c r="V49" s="10"/>
      <c r="X49" s="42"/>
      <c r="Y49" s="42"/>
      <c r="Z49" s="40"/>
      <c r="AA49" s="40"/>
      <c r="AB49" s="40"/>
      <c r="AC49" s="40"/>
      <c r="AD49" s="40"/>
      <c r="AE49" s="40"/>
      <c r="AF49" s="40"/>
      <c r="AG49" s="40"/>
      <c r="AH49" s="46"/>
      <c r="AI49" s="46"/>
      <c r="AJ49" s="40"/>
      <c r="AK49" s="40"/>
      <c r="AL49" s="40"/>
      <c r="AM49" s="40"/>
      <c r="AN49" s="40"/>
      <c r="AO49" s="40"/>
      <c r="AP49" s="40"/>
      <c r="AQ49" s="40"/>
      <c r="AR49" s="40"/>
      <c r="AS49" s="40"/>
      <c r="AT49" s="40"/>
      <c r="AU49" s="40"/>
    </row>
    <row r="50" spans="2:47" x14ac:dyDescent="0.25">
      <c r="B50" s="50">
        <v>9.8212610000000006E-2</v>
      </c>
      <c r="C50" s="50">
        <v>111.00476</v>
      </c>
      <c r="D50" s="50"/>
      <c r="E50" s="50"/>
      <c r="F50" s="50"/>
      <c r="G50" s="50"/>
      <c r="H50" s="50">
        <v>0.17061548000000001</v>
      </c>
      <c r="I50" s="50">
        <v>104.93129999999999</v>
      </c>
      <c r="J50" s="50"/>
      <c r="K50" s="50">
        <v>0.71106486000000002</v>
      </c>
      <c r="L50" s="50">
        <v>232.15824000000001</v>
      </c>
      <c r="O50" s="10"/>
      <c r="P50" s="10"/>
      <c r="Q50" s="10"/>
      <c r="R50" s="10"/>
      <c r="S50" s="10"/>
      <c r="T50" s="10"/>
      <c r="U50" s="10"/>
      <c r="V50" s="10"/>
      <c r="X50" s="42"/>
      <c r="Y50" s="42"/>
      <c r="Z50" s="40"/>
      <c r="AA50" s="40"/>
      <c r="AB50" s="40"/>
      <c r="AC50" s="40"/>
      <c r="AD50" s="40"/>
      <c r="AE50" s="40"/>
      <c r="AF50" s="40"/>
      <c r="AG50" s="40"/>
      <c r="AH50" s="40"/>
      <c r="AI50" s="40"/>
      <c r="AJ50" s="40"/>
      <c r="AK50" s="40"/>
      <c r="AL50" s="40"/>
      <c r="AM50" s="40"/>
      <c r="AN50" s="40"/>
      <c r="AO50" s="40"/>
      <c r="AP50" s="40"/>
      <c r="AQ50" s="40"/>
      <c r="AR50" s="40"/>
      <c r="AS50" s="40"/>
      <c r="AT50" s="40"/>
      <c r="AU50" s="40"/>
    </row>
    <row r="51" spans="2:47" x14ac:dyDescent="0.25">
      <c r="B51" s="50"/>
      <c r="C51" s="50"/>
      <c r="D51" s="50"/>
      <c r="E51" s="50"/>
      <c r="F51" s="50"/>
      <c r="G51" s="50"/>
      <c r="H51" s="50">
        <v>0.13940923999999999</v>
      </c>
      <c r="I51" s="50">
        <v>99.327200000000005</v>
      </c>
      <c r="J51" s="50"/>
      <c r="K51" s="50">
        <v>0.63502334999999999</v>
      </c>
      <c r="L51" s="50">
        <v>189.95011</v>
      </c>
      <c r="O51" s="10"/>
      <c r="P51" s="10"/>
      <c r="Q51" s="10"/>
      <c r="R51" s="10"/>
      <c r="S51" s="10"/>
      <c r="T51" s="10"/>
      <c r="U51" s="10"/>
      <c r="V51" s="10"/>
      <c r="X51" s="42"/>
      <c r="Y51" s="42"/>
      <c r="Z51" s="40"/>
      <c r="AA51" s="40"/>
      <c r="AB51" s="40"/>
      <c r="AC51" s="40"/>
      <c r="AD51" s="40"/>
      <c r="AE51" s="40"/>
      <c r="AF51" s="40"/>
      <c r="AG51" s="40"/>
      <c r="AH51" s="40"/>
      <c r="AI51" s="40"/>
      <c r="AJ51" s="40"/>
      <c r="AK51" s="40"/>
      <c r="AL51" s="40"/>
      <c r="AM51" s="40"/>
      <c r="AN51" s="40"/>
      <c r="AO51" s="40"/>
      <c r="AP51" s="40"/>
      <c r="AQ51" s="40"/>
      <c r="AR51" s="40"/>
      <c r="AS51" s="40"/>
      <c r="AT51" s="40"/>
      <c r="AU51" s="40"/>
    </row>
    <row r="52" spans="2:47" x14ac:dyDescent="0.25">
      <c r="O52" s="10"/>
      <c r="P52" s="10"/>
      <c r="Q52" s="10"/>
      <c r="R52" s="10"/>
      <c r="S52" s="10"/>
      <c r="T52" s="10"/>
      <c r="U52" s="10"/>
      <c r="V52" s="10"/>
      <c r="X52" s="40"/>
      <c r="Y52" s="40"/>
      <c r="Z52" s="40"/>
      <c r="AA52" s="40"/>
      <c r="AB52" s="40"/>
      <c r="AC52" s="40"/>
      <c r="AD52" s="40"/>
      <c r="AE52" s="40"/>
      <c r="AF52" s="40"/>
      <c r="AG52" s="40"/>
      <c r="AH52" s="40"/>
      <c r="AI52" s="40"/>
      <c r="AJ52" s="40"/>
      <c r="AK52" s="40"/>
      <c r="AL52" s="40"/>
      <c r="AM52" s="40"/>
      <c r="AN52" s="40"/>
      <c r="AO52" s="40"/>
      <c r="AP52" s="40"/>
      <c r="AQ52" s="40"/>
      <c r="AR52" s="40"/>
      <c r="AS52" s="40"/>
      <c r="AT52" s="40"/>
      <c r="AU52" s="40"/>
    </row>
    <row r="53" spans="2:47" x14ac:dyDescent="0.25">
      <c r="O53" s="10"/>
      <c r="P53" s="10"/>
      <c r="Q53" s="10"/>
      <c r="R53" s="10"/>
      <c r="S53" s="10"/>
      <c r="T53" s="10"/>
      <c r="U53" s="10"/>
      <c r="V53" s="10"/>
      <c r="X53" s="40"/>
      <c r="Y53" s="40"/>
      <c r="Z53" s="40"/>
      <c r="AA53" s="40"/>
      <c r="AB53" s="40"/>
      <c r="AC53" s="40"/>
      <c r="AD53" s="40"/>
      <c r="AE53" s="40"/>
      <c r="AF53" s="40"/>
      <c r="AG53" s="40"/>
      <c r="AH53" s="40"/>
      <c r="AI53" s="40"/>
      <c r="AJ53" s="40"/>
      <c r="AK53" s="40"/>
      <c r="AL53" s="40"/>
      <c r="AM53" s="40"/>
      <c r="AN53" s="40"/>
      <c r="AO53" s="40"/>
      <c r="AP53" s="40"/>
      <c r="AQ53" s="40"/>
      <c r="AR53" s="40"/>
      <c r="AS53" s="40"/>
      <c r="AT53" s="40"/>
      <c r="AU53" s="40"/>
    </row>
    <row r="54" spans="2:47" x14ac:dyDescent="0.25">
      <c r="O54" s="10"/>
      <c r="P54" s="10"/>
      <c r="Q54" s="10"/>
      <c r="R54" s="10"/>
      <c r="S54" s="10"/>
      <c r="T54" s="10"/>
      <c r="U54" s="10"/>
      <c r="V54" s="10"/>
      <c r="X54" s="40"/>
      <c r="Y54" s="40"/>
      <c r="Z54" s="40"/>
      <c r="AA54" s="40"/>
      <c r="AB54" s="40"/>
      <c r="AC54" s="40"/>
      <c r="AD54" s="40"/>
      <c r="AE54" s="40"/>
      <c r="AF54" s="40"/>
      <c r="AG54" s="40"/>
      <c r="AH54" s="40"/>
      <c r="AI54" s="40"/>
      <c r="AJ54" s="40"/>
      <c r="AK54" s="40"/>
      <c r="AL54" s="40"/>
      <c r="AM54" s="40"/>
      <c r="AN54" s="40"/>
      <c r="AO54" s="40"/>
      <c r="AP54" s="40"/>
      <c r="AQ54" s="40"/>
      <c r="AR54" s="40"/>
      <c r="AS54" s="40"/>
      <c r="AT54" s="40"/>
      <c r="AU54" s="40"/>
    </row>
    <row r="55" spans="2:47" x14ac:dyDescent="0.25">
      <c r="O55" s="10"/>
      <c r="P55" s="10"/>
      <c r="Q55" s="10"/>
      <c r="R55" s="10"/>
      <c r="S55" s="10"/>
      <c r="T55" s="10"/>
      <c r="U55" s="10"/>
      <c r="V55" s="10"/>
      <c r="X55" s="40"/>
      <c r="Y55" s="40"/>
      <c r="Z55" s="40"/>
      <c r="AA55" s="40"/>
      <c r="AB55" s="40"/>
      <c r="AC55" s="40"/>
      <c r="AD55" s="40"/>
      <c r="AE55" s="40"/>
      <c r="AF55" s="40"/>
      <c r="AG55" s="40"/>
      <c r="AH55" s="40"/>
      <c r="AI55" s="40"/>
      <c r="AJ55" s="40"/>
      <c r="AK55" s="40"/>
      <c r="AL55" s="40"/>
      <c r="AM55" s="40"/>
      <c r="AN55" s="40"/>
      <c r="AO55" s="40"/>
      <c r="AP55" s="40"/>
      <c r="AQ55" s="40"/>
      <c r="AR55" s="40"/>
      <c r="AS55" s="40"/>
      <c r="AT55" s="40"/>
      <c r="AU55" s="40"/>
    </row>
    <row r="56" spans="2:47" x14ac:dyDescent="0.25">
      <c r="O56" s="10"/>
      <c r="P56" s="10"/>
      <c r="Q56" s="10"/>
      <c r="R56" s="10"/>
      <c r="S56" s="10"/>
      <c r="T56" s="10"/>
      <c r="U56" s="10"/>
      <c r="V56" s="10"/>
    </row>
    <row r="57" spans="2:47" x14ac:dyDescent="0.25">
      <c r="O57" s="10"/>
      <c r="P57" s="10"/>
      <c r="Q57" s="10"/>
      <c r="R57" s="10"/>
      <c r="S57" s="10"/>
      <c r="T57" s="10"/>
      <c r="U57" s="10"/>
      <c r="V57" s="10"/>
    </row>
    <row r="58" spans="2:47" x14ac:dyDescent="0.25">
      <c r="O58" s="10"/>
      <c r="P58" s="10"/>
      <c r="Q58" s="10"/>
      <c r="R58" s="10"/>
      <c r="S58" s="10"/>
      <c r="T58" s="10"/>
      <c r="U58" s="10"/>
      <c r="V58" s="10"/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C3C7233-DEDA-4CE2-8E07-91EF24F5A86C}">
  <dimension ref="A5:L54"/>
  <sheetViews>
    <sheetView workbookViewId="0">
      <selection activeCell="I50" sqref="A5:I50"/>
    </sheetView>
  </sheetViews>
  <sheetFormatPr defaultRowHeight="15" x14ac:dyDescent="0.25"/>
  <cols>
    <col min="2" max="2" width="9.140625" bestFit="1" customWidth="1"/>
    <col min="3" max="3" width="11.140625" bestFit="1" customWidth="1"/>
    <col min="5" max="5" width="9.140625" bestFit="1" customWidth="1"/>
    <col min="6" max="6" width="11.140625" bestFit="1" customWidth="1"/>
    <col min="8" max="8" width="9.140625" bestFit="1" customWidth="1"/>
    <col min="9" max="9" width="11.140625" bestFit="1" customWidth="1"/>
    <col min="11" max="11" width="9.140625" bestFit="1" customWidth="1"/>
    <col min="12" max="12" width="11.140625" bestFit="1" customWidth="1"/>
  </cols>
  <sheetData>
    <row r="5" spans="1:12" x14ac:dyDescent="0.25">
      <c r="A5" s="11" t="s">
        <v>8</v>
      </c>
    </row>
    <row r="6" spans="1:12" x14ac:dyDescent="0.25">
      <c r="A6" s="11" t="s">
        <v>9</v>
      </c>
      <c r="B6" s="32" t="s">
        <v>7</v>
      </c>
    </row>
    <row r="7" spans="1:12" x14ac:dyDescent="0.25">
      <c r="B7" s="7" t="s">
        <v>12</v>
      </c>
      <c r="C7" s="11"/>
      <c r="D7" s="11"/>
      <c r="E7" s="11" t="s">
        <v>13</v>
      </c>
      <c r="F7" s="11">
        <v>380</v>
      </c>
      <c r="G7" s="11"/>
      <c r="H7" s="11" t="s">
        <v>14</v>
      </c>
      <c r="I7" s="11">
        <v>367</v>
      </c>
      <c r="J7" s="11"/>
      <c r="K7" s="11"/>
      <c r="L7" s="11"/>
    </row>
    <row r="8" spans="1:12" x14ac:dyDescent="0.25">
      <c r="B8" s="11" t="s">
        <v>1</v>
      </c>
      <c r="C8" s="11" t="s">
        <v>2</v>
      </c>
      <c r="D8" s="11"/>
      <c r="E8" s="11" t="s">
        <v>1</v>
      </c>
      <c r="F8" s="11" t="s">
        <v>2</v>
      </c>
      <c r="G8" s="11"/>
      <c r="H8" s="11" t="s">
        <v>1</v>
      </c>
      <c r="I8" s="11" t="s">
        <v>2</v>
      </c>
      <c r="J8" s="11"/>
      <c r="K8" s="11"/>
      <c r="L8" s="11"/>
    </row>
    <row r="9" spans="1:12" x14ac:dyDescent="0.25">
      <c r="B9" s="10">
        <v>3.0871700000000002E-3</v>
      </c>
      <c r="C9" s="10">
        <v>46.093559999999997</v>
      </c>
      <c r="D9" s="10"/>
      <c r="E9" s="10">
        <v>3.35703E-3</v>
      </c>
      <c r="F9" s="10">
        <v>46.88767</v>
      </c>
      <c r="G9" s="10"/>
      <c r="H9" s="10">
        <v>4.7436400000000004E-3</v>
      </c>
      <c r="I9" s="10">
        <v>45.986289999999997</v>
      </c>
      <c r="J9" s="10"/>
      <c r="K9" s="10"/>
      <c r="L9" s="10"/>
    </row>
    <row r="10" spans="1:12" x14ac:dyDescent="0.25">
      <c r="B10" s="10">
        <v>5.5755310000000002E-2</v>
      </c>
      <c r="C10" s="10">
        <v>81.097099999999998</v>
      </c>
      <c r="D10" s="10"/>
      <c r="E10" s="10">
        <v>5.9863649999999997E-2</v>
      </c>
      <c r="F10" s="10">
        <v>82.21181</v>
      </c>
      <c r="G10" s="10"/>
      <c r="H10" s="10">
        <v>6.6830619999999993E-2</v>
      </c>
      <c r="I10" s="10">
        <v>79.770679999999999</v>
      </c>
      <c r="J10" s="10"/>
      <c r="K10" s="10"/>
      <c r="L10" s="10"/>
    </row>
    <row r="11" spans="1:12" x14ac:dyDescent="0.25">
      <c r="B11" s="10">
        <v>0.16417055</v>
      </c>
      <c r="C11" s="10">
        <v>103.66976</v>
      </c>
      <c r="D11" s="10"/>
      <c r="E11" s="10">
        <v>0.17366124999999999</v>
      </c>
      <c r="F11" s="10">
        <v>105.11994</v>
      </c>
      <c r="G11" s="10"/>
      <c r="H11" s="10">
        <v>0.17994977000000001</v>
      </c>
      <c r="I11" s="10">
        <v>101.5361</v>
      </c>
      <c r="J11" s="10"/>
      <c r="K11" s="10"/>
      <c r="L11" s="10"/>
    </row>
    <row r="12" spans="1:12" x14ac:dyDescent="0.25">
      <c r="B12" s="10">
        <v>0.36819393</v>
      </c>
      <c r="C12" s="10">
        <v>135.09868</v>
      </c>
      <c r="D12" s="10"/>
      <c r="E12" s="10">
        <v>0.38713247000000001</v>
      </c>
      <c r="F12" s="10">
        <v>137.12253000000001</v>
      </c>
      <c r="G12" s="10"/>
      <c r="H12" s="10">
        <v>0.39187947000000001</v>
      </c>
      <c r="I12" s="10">
        <v>133.21338</v>
      </c>
      <c r="J12" s="10"/>
      <c r="K12" s="10"/>
      <c r="L12" s="10"/>
    </row>
    <row r="13" spans="1:12" x14ac:dyDescent="0.25">
      <c r="B13" s="10">
        <v>0.55427223999999997</v>
      </c>
      <c r="C13" s="10">
        <v>169.96827999999999</v>
      </c>
      <c r="D13" s="10"/>
      <c r="E13" s="10">
        <v>0.57991585999999995</v>
      </c>
      <c r="F13" s="10">
        <v>173.80837</v>
      </c>
      <c r="G13" s="10"/>
      <c r="H13" s="10">
        <v>0.58003490999999996</v>
      </c>
      <c r="I13" s="10">
        <v>169.55117999999999</v>
      </c>
      <c r="J13" s="10"/>
      <c r="K13" s="10"/>
      <c r="L13" s="10"/>
    </row>
    <row r="14" spans="1:12" x14ac:dyDescent="0.25">
      <c r="B14" s="10">
        <v>0.68461190000000005</v>
      </c>
      <c r="C14" s="10">
        <v>209.99034</v>
      </c>
      <c r="D14" s="10"/>
      <c r="E14" s="10">
        <v>0.70133025000000004</v>
      </c>
      <c r="F14" s="10">
        <v>216.36335</v>
      </c>
      <c r="G14" s="10"/>
      <c r="H14" s="10">
        <v>0.69736997999999994</v>
      </c>
      <c r="I14" s="10">
        <v>210.26075</v>
      </c>
      <c r="J14" s="10"/>
      <c r="K14" s="10"/>
      <c r="L14" s="10"/>
    </row>
    <row r="15" spans="1:12" x14ac:dyDescent="0.25">
      <c r="B15" s="10">
        <v>0.75260753000000002</v>
      </c>
      <c r="C15" s="10">
        <v>252.02278000000001</v>
      </c>
      <c r="D15" s="10"/>
      <c r="E15" s="10">
        <v>0.75966761999999999</v>
      </c>
      <c r="F15" s="10">
        <v>260.17012999999997</v>
      </c>
      <c r="G15" s="10"/>
      <c r="H15" s="10">
        <v>0.75656363999999998</v>
      </c>
      <c r="I15" s="10">
        <v>252.52009000000001</v>
      </c>
      <c r="J15" s="10"/>
      <c r="K15" s="10"/>
      <c r="L15" s="10"/>
    </row>
    <row r="16" spans="1:12" x14ac:dyDescent="0.25">
      <c r="B16" s="10">
        <v>0.78388806</v>
      </c>
      <c r="C16" s="10">
        <v>295.43819999999999</v>
      </c>
      <c r="D16" s="10"/>
      <c r="E16" s="10">
        <v>0.78782352</v>
      </c>
      <c r="F16" s="10">
        <v>305.46095000000003</v>
      </c>
      <c r="G16" s="10"/>
      <c r="H16" s="10">
        <v>0.78714941999999999</v>
      </c>
      <c r="I16" s="10">
        <v>296.69184000000001</v>
      </c>
      <c r="J16" s="10"/>
      <c r="K16" s="10"/>
      <c r="L16" s="10"/>
    </row>
    <row r="17" spans="2:12" x14ac:dyDescent="0.25">
      <c r="B17" s="10">
        <v>0.79213621000000001</v>
      </c>
      <c r="C17" s="10">
        <v>340.69337000000002</v>
      </c>
      <c r="D17" s="10"/>
      <c r="E17" s="10">
        <v>0.79468496</v>
      </c>
      <c r="F17" s="10">
        <v>352.91320000000002</v>
      </c>
      <c r="G17" s="10"/>
      <c r="H17" s="10">
        <v>0.79904023999999996</v>
      </c>
      <c r="I17" s="10">
        <v>342.31421999999998</v>
      </c>
      <c r="J17" s="10"/>
      <c r="K17" s="10"/>
      <c r="L17" s="10"/>
    </row>
    <row r="18" spans="2:12" x14ac:dyDescent="0.25">
      <c r="B18" s="10">
        <v>0.79594127000000003</v>
      </c>
      <c r="C18" s="10">
        <v>386.33821999999998</v>
      </c>
      <c r="D18" s="10"/>
      <c r="E18" s="10">
        <v>0.79860518000000003</v>
      </c>
      <c r="F18" s="10">
        <v>400.30471999999997</v>
      </c>
      <c r="G18" s="10"/>
      <c r="H18" s="10">
        <v>0.80580514000000003</v>
      </c>
      <c r="I18" s="10">
        <v>387.80085000000003</v>
      </c>
      <c r="J18" s="10"/>
      <c r="K18" s="10"/>
      <c r="L18" s="10"/>
    </row>
    <row r="19" spans="2:12" x14ac:dyDescent="0.25">
      <c r="B19" s="10">
        <v>0.79956329000000004</v>
      </c>
      <c r="C19" s="10">
        <v>432.01261</v>
      </c>
      <c r="D19" s="10"/>
      <c r="E19" s="10">
        <v>0.80327364000000001</v>
      </c>
      <c r="F19" s="10">
        <v>447.13639000000001</v>
      </c>
      <c r="G19" s="10"/>
      <c r="H19" s="10">
        <v>0.81189694000000001</v>
      </c>
      <c r="I19" s="10">
        <v>432.54396000000003</v>
      </c>
      <c r="J19" s="10"/>
      <c r="K19" s="10"/>
      <c r="L19" s="10"/>
    </row>
    <row r="20" spans="2:12" x14ac:dyDescent="0.25">
      <c r="B20" s="10">
        <v>0.80334667000000004</v>
      </c>
      <c r="C20" s="10">
        <v>477.25891999999999</v>
      </c>
      <c r="D20" s="10"/>
      <c r="E20" s="10">
        <v>0.80804127000000003</v>
      </c>
      <c r="F20" s="10">
        <v>493.49635000000001</v>
      </c>
      <c r="G20" s="10"/>
      <c r="H20" s="10">
        <v>0.81937932000000002</v>
      </c>
      <c r="I20" s="10">
        <v>476.48444000000001</v>
      </c>
      <c r="J20" s="10"/>
      <c r="K20" s="10"/>
      <c r="L20" s="10"/>
    </row>
    <row r="21" spans="2:12" x14ac:dyDescent="0.25">
      <c r="B21" s="10">
        <v>0.80960235000000003</v>
      </c>
      <c r="C21" s="10">
        <v>521.90521999999999</v>
      </c>
      <c r="D21" s="10"/>
      <c r="E21" s="10">
        <v>0.82373719000000001</v>
      </c>
      <c r="F21" s="10">
        <v>536.98976000000005</v>
      </c>
      <c r="G21" s="10"/>
      <c r="H21" s="10">
        <v>0.83081729999999998</v>
      </c>
      <c r="I21" s="10">
        <v>519.58815000000004</v>
      </c>
      <c r="J21" s="10"/>
      <c r="K21" s="10"/>
      <c r="L21" s="10"/>
    </row>
    <row r="22" spans="2:12" x14ac:dyDescent="0.25">
      <c r="B22" s="10">
        <v>0.82634313000000004</v>
      </c>
      <c r="C22" s="10">
        <v>563.60135000000002</v>
      </c>
      <c r="D22" s="10"/>
      <c r="E22" s="10">
        <v>0.89431505</v>
      </c>
      <c r="F22" s="10">
        <v>567.13878999999997</v>
      </c>
      <c r="G22" s="10"/>
      <c r="H22" s="10">
        <v>0.86935702999999998</v>
      </c>
      <c r="I22" s="10">
        <v>546.29344000000003</v>
      </c>
      <c r="J22" s="10"/>
      <c r="K22" s="10"/>
      <c r="L22" s="10"/>
    </row>
    <row r="23" spans="2:12" x14ac:dyDescent="0.25">
      <c r="B23" s="10">
        <v>0.90359871000000003</v>
      </c>
      <c r="C23" s="10">
        <v>589.71241999999995</v>
      </c>
      <c r="D23" s="10"/>
      <c r="E23" s="10">
        <v>0.95534353999999999</v>
      </c>
      <c r="F23" s="10">
        <v>588.45947999999999</v>
      </c>
      <c r="G23" s="10"/>
      <c r="H23" s="10">
        <v>0.93397741000000001</v>
      </c>
      <c r="I23" s="10">
        <v>567.08568000000002</v>
      </c>
      <c r="J23" s="10"/>
      <c r="K23" s="10"/>
      <c r="L23" s="10"/>
    </row>
    <row r="24" spans="2:12" x14ac:dyDescent="0.25">
      <c r="B24" s="10">
        <v>0.95913185000000001</v>
      </c>
      <c r="C24" s="10">
        <v>610.87265000000002</v>
      </c>
      <c r="D24" s="10"/>
      <c r="E24" s="10">
        <v>0.98361799000000005</v>
      </c>
      <c r="F24" s="10">
        <v>614.68418999999994</v>
      </c>
      <c r="G24" s="10"/>
      <c r="H24" s="10">
        <v>0.98618702999999996</v>
      </c>
      <c r="I24" s="10">
        <v>589.10281999999995</v>
      </c>
      <c r="J24" s="10"/>
      <c r="K24" s="10"/>
      <c r="L24" s="10"/>
    </row>
    <row r="25" spans="2:12" x14ac:dyDescent="0.25">
      <c r="B25" s="10">
        <v>0.98154306000000002</v>
      </c>
      <c r="C25" s="10">
        <v>636.07024000000001</v>
      </c>
      <c r="D25" s="10"/>
      <c r="E25" s="10">
        <v>0.98361799000000005</v>
      </c>
      <c r="F25" s="10">
        <v>614.68418999999994</v>
      </c>
      <c r="G25" s="10"/>
      <c r="H25" s="10">
        <v>0.98618702999999996</v>
      </c>
      <c r="I25" s="10">
        <v>589.10281999999995</v>
      </c>
      <c r="J25" s="10"/>
      <c r="K25" s="10"/>
      <c r="L25" s="10"/>
    </row>
    <row r="26" spans="2:12" x14ac:dyDescent="0.25">
      <c r="B26" s="10">
        <v>0.98154306000000002</v>
      </c>
      <c r="C26" s="10">
        <v>636.07024000000001</v>
      </c>
      <c r="D26" s="10"/>
      <c r="E26" s="10">
        <v>0.94359784000000002</v>
      </c>
      <c r="F26" s="10">
        <v>589.83793000000003</v>
      </c>
      <c r="G26" s="10"/>
      <c r="H26" s="10">
        <v>0.92541728999999995</v>
      </c>
      <c r="I26" s="10">
        <v>569.07542999999998</v>
      </c>
      <c r="J26" s="10"/>
      <c r="K26" s="10"/>
      <c r="L26" s="10"/>
    </row>
    <row r="27" spans="2:12" x14ac:dyDescent="0.25">
      <c r="B27" s="10">
        <v>0.94634651999999997</v>
      </c>
      <c r="C27" s="10">
        <v>611.12991999999997</v>
      </c>
      <c r="D27" s="10"/>
      <c r="E27" s="10">
        <v>0.87518547000000002</v>
      </c>
      <c r="F27" s="10">
        <v>571.12855999999999</v>
      </c>
      <c r="G27" s="10"/>
      <c r="H27" s="10">
        <v>0.85352048000000003</v>
      </c>
      <c r="I27" s="10">
        <v>551.46937000000003</v>
      </c>
      <c r="J27" s="10"/>
      <c r="K27" s="10"/>
      <c r="L27" s="10"/>
    </row>
    <row r="28" spans="2:12" x14ac:dyDescent="0.25">
      <c r="B28" s="10">
        <v>0.88301521000000005</v>
      </c>
      <c r="C28" s="10">
        <v>592.21113000000003</v>
      </c>
      <c r="D28" s="10"/>
      <c r="E28" s="10">
        <v>0.80832694999999999</v>
      </c>
      <c r="F28" s="10">
        <v>552.10287000000005</v>
      </c>
      <c r="G28" s="10"/>
      <c r="H28" s="10">
        <v>0.79206982999999997</v>
      </c>
      <c r="I28" s="10">
        <v>531.51041999999995</v>
      </c>
      <c r="J28" s="10"/>
      <c r="K28" s="10"/>
      <c r="L28" s="10"/>
    </row>
    <row r="29" spans="2:12" x14ac:dyDescent="0.25">
      <c r="B29" s="10">
        <v>0.81665887999999998</v>
      </c>
      <c r="C29" s="10">
        <v>574.44248000000005</v>
      </c>
      <c r="D29" s="10"/>
      <c r="E29" s="10">
        <v>0.76404585000000003</v>
      </c>
      <c r="F29" s="10">
        <v>528.20605999999998</v>
      </c>
      <c r="G29" s="10"/>
      <c r="H29" s="10">
        <v>0.76756217000000004</v>
      </c>
      <c r="I29" s="10">
        <v>503.62867</v>
      </c>
      <c r="J29" s="10"/>
      <c r="K29" s="10"/>
      <c r="L29" s="10"/>
    </row>
    <row r="30" spans="2:12" x14ac:dyDescent="0.25">
      <c r="B30" s="10">
        <v>0.76487397999999995</v>
      </c>
      <c r="C30" s="10">
        <v>553.10308999999995</v>
      </c>
      <c r="D30" s="10"/>
      <c r="E30" s="10">
        <v>0.74898514000000005</v>
      </c>
      <c r="F30" s="10">
        <v>497.89035000000001</v>
      </c>
      <c r="G30" s="10"/>
      <c r="H30" s="10">
        <v>0.75874268</v>
      </c>
      <c r="I30" s="10">
        <v>472.28352000000001</v>
      </c>
      <c r="J30" s="10"/>
      <c r="K30" s="10"/>
      <c r="L30" s="10"/>
    </row>
    <row r="31" spans="2:12" x14ac:dyDescent="0.25">
      <c r="B31" s="10">
        <v>0.74845759000000001</v>
      </c>
      <c r="C31" s="10">
        <v>523.93931999999995</v>
      </c>
      <c r="D31" s="10"/>
      <c r="E31" s="10">
        <v>0.74252311999999998</v>
      </c>
      <c r="F31" s="10">
        <v>465.72487999999998</v>
      </c>
      <c r="G31" s="10"/>
      <c r="H31" s="10">
        <v>0.75514619000000005</v>
      </c>
      <c r="I31" s="10">
        <v>439.84955000000002</v>
      </c>
      <c r="J31" s="10"/>
      <c r="K31" s="10"/>
      <c r="L31" s="10"/>
    </row>
    <row r="32" spans="2:12" x14ac:dyDescent="0.25">
      <c r="B32" s="10">
        <v>0.74240150999999999</v>
      </c>
      <c r="C32" s="10">
        <v>492.54557</v>
      </c>
      <c r="D32" s="10"/>
      <c r="E32" s="10">
        <v>0.73903129999999995</v>
      </c>
      <c r="F32" s="10">
        <v>432.89785000000001</v>
      </c>
      <c r="G32" s="10"/>
      <c r="H32" s="10">
        <v>0.75180952999999995</v>
      </c>
      <c r="I32" s="10">
        <v>407.32019000000003</v>
      </c>
      <c r="J32" s="10"/>
      <c r="K32" s="10"/>
      <c r="L32" s="10"/>
    </row>
    <row r="33" spans="2:12" x14ac:dyDescent="0.25">
      <c r="B33" s="10">
        <v>0.73942282999999998</v>
      </c>
      <c r="C33" s="10">
        <v>460.63704999999999</v>
      </c>
      <c r="D33" s="10"/>
      <c r="E33" s="10">
        <v>0.73529303999999995</v>
      </c>
      <c r="F33" s="10">
        <v>400.08461</v>
      </c>
      <c r="G33" s="10"/>
      <c r="H33" s="10">
        <v>0.74851504000000002</v>
      </c>
      <c r="I33" s="10">
        <v>374.73811000000001</v>
      </c>
      <c r="J33" s="10"/>
      <c r="K33" s="10"/>
      <c r="L33" s="10"/>
    </row>
    <row r="34" spans="2:12" x14ac:dyDescent="0.25">
      <c r="B34" s="10">
        <v>0.73552145999999996</v>
      </c>
      <c r="C34" s="10">
        <v>428.50993</v>
      </c>
      <c r="D34" s="10"/>
      <c r="E34" s="10">
        <v>0.73191552000000004</v>
      </c>
      <c r="F34" s="10">
        <v>367.19907000000001</v>
      </c>
      <c r="G34" s="10"/>
      <c r="H34" s="10">
        <v>0.74628143999999996</v>
      </c>
      <c r="I34" s="10">
        <v>341.87747000000002</v>
      </c>
      <c r="J34" s="10"/>
      <c r="K34" s="10"/>
      <c r="L34" s="10"/>
    </row>
    <row r="35" spans="2:12" x14ac:dyDescent="0.25">
      <c r="B35" s="10">
        <v>0.73330633999999995</v>
      </c>
      <c r="C35" s="10">
        <v>396.24200000000002</v>
      </c>
      <c r="D35" s="10"/>
      <c r="E35" s="10">
        <v>0.72484804000000003</v>
      </c>
      <c r="F35" s="10">
        <v>301.59499</v>
      </c>
      <c r="G35" s="10"/>
      <c r="H35" s="10">
        <v>0.74295365000000002</v>
      </c>
      <c r="I35" s="10">
        <v>309.25018</v>
      </c>
      <c r="J35" s="10"/>
      <c r="K35" s="10"/>
      <c r="L35" s="10"/>
    </row>
    <row r="36" spans="2:12" x14ac:dyDescent="0.25">
      <c r="B36" s="10">
        <v>0.73028674000000005</v>
      </c>
      <c r="C36" s="10">
        <v>364.13861000000003</v>
      </c>
      <c r="D36" s="10"/>
      <c r="E36" s="10">
        <v>0.70648321000000003</v>
      </c>
      <c r="F36" s="10">
        <v>239.11973</v>
      </c>
      <c r="G36" s="10"/>
      <c r="H36" s="10">
        <v>0.73691523999999997</v>
      </c>
      <c r="I36" s="10">
        <v>277.25876</v>
      </c>
      <c r="J36" s="10"/>
      <c r="K36" s="10"/>
      <c r="L36" s="10"/>
    </row>
    <row r="37" spans="2:12" x14ac:dyDescent="0.25">
      <c r="B37" s="10">
        <v>0.72831396999999998</v>
      </c>
      <c r="C37" s="10">
        <v>331.84687000000002</v>
      </c>
      <c r="D37" s="10"/>
      <c r="E37" s="10">
        <v>0.62393206000000001</v>
      </c>
      <c r="F37" s="10">
        <v>192.40776</v>
      </c>
      <c r="G37" s="10"/>
      <c r="H37" s="10">
        <v>0.72638475999999996</v>
      </c>
      <c r="I37" s="10">
        <v>246.24454</v>
      </c>
      <c r="J37" s="10"/>
      <c r="K37" s="10"/>
      <c r="L37" s="10"/>
    </row>
    <row r="38" spans="2:12" x14ac:dyDescent="0.25">
      <c r="B38" s="10">
        <v>0.72437755999999998</v>
      </c>
      <c r="C38" s="10">
        <v>299.97471999999999</v>
      </c>
      <c r="D38" s="10"/>
      <c r="E38" s="10">
        <v>0.51393622999999999</v>
      </c>
      <c r="F38" s="10">
        <v>161.25273000000001</v>
      </c>
      <c r="G38" s="10"/>
      <c r="H38" s="10">
        <v>0.65170653999999995</v>
      </c>
      <c r="I38" s="10">
        <v>196.33537999999999</v>
      </c>
      <c r="J38" s="10"/>
      <c r="K38" s="10"/>
      <c r="L38" s="10"/>
    </row>
    <row r="39" spans="2:12" x14ac:dyDescent="0.25">
      <c r="B39" s="10">
        <v>0.70801831999999998</v>
      </c>
      <c r="C39" s="10">
        <v>238.25864000000001</v>
      </c>
      <c r="D39" s="10"/>
      <c r="E39" s="10">
        <v>0.40263436000000002</v>
      </c>
      <c r="F39" s="10">
        <v>140.07247000000001</v>
      </c>
      <c r="G39" s="10"/>
      <c r="H39" s="10">
        <v>0.54943160999999996</v>
      </c>
      <c r="I39" s="10">
        <v>163.64087000000001</v>
      </c>
      <c r="J39" s="10"/>
      <c r="K39" s="10"/>
      <c r="L39" s="10"/>
    </row>
    <row r="40" spans="2:12" x14ac:dyDescent="0.25">
      <c r="B40" s="10">
        <v>0.62751422000000001</v>
      </c>
      <c r="C40" s="10">
        <v>192.50482</v>
      </c>
      <c r="D40" s="10"/>
      <c r="E40" s="10">
        <v>0.30882959999999998</v>
      </c>
      <c r="F40" s="10">
        <v>125.38373</v>
      </c>
      <c r="G40" s="10"/>
      <c r="H40" s="10">
        <v>0.430504</v>
      </c>
      <c r="I40" s="10">
        <v>140.6728</v>
      </c>
      <c r="J40" s="10"/>
      <c r="K40" s="10"/>
      <c r="L40" s="10"/>
    </row>
    <row r="41" spans="2:12" x14ac:dyDescent="0.25">
      <c r="B41" s="10">
        <v>0.5181616</v>
      </c>
      <c r="C41" s="10">
        <v>163.20142999999999</v>
      </c>
      <c r="D41" s="10"/>
      <c r="E41" s="10">
        <v>0.23850199999999999</v>
      </c>
      <c r="F41" s="10">
        <v>114.84056</v>
      </c>
      <c r="G41" s="10"/>
      <c r="H41" s="10">
        <v>0.32925114999999999</v>
      </c>
      <c r="I41" s="10">
        <v>123.85227999999999</v>
      </c>
      <c r="J41" s="10"/>
      <c r="K41" s="10"/>
      <c r="L41" s="10"/>
    </row>
    <row r="42" spans="2:12" x14ac:dyDescent="0.25">
      <c r="B42" s="10">
        <v>0.40989523</v>
      </c>
      <c r="C42" s="10">
        <v>142.91317000000001</v>
      </c>
      <c r="D42" s="10"/>
      <c r="E42" s="10">
        <v>0.18841492000000001</v>
      </c>
      <c r="F42" s="10">
        <v>107.33174</v>
      </c>
      <c r="G42" s="10"/>
      <c r="H42" s="10">
        <v>0.25307370000000001</v>
      </c>
      <c r="I42" s="10">
        <v>112.46598</v>
      </c>
      <c r="J42" s="10"/>
      <c r="K42" s="10"/>
      <c r="L42" s="10"/>
    </row>
    <row r="43" spans="2:12" x14ac:dyDescent="0.25">
      <c r="B43" s="10">
        <v>0.31764181000000002</v>
      </c>
      <c r="C43" s="10">
        <v>127.31134</v>
      </c>
      <c r="D43" s="10"/>
      <c r="E43" s="10">
        <v>0.15252336999999999</v>
      </c>
      <c r="F43" s="10">
        <v>100.86476</v>
      </c>
      <c r="G43" s="10"/>
      <c r="H43" s="10">
        <v>0.19852326000000001</v>
      </c>
      <c r="I43" s="10">
        <v>104.31229</v>
      </c>
      <c r="J43" s="10"/>
      <c r="K43" s="10"/>
      <c r="L43" s="10"/>
    </row>
    <row r="44" spans="2:12" x14ac:dyDescent="0.25">
      <c r="B44" s="10">
        <v>0.24791754999999999</v>
      </c>
      <c r="C44" s="10">
        <v>116.57062000000001</v>
      </c>
      <c r="D44" s="10"/>
      <c r="E44" s="10">
        <v>0.12700553000000001</v>
      </c>
      <c r="F44" s="10">
        <v>95.752020000000002</v>
      </c>
      <c r="G44" s="10"/>
      <c r="H44" s="10">
        <v>0.15972225000000001</v>
      </c>
      <c r="I44" s="10">
        <v>97.644090000000006</v>
      </c>
      <c r="J44" s="10"/>
      <c r="K44" s="10"/>
      <c r="L44" s="10"/>
    </row>
    <row r="45" spans="2:12" x14ac:dyDescent="0.25">
      <c r="B45" s="10">
        <v>0.19669817000000001</v>
      </c>
      <c r="C45" s="10">
        <v>108.68049999999999</v>
      </c>
      <c r="D45" s="10"/>
      <c r="E45" s="10">
        <v>0.10838436</v>
      </c>
      <c r="F45" s="10">
        <v>92.121399999999994</v>
      </c>
      <c r="G45" s="10"/>
      <c r="H45" s="10">
        <v>0.13197660999999999</v>
      </c>
      <c r="I45" s="10">
        <v>92.305509999999998</v>
      </c>
      <c r="J45" s="10"/>
      <c r="K45" s="10"/>
      <c r="L45" s="10"/>
    </row>
    <row r="46" spans="2:12" x14ac:dyDescent="0.25">
      <c r="B46" s="10">
        <v>0.15942503999999999</v>
      </c>
      <c r="C46" s="10">
        <v>102.68172</v>
      </c>
      <c r="D46" s="10"/>
      <c r="E46" s="10">
        <v>9.4867720000000003E-2</v>
      </c>
      <c r="F46" s="10">
        <v>89.258340000000004</v>
      </c>
      <c r="G46" s="10"/>
      <c r="H46" s="10">
        <v>0.11209084</v>
      </c>
      <c r="I46" s="10">
        <v>88.642039999999994</v>
      </c>
      <c r="J46" s="10"/>
      <c r="K46" s="10"/>
      <c r="L46" s="10"/>
    </row>
    <row r="47" spans="2:12" x14ac:dyDescent="0.25">
      <c r="B47" s="10">
        <v>0.13265621</v>
      </c>
      <c r="C47" s="10">
        <v>97.1083</v>
      </c>
      <c r="D47" s="10"/>
      <c r="E47" s="10"/>
      <c r="F47" s="10"/>
      <c r="G47" s="10"/>
      <c r="H47" s="10">
        <v>9.7559030000000005E-2</v>
      </c>
      <c r="I47" s="10">
        <v>85.683179999999993</v>
      </c>
      <c r="J47" s="10"/>
      <c r="K47" s="10"/>
      <c r="L47" s="10"/>
    </row>
    <row r="48" spans="2:12" x14ac:dyDescent="0.25">
      <c r="B48" s="10">
        <v>0.11313606</v>
      </c>
      <c r="C48" s="10">
        <v>93.139780000000002</v>
      </c>
      <c r="D48" s="10"/>
      <c r="E48" s="10"/>
      <c r="F48" s="10"/>
      <c r="G48" s="10"/>
      <c r="H48" s="10"/>
      <c r="I48" s="10"/>
      <c r="J48" s="10"/>
      <c r="K48" s="10"/>
      <c r="L48" s="10"/>
    </row>
    <row r="49" spans="2:12" x14ac:dyDescent="0.25">
      <c r="B49" s="10">
        <v>9.8898059999999996E-2</v>
      </c>
      <c r="C49" s="10">
        <v>90.218040000000002</v>
      </c>
      <c r="D49" s="10"/>
      <c r="E49" s="10"/>
      <c r="F49" s="10"/>
      <c r="G49" s="10"/>
      <c r="H49" s="10"/>
      <c r="I49" s="10"/>
      <c r="J49" s="10"/>
      <c r="K49" s="10"/>
      <c r="L49" s="10"/>
    </row>
    <row r="50" spans="2:12" x14ac:dyDescent="0.25">
      <c r="B50" s="10">
        <v>8.7887530000000005E-2</v>
      </c>
      <c r="C50" s="10">
        <v>87.787210000000002</v>
      </c>
      <c r="D50" s="10"/>
      <c r="E50" s="10"/>
      <c r="F50" s="10"/>
      <c r="G50" s="10"/>
      <c r="H50" s="10"/>
      <c r="I50" s="10"/>
      <c r="J50" s="10"/>
      <c r="K50" s="10"/>
      <c r="L50" s="10"/>
    </row>
    <row r="51" spans="2:12" x14ac:dyDescent="0.25">
      <c r="B51" s="10"/>
      <c r="C51" s="10"/>
      <c r="D51" s="10"/>
      <c r="E51" s="10"/>
      <c r="F51" s="10"/>
      <c r="G51" s="10"/>
      <c r="H51" s="10"/>
      <c r="I51" s="10"/>
      <c r="J51" s="10"/>
      <c r="K51" s="10"/>
      <c r="L51" s="10"/>
    </row>
    <row r="52" spans="2:12" x14ac:dyDescent="0.25">
      <c r="B52" s="10"/>
      <c r="C52" s="10"/>
      <c r="D52" s="10"/>
      <c r="E52" s="10"/>
      <c r="F52" s="10"/>
      <c r="G52" s="10"/>
      <c r="H52" s="10"/>
      <c r="I52" s="10"/>
      <c r="J52" s="10"/>
      <c r="K52" s="10"/>
      <c r="L52" s="10"/>
    </row>
    <row r="53" spans="2:12" x14ac:dyDescent="0.25">
      <c r="B53" s="10"/>
      <c r="C53" s="10"/>
      <c r="D53" s="10"/>
      <c r="E53" s="10"/>
      <c r="F53" s="10"/>
      <c r="G53" s="10"/>
      <c r="H53" s="10"/>
      <c r="I53" s="10"/>
      <c r="J53" s="10"/>
      <c r="K53" s="10"/>
      <c r="L53" s="10"/>
    </row>
    <row r="54" spans="2:12" x14ac:dyDescent="0.25">
      <c r="B54" s="10"/>
      <c r="C54" s="10"/>
      <c r="D54" s="10"/>
      <c r="E54" s="10"/>
      <c r="F54" s="10"/>
      <c r="G54" s="10"/>
      <c r="H54" s="10"/>
      <c r="I54" s="10"/>
      <c r="J54" s="10"/>
      <c r="K54" s="10"/>
      <c r="L54" s="10"/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A46E16-F5C1-4C3D-9CBF-7318F5D07F58}">
  <dimension ref="B4:AA76"/>
  <sheetViews>
    <sheetView zoomScale="77" zoomScaleNormal="77" workbookViewId="0">
      <selection activeCell="C7" sqref="C7"/>
    </sheetView>
  </sheetViews>
  <sheetFormatPr defaultColWidth="9" defaultRowHeight="15" x14ac:dyDescent="0.25"/>
  <cols>
    <col min="1" max="2" width="9" style="23"/>
    <col min="3" max="6" width="9.140625" style="23" bestFit="1" customWidth="1"/>
    <col min="7" max="7" width="12.7109375" style="23" customWidth="1"/>
    <col min="8" max="8" width="9.140625" style="23" bestFit="1" customWidth="1"/>
    <col min="9" max="16384" width="9" style="23"/>
  </cols>
  <sheetData>
    <row r="4" spans="2:23" x14ac:dyDescent="0.25">
      <c r="B4" s="11" t="s">
        <v>9</v>
      </c>
      <c r="C4" s="33">
        <v>298</v>
      </c>
    </row>
    <row r="5" spans="2:23" x14ac:dyDescent="0.25">
      <c r="B5" s="11" t="s">
        <v>10</v>
      </c>
      <c r="C5" s="33" t="s">
        <v>3</v>
      </c>
    </row>
    <row r="6" spans="2:23" x14ac:dyDescent="0.25">
      <c r="B6" s="11" t="s">
        <v>4</v>
      </c>
      <c r="C6" s="11" t="s">
        <v>11</v>
      </c>
      <c r="D6" s="40"/>
      <c r="E6" s="11" t="s">
        <v>24</v>
      </c>
      <c r="F6"/>
      <c r="G6" s="22" t="s">
        <v>23</v>
      </c>
      <c r="H6" s="22"/>
      <c r="I6" s="11" t="s">
        <v>22</v>
      </c>
      <c r="J6"/>
      <c r="L6" s="11" t="s">
        <v>21</v>
      </c>
      <c r="M6" s="40"/>
    </row>
    <row r="7" spans="2:23" x14ac:dyDescent="0.25">
      <c r="C7" s="16" t="s">
        <v>26</v>
      </c>
      <c r="D7" s="11" t="s">
        <v>27</v>
      </c>
      <c r="E7" s="16" t="s">
        <v>26</v>
      </c>
      <c r="F7" s="11" t="s">
        <v>27</v>
      </c>
      <c r="G7" s="16" t="s">
        <v>26</v>
      </c>
      <c r="H7" s="11" t="s">
        <v>27</v>
      </c>
      <c r="I7" s="16" t="s">
        <v>26</v>
      </c>
      <c r="J7" s="11" t="s">
        <v>27</v>
      </c>
      <c r="L7" s="16" t="s">
        <v>26</v>
      </c>
      <c r="M7" s="11" t="s">
        <v>27</v>
      </c>
    </row>
    <row r="8" spans="2:23" x14ac:dyDescent="0.25">
      <c r="C8" s="56">
        <v>1.45467887</v>
      </c>
      <c r="D8" s="56">
        <v>0.43874285714285716</v>
      </c>
      <c r="E8">
        <v>3.1195230000000001E-2</v>
      </c>
      <c r="F8">
        <v>13.604191071428572</v>
      </c>
      <c r="G8" s="24">
        <v>2.3923199999999999E-3</v>
      </c>
      <c r="H8" s="24">
        <v>9.581746428571428</v>
      </c>
      <c r="I8" s="40">
        <v>0.04</v>
      </c>
      <c r="J8" s="40">
        <v>14.5</v>
      </c>
      <c r="K8" s="57"/>
      <c r="L8" s="47">
        <v>2.0723289999999998E-2</v>
      </c>
      <c r="M8" s="47">
        <v>3.6440250000000005</v>
      </c>
      <c r="N8" s="57"/>
    </row>
    <row r="9" spans="2:23" x14ac:dyDescent="0.25">
      <c r="C9" s="56">
        <v>7.8410243099999999</v>
      </c>
      <c r="D9" s="56">
        <v>1.9860696428571432</v>
      </c>
      <c r="E9">
        <v>7.8642889999999993E-2</v>
      </c>
      <c r="F9">
        <v>15.472619642857143</v>
      </c>
      <c r="G9" s="24">
        <v>2.9107589999999999E-2</v>
      </c>
      <c r="H9" s="24">
        <v>12.341292857142859</v>
      </c>
      <c r="I9" s="40">
        <v>0.83610925999999997</v>
      </c>
      <c r="J9" s="40">
        <v>26.973650410714288</v>
      </c>
      <c r="K9" s="57"/>
      <c r="L9" s="47">
        <v>3.9515410000000001E-2</v>
      </c>
      <c r="M9" s="47">
        <v>6.6798875000000004</v>
      </c>
      <c r="N9" s="57"/>
    </row>
    <row r="10" spans="2:23" x14ac:dyDescent="0.25">
      <c r="C10" s="56">
        <v>23.407105520000002</v>
      </c>
      <c r="D10" s="56">
        <v>5.3454696428571431</v>
      </c>
      <c r="E10">
        <v>0.16442815999999999</v>
      </c>
      <c r="F10">
        <v>17.285596428571431</v>
      </c>
      <c r="G10" s="24">
        <v>8.8883879999999998E-2</v>
      </c>
      <c r="H10" s="24">
        <v>15.026294642857144</v>
      </c>
      <c r="I10" s="40">
        <v>8.0933042799999999</v>
      </c>
      <c r="J10" s="40">
        <v>37.277864959821436</v>
      </c>
      <c r="K10" s="57"/>
      <c r="L10" s="47">
        <v>4.3659950000000003E-2</v>
      </c>
      <c r="M10" s="47">
        <v>9.7334482142857155</v>
      </c>
      <c r="N10" s="57"/>
    </row>
    <row r="11" spans="2:23" x14ac:dyDescent="0.25">
      <c r="C11" s="56"/>
      <c r="D11" s="56"/>
      <c r="E11">
        <v>0.40471240000000003</v>
      </c>
      <c r="F11">
        <v>18.713691071428574</v>
      </c>
      <c r="G11" s="24">
        <v>0.18277309999999999</v>
      </c>
      <c r="H11" s="24">
        <v>17.653841071428573</v>
      </c>
      <c r="I11" s="40">
        <v>18.593440879999999</v>
      </c>
      <c r="J11" s="40">
        <v>38.949007178571428</v>
      </c>
      <c r="K11" s="57"/>
      <c r="L11" s="47">
        <v>6.8385840000000003E-2</v>
      </c>
      <c r="M11" s="47">
        <v>12.749176785714287</v>
      </c>
      <c r="N11" s="57"/>
      <c r="V11" s="8"/>
      <c r="W11" s="8"/>
    </row>
    <row r="12" spans="2:23" x14ac:dyDescent="0.25">
      <c r="C12" s="56"/>
      <c r="D12" s="56"/>
      <c r="E12"/>
      <c r="F12"/>
      <c r="G12" s="24">
        <v>0.43117042999999999</v>
      </c>
      <c r="H12" s="24">
        <v>19.863230357142857</v>
      </c>
      <c r="I12" s="40"/>
      <c r="J12" s="40"/>
      <c r="K12" s="57"/>
      <c r="L12" s="47">
        <v>9.9112939999999997E-2</v>
      </c>
      <c r="M12" s="47">
        <v>15.775866071428572</v>
      </c>
      <c r="N12" s="57"/>
      <c r="V12" s="8"/>
      <c r="W12" s="8"/>
    </row>
    <row r="13" spans="2:23" x14ac:dyDescent="0.25">
      <c r="C13" s="56"/>
      <c r="D13" s="56"/>
      <c r="E13">
        <v>1.0376031100000001</v>
      </c>
      <c r="F13">
        <v>23.016203571428576</v>
      </c>
      <c r="G13" s="24">
        <v>0.57972698</v>
      </c>
      <c r="H13" s="24">
        <v>22.313126785714289</v>
      </c>
      <c r="I13" s="40"/>
      <c r="J13" s="40"/>
      <c r="K13" s="57"/>
      <c r="L13" s="47">
        <v>0.17665885000000001</v>
      </c>
      <c r="M13" s="47">
        <v>18.704517857142857</v>
      </c>
      <c r="N13" s="57"/>
      <c r="V13" s="8"/>
      <c r="W13" s="8"/>
    </row>
    <row r="14" spans="2:23" x14ac:dyDescent="0.25">
      <c r="C14" s="56"/>
      <c r="D14" s="56"/>
      <c r="E14">
        <v>1.32446986</v>
      </c>
      <c r="F14">
        <v>24.2209</v>
      </c>
      <c r="G14" s="24">
        <v>1.61744015</v>
      </c>
      <c r="H14" s="24">
        <v>25.296012500000003</v>
      </c>
      <c r="I14" s="40"/>
      <c r="J14" s="40"/>
      <c r="K14" s="57"/>
      <c r="L14" s="47">
        <v>0.29072079000000001</v>
      </c>
      <c r="M14" s="47">
        <v>21.524269642857146</v>
      </c>
      <c r="N14" s="57"/>
      <c r="V14" s="8"/>
      <c r="W14" s="8"/>
    </row>
    <row r="15" spans="2:23" x14ac:dyDescent="0.25">
      <c r="C15" s="56"/>
      <c r="D15" s="56"/>
      <c r="E15">
        <v>1.7395111000000001</v>
      </c>
      <c r="F15">
        <v>26.811321428571429</v>
      </c>
      <c r="G15" s="24">
        <v>2.4454881199999998</v>
      </c>
      <c r="H15" s="24">
        <v>28.484048214285714</v>
      </c>
      <c r="I15" s="40"/>
      <c r="J15" s="40"/>
      <c r="K15" s="57"/>
      <c r="L15" s="47">
        <v>0.70995585000000005</v>
      </c>
      <c r="M15" s="47">
        <v>26.673841071428569</v>
      </c>
      <c r="N15" s="57"/>
      <c r="V15" s="8"/>
      <c r="W15" s="8"/>
    </row>
    <row r="16" spans="2:23" x14ac:dyDescent="0.25">
      <c r="C16" s="56"/>
      <c r="D16" s="56"/>
      <c r="E16">
        <v>3.3732273699999999</v>
      </c>
      <c r="F16">
        <v>29.413764285714286</v>
      </c>
      <c r="G16" s="24">
        <v>4.1341363199999996</v>
      </c>
      <c r="H16" s="24">
        <v>31.53368035714286</v>
      </c>
      <c r="I16" s="40"/>
      <c r="J16" s="40"/>
      <c r="K16" s="57"/>
      <c r="L16" s="47">
        <v>1.1535705199999999</v>
      </c>
      <c r="M16" s="47">
        <v>28.679808928571433</v>
      </c>
      <c r="N16" s="57"/>
      <c r="V16" s="8"/>
      <c r="W16" s="8"/>
    </row>
    <row r="17" spans="3:27" x14ac:dyDescent="0.25">
      <c r="C17" s="56"/>
      <c r="D17" s="56"/>
      <c r="E17">
        <v>8.4493445600000001</v>
      </c>
      <c r="F17">
        <v>36.9763625</v>
      </c>
      <c r="G17" s="24">
        <v>5.1066349300000002</v>
      </c>
      <c r="H17" s="24">
        <v>33.622737499999999</v>
      </c>
      <c r="I17" s="40"/>
      <c r="J17" s="40"/>
      <c r="K17" s="57"/>
      <c r="L17" s="47">
        <v>2.2867958800000001</v>
      </c>
      <c r="M17" s="47">
        <v>32.099650000000011</v>
      </c>
      <c r="N17" s="57"/>
      <c r="V17" s="8"/>
      <c r="W17" s="8"/>
    </row>
    <row r="18" spans="3:27" x14ac:dyDescent="0.25">
      <c r="C18" s="56"/>
      <c r="D18" s="56"/>
      <c r="E18">
        <v>17.039070729999999</v>
      </c>
      <c r="F18">
        <v>41.415176785714287</v>
      </c>
      <c r="G18" s="24">
        <v>7.2286350199999996</v>
      </c>
      <c r="H18" s="24">
        <v>35.38106785714286</v>
      </c>
      <c r="I18" s="40"/>
      <c r="J18" s="40"/>
      <c r="L18" s="40">
        <v>4.0263069800000002</v>
      </c>
      <c r="M18" s="40">
        <v>35.762689285714288</v>
      </c>
      <c r="V18" s="8"/>
      <c r="W18" s="8"/>
    </row>
    <row r="19" spans="3:27" x14ac:dyDescent="0.25">
      <c r="C19" s="24"/>
      <c r="D19" s="24"/>
      <c r="E19"/>
      <c r="F19"/>
      <c r="G19" s="24">
        <v>13.842846229999999</v>
      </c>
      <c r="H19" s="24">
        <v>39.468491071428581</v>
      </c>
      <c r="I19"/>
      <c r="J19"/>
      <c r="L19" s="40">
        <v>6.2296877100000003</v>
      </c>
      <c r="M19" s="40">
        <v>38.028532142857145</v>
      </c>
      <c r="V19" s="8"/>
      <c r="W19" s="8"/>
    </row>
    <row r="20" spans="3:27" x14ac:dyDescent="0.25">
      <c r="C20" s="24"/>
      <c r="D20" s="24"/>
      <c r="E20"/>
      <c r="F20"/>
      <c r="G20" s="24"/>
      <c r="H20" s="24"/>
      <c r="I20"/>
      <c r="J20"/>
      <c r="L20" s="40">
        <v>8.4595171400000009</v>
      </c>
      <c r="M20" s="40">
        <v>39.955280357142861</v>
      </c>
      <c r="V20" s="8"/>
      <c r="W20" s="8"/>
    </row>
    <row r="21" spans="3:27" x14ac:dyDescent="0.25">
      <c r="C21" s="24"/>
      <c r="D21" s="24"/>
      <c r="E21"/>
      <c r="F21"/>
      <c r="G21" s="24"/>
      <c r="H21" s="24"/>
      <c r="I21"/>
      <c r="J21"/>
      <c r="L21" s="40">
        <v>12.38206381</v>
      </c>
      <c r="M21" s="40">
        <v>41.973466071428575</v>
      </c>
      <c r="V21" s="8"/>
      <c r="W21" s="8"/>
    </row>
    <row r="22" spans="3:27" x14ac:dyDescent="0.25">
      <c r="C22" s="24"/>
      <c r="D22" s="24"/>
      <c r="E22" s="24"/>
      <c r="F22" s="24"/>
      <c r="G22" s="24"/>
      <c r="H22" s="24"/>
      <c r="I22"/>
      <c r="J22"/>
      <c r="L22" s="40"/>
      <c r="M22" s="40"/>
      <c r="V22" s="8"/>
      <c r="W22" s="8"/>
    </row>
    <row r="23" spans="3:27" x14ac:dyDescent="0.25">
      <c r="C23" s="24"/>
      <c r="D23" s="24"/>
      <c r="E23" s="24"/>
      <c r="F23" s="24"/>
      <c r="G23" s="24"/>
      <c r="H23" s="24"/>
      <c r="L23" s="40"/>
      <c r="M23" s="40"/>
      <c r="V23" s="8"/>
      <c r="W23" s="8"/>
    </row>
    <row r="24" spans="3:27" x14ac:dyDescent="0.25">
      <c r="C24" s="24"/>
      <c r="D24" s="24"/>
      <c r="E24" s="24"/>
      <c r="F24" s="24"/>
      <c r="G24" s="24"/>
      <c r="H24" s="24"/>
      <c r="L24" s="40"/>
      <c r="M24" s="40"/>
      <c r="V24" s="8"/>
      <c r="W24" s="8"/>
      <c r="Z24" s="25"/>
    </row>
    <row r="25" spans="3:27" x14ac:dyDescent="0.25">
      <c r="C25" s="24"/>
      <c r="D25" s="24"/>
      <c r="E25" s="24"/>
      <c r="F25" s="24"/>
      <c r="G25" s="24"/>
      <c r="H25" s="24"/>
      <c r="L25" s="40"/>
      <c r="M25" s="40"/>
      <c r="V25" s="8"/>
      <c r="W25" s="8"/>
    </row>
    <row r="26" spans="3:27" x14ac:dyDescent="0.25">
      <c r="C26" s="24"/>
      <c r="D26" s="24"/>
      <c r="E26" s="24"/>
      <c r="F26" s="24"/>
      <c r="G26" s="24"/>
      <c r="H26" s="24"/>
      <c r="L26" s="40"/>
      <c r="M26" s="40"/>
      <c r="V26" s="8"/>
      <c r="W26" s="8"/>
    </row>
    <row r="27" spans="3:27" x14ac:dyDescent="0.25">
      <c r="C27" s="24"/>
      <c r="D27" s="24"/>
      <c r="E27" s="24"/>
      <c r="F27" s="24"/>
      <c r="G27" s="24"/>
      <c r="H27" s="24"/>
      <c r="L27" s="40"/>
      <c r="M27" s="40"/>
      <c r="V27" s="8"/>
      <c r="W27" s="8"/>
    </row>
    <row r="28" spans="3:27" x14ac:dyDescent="0.25">
      <c r="C28" s="24"/>
      <c r="D28" s="24"/>
      <c r="E28" s="24"/>
      <c r="F28" s="24"/>
      <c r="G28" s="24"/>
      <c r="H28" s="24"/>
      <c r="L28" s="40"/>
      <c r="M28" s="40"/>
      <c r="N28" s="23" t="s">
        <v>3</v>
      </c>
      <c r="V28" s="8"/>
      <c r="W28" s="8"/>
      <c r="Z28" s="26"/>
      <c r="AA28" s="15"/>
    </row>
    <row r="29" spans="3:27" x14ac:dyDescent="0.25">
      <c r="C29" s="24"/>
      <c r="D29" s="24"/>
      <c r="E29" s="24"/>
      <c r="F29" s="24"/>
      <c r="G29" s="24"/>
      <c r="H29" s="24"/>
      <c r="L29" s="40"/>
      <c r="M29" s="40"/>
      <c r="V29" s="8"/>
      <c r="W29" s="8"/>
      <c r="Z29" s="26"/>
      <c r="AA29" s="15"/>
    </row>
    <row r="30" spans="3:27" x14ac:dyDescent="0.25">
      <c r="C30" s="24"/>
      <c r="D30" s="24"/>
      <c r="E30" s="24"/>
      <c r="F30" s="24"/>
      <c r="G30" s="24"/>
      <c r="H30" s="24"/>
      <c r="L30" s="40"/>
      <c r="M30" s="40"/>
      <c r="V30" s="8"/>
      <c r="W30" s="8"/>
      <c r="Z30" s="26"/>
      <c r="AA30" s="15"/>
    </row>
    <row r="31" spans="3:27" x14ac:dyDescent="0.25">
      <c r="C31" s="24"/>
      <c r="D31" s="24"/>
      <c r="E31" s="24"/>
      <c r="F31" s="24"/>
      <c r="G31" s="24"/>
      <c r="H31" s="24"/>
      <c r="L31" s="40"/>
      <c r="M31" s="40"/>
      <c r="V31" s="8"/>
      <c r="W31" s="8"/>
      <c r="Z31" s="26"/>
      <c r="AA31" s="15"/>
    </row>
    <row r="32" spans="3:27" x14ac:dyDescent="0.25">
      <c r="C32" s="24"/>
      <c r="D32" s="24"/>
      <c r="E32" s="24"/>
      <c r="F32" s="24"/>
      <c r="G32" s="24"/>
      <c r="H32" s="24"/>
      <c r="L32" s="40"/>
      <c r="M32" s="40"/>
      <c r="V32" s="8"/>
      <c r="W32" s="8"/>
      <c r="Z32" s="26"/>
      <c r="AA32" s="15"/>
    </row>
    <row r="33" spans="3:27" x14ac:dyDescent="0.25">
      <c r="C33" s="27"/>
      <c r="D33" s="27"/>
      <c r="E33" s="24"/>
      <c r="F33" s="24"/>
      <c r="G33" s="24"/>
      <c r="H33" s="24"/>
      <c r="L33" s="40"/>
      <c r="M33" s="40"/>
      <c r="V33" s="8"/>
      <c r="W33" s="8"/>
      <c r="Z33" s="26"/>
      <c r="AA33" s="15"/>
    </row>
    <row r="34" spans="3:27" x14ac:dyDescent="0.25">
      <c r="C34" s="27"/>
      <c r="D34" s="27"/>
      <c r="E34" s="24"/>
      <c r="F34" s="24"/>
      <c r="G34" s="24"/>
      <c r="H34" s="24"/>
      <c r="L34" s="40"/>
      <c r="M34" s="40"/>
      <c r="V34" s="8"/>
      <c r="W34" s="8"/>
      <c r="Z34" s="26"/>
      <c r="AA34" s="15"/>
    </row>
    <row r="35" spans="3:27" x14ac:dyDescent="0.25">
      <c r="C35" s="27"/>
      <c r="D35" s="27"/>
      <c r="E35" s="24"/>
      <c r="F35" s="24"/>
      <c r="G35" s="24"/>
      <c r="H35" s="24"/>
      <c r="L35" s="40"/>
      <c r="M35" s="40"/>
      <c r="V35" s="8"/>
      <c r="W35" s="8"/>
      <c r="Z35" s="26"/>
      <c r="AA35" s="15"/>
    </row>
    <row r="36" spans="3:27" x14ac:dyDescent="0.25">
      <c r="C36" s="27"/>
      <c r="D36" s="27"/>
      <c r="E36" s="24"/>
      <c r="F36" s="24"/>
      <c r="G36" s="24"/>
      <c r="H36" s="24"/>
      <c r="L36" s="40"/>
      <c r="M36" s="40"/>
      <c r="V36" s="8"/>
      <c r="W36" s="8"/>
      <c r="Z36" s="26"/>
      <c r="AA36" s="15"/>
    </row>
    <row r="37" spans="3:27" x14ac:dyDescent="0.25">
      <c r="C37" s="27"/>
      <c r="D37" s="27"/>
      <c r="E37" s="24"/>
      <c r="F37" s="24"/>
      <c r="G37" s="24"/>
      <c r="H37" s="24"/>
      <c r="L37" s="40"/>
      <c r="M37" s="40"/>
      <c r="V37" s="8"/>
      <c r="W37" s="8"/>
    </row>
    <row r="38" spans="3:27" x14ac:dyDescent="0.25">
      <c r="C38" s="27"/>
      <c r="D38" s="27"/>
      <c r="E38" s="24"/>
      <c r="F38" s="24"/>
      <c r="G38" s="24"/>
      <c r="H38" s="24"/>
      <c r="L38" s="40"/>
      <c r="M38" s="40"/>
      <c r="V38" s="8"/>
      <c r="W38" s="8"/>
    </row>
    <row r="39" spans="3:27" x14ac:dyDescent="0.25">
      <c r="C39" s="24"/>
      <c r="D39" s="24"/>
      <c r="E39" s="24"/>
      <c r="F39" s="24"/>
      <c r="G39" s="24"/>
      <c r="H39" s="24"/>
      <c r="L39" s="40"/>
      <c r="M39" s="40"/>
      <c r="V39" s="8"/>
      <c r="W39" s="8"/>
    </row>
    <row r="40" spans="3:27" x14ac:dyDescent="0.25">
      <c r="C40" s="24"/>
      <c r="D40" s="24"/>
      <c r="E40" s="24"/>
      <c r="F40" s="24"/>
      <c r="G40" s="24"/>
      <c r="H40" s="24"/>
      <c r="I40" s="28"/>
      <c r="J40" s="28"/>
      <c r="K40" s="28"/>
      <c r="L40" s="40"/>
      <c r="M40" s="40"/>
      <c r="V40" s="8"/>
      <c r="W40" s="8"/>
    </row>
    <row r="41" spans="3:27" x14ac:dyDescent="0.25">
      <c r="C41" s="24"/>
      <c r="D41" s="24"/>
      <c r="E41" s="24"/>
      <c r="F41" s="24"/>
      <c r="G41" s="24"/>
      <c r="H41" s="24"/>
      <c r="L41" s="40"/>
      <c r="M41" s="40"/>
      <c r="V41" s="8"/>
      <c r="W41" s="8"/>
    </row>
    <row r="42" spans="3:27" x14ac:dyDescent="0.25">
      <c r="C42" s="24"/>
      <c r="D42" s="24"/>
      <c r="E42" s="24"/>
      <c r="F42" s="24"/>
      <c r="G42" s="24"/>
      <c r="H42" s="24"/>
      <c r="V42" s="8"/>
      <c r="W42" s="8"/>
    </row>
    <row r="43" spans="3:27" x14ac:dyDescent="0.25">
      <c r="C43" s="24"/>
      <c r="D43" s="24"/>
      <c r="E43" s="24"/>
      <c r="F43" s="24"/>
      <c r="G43" s="24"/>
      <c r="H43" s="24"/>
      <c r="V43" s="8"/>
      <c r="W43" s="8"/>
    </row>
    <row r="44" spans="3:27" x14ac:dyDescent="0.25">
      <c r="C44" s="24"/>
      <c r="D44" s="24"/>
      <c r="E44" s="24"/>
      <c r="F44" s="24"/>
      <c r="G44" s="24"/>
      <c r="H44" s="24"/>
      <c r="V44" s="8"/>
      <c r="W44" s="8"/>
    </row>
    <row r="45" spans="3:27" x14ac:dyDescent="0.25">
      <c r="C45" s="24"/>
      <c r="D45" s="24"/>
      <c r="E45" s="24"/>
      <c r="F45" s="24"/>
      <c r="G45" s="24"/>
      <c r="H45" s="24"/>
      <c r="V45" s="8"/>
      <c r="W45" s="8"/>
    </row>
    <row r="46" spans="3:27" x14ac:dyDescent="0.25">
      <c r="C46" s="24"/>
      <c r="D46" s="24"/>
      <c r="E46" s="24"/>
      <c r="F46" s="24"/>
      <c r="G46" s="24"/>
      <c r="H46" s="24"/>
      <c r="V46" s="8"/>
      <c r="W46" s="8"/>
    </row>
    <row r="47" spans="3:27" x14ac:dyDescent="0.25">
      <c r="C47" s="24"/>
      <c r="D47" s="24"/>
      <c r="E47" s="24"/>
      <c r="F47" s="24"/>
      <c r="G47" s="24"/>
      <c r="H47" s="24"/>
      <c r="V47" s="8"/>
      <c r="W47" s="8"/>
    </row>
    <row r="48" spans="3:27" x14ac:dyDescent="0.25">
      <c r="C48" s="24"/>
      <c r="D48" s="24"/>
      <c r="E48" s="24"/>
      <c r="F48" s="24"/>
      <c r="G48" s="24"/>
      <c r="H48" s="24"/>
      <c r="V48" s="8"/>
      <c r="W48" s="8"/>
    </row>
    <row r="49" spans="2:23" x14ac:dyDescent="0.25">
      <c r="C49" s="24"/>
      <c r="D49" s="24"/>
      <c r="E49" s="24"/>
      <c r="F49" s="24"/>
      <c r="G49" s="24"/>
      <c r="H49" s="24"/>
      <c r="V49" s="8"/>
      <c r="W49" s="8"/>
    </row>
    <row r="50" spans="2:23" x14ac:dyDescent="0.25">
      <c r="C50" s="24"/>
      <c r="D50" s="24"/>
      <c r="E50" s="24"/>
      <c r="F50" s="24"/>
      <c r="G50" s="24"/>
      <c r="H50" s="24"/>
      <c r="V50" s="8"/>
      <c r="W50" s="8"/>
    </row>
    <row r="51" spans="2:23" x14ac:dyDescent="0.25">
      <c r="C51" s="24"/>
      <c r="D51" s="24"/>
      <c r="E51" s="24"/>
      <c r="F51" s="24"/>
      <c r="G51" s="24"/>
      <c r="H51" s="24"/>
      <c r="V51" s="8"/>
      <c r="W51" s="8"/>
    </row>
    <row r="52" spans="2:23" x14ac:dyDescent="0.25">
      <c r="B52" s="11"/>
      <c r="C52" s="33"/>
      <c r="D52" s="24"/>
      <c r="E52" s="24"/>
      <c r="F52" s="24"/>
      <c r="G52" s="24"/>
      <c r="H52" s="24"/>
      <c r="V52" s="8"/>
      <c r="W52" s="8"/>
    </row>
    <row r="53" spans="2:23" x14ac:dyDescent="0.25">
      <c r="B53" s="11"/>
      <c r="C53" s="33"/>
      <c r="D53" s="27"/>
      <c r="E53" s="24"/>
      <c r="F53" s="24"/>
      <c r="G53" s="27"/>
      <c r="H53" s="27"/>
      <c r="V53" s="30"/>
      <c r="W53" s="15"/>
    </row>
    <row r="54" spans="2:23" x14ac:dyDescent="0.25">
      <c r="B54" s="11"/>
      <c r="C54" s="29"/>
      <c r="D54" s="29"/>
      <c r="E54" s="29"/>
      <c r="F54" s="29"/>
      <c r="G54" s="29"/>
      <c r="H54" s="29"/>
      <c r="V54" s="30"/>
      <c r="W54" s="15"/>
    </row>
    <row r="55" spans="2:23" x14ac:dyDescent="0.25">
      <c r="C55" s="29"/>
      <c r="D55" s="18"/>
      <c r="E55" s="29"/>
      <c r="F55" s="18"/>
      <c r="G55" s="29"/>
      <c r="H55" s="18"/>
      <c r="V55" s="30"/>
      <c r="W55" s="15"/>
    </row>
    <row r="56" spans="2:23" x14ac:dyDescent="0.25">
      <c r="C56" s="27"/>
      <c r="D56" s="27"/>
      <c r="E56" s="9"/>
      <c r="F56" s="9"/>
      <c r="G56" s="24"/>
      <c r="H56" s="24"/>
      <c r="V56" s="30"/>
      <c r="W56" s="15"/>
    </row>
    <row r="57" spans="2:23" x14ac:dyDescent="0.25">
      <c r="C57" s="27"/>
      <c r="D57" s="27"/>
      <c r="E57" s="9"/>
      <c r="F57" s="9"/>
      <c r="G57" s="24"/>
      <c r="H57" s="24"/>
      <c r="V57" s="30"/>
      <c r="W57" s="15"/>
    </row>
    <row r="58" spans="2:23" x14ac:dyDescent="0.25">
      <c r="C58" s="27"/>
      <c r="D58" s="27"/>
      <c r="E58" s="9"/>
      <c r="F58" s="9"/>
      <c r="G58" s="24"/>
      <c r="H58" s="24"/>
      <c r="V58" s="30"/>
      <c r="W58" s="15"/>
    </row>
    <row r="59" spans="2:23" x14ac:dyDescent="0.25">
      <c r="C59" s="27"/>
      <c r="D59" s="27"/>
      <c r="E59" s="9"/>
      <c r="F59" s="9"/>
      <c r="G59" s="24"/>
      <c r="H59" s="24"/>
      <c r="V59" s="30"/>
      <c r="W59" s="15"/>
    </row>
    <row r="60" spans="2:23" x14ac:dyDescent="0.25">
      <c r="C60" s="27"/>
      <c r="D60" s="27"/>
      <c r="E60" s="9"/>
      <c r="F60" s="9"/>
      <c r="G60" s="24"/>
      <c r="H60" s="24"/>
      <c r="V60" s="30"/>
      <c r="W60" s="15"/>
    </row>
    <row r="61" spans="2:23" x14ac:dyDescent="0.25">
      <c r="C61" s="27"/>
      <c r="D61" s="27"/>
      <c r="E61" s="9"/>
      <c r="F61" s="9"/>
      <c r="G61" s="24"/>
      <c r="H61" s="24"/>
      <c r="V61" s="30"/>
      <c r="W61" s="15"/>
    </row>
    <row r="62" spans="2:23" x14ac:dyDescent="0.25">
      <c r="C62" s="27"/>
      <c r="D62" s="27"/>
      <c r="E62" s="9"/>
      <c r="F62" s="9"/>
      <c r="G62" s="24"/>
      <c r="H62" s="24"/>
      <c r="V62" s="30"/>
      <c r="W62" s="15"/>
    </row>
    <row r="63" spans="2:23" x14ac:dyDescent="0.25">
      <c r="C63" s="27"/>
      <c r="D63" s="27"/>
      <c r="E63" s="9"/>
      <c r="F63" s="9"/>
      <c r="G63" s="24"/>
      <c r="H63" s="24"/>
      <c r="V63" s="30"/>
      <c r="W63" s="15"/>
    </row>
    <row r="64" spans="2:23" x14ac:dyDescent="0.25">
      <c r="C64" s="27"/>
      <c r="D64" s="27"/>
      <c r="E64" s="9"/>
      <c r="F64" s="9"/>
      <c r="G64" s="24"/>
      <c r="H64" s="24"/>
      <c r="V64" s="30"/>
      <c r="W64" s="15"/>
    </row>
    <row r="65" spans="3:23" x14ac:dyDescent="0.25">
      <c r="C65" s="27"/>
      <c r="D65" s="27"/>
      <c r="E65" s="9"/>
      <c r="F65" s="9"/>
      <c r="G65" s="24"/>
      <c r="H65" s="24"/>
      <c r="V65" s="30"/>
      <c r="W65" s="15"/>
    </row>
    <row r="66" spans="3:23" x14ac:dyDescent="0.25">
      <c r="C66" s="27"/>
      <c r="D66" s="27"/>
      <c r="E66" s="9"/>
      <c r="F66" s="9"/>
      <c r="G66" s="24"/>
      <c r="H66" s="24"/>
      <c r="W66" s="31"/>
    </row>
    <row r="67" spans="3:23" x14ac:dyDescent="0.25">
      <c r="C67" s="27"/>
      <c r="D67" s="27"/>
      <c r="E67" s="9"/>
      <c r="F67" s="9"/>
      <c r="G67" s="24"/>
      <c r="H67" s="24"/>
      <c r="W67" s="31"/>
    </row>
    <row r="68" spans="3:23" x14ac:dyDescent="0.25">
      <c r="C68" s="27"/>
      <c r="D68" s="27"/>
      <c r="E68" s="9"/>
      <c r="F68" s="9"/>
      <c r="G68" s="24"/>
      <c r="H68" s="24"/>
      <c r="W68" s="31"/>
    </row>
    <row r="69" spans="3:23" x14ac:dyDescent="0.25">
      <c r="C69" s="27"/>
      <c r="D69" s="27"/>
      <c r="E69" s="9"/>
      <c r="F69" s="9"/>
      <c r="G69" s="24"/>
      <c r="H69" s="24"/>
      <c r="W69" s="31"/>
    </row>
    <row r="70" spans="3:23" x14ac:dyDescent="0.25">
      <c r="C70" s="28"/>
      <c r="D70" s="28"/>
      <c r="E70" s="9"/>
      <c r="F70" s="9"/>
      <c r="G70" s="24"/>
      <c r="H70" s="24"/>
      <c r="W70" s="31"/>
    </row>
    <row r="71" spans="3:23" x14ac:dyDescent="0.25">
      <c r="C71" s="28"/>
      <c r="D71" s="28"/>
      <c r="E71" s="24"/>
      <c r="F71" s="24"/>
      <c r="G71" s="24"/>
      <c r="H71" s="24"/>
      <c r="W71" s="31"/>
    </row>
    <row r="72" spans="3:23" x14ac:dyDescent="0.25">
      <c r="C72" s="19"/>
      <c r="D72" s="28"/>
      <c r="E72" s="24"/>
      <c r="F72" s="24"/>
      <c r="G72" s="24"/>
      <c r="H72" s="24"/>
    </row>
    <row r="73" spans="3:23" x14ac:dyDescent="0.25">
      <c r="C73" s="28"/>
      <c r="D73" s="28"/>
      <c r="E73" s="24"/>
      <c r="F73" s="24"/>
      <c r="G73" s="24"/>
      <c r="H73" s="24"/>
    </row>
    <row r="74" spans="3:23" x14ac:dyDescent="0.25">
      <c r="C74" s="28"/>
      <c r="D74" s="28"/>
      <c r="E74" s="24"/>
      <c r="F74" s="24"/>
      <c r="G74" s="24"/>
      <c r="H74" s="24"/>
    </row>
    <row r="75" spans="3:23" x14ac:dyDescent="0.25">
      <c r="C75" s="28"/>
      <c r="D75" s="28"/>
      <c r="E75" s="24"/>
      <c r="F75" s="24"/>
      <c r="G75" s="24"/>
      <c r="H75" s="24"/>
    </row>
    <row r="76" spans="3:23" x14ac:dyDescent="0.25">
      <c r="C76" s="28"/>
      <c r="D76" s="28"/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9210DD-2630-44B3-8CD4-917B1E8F4BBF}">
  <dimension ref="B3:AF69"/>
  <sheetViews>
    <sheetView topLeftCell="B1" zoomScale="77" zoomScaleNormal="77" workbookViewId="0">
      <selection activeCell="I37" sqref="I37"/>
    </sheetView>
  </sheetViews>
  <sheetFormatPr defaultColWidth="9" defaultRowHeight="15" x14ac:dyDescent="0.25"/>
  <cols>
    <col min="1" max="2" width="9" style="13"/>
    <col min="3" max="3" width="9.140625" style="13" bestFit="1" customWidth="1"/>
    <col min="4" max="4" width="15.28515625" style="13" customWidth="1"/>
    <col min="5" max="6" width="9.140625" style="13" bestFit="1" customWidth="1"/>
    <col min="7" max="7" width="9.5703125" style="13" bestFit="1" customWidth="1"/>
    <col min="8" max="10" width="9.140625" style="13" bestFit="1" customWidth="1"/>
    <col min="11" max="16384" width="9" style="13"/>
  </cols>
  <sheetData>
    <row r="3" spans="2:32" x14ac:dyDescent="0.25">
      <c r="W3"/>
      <c r="X3"/>
      <c r="Y3"/>
      <c r="Z3"/>
      <c r="AA3"/>
      <c r="AB3"/>
      <c r="AC3"/>
      <c r="AD3"/>
      <c r="AE3"/>
      <c r="AF3"/>
    </row>
    <row r="4" spans="2:32" x14ac:dyDescent="0.25">
      <c r="B4" s="11" t="s">
        <v>9</v>
      </c>
      <c r="C4" s="33">
        <v>298</v>
      </c>
      <c r="W4"/>
      <c r="Y4"/>
      <c r="Z4"/>
      <c r="AA4"/>
      <c r="AB4"/>
      <c r="AC4"/>
      <c r="AD4"/>
      <c r="AE4"/>
      <c r="AF4"/>
    </row>
    <row r="5" spans="2:32" x14ac:dyDescent="0.25">
      <c r="B5" s="11" t="s">
        <v>10</v>
      </c>
      <c r="C5" s="33" t="s">
        <v>28</v>
      </c>
      <c r="W5"/>
      <c r="X5"/>
      <c r="Y5"/>
      <c r="Z5"/>
      <c r="AA5"/>
      <c r="AB5"/>
      <c r="AC5"/>
      <c r="AD5"/>
      <c r="AE5"/>
      <c r="AF5"/>
    </row>
    <row r="6" spans="2:32" x14ac:dyDescent="0.25">
      <c r="B6" s="11" t="s">
        <v>4</v>
      </c>
      <c r="C6" s="14" t="s">
        <v>24</v>
      </c>
      <c r="D6" s="14"/>
      <c r="E6" s="14" t="s">
        <v>23</v>
      </c>
      <c r="F6" s="14"/>
      <c r="G6" s="14" t="s">
        <v>21</v>
      </c>
      <c r="H6" s="14"/>
      <c r="I6" s="14" t="s">
        <v>22</v>
      </c>
      <c r="J6" s="12"/>
      <c r="W6"/>
      <c r="X6"/>
      <c r="Y6"/>
      <c r="Z6"/>
      <c r="AA6"/>
      <c r="AB6"/>
      <c r="AC6"/>
      <c r="AD6"/>
      <c r="AE6"/>
      <c r="AF6"/>
    </row>
    <row r="7" spans="2:32" x14ac:dyDescent="0.25">
      <c r="B7" s="17"/>
      <c r="C7" s="16" t="s">
        <v>15</v>
      </c>
      <c r="D7" s="16" t="s">
        <v>16</v>
      </c>
      <c r="E7" s="16" t="s">
        <v>15</v>
      </c>
      <c r="F7" s="16" t="s">
        <v>16</v>
      </c>
      <c r="G7" s="16" t="s">
        <v>15</v>
      </c>
      <c r="H7" s="16" t="s">
        <v>16</v>
      </c>
      <c r="I7" s="16" t="s">
        <v>15</v>
      </c>
      <c r="J7" s="16" t="s">
        <v>16</v>
      </c>
      <c r="W7"/>
      <c r="X7"/>
      <c r="Y7"/>
      <c r="Z7"/>
      <c r="AA7"/>
      <c r="AB7"/>
      <c r="AC7"/>
      <c r="AD7"/>
      <c r="AE7"/>
      <c r="AF7"/>
    </row>
    <row r="8" spans="2:32" x14ac:dyDescent="0.25">
      <c r="B8" s="17"/>
      <c r="C8" s="40">
        <v>14.99234772</v>
      </c>
      <c r="D8" s="40">
        <v>8.982678571428572E-2</v>
      </c>
      <c r="E8" s="40">
        <v>15.11441868</v>
      </c>
      <c r="F8" s="40">
        <v>0.11361428571428572</v>
      </c>
      <c r="G8" s="40">
        <v>14.84586258</v>
      </c>
      <c r="H8" s="40">
        <v>0.19430714285714287</v>
      </c>
      <c r="I8" s="40">
        <v>15.326008330000001</v>
      </c>
      <c r="J8" s="40">
        <v>4.6042857142857142E-2</v>
      </c>
      <c r="W8"/>
      <c r="X8"/>
      <c r="Y8"/>
      <c r="Z8"/>
      <c r="AA8"/>
      <c r="AB8"/>
      <c r="AC8"/>
      <c r="AD8"/>
      <c r="AE8"/>
      <c r="AF8"/>
    </row>
    <row r="9" spans="2:32" x14ac:dyDescent="0.25">
      <c r="B9" s="17"/>
      <c r="C9" s="40">
        <v>29.98469545</v>
      </c>
      <c r="D9" s="40">
        <v>0.14932500000000001</v>
      </c>
      <c r="E9" s="40">
        <v>30.224768319999999</v>
      </c>
      <c r="F9" s="40">
        <v>0.2017517857142857</v>
      </c>
      <c r="G9" s="40">
        <v>29.701897729999999</v>
      </c>
      <c r="H9" s="40">
        <v>0.2850571428571429</v>
      </c>
      <c r="I9" s="40">
        <v>30.645913119999999</v>
      </c>
      <c r="J9" s="40">
        <v>6.0853571428571437E-2</v>
      </c>
      <c r="W9"/>
      <c r="X9"/>
      <c r="Y9"/>
      <c r="Z9"/>
      <c r="AA9"/>
      <c r="AB9"/>
      <c r="AC9"/>
      <c r="AD9"/>
      <c r="AE9"/>
      <c r="AF9"/>
    </row>
    <row r="10" spans="2:32" x14ac:dyDescent="0.25">
      <c r="C10" s="40">
        <v>50.995141220000001</v>
      </c>
      <c r="D10" s="40">
        <v>0.23704999999999998</v>
      </c>
      <c r="E10" s="40">
        <v>51.839465320000002</v>
      </c>
      <c r="F10" s="40">
        <v>0.33241607142857144</v>
      </c>
      <c r="G10" s="40">
        <v>50.789655119999999</v>
      </c>
      <c r="H10" s="40">
        <v>0.42277321428571435</v>
      </c>
      <c r="I10" s="40">
        <v>52.571891049999998</v>
      </c>
      <c r="J10" s="40">
        <v>8.548571428571429E-2</v>
      </c>
      <c r="W10"/>
      <c r="X10"/>
      <c r="Y10"/>
      <c r="Z10"/>
      <c r="AA10"/>
      <c r="AB10"/>
      <c r="AC10"/>
      <c r="AD10"/>
      <c r="AE10"/>
      <c r="AF10"/>
    </row>
    <row r="11" spans="2:32" x14ac:dyDescent="0.25">
      <c r="C11" s="40">
        <v>71.533579309999993</v>
      </c>
      <c r="D11" s="40">
        <v>0.33296607142857143</v>
      </c>
      <c r="E11" s="40">
        <v>72.888566900000001</v>
      </c>
      <c r="F11" s="40">
        <v>0.45856250000000004</v>
      </c>
      <c r="G11" s="40">
        <v>72.831600460000004</v>
      </c>
      <c r="H11" s="40">
        <v>0.54946964285714284</v>
      </c>
      <c r="I11" s="40">
        <v>73.804099059999999</v>
      </c>
      <c r="J11" s="40">
        <v>0.10186785714285716</v>
      </c>
      <c r="W11"/>
      <c r="X11"/>
      <c r="Y11"/>
      <c r="Z11"/>
      <c r="AA11"/>
      <c r="AB11"/>
      <c r="AC11"/>
      <c r="AD11"/>
      <c r="AE11"/>
      <c r="AF11"/>
    </row>
    <row r="12" spans="2:32" x14ac:dyDescent="0.25">
      <c r="C12" s="40">
        <v>93.750493019999993</v>
      </c>
      <c r="D12" s="40">
        <v>0.43585535714285717</v>
      </c>
      <c r="E12" s="40">
        <v>95.030203520000001</v>
      </c>
      <c r="F12" s="40">
        <v>0.59111250000000004</v>
      </c>
      <c r="G12" s="40">
        <v>97.001649439999994</v>
      </c>
      <c r="H12" s="40">
        <v>0.70042500000000008</v>
      </c>
      <c r="I12" s="40">
        <v>96.114600499999995</v>
      </c>
      <c r="J12" s="40">
        <v>0.14747857142857143</v>
      </c>
      <c r="W12"/>
      <c r="X12"/>
      <c r="Y12"/>
      <c r="Z12"/>
      <c r="AA12"/>
      <c r="AB12"/>
      <c r="AC12"/>
      <c r="AD12"/>
      <c r="AE12"/>
      <c r="AF12"/>
    </row>
    <row r="13" spans="2:32" x14ac:dyDescent="0.25">
      <c r="C13" s="40">
        <v>98.619089590000002</v>
      </c>
      <c r="D13" s="40">
        <v>0.47954107142857144</v>
      </c>
      <c r="E13" s="40">
        <v>102.36666789</v>
      </c>
      <c r="F13" s="40">
        <v>0.84611607142857159</v>
      </c>
      <c r="G13" s="20"/>
      <c r="H13" s="20"/>
      <c r="I13" s="40">
        <v>100.65157098</v>
      </c>
      <c r="J13" s="40">
        <v>0.2912642857142857</v>
      </c>
      <c r="W13"/>
      <c r="X13"/>
      <c r="Y13"/>
      <c r="Z13"/>
      <c r="AA13"/>
      <c r="AB13"/>
      <c r="AC13"/>
      <c r="AD13"/>
      <c r="AE13"/>
      <c r="AF13"/>
    </row>
    <row r="14" spans="2:32" x14ac:dyDescent="0.25">
      <c r="C14" s="40">
        <v>102.68201784999999</v>
      </c>
      <c r="D14" s="40">
        <v>0.54334107142857158</v>
      </c>
      <c r="E14" s="20"/>
      <c r="F14" s="20"/>
      <c r="G14" s="20"/>
      <c r="H14" s="20"/>
      <c r="I14" s="20"/>
      <c r="J14" s="20"/>
      <c r="W14"/>
      <c r="X14"/>
      <c r="Y14"/>
      <c r="Z14"/>
      <c r="AA14"/>
      <c r="AB14"/>
      <c r="AC14"/>
      <c r="AD14"/>
      <c r="AE14"/>
      <c r="AF14"/>
    </row>
    <row r="15" spans="2:32" x14ac:dyDescent="0.25">
      <c r="C15" s="20"/>
      <c r="D15" s="20"/>
      <c r="E15" s="20"/>
      <c r="F15" s="20"/>
      <c r="G15" s="20"/>
      <c r="H15" s="20"/>
      <c r="I15" s="20"/>
      <c r="J15" s="20"/>
      <c r="W15"/>
      <c r="X15"/>
      <c r="Y15"/>
      <c r="Z15"/>
      <c r="AA15"/>
      <c r="AB15"/>
      <c r="AC15"/>
      <c r="AD15"/>
      <c r="AE15"/>
      <c r="AF15"/>
    </row>
    <row r="16" spans="2:32" x14ac:dyDescent="0.25">
      <c r="C16" s="20"/>
      <c r="D16" s="20"/>
      <c r="E16" s="20"/>
      <c r="F16" s="20"/>
      <c r="G16" s="20"/>
      <c r="H16" s="20"/>
      <c r="I16" s="20"/>
      <c r="J16" s="20"/>
      <c r="W16"/>
      <c r="X16"/>
      <c r="Y16"/>
      <c r="Z16"/>
      <c r="AA16"/>
      <c r="AB16"/>
      <c r="AC16"/>
      <c r="AD16"/>
      <c r="AE16"/>
      <c r="AF16"/>
    </row>
    <row r="17" spans="3:32" x14ac:dyDescent="0.25">
      <c r="C17" s="20"/>
      <c r="D17" s="20"/>
      <c r="E17" s="20"/>
      <c r="F17" s="20"/>
      <c r="G17" s="20"/>
      <c r="H17" s="20"/>
      <c r="I17" s="20"/>
      <c r="J17" s="20"/>
      <c r="W17"/>
      <c r="X17"/>
      <c r="Y17"/>
      <c r="Z17"/>
      <c r="AA17"/>
      <c r="AB17"/>
      <c r="AC17"/>
      <c r="AD17"/>
      <c r="AE17"/>
      <c r="AF17"/>
    </row>
    <row r="18" spans="3:32" x14ac:dyDescent="0.25">
      <c r="C18" s="20"/>
      <c r="D18" s="20"/>
      <c r="E18" s="20"/>
      <c r="F18" s="20"/>
      <c r="G18" s="20"/>
      <c r="H18" s="20"/>
      <c r="I18" s="20"/>
      <c r="J18" s="20"/>
      <c r="W18"/>
      <c r="X18"/>
      <c r="Y18"/>
      <c r="Z18"/>
      <c r="AA18"/>
      <c r="AB18"/>
      <c r="AC18"/>
      <c r="AD18"/>
      <c r="AE18"/>
      <c r="AF18"/>
    </row>
    <row r="19" spans="3:32" x14ac:dyDescent="0.25">
      <c r="C19" s="20"/>
      <c r="D19" s="20"/>
      <c r="E19" s="20"/>
      <c r="F19" s="20"/>
      <c r="G19" s="20"/>
      <c r="H19" s="20"/>
      <c r="I19" s="20"/>
      <c r="J19" s="20"/>
      <c r="W19"/>
      <c r="X19"/>
      <c r="Y19"/>
      <c r="Z19"/>
      <c r="AA19"/>
      <c r="AB19"/>
      <c r="AC19"/>
      <c r="AD19"/>
      <c r="AE19"/>
      <c r="AF19"/>
    </row>
    <row r="20" spans="3:32" x14ac:dyDescent="0.25">
      <c r="C20" s="20"/>
      <c r="D20" s="20"/>
      <c r="E20" s="20"/>
      <c r="F20" s="20"/>
      <c r="G20" s="20"/>
      <c r="H20" s="20"/>
      <c r="I20" s="20"/>
      <c r="J20" s="20"/>
    </row>
    <row r="21" spans="3:32" x14ac:dyDescent="0.25">
      <c r="C21" s="20"/>
      <c r="D21" s="20"/>
      <c r="E21" s="20"/>
      <c r="F21" s="20"/>
      <c r="G21" s="20"/>
      <c r="H21" s="20"/>
      <c r="I21" s="20"/>
      <c r="J21" s="20"/>
    </row>
    <row r="22" spans="3:32" x14ac:dyDescent="0.25">
      <c r="C22" s="20"/>
      <c r="D22" s="20"/>
      <c r="E22" s="20"/>
      <c r="F22" s="20"/>
      <c r="G22" s="20"/>
      <c r="H22" s="20"/>
      <c r="I22" s="20"/>
      <c r="J22" s="20"/>
    </row>
    <row r="23" spans="3:32" x14ac:dyDescent="0.25">
      <c r="C23" s="20"/>
      <c r="D23" s="20"/>
      <c r="E23"/>
      <c r="F23"/>
      <c r="G23" s="20"/>
      <c r="H23" s="20"/>
      <c r="I23" s="20"/>
      <c r="J23" s="20"/>
    </row>
    <row r="24" spans="3:32" x14ac:dyDescent="0.25">
      <c r="C24" s="20"/>
      <c r="D24" s="20"/>
      <c r="E24"/>
      <c r="F24"/>
      <c r="G24" s="20"/>
      <c r="H24" s="20"/>
      <c r="I24" s="20"/>
      <c r="J24" s="20"/>
    </row>
    <row r="25" spans="3:32" x14ac:dyDescent="0.25">
      <c r="C25" s="20"/>
      <c r="D25" s="20"/>
      <c r="E25" s="20"/>
      <c r="F25" s="20"/>
      <c r="G25" s="20"/>
      <c r="H25" s="20"/>
      <c r="I25" s="20"/>
      <c r="J25" s="20"/>
    </row>
    <row r="26" spans="3:32" x14ac:dyDescent="0.25"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</row>
    <row r="27" spans="3:32" x14ac:dyDescent="0.25">
      <c r="C27" s="40"/>
      <c r="D27" s="40"/>
      <c r="E27" s="40"/>
      <c r="F27" s="40"/>
      <c r="G27" s="40"/>
      <c r="H27" s="40"/>
      <c r="I27" s="40"/>
      <c r="J27" s="40"/>
      <c r="K27" s="40"/>
      <c r="L27" s="40"/>
      <c r="M27" s="40"/>
    </row>
    <row r="28" spans="3:32" x14ac:dyDescent="0.25"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</row>
    <row r="29" spans="3:32" x14ac:dyDescent="0.25">
      <c r="C29" s="40"/>
      <c r="D29" s="40"/>
      <c r="E29" s="40"/>
      <c r="F29" s="40"/>
      <c r="G29" s="40"/>
      <c r="H29" s="40"/>
      <c r="I29" s="40"/>
      <c r="J29" s="40"/>
      <c r="K29" s="40"/>
      <c r="L29" s="40"/>
      <c r="M29" s="40"/>
    </row>
    <row r="30" spans="3:32" x14ac:dyDescent="0.25"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</row>
    <row r="31" spans="3:32" x14ac:dyDescent="0.25">
      <c r="C31" s="40"/>
      <c r="D31" s="40"/>
      <c r="E31" s="40"/>
      <c r="F31" s="40"/>
      <c r="G31" s="40"/>
      <c r="H31" s="40"/>
      <c r="I31" s="40"/>
      <c r="J31" s="40"/>
      <c r="K31" s="40"/>
      <c r="L31" s="40"/>
      <c r="M31" s="40"/>
    </row>
    <row r="32" spans="3:32" x14ac:dyDescent="0.25"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</row>
    <row r="33" spans="2:13" x14ac:dyDescent="0.25">
      <c r="C33" s="40"/>
      <c r="D33" s="40"/>
      <c r="E33" s="40"/>
      <c r="F33" s="40"/>
      <c r="G33" s="40"/>
      <c r="H33" s="40"/>
      <c r="I33" s="40"/>
      <c r="J33" s="40"/>
      <c r="K33" s="40"/>
      <c r="L33" s="40"/>
      <c r="M33" s="40"/>
    </row>
    <row r="34" spans="2:13" x14ac:dyDescent="0.25">
      <c r="C34" s="20"/>
      <c r="D34" s="20"/>
      <c r="E34" s="20"/>
      <c r="F34" s="20"/>
      <c r="G34" s="21"/>
      <c r="H34" s="21"/>
      <c r="I34" s="20"/>
      <c r="J34" s="20"/>
    </row>
    <row r="35" spans="2:13" x14ac:dyDescent="0.25">
      <c r="C35" s="20"/>
      <c r="D35" s="20"/>
      <c r="E35" s="20"/>
      <c r="F35" s="20"/>
      <c r="G35" s="20"/>
      <c r="H35" s="20"/>
      <c r="I35" s="20"/>
      <c r="J35" s="20"/>
    </row>
    <row r="36" spans="2:13" x14ac:dyDescent="0.25">
      <c r="C36" s="20"/>
      <c r="D36" s="20"/>
      <c r="E36" s="20"/>
      <c r="F36" s="20"/>
      <c r="G36" s="20"/>
      <c r="H36" s="20"/>
      <c r="I36" s="20"/>
      <c r="J36" s="20"/>
    </row>
    <row r="37" spans="2:13" x14ac:dyDescent="0.25">
      <c r="C37" s="20"/>
      <c r="D37" s="20"/>
      <c r="E37" s="20"/>
      <c r="F37" s="20"/>
      <c r="G37" s="21"/>
      <c r="H37" s="21"/>
      <c r="I37" s="20"/>
      <c r="J37" s="20"/>
    </row>
    <row r="38" spans="2:13" x14ac:dyDescent="0.25">
      <c r="B38" s="11"/>
      <c r="C38" s="33"/>
      <c r="D38" s="20"/>
      <c r="E38" s="20"/>
      <c r="F38" s="20"/>
      <c r="G38" s="21"/>
      <c r="H38" s="21"/>
      <c r="I38" s="20"/>
      <c r="J38" s="20"/>
    </row>
    <row r="39" spans="2:13" x14ac:dyDescent="0.25">
      <c r="B39" s="11"/>
      <c r="C39" s="33"/>
      <c r="D39" s="12"/>
      <c r="G39" s="12"/>
      <c r="H39" s="12"/>
      <c r="I39" s="12"/>
      <c r="J39" s="12"/>
    </row>
    <row r="40" spans="2:13" x14ac:dyDescent="0.25">
      <c r="B40" s="11"/>
      <c r="C40" s="14"/>
      <c r="D40" s="14"/>
      <c r="E40" s="14"/>
      <c r="F40" s="14"/>
      <c r="G40" s="14"/>
      <c r="H40" s="14"/>
      <c r="I40" s="14"/>
      <c r="J40" s="14"/>
      <c r="K40" s="12"/>
      <c r="L40" s="12"/>
      <c r="M40" s="12"/>
    </row>
    <row r="41" spans="2:13" x14ac:dyDescent="0.25">
      <c r="C41" s="14"/>
      <c r="D41" s="14"/>
      <c r="E41" s="14"/>
      <c r="F41" s="14"/>
      <c r="G41" s="14"/>
      <c r="H41" s="14"/>
      <c r="I41" s="14"/>
      <c r="J41" s="14"/>
    </row>
    <row r="42" spans="2:13" x14ac:dyDescent="0.25">
      <c r="C42" s="20"/>
      <c r="D42" s="20"/>
      <c r="E42" s="20"/>
      <c r="F42" s="20"/>
      <c r="G42" s="20"/>
      <c r="H42" s="20"/>
      <c r="I42" s="20"/>
      <c r="J42" s="20"/>
    </row>
    <row r="43" spans="2:13" x14ac:dyDescent="0.25">
      <c r="C43" s="20"/>
      <c r="D43" s="20"/>
      <c r="E43" s="20"/>
      <c r="F43" s="20"/>
      <c r="G43" s="20"/>
      <c r="H43" s="20"/>
      <c r="I43" s="20"/>
      <c r="J43" s="20"/>
    </row>
    <row r="44" spans="2:13" x14ac:dyDescent="0.25">
      <c r="C44" s="20"/>
      <c r="D44" s="20"/>
      <c r="E44" s="20"/>
      <c r="F44" s="20"/>
      <c r="G44" s="20"/>
      <c r="H44" s="20"/>
      <c r="I44" s="20"/>
      <c r="J44" s="20"/>
    </row>
    <row r="45" spans="2:13" x14ac:dyDescent="0.25">
      <c r="C45" s="20"/>
      <c r="D45" s="20"/>
      <c r="E45" s="20"/>
      <c r="F45" s="20"/>
      <c r="G45" s="20"/>
      <c r="H45" s="20"/>
      <c r="I45" s="20"/>
      <c r="J45" s="20"/>
    </row>
    <row r="46" spans="2:13" x14ac:dyDescent="0.25">
      <c r="C46" s="20"/>
      <c r="D46" s="20"/>
      <c r="E46" s="20"/>
      <c r="F46" s="20"/>
      <c r="G46" s="20"/>
      <c r="H46" s="20"/>
      <c r="I46" s="20"/>
      <c r="J46" s="20"/>
    </row>
    <row r="47" spans="2:13" x14ac:dyDescent="0.25">
      <c r="C47" s="20"/>
      <c r="D47" s="20"/>
      <c r="E47" s="20"/>
      <c r="F47" s="20"/>
      <c r="G47" s="20"/>
      <c r="H47" s="20"/>
      <c r="I47" s="20"/>
      <c r="J47" s="20"/>
    </row>
    <row r="48" spans="2:13" x14ac:dyDescent="0.25">
      <c r="C48" s="20"/>
      <c r="D48" s="20"/>
      <c r="E48" s="20"/>
      <c r="F48" s="20"/>
      <c r="G48" s="20"/>
      <c r="H48" s="20"/>
      <c r="I48" s="20"/>
      <c r="J48" s="20"/>
    </row>
    <row r="49" spans="3:10" x14ac:dyDescent="0.25">
      <c r="C49" s="20"/>
      <c r="D49" s="20"/>
      <c r="E49" s="20"/>
      <c r="F49" s="20"/>
      <c r="G49" s="20"/>
      <c r="H49" s="20"/>
      <c r="I49" s="20"/>
      <c r="J49" s="20"/>
    </row>
    <row r="50" spans="3:10" x14ac:dyDescent="0.25">
      <c r="C50" s="20"/>
      <c r="D50" s="20"/>
      <c r="E50" s="20"/>
      <c r="F50" s="20"/>
      <c r="G50" s="20"/>
      <c r="H50" s="20"/>
      <c r="I50" s="20"/>
      <c r="J50" s="20"/>
    </row>
    <row r="51" spans="3:10" x14ac:dyDescent="0.25">
      <c r="C51" s="20"/>
      <c r="D51" s="20"/>
      <c r="E51" s="20"/>
      <c r="F51" s="20"/>
      <c r="G51" s="20"/>
      <c r="H51" s="20"/>
      <c r="I51" s="20"/>
      <c r="J51" s="20"/>
    </row>
    <row r="52" spans="3:10" x14ac:dyDescent="0.25">
      <c r="C52" s="20"/>
      <c r="D52" s="20"/>
      <c r="E52" s="20"/>
      <c r="F52" s="20"/>
      <c r="G52" s="20"/>
      <c r="H52" s="20"/>
      <c r="I52" s="20"/>
      <c r="J52" s="20"/>
    </row>
    <row r="53" spans="3:10" x14ac:dyDescent="0.25">
      <c r="C53" s="20"/>
      <c r="D53" s="20"/>
      <c r="E53" s="20"/>
      <c r="F53" s="20"/>
      <c r="G53" s="20"/>
      <c r="H53" s="20"/>
      <c r="I53" s="20"/>
      <c r="J53" s="20"/>
    </row>
    <row r="54" spans="3:10" x14ac:dyDescent="0.25">
      <c r="C54" s="20"/>
      <c r="D54" s="20"/>
      <c r="E54" s="20"/>
      <c r="F54" s="20"/>
      <c r="G54" s="20"/>
      <c r="H54" s="20"/>
      <c r="I54" s="20"/>
      <c r="J54" s="20"/>
    </row>
    <row r="55" spans="3:10" x14ac:dyDescent="0.25">
      <c r="C55" s="20"/>
      <c r="D55" s="20"/>
      <c r="E55" s="20"/>
      <c r="F55" s="20"/>
      <c r="G55" s="20"/>
      <c r="H55" s="20"/>
      <c r="I55" s="20"/>
      <c r="J55" s="20"/>
    </row>
    <row r="56" spans="3:10" x14ac:dyDescent="0.25">
      <c r="C56" s="20"/>
      <c r="D56" s="20"/>
      <c r="E56" s="20"/>
      <c r="F56" s="20"/>
      <c r="G56" s="20"/>
      <c r="H56" s="20"/>
      <c r="I56" s="20"/>
      <c r="J56" s="20"/>
    </row>
    <row r="57" spans="3:10" x14ac:dyDescent="0.25">
      <c r="C57" s="20"/>
      <c r="D57" s="20"/>
      <c r="E57" s="18"/>
      <c r="F57" s="20"/>
      <c r="G57" s="20"/>
      <c r="H57" s="20"/>
      <c r="I57" s="20"/>
      <c r="J57" s="20"/>
    </row>
    <row r="58" spans="3:10" x14ac:dyDescent="0.25">
      <c r="C58" s="18"/>
      <c r="D58" s="20"/>
      <c r="E58" s="20"/>
      <c r="F58" s="20"/>
      <c r="G58" s="20"/>
      <c r="H58" s="20"/>
      <c r="I58" s="20"/>
      <c r="J58" s="20"/>
    </row>
    <row r="59" spans="3:10" x14ac:dyDescent="0.25">
      <c r="C59" s="20"/>
      <c r="D59" s="20"/>
      <c r="E59" s="20"/>
      <c r="F59" s="20"/>
      <c r="G59" s="20"/>
      <c r="H59" s="20"/>
      <c r="I59" s="20"/>
      <c r="J59" s="20"/>
    </row>
    <row r="60" spans="3:10" x14ac:dyDescent="0.25">
      <c r="C60" s="20"/>
      <c r="D60" s="20"/>
      <c r="E60" s="20"/>
      <c r="F60" s="20"/>
      <c r="G60" s="20"/>
      <c r="H60" s="20"/>
      <c r="I60" s="20"/>
      <c r="J60" s="20"/>
    </row>
    <row r="61" spans="3:10" x14ac:dyDescent="0.25">
      <c r="C61" s="20"/>
      <c r="D61" s="20"/>
      <c r="E61" s="20"/>
      <c r="F61" s="20"/>
      <c r="G61" s="20"/>
      <c r="H61" s="20"/>
      <c r="I61" s="20"/>
      <c r="J61" s="20"/>
    </row>
    <row r="62" spans="3:10" x14ac:dyDescent="0.25">
      <c r="C62" s="20"/>
      <c r="D62" s="20"/>
      <c r="E62" s="20"/>
      <c r="F62" s="20"/>
      <c r="G62" s="20"/>
      <c r="H62" s="20"/>
      <c r="I62" s="20"/>
      <c r="J62" s="20"/>
    </row>
    <row r="63" spans="3:10" x14ac:dyDescent="0.25">
      <c r="C63" s="20"/>
      <c r="D63" s="20"/>
      <c r="E63" s="20"/>
      <c r="F63" s="20"/>
      <c r="G63" s="20"/>
      <c r="H63" s="20"/>
      <c r="I63" s="20"/>
      <c r="J63" s="20"/>
    </row>
    <row r="64" spans="3:10" x14ac:dyDescent="0.25">
      <c r="C64" s="20"/>
      <c r="D64" s="20"/>
      <c r="E64" s="20"/>
      <c r="F64" s="20"/>
      <c r="G64" s="20"/>
      <c r="H64" s="20"/>
      <c r="I64" s="20"/>
      <c r="J64" s="20"/>
    </row>
    <row r="65" spans="3:10" x14ac:dyDescent="0.25">
      <c r="C65" s="20"/>
      <c r="D65" s="20"/>
      <c r="E65" s="20"/>
      <c r="F65" s="20"/>
      <c r="G65" s="20"/>
      <c r="H65" s="20"/>
      <c r="I65" s="20"/>
      <c r="J65" s="20"/>
    </row>
    <row r="66" spans="3:10" x14ac:dyDescent="0.25">
      <c r="C66" s="20"/>
      <c r="D66" s="20"/>
      <c r="E66" s="20"/>
      <c r="F66" s="20"/>
      <c r="G66" s="20"/>
      <c r="H66" s="20"/>
      <c r="I66" s="20"/>
      <c r="J66" s="20"/>
    </row>
    <row r="67" spans="3:10" x14ac:dyDescent="0.25">
      <c r="C67" s="20"/>
      <c r="D67" s="20"/>
      <c r="E67" s="20"/>
      <c r="F67" s="20"/>
      <c r="G67" s="20"/>
      <c r="H67" s="20"/>
      <c r="I67" s="20"/>
      <c r="J67" s="20"/>
    </row>
    <row r="68" spans="3:10" x14ac:dyDescent="0.25">
      <c r="C68" s="20"/>
      <c r="D68" s="20"/>
      <c r="E68" s="20"/>
      <c r="F68" s="20"/>
      <c r="G68" s="20"/>
      <c r="H68" s="20"/>
      <c r="I68" s="20"/>
      <c r="J68" s="20"/>
    </row>
    <row r="69" spans="3:10" x14ac:dyDescent="0.25">
      <c r="C69" s="20"/>
      <c r="D69" s="20"/>
      <c r="E69" s="20"/>
      <c r="F69" s="20"/>
      <c r="G69" s="20"/>
      <c r="H69" s="20"/>
      <c r="I69" s="20"/>
      <c r="J69" s="20"/>
    </row>
  </sheetData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276E0E4-1CDD-4078-885C-EADEF21F5691}">
  <dimension ref="C4:AB13811"/>
  <sheetViews>
    <sheetView zoomScale="70" zoomScaleNormal="70" workbookViewId="0">
      <selection activeCell="C4" sqref="C4"/>
    </sheetView>
  </sheetViews>
  <sheetFormatPr defaultRowHeight="15" x14ac:dyDescent="0.25"/>
  <cols>
    <col min="4" max="4" width="14.42578125" customWidth="1"/>
    <col min="5" max="5" width="12.85546875" customWidth="1"/>
    <col min="7" max="7" width="13.28515625" customWidth="1"/>
    <col min="8" max="8" width="14.28515625" customWidth="1"/>
    <col min="9" max="9" width="17.7109375" customWidth="1"/>
    <col min="10" max="10" width="14.85546875" customWidth="1"/>
    <col min="11" max="11" width="13.7109375" customWidth="1"/>
  </cols>
  <sheetData>
    <row r="4" spans="3:14" x14ac:dyDescent="0.25">
      <c r="C4" s="11" t="s">
        <v>29</v>
      </c>
    </row>
    <row r="5" spans="3:14" x14ac:dyDescent="0.25">
      <c r="C5" s="11" t="s">
        <v>9</v>
      </c>
      <c r="D5" s="33">
        <v>298</v>
      </c>
    </row>
    <row r="6" spans="3:14" x14ac:dyDescent="0.25">
      <c r="C6" s="11" t="s">
        <v>10</v>
      </c>
      <c r="D6" s="33" t="s">
        <v>3</v>
      </c>
    </row>
    <row r="7" spans="3:14" x14ac:dyDescent="0.25">
      <c r="C7" s="11" t="s">
        <v>4</v>
      </c>
      <c r="D7" s="11" t="s">
        <v>21</v>
      </c>
      <c r="E7" s="11"/>
      <c r="F7" s="14" t="s">
        <v>24</v>
      </c>
      <c r="G7" s="11"/>
      <c r="H7" s="11" t="s">
        <v>22</v>
      </c>
      <c r="I7" s="40"/>
      <c r="J7" s="11" t="s">
        <v>23</v>
      </c>
      <c r="K7" s="40"/>
      <c r="L7" s="40"/>
      <c r="M7" s="40"/>
      <c r="N7" s="40"/>
    </row>
    <row r="8" spans="3:14" x14ac:dyDescent="0.25">
      <c r="D8" s="11" t="s">
        <v>17</v>
      </c>
      <c r="E8" s="11" t="s">
        <v>18</v>
      </c>
      <c r="F8" s="11" t="s">
        <v>17</v>
      </c>
      <c r="G8" s="11" t="s">
        <v>18</v>
      </c>
      <c r="H8" s="11" t="s">
        <v>17</v>
      </c>
      <c r="I8" s="11" t="s">
        <v>18</v>
      </c>
      <c r="J8" s="11" t="s">
        <v>17</v>
      </c>
      <c r="K8" s="11" t="s">
        <v>18</v>
      </c>
      <c r="L8" s="40"/>
      <c r="M8" s="58"/>
      <c r="N8" s="58"/>
    </row>
    <row r="9" spans="3:14" x14ac:dyDescent="0.25">
      <c r="D9" s="40">
        <v>1.6667000000012422E-2</v>
      </c>
      <c r="E9" s="40">
        <v>0</v>
      </c>
      <c r="F9" s="40">
        <v>0</v>
      </c>
      <c r="G9" s="40">
        <v>0</v>
      </c>
      <c r="H9" s="40">
        <v>0</v>
      </c>
      <c r="I9" s="40">
        <v>0</v>
      </c>
      <c r="J9" s="40">
        <v>0</v>
      </c>
      <c r="K9" s="40">
        <v>0</v>
      </c>
      <c r="L9" s="40"/>
      <c r="M9" s="40"/>
      <c r="N9" s="40"/>
    </row>
    <row r="10" spans="3:14" x14ac:dyDescent="0.25">
      <c r="D10" s="40">
        <v>3.3333000000013123E-2</v>
      </c>
      <c r="E10" s="40">
        <v>0</v>
      </c>
      <c r="F10" s="40">
        <v>1.6666999999998211E-2</v>
      </c>
      <c r="G10" s="40">
        <v>0</v>
      </c>
      <c r="H10" s="40">
        <v>1.6667000000012422E-2</v>
      </c>
      <c r="I10" s="40">
        <v>0</v>
      </c>
      <c r="J10" s="40">
        <v>1.6666000000000701E-2</v>
      </c>
      <c r="K10" s="40">
        <v>0</v>
      </c>
      <c r="L10" s="40"/>
      <c r="M10" s="40"/>
      <c r="N10" s="40"/>
    </row>
    <row r="11" spans="3:14" x14ac:dyDescent="0.25">
      <c r="D11" s="40">
        <v>4.9999000000013824E-2</v>
      </c>
      <c r="E11" s="40">
        <v>0</v>
      </c>
      <c r="F11" s="40">
        <v>3.3332999999998898E-2</v>
      </c>
      <c r="G11" s="40">
        <v>0</v>
      </c>
      <c r="H11" s="40">
        <v>3.3334000000010633E-2</v>
      </c>
      <c r="I11" s="40">
        <v>0</v>
      </c>
      <c r="J11" s="40">
        <v>3.3332999999998947E-2</v>
      </c>
      <c r="K11" s="40">
        <v>-4.8510437092323727E-3</v>
      </c>
      <c r="L11" s="40"/>
      <c r="M11" s="40"/>
      <c r="N11" s="40"/>
    </row>
    <row r="12" spans="3:14" x14ac:dyDescent="0.25">
      <c r="D12" s="40">
        <v>6.6665000000014518E-2</v>
      </c>
      <c r="E12" s="40">
        <v>0</v>
      </c>
      <c r="F12" s="40">
        <v>4.9999999999997158E-2</v>
      </c>
      <c r="G12" s="40">
        <v>0</v>
      </c>
      <c r="H12" s="40">
        <v>5.0000000000011369E-2</v>
      </c>
      <c r="I12" s="40">
        <v>0</v>
      </c>
      <c r="J12" s="40">
        <v>5.0000000000011369E-2</v>
      </c>
      <c r="K12" s="40">
        <v>-4.8510437092323727E-3</v>
      </c>
      <c r="L12" s="40"/>
      <c r="M12" s="40"/>
      <c r="N12" s="40"/>
    </row>
    <row r="13" spans="3:14" x14ac:dyDescent="0.25">
      <c r="D13" s="40">
        <v>8.3331000000015226E-2</v>
      </c>
      <c r="E13" s="40">
        <v>0</v>
      </c>
      <c r="F13" s="40">
        <v>6.6666999999995369E-2</v>
      </c>
      <c r="G13" s="40">
        <v>0</v>
      </c>
      <c r="H13" s="40">
        <v>6.666700000000958E-2</v>
      </c>
      <c r="I13" s="40">
        <v>-3.2541262567629646E-3</v>
      </c>
      <c r="J13" s="40">
        <v>6.6665999999997894E-2</v>
      </c>
      <c r="K13" s="40">
        <v>-4.8510437092323727E-3</v>
      </c>
      <c r="L13" s="40"/>
      <c r="M13" s="40"/>
      <c r="N13" s="40"/>
    </row>
    <row r="14" spans="3:14" x14ac:dyDescent="0.25">
      <c r="D14" s="40">
        <v>9.9997000000015934E-2</v>
      </c>
      <c r="E14" s="40">
        <v>0</v>
      </c>
      <c r="F14" s="40">
        <v>8.3332999999996105E-2</v>
      </c>
      <c r="G14" s="40">
        <v>0</v>
      </c>
      <c r="H14" s="40">
        <v>8.3334000000007791E-2</v>
      </c>
      <c r="I14" s="40">
        <v>-3.2541262567629646E-3</v>
      </c>
      <c r="J14" s="40">
        <v>8.3333000000010315E-2</v>
      </c>
      <c r="K14" s="40">
        <v>0</v>
      </c>
      <c r="L14" s="40"/>
      <c r="M14" s="40"/>
      <c r="N14" s="40"/>
    </row>
    <row r="15" spans="3:14" x14ac:dyDescent="0.25">
      <c r="D15" s="40">
        <v>0.11666300000001664</v>
      </c>
      <c r="E15" s="40">
        <v>0</v>
      </c>
      <c r="F15" s="40">
        <v>9.9999999999994316E-2</v>
      </c>
      <c r="G15" s="40">
        <v>-4.7552440900950057E-3</v>
      </c>
      <c r="H15" s="40">
        <v>0.10000000000000853</v>
      </c>
      <c r="I15" s="40">
        <v>-3.2541262567629646E-3</v>
      </c>
      <c r="J15" s="40">
        <v>0.10000000000000853</v>
      </c>
      <c r="K15" s="40">
        <v>0</v>
      </c>
      <c r="L15" s="40"/>
      <c r="M15" s="40"/>
      <c r="N15" s="40"/>
    </row>
    <row r="16" spans="3:14" x14ac:dyDescent="0.25">
      <c r="D16" s="40">
        <v>0.13332900000001735</v>
      </c>
      <c r="E16" s="40">
        <v>4.8431785894218682E-3</v>
      </c>
      <c r="F16" s="40">
        <v>0.11666699999999253</v>
      </c>
      <c r="G16" s="40">
        <v>-4.7552440900950057E-3</v>
      </c>
      <c r="H16" s="40">
        <v>0.11666700000000674</v>
      </c>
      <c r="I16" s="40">
        <v>-3.2541262567629646E-3</v>
      </c>
      <c r="J16" s="40">
        <v>0.11666600000000926</v>
      </c>
      <c r="K16" s="40">
        <v>0</v>
      </c>
      <c r="L16" s="40"/>
      <c r="M16" s="40"/>
      <c r="N16" s="40"/>
    </row>
    <row r="17" spans="4:14" x14ac:dyDescent="0.25">
      <c r="D17" s="40">
        <v>0.14999500000001806</v>
      </c>
      <c r="E17" s="40">
        <v>4.8431785894218682E-3</v>
      </c>
      <c r="F17" s="40">
        <v>0.13333299999999326</v>
      </c>
      <c r="G17" s="40">
        <v>-4.7552440900950057E-3</v>
      </c>
      <c r="H17" s="40">
        <v>0.13333400000000495</v>
      </c>
      <c r="I17" s="40">
        <v>-3.2541262567629646E-3</v>
      </c>
      <c r="J17" s="40">
        <v>0.13333300000000747</v>
      </c>
      <c r="K17" s="40">
        <v>0</v>
      </c>
      <c r="L17" s="40"/>
      <c r="M17" s="40"/>
      <c r="N17" s="40"/>
    </row>
    <row r="18" spans="4:14" x14ac:dyDescent="0.25">
      <c r="D18" s="40">
        <v>0.16666100000001877</v>
      </c>
      <c r="E18" s="40">
        <v>4.8431785894218682E-3</v>
      </c>
      <c r="F18" s="40">
        <v>0.14999999999999147</v>
      </c>
      <c r="G18" s="40">
        <v>-9.3706280599953999E-3</v>
      </c>
      <c r="H18" s="40">
        <v>0.15000000000000568</v>
      </c>
      <c r="I18" s="40">
        <v>-6.6068624000201913E-3</v>
      </c>
      <c r="J18" s="40">
        <v>0.15000000000000568</v>
      </c>
      <c r="K18" s="40">
        <v>0</v>
      </c>
      <c r="L18" s="40"/>
      <c r="M18" s="40"/>
      <c r="N18" s="40"/>
    </row>
    <row r="19" spans="4:14" x14ac:dyDescent="0.25">
      <c r="D19" s="40">
        <v>0.18332700000001947</v>
      </c>
      <c r="E19" s="40">
        <v>9.5439107498472842E-3</v>
      </c>
      <c r="F19" s="40">
        <v>0.16666699999998968</v>
      </c>
      <c r="G19" s="40">
        <v>-9.3706280599953999E-3</v>
      </c>
      <c r="H19" s="40">
        <v>0.1666670000000039</v>
      </c>
      <c r="I19" s="40">
        <v>-6.6068624000201913E-3</v>
      </c>
      <c r="J19" s="40">
        <v>0.16666600000000642</v>
      </c>
      <c r="K19" s="40">
        <v>0</v>
      </c>
      <c r="L19" s="40"/>
      <c r="M19" s="40"/>
      <c r="N19" s="40"/>
    </row>
    <row r="20" spans="4:14" x14ac:dyDescent="0.25">
      <c r="D20" s="40">
        <v>0.19999300000002018</v>
      </c>
      <c r="E20" s="40">
        <v>1.438708933939567E-2</v>
      </c>
      <c r="F20" s="40">
        <v>0.18333299999999042</v>
      </c>
      <c r="G20" s="40">
        <v>-1.4125872150214625E-2</v>
      </c>
      <c r="H20" s="40">
        <v>0.18333400000000211</v>
      </c>
      <c r="I20" s="40">
        <v>-6.6068624000201913E-3</v>
      </c>
      <c r="J20" s="40">
        <v>0.18333300000000463</v>
      </c>
      <c r="K20" s="40">
        <v>0</v>
      </c>
      <c r="L20" s="40"/>
      <c r="M20" s="40"/>
      <c r="N20" s="40"/>
    </row>
    <row r="21" spans="4:14" x14ac:dyDescent="0.25">
      <c r="D21" s="40">
        <v>0.21665900000002089</v>
      </c>
      <c r="E21" s="40">
        <v>1.438708933939567E-2</v>
      </c>
      <c r="F21" s="40">
        <v>0.19999999999998863</v>
      </c>
      <c r="G21" s="40">
        <v>-1.4125872150214625E-2</v>
      </c>
      <c r="H21" s="40">
        <v>0.20000000000000284</v>
      </c>
      <c r="I21" s="40">
        <v>-9.9595985434525851E-3</v>
      </c>
      <c r="J21" s="40">
        <v>0.20000000000000284</v>
      </c>
      <c r="K21" s="40">
        <v>0</v>
      </c>
      <c r="L21" s="40"/>
      <c r="M21" s="40"/>
      <c r="N21" s="40"/>
    </row>
    <row r="22" spans="4:14" x14ac:dyDescent="0.25">
      <c r="D22" s="40">
        <v>0.2333250000000216</v>
      </c>
      <c r="E22" s="40">
        <v>1.9230267928817539E-2</v>
      </c>
      <c r="F22" s="40">
        <v>0.21666700000000105</v>
      </c>
      <c r="G22" s="40">
        <v>-1.8881116240309633E-2</v>
      </c>
      <c r="H22" s="40">
        <v>0.21666700000000105</v>
      </c>
      <c r="I22" s="40">
        <v>-9.9595985434525851E-3</v>
      </c>
      <c r="J22" s="40">
        <v>0.21666600000000358</v>
      </c>
      <c r="K22" s="40">
        <v>0</v>
      </c>
      <c r="L22" s="40"/>
      <c r="M22" s="40"/>
      <c r="N22" s="40"/>
    </row>
    <row r="23" spans="4:14" x14ac:dyDescent="0.25">
      <c r="D23" s="40">
        <v>0.24999100000002231</v>
      </c>
      <c r="E23" s="40">
        <v>1.9230267928817539E-2</v>
      </c>
      <c r="F23" s="40">
        <v>0.23333299999998758</v>
      </c>
      <c r="G23" s="40">
        <v>-1.8881116240309633E-2</v>
      </c>
      <c r="H23" s="40">
        <v>0.23333400000001348</v>
      </c>
      <c r="I23" s="40">
        <v>-1.3213724800215548E-2</v>
      </c>
      <c r="J23" s="40">
        <v>0.23333300000000179</v>
      </c>
      <c r="K23" s="40">
        <v>-4.8510437092323727E-3</v>
      </c>
      <c r="L23" s="40"/>
      <c r="M23" s="40"/>
      <c r="N23" s="40"/>
    </row>
    <row r="24" spans="4:14" x14ac:dyDescent="0.25">
      <c r="D24" s="40">
        <v>0.26665700000002301</v>
      </c>
      <c r="E24" s="40">
        <v>1.9230267928817539E-2</v>
      </c>
      <c r="F24" s="40">
        <v>0.25</v>
      </c>
      <c r="G24" s="40">
        <v>-2.3496500210210023E-2</v>
      </c>
      <c r="H24" s="40">
        <v>0.25</v>
      </c>
      <c r="I24" s="40">
        <v>-1.3213724800215548E-2</v>
      </c>
      <c r="J24" s="40">
        <v>0.24999961904762499</v>
      </c>
      <c r="K24" s="40">
        <v>-4.8510437092323727E-3</v>
      </c>
      <c r="L24" s="40"/>
      <c r="M24" s="40"/>
      <c r="N24" s="40"/>
    </row>
    <row r="25" spans="4:14" x14ac:dyDescent="0.25">
      <c r="D25" s="40">
        <v>0.28332300000002369</v>
      </c>
      <c r="E25" s="40">
        <v>2.3931000089242958E-2</v>
      </c>
      <c r="F25" s="40">
        <v>0.26666699999999821</v>
      </c>
      <c r="G25" s="40">
        <v>-2.3496500210210023E-2</v>
      </c>
      <c r="H25" s="40">
        <v>0.26666700000001242</v>
      </c>
      <c r="I25" s="40">
        <v>-1.3213724800215548E-2</v>
      </c>
      <c r="J25" s="40">
        <v>0.26666627976191098</v>
      </c>
      <c r="K25" s="40">
        <v>-4.8510437092323727E-3</v>
      </c>
      <c r="L25" s="40"/>
      <c r="M25" s="40"/>
      <c r="N25" s="40"/>
    </row>
    <row r="26" spans="4:14" x14ac:dyDescent="0.25">
      <c r="D26" s="40">
        <v>0.29998900000002438</v>
      </c>
      <c r="E26" s="40">
        <v>2.3931000089242958E-2</v>
      </c>
      <c r="F26" s="40">
        <v>0.28333299999999895</v>
      </c>
      <c r="G26" s="40">
        <v>-2.825174430042925E-2</v>
      </c>
      <c r="H26" s="40">
        <v>0.28333400000001063</v>
      </c>
      <c r="I26" s="40">
        <v>-1.6566460943472777E-2</v>
      </c>
      <c r="J26" s="40">
        <v>0.283332940476196</v>
      </c>
      <c r="K26" s="40">
        <v>-4.8510437092323727E-3</v>
      </c>
      <c r="L26" s="40"/>
      <c r="M26" s="40"/>
      <c r="N26" s="40"/>
    </row>
    <row r="27" spans="4:14" x14ac:dyDescent="0.25">
      <c r="D27" s="40">
        <v>0.31665500000002506</v>
      </c>
      <c r="E27" s="40">
        <v>2.3931000089242958E-2</v>
      </c>
      <c r="F27" s="40">
        <v>0.29999999999999716</v>
      </c>
      <c r="G27" s="40">
        <v>-3.300698839052426E-2</v>
      </c>
      <c r="H27" s="40">
        <v>0.30000000000001137</v>
      </c>
      <c r="I27" s="40">
        <v>-1.6566460943472777E-2</v>
      </c>
      <c r="J27" s="40">
        <v>0.29999960119048202</v>
      </c>
      <c r="K27" s="40">
        <v>-9.7020874183380203E-3</v>
      </c>
      <c r="L27" s="40"/>
      <c r="M27" s="40"/>
      <c r="N27" s="40"/>
    </row>
    <row r="28" spans="4:14" x14ac:dyDescent="0.25">
      <c r="D28" s="40">
        <v>0.33332100000002574</v>
      </c>
      <c r="E28" s="40">
        <v>2.3931000089242958E-2</v>
      </c>
      <c r="F28" s="40">
        <v>0.31666699999999537</v>
      </c>
      <c r="G28" s="40">
        <v>-3.300698839052426E-2</v>
      </c>
      <c r="H28" s="40">
        <v>0.31666700000000958</v>
      </c>
      <c r="I28" s="40">
        <v>-1.6566460943472777E-2</v>
      </c>
      <c r="J28" s="40">
        <v>0.31666626190476799</v>
      </c>
      <c r="K28" s="40">
        <v>-1.4410453371397864E-2</v>
      </c>
      <c r="L28" s="40"/>
      <c r="M28" s="40"/>
      <c r="N28" s="40"/>
    </row>
    <row r="29" spans="4:14" x14ac:dyDescent="0.25">
      <c r="D29" s="40">
        <v>0.34998700000002642</v>
      </c>
      <c r="E29" s="40">
        <v>2.877417867879134E-2</v>
      </c>
      <c r="F29" s="40">
        <v>0.3333329999999961</v>
      </c>
      <c r="G29" s="40">
        <v>-3.762237236042465E-2</v>
      </c>
      <c r="H29" s="40">
        <v>0.33333400000000779</v>
      </c>
      <c r="I29" s="40">
        <v>-1.9919197086730005E-2</v>
      </c>
      <c r="J29" s="40">
        <v>0.33333292261905401</v>
      </c>
      <c r="K29" s="40">
        <v>-1.9261497080630234E-2</v>
      </c>
      <c r="L29" s="40"/>
      <c r="M29" s="40"/>
      <c r="N29" s="40"/>
    </row>
    <row r="30" spans="4:14" x14ac:dyDescent="0.25">
      <c r="D30" s="40">
        <v>0.3666530000000271</v>
      </c>
      <c r="E30" s="40">
        <v>2.877417867879134E-2</v>
      </c>
      <c r="F30" s="40">
        <v>0.34999999999999432</v>
      </c>
      <c r="G30" s="40">
        <v>-3.762237236042465E-2</v>
      </c>
      <c r="H30" s="40">
        <v>0.35000000000000853</v>
      </c>
      <c r="I30" s="40">
        <v>-1.9919197086730005E-2</v>
      </c>
      <c r="J30" s="40">
        <v>0.34999958333334003</v>
      </c>
      <c r="K30" s="40">
        <v>-1.9261497080630234E-2</v>
      </c>
      <c r="L30" s="40"/>
      <c r="M30" s="40"/>
      <c r="N30" s="40"/>
    </row>
    <row r="31" spans="4:14" x14ac:dyDescent="0.25">
      <c r="D31" s="40">
        <v>0.38331900000002778</v>
      </c>
      <c r="E31" s="40">
        <v>2.877417867879134E-2</v>
      </c>
      <c r="F31" s="40">
        <v>0.36666699999999253</v>
      </c>
      <c r="G31" s="40">
        <v>-4.2377616450643876E-2</v>
      </c>
      <c r="H31" s="40">
        <v>0.36666700000000674</v>
      </c>
      <c r="I31" s="40">
        <v>-1.9919197086730005E-2</v>
      </c>
      <c r="J31" s="40">
        <v>0.36666624404762599</v>
      </c>
      <c r="K31" s="40">
        <v>-2.4112540789735883E-2</v>
      </c>
      <c r="L31" s="40"/>
      <c r="M31" s="40"/>
      <c r="N31" s="40"/>
    </row>
    <row r="32" spans="4:14" x14ac:dyDescent="0.25">
      <c r="D32" s="40">
        <v>0.39998500000002846</v>
      </c>
      <c r="E32" s="40">
        <v>2.3931000089242958E-2</v>
      </c>
      <c r="F32" s="40">
        <v>0.38333299999999326</v>
      </c>
      <c r="G32" s="40">
        <v>-4.2377616450643876E-2</v>
      </c>
      <c r="H32" s="40">
        <v>0.38333400000000495</v>
      </c>
      <c r="I32" s="40">
        <v>-2.3173323343492966E-2</v>
      </c>
      <c r="J32" s="40">
        <v>0.38333290476191101</v>
      </c>
      <c r="K32" s="40">
        <v>-2.4112540789735883E-2</v>
      </c>
      <c r="L32" s="40"/>
      <c r="M32" s="40"/>
      <c r="N32" s="40"/>
    </row>
    <row r="33" spans="4:14" x14ac:dyDescent="0.25">
      <c r="D33" s="40">
        <v>0.41665100000002914</v>
      </c>
      <c r="E33" s="40">
        <v>1.9230267928817539E-2</v>
      </c>
      <c r="F33" s="40">
        <v>0.39999999999999147</v>
      </c>
      <c r="G33" s="40">
        <v>-4.7132860540863103E-2</v>
      </c>
      <c r="H33" s="40">
        <v>0.40000000000000568</v>
      </c>
      <c r="I33" s="40">
        <v>-2.3173323343492966E-2</v>
      </c>
      <c r="J33" s="40">
        <v>0.39999956547619703</v>
      </c>
      <c r="K33" s="40">
        <v>-2.8820906742795728E-2</v>
      </c>
      <c r="L33" s="40"/>
      <c r="M33" s="40"/>
      <c r="N33" s="40"/>
    </row>
    <row r="34" spans="4:14" x14ac:dyDescent="0.25">
      <c r="D34" s="40">
        <v>0.43331700000002982</v>
      </c>
      <c r="E34" s="40">
        <v>1.9230267928817539E-2</v>
      </c>
      <c r="F34" s="40">
        <v>0.41666699999998968</v>
      </c>
      <c r="G34" s="40">
        <v>-4.7132860540863103E-2</v>
      </c>
      <c r="H34" s="40">
        <v>0.4166670000000039</v>
      </c>
      <c r="I34" s="40">
        <v>-2.3173323343492966E-2</v>
      </c>
      <c r="J34" s="40">
        <v>0.41666622619048299</v>
      </c>
      <c r="K34" s="40">
        <v>-4.3231360114193589E-2</v>
      </c>
      <c r="L34" s="40"/>
      <c r="M34" s="40"/>
      <c r="N34" s="40"/>
    </row>
    <row r="35" spans="4:14" x14ac:dyDescent="0.25">
      <c r="D35" s="40">
        <v>0.4499830000000305</v>
      </c>
      <c r="E35" s="40">
        <v>1.438708933939567E-2</v>
      </c>
      <c r="F35" s="40">
        <v>0.43333299999999042</v>
      </c>
      <c r="G35" s="40">
        <v>-5.1748244510639273E-2</v>
      </c>
      <c r="H35" s="40">
        <v>0.43333400000000211</v>
      </c>
      <c r="I35" s="40">
        <v>-2.6526059486925359E-2</v>
      </c>
      <c r="J35" s="40">
        <v>0.43333288690476901</v>
      </c>
      <c r="K35" s="40">
        <v>-5.7641813485591456E-2</v>
      </c>
      <c r="L35" s="40"/>
      <c r="M35" s="40"/>
      <c r="N35" s="40"/>
    </row>
    <row r="36" spans="4:14" x14ac:dyDescent="0.25">
      <c r="D36" s="40">
        <v>0.46664900000003118</v>
      </c>
      <c r="E36" s="40">
        <v>1.438708933939567E-2</v>
      </c>
      <c r="F36" s="40">
        <v>0.44999999999998863</v>
      </c>
      <c r="G36" s="40">
        <v>-5.1748244510639273E-2</v>
      </c>
      <c r="H36" s="40">
        <v>0.45000000000000284</v>
      </c>
      <c r="I36" s="40">
        <v>-2.6526059486925359E-2</v>
      </c>
      <c r="J36" s="40">
        <v>0.44999954761905497</v>
      </c>
      <c r="K36" s="40">
        <v>-6.7343900904056203E-2</v>
      </c>
      <c r="L36" s="40"/>
      <c r="M36" s="40"/>
      <c r="N36" s="40"/>
    </row>
    <row r="37" spans="4:14" x14ac:dyDescent="0.25">
      <c r="D37" s="40">
        <v>0.48331500000003186</v>
      </c>
      <c r="E37" s="40">
        <v>9.5439107498472842E-3</v>
      </c>
      <c r="F37" s="40">
        <v>0.46666700000000105</v>
      </c>
      <c r="G37" s="40">
        <v>-5.6503488600858499E-2</v>
      </c>
      <c r="H37" s="40">
        <v>0.46666700000000105</v>
      </c>
      <c r="I37" s="40">
        <v>-2.6526059486925359E-2</v>
      </c>
      <c r="J37" s="40">
        <v>0.46666620833334099</v>
      </c>
      <c r="K37" s="40">
        <v>-7.2052266857116049E-2</v>
      </c>
      <c r="L37" s="40"/>
      <c r="M37" s="40"/>
      <c r="N37" s="40"/>
    </row>
    <row r="38" spans="4:14" x14ac:dyDescent="0.25">
      <c r="D38" s="40">
        <v>0.49998100000003254</v>
      </c>
      <c r="E38" s="40">
        <v>4.8431785894218682E-3</v>
      </c>
      <c r="F38" s="40">
        <v>0.48333299999998758</v>
      </c>
      <c r="G38" s="40">
        <v>-6.1258732691077733E-2</v>
      </c>
      <c r="H38" s="40">
        <v>0.48333400000001348</v>
      </c>
      <c r="I38" s="40">
        <v>-2.9878795630182583E-2</v>
      </c>
      <c r="J38" s="40">
        <v>0.48333286904762701</v>
      </c>
      <c r="K38" s="40">
        <v>-8.1754354275454064E-2</v>
      </c>
      <c r="L38" s="40"/>
      <c r="M38" s="40"/>
      <c r="N38" s="40"/>
    </row>
    <row r="39" spans="4:14" x14ac:dyDescent="0.25">
      <c r="D39" s="40">
        <v>0.51664700000003327</v>
      </c>
      <c r="E39" s="40">
        <v>-4.8431785895483859E-3</v>
      </c>
      <c r="F39" s="40">
        <v>0.5</v>
      </c>
      <c r="G39" s="40">
        <v>-6.1258732691077733E-2</v>
      </c>
      <c r="H39" s="40">
        <v>0.5</v>
      </c>
      <c r="I39" s="40">
        <v>-2.9878795630182583E-2</v>
      </c>
      <c r="J39" s="40">
        <v>0.49999952976191198</v>
      </c>
      <c r="K39" s="40">
        <v>-8.6462720228513895E-2</v>
      </c>
      <c r="L39" s="40"/>
      <c r="M39" s="40"/>
      <c r="N39" s="40"/>
    </row>
    <row r="40" spans="4:14" x14ac:dyDescent="0.25">
      <c r="D40" s="40">
        <v>0.53331300000003401</v>
      </c>
      <c r="E40" s="40">
        <v>-9.5439107499738027E-3</v>
      </c>
      <c r="F40" s="40">
        <v>0.51666699999999821</v>
      </c>
      <c r="G40" s="40">
        <v>-6.5874116660853896E-2</v>
      </c>
      <c r="H40" s="40">
        <v>0.51666700000001242</v>
      </c>
      <c r="I40" s="40">
        <v>-3.3132921886945554E-2</v>
      </c>
      <c r="J40" s="40">
        <v>0.516666190476198</v>
      </c>
      <c r="K40" s="40">
        <v>-9.1313763937619558E-2</v>
      </c>
      <c r="L40" s="40"/>
      <c r="M40" s="40"/>
      <c r="N40" s="40"/>
    </row>
    <row r="41" spans="4:14" x14ac:dyDescent="0.25">
      <c r="D41" s="40">
        <v>0.54997900000003475</v>
      </c>
      <c r="E41" s="40">
        <v>-1.438708933939567E-2</v>
      </c>
      <c r="F41" s="40">
        <v>0.53333299999999895</v>
      </c>
      <c r="G41" s="40">
        <v>-6.5874116660853896E-2</v>
      </c>
      <c r="H41" s="40">
        <v>0.53333400000001063</v>
      </c>
      <c r="I41" s="40">
        <v>-3.3132921886945554E-2</v>
      </c>
      <c r="J41" s="40">
        <v>0.53333285119048401</v>
      </c>
      <c r="K41" s="40">
        <v>-9.6164807646851924E-2</v>
      </c>
      <c r="L41" s="40"/>
      <c r="M41" s="40"/>
      <c r="N41" s="40"/>
    </row>
    <row r="42" spans="4:14" x14ac:dyDescent="0.25">
      <c r="D42" s="40">
        <v>0.56664500000003548</v>
      </c>
      <c r="E42" s="40">
        <v>-2.3931000089369471E-2</v>
      </c>
      <c r="F42" s="40">
        <v>0.54999999999999716</v>
      </c>
      <c r="G42" s="40">
        <v>-6.5874116660853896E-2</v>
      </c>
      <c r="H42" s="40">
        <v>0.55000000000001137</v>
      </c>
      <c r="I42" s="40">
        <v>-3.6485658030202775E-2</v>
      </c>
      <c r="J42" s="40">
        <v>0.54999951190477003</v>
      </c>
      <c r="K42" s="40">
        <v>-9.6164807646851924E-2</v>
      </c>
      <c r="L42" s="40"/>
      <c r="M42" s="40"/>
      <c r="N42" s="40"/>
    </row>
    <row r="43" spans="4:14" x14ac:dyDescent="0.25">
      <c r="D43" s="40">
        <v>0.58331100000003622</v>
      </c>
      <c r="E43" s="40">
        <v>-3.3617357268339733E-2</v>
      </c>
      <c r="F43" s="40">
        <v>0.56666699999999537</v>
      </c>
      <c r="G43" s="40">
        <v>-7.0629360751073123E-2</v>
      </c>
      <c r="H43" s="40">
        <v>0.56666700000000958</v>
      </c>
      <c r="I43" s="40">
        <v>-3.6485658030202775E-2</v>
      </c>
      <c r="J43" s="40">
        <v>0.56666617261905605</v>
      </c>
      <c r="K43" s="40">
        <v>-0.10087317359991177</v>
      </c>
      <c r="L43" s="40"/>
      <c r="M43" s="40"/>
      <c r="N43" s="40"/>
    </row>
    <row r="44" spans="4:14" x14ac:dyDescent="0.25">
      <c r="D44" s="40">
        <v>0.59997700000003695</v>
      </c>
      <c r="E44" s="40">
        <v>-3.8318089428765141E-2</v>
      </c>
      <c r="F44" s="40">
        <v>0.5833329999999961</v>
      </c>
      <c r="G44" s="40">
        <v>-7.0629360751073123E-2</v>
      </c>
      <c r="H44" s="40">
        <v>0.58333400000000779</v>
      </c>
      <c r="I44" s="40">
        <v>-3.6485658030202775E-2</v>
      </c>
      <c r="J44" s="40">
        <v>0.58333283333334196</v>
      </c>
      <c r="K44" s="40">
        <v>-0.10572421730901742</v>
      </c>
      <c r="L44" s="40"/>
      <c r="M44" s="40"/>
      <c r="N44" s="40"/>
    </row>
    <row r="45" spans="4:14" x14ac:dyDescent="0.25">
      <c r="D45" s="40">
        <v>0.61664300000003769</v>
      </c>
      <c r="E45" s="40">
        <v>-4.8004446607735396E-2</v>
      </c>
      <c r="F45" s="40">
        <v>0.59999999999999432</v>
      </c>
      <c r="G45" s="40">
        <v>-7.0629360751073123E-2</v>
      </c>
      <c r="H45" s="40">
        <v>0.60000000000000853</v>
      </c>
      <c r="I45" s="40">
        <v>-3.9838394173460009E-2</v>
      </c>
      <c r="J45" s="40">
        <v>0.59999949404762698</v>
      </c>
      <c r="K45" s="40">
        <v>-0.10572421730901742</v>
      </c>
      <c r="L45" s="40"/>
      <c r="M45" s="40"/>
      <c r="N45" s="40"/>
    </row>
    <row r="46" spans="4:14" x14ac:dyDescent="0.25">
      <c r="D46" s="40">
        <v>0.63330900000003842</v>
      </c>
      <c r="E46" s="40">
        <v>-5.7548357357709197E-2</v>
      </c>
      <c r="F46" s="40">
        <v>0.61666699999999253</v>
      </c>
      <c r="G46" s="40">
        <v>-7.0629360751073123E-2</v>
      </c>
      <c r="H46" s="40">
        <v>0.61666700000000674</v>
      </c>
      <c r="I46" s="40">
        <v>-3.9838394173460009E-2</v>
      </c>
      <c r="J46" s="40">
        <v>0.616666154761913</v>
      </c>
      <c r="K46" s="40">
        <v>-0.10572421730901742</v>
      </c>
      <c r="L46" s="40"/>
      <c r="M46" s="40"/>
      <c r="N46" s="40"/>
    </row>
    <row r="47" spans="4:14" x14ac:dyDescent="0.25">
      <c r="D47" s="40">
        <v>0.64997500000003916</v>
      </c>
      <c r="E47" s="40">
        <v>-6.2391535947131066E-2</v>
      </c>
      <c r="F47" s="40">
        <v>0.63333299999999326</v>
      </c>
      <c r="G47" s="40">
        <v>-7.0629360751073123E-2</v>
      </c>
      <c r="H47" s="40">
        <v>0.63333400000000495</v>
      </c>
      <c r="I47" s="40">
        <v>-3.9838394173460009E-2</v>
      </c>
      <c r="J47" s="40">
        <v>0.63333281547619902</v>
      </c>
      <c r="K47" s="40">
        <v>-0.11057526101824978</v>
      </c>
      <c r="L47" s="40"/>
      <c r="M47" s="40"/>
      <c r="N47" s="40"/>
    </row>
    <row r="48" spans="4:14" x14ac:dyDescent="0.25">
      <c r="D48" s="40">
        <v>0.6666410000000399</v>
      </c>
      <c r="E48" s="40">
        <v>-7.193544669710486E-2</v>
      </c>
      <c r="F48" s="40">
        <v>0.64999999999999147</v>
      </c>
      <c r="G48" s="40">
        <v>-7.0629360751073123E-2</v>
      </c>
      <c r="H48" s="40">
        <v>0.65000000000000568</v>
      </c>
      <c r="I48" s="40">
        <v>-3.9838394173460009E-2</v>
      </c>
      <c r="J48" s="40">
        <v>0.64999947619048504</v>
      </c>
      <c r="K48" s="40">
        <v>-0.11057526101824978</v>
      </c>
      <c r="L48" s="40"/>
      <c r="M48" s="40"/>
      <c r="N48" s="40"/>
    </row>
    <row r="49" spans="4:14" x14ac:dyDescent="0.25">
      <c r="D49" s="40">
        <v>0.68330700000004063</v>
      </c>
      <c r="E49" s="40">
        <v>-7.6778625286526736E-2</v>
      </c>
      <c r="F49" s="40">
        <v>0.66666699999998968</v>
      </c>
      <c r="G49" s="40">
        <v>-7.0629360751073123E-2</v>
      </c>
      <c r="H49" s="40">
        <v>0.6666670000000039</v>
      </c>
      <c r="I49" s="40">
        <v>-4.3092520430222971E-2</v>
      </c>
      <c r="J49" s="40">
        <v>0.66666613690477095</v>
      </c>
      <c r="K49" s="40">
        <v>-0.11057526101824978</v>
      </c>
      <c r="L49" s="40"/>
      <c r="M49" s="40"/>
      <c r="N49" s="40"/>
    </row>
    <row r="50" spans="4:14" x14ac:dyDescent="0.25">
      <c r="D50" s="40">
        <v>0.69997300000004137</v>
      </c>
      <c r="E50" s="40">
        <v>-8.1621803876075122E-2</v>
      </c>
      <c r="F50" s="40">
        <v>0.68333299999999042</v>
      </c>
      <c r="G50" s="40">
        <v>-7.0629360751073123E-2</v>
      </c>
      <c r="H50" s="40">
        <v>0.68333400000000211</v>
      </c>
      <c r="I50" s="40">
        <v>-4.3092520430222971E-2</v>
      </c>
      <c r="J50" s="40">
        <v>0.68333279761905696</v>
      </c>
      <c r="K50" s="40">
        <v>-0.10572421730901742</v>
      </c>
      <c r="L50" s="40"/>
      <c r="M50" s="40"/>
      <c r="N50" s="40"/>
    </row>
    <row r="51" spans="4:14" x14ac:dyDescent="0.25">
      <c r="D51" s="40">
        <v>0.7166390000000421</v>
      </c>
      <c r="E51" s="40">
        <v>-8.6322536036500544E-2</v>
      </c>
      <c r="F51" s="40">
        <v>0.69999999999998863</v>
      </c>
      <c r="G51" s="40">
        <v>-7.0629360751073123E-2</v>
      </c>
      <c r="H51" s="40">
        <v>0.70000000000000284</v>
      </c>
      <c r="I51" s="40">
        <v>-4.3092520430222971E-2</v>
      </c>
      <c r="J51" s="40">
        <v>0.69999945833334198</v>
      </c>
      <c r="K51" s="40">
        <v>-0.10572421730901742</v>
      </c>
      <c r="L51" s="40"/>
      <c r="M51" s="40"/>
      <c r="N51" s="40"/>
    </row>
    <row r="52" spans="4:14" x14ac:dyDescent="0.25">
      <c r="D52" s="40">
        <v>0.73330500000004284</v>
      </c>
      <c r="E52" s="40">
        <v>-9.116571462604893E-2</v>
      </c>
      <c r="F52" s="40">
        <v>0.71666700000000105</v>
      </c>
      <c r="G52" s="40">
        <v>-7.0629360751073123E-2</v>
      </c>
      <c r="H52" s="40">
        <v>0.71666700000000105</v>
      </c>
      <c r="I52" s="40">
        <v>-4.3092520430222971E-2</v>
      </c>
      <c r="J52" s="40">
        <v>0.716666119047628</v>
      </c>
      <c r="K52" s="40">
        <v>-0.10572421730901742</v>
      </c>
      <c r="L52" s="40"/>
      <c r="M52" s="40"/>
      <c r="N52" s="40"/>
    </row>
    <row r="53" spans="4:14" x14ac:dyDescent="0.25">
      <c r="D53" s="40">
        <v>0.74997100000004358</v>
      </c>
      <c r="E53" s="40">
        <v>-9.6008893215470792E-2</v>
      </c>
      <c r="F53" s="40">
        <v>0.73333299999998758</v>
      </c>
      <c r="G53" s="40">
        <v>-6.5874116660853896E-2</v>
      </c>
      <c r="H53" s="40">
        <v>0.73333400000001348</v>
      </c>
      <c r="I53" s="40">
        <v>-4.3092520430222971E-2</v>
      </c>
      <c r="J53" s="40">
        <v>0.73333277976191402</v>
      </c>
      <c r="K53" s="40">
        <v>-0.10087317359991177</v>
      </c>
      <c r="L53" s="40"/>
      <c r="M53" s="40"/>
      <c r="N53" s="40"/>
    </row>
    <row r="54" spans="4:14" x14ac:dyDescent="0.25">
      <c r="D54" s="40">
        <v>0.76663700000004431</v>
      </c>
      <c r="E54" s="40">
        <v>-0.10070962537589621</v>
      </c>
      <c r="F54" s="40">
        <v>0.75</v>
      </c>
      <c r="G54" s="40">
        <v>-6.5874116660853896E-2</v>
      </c>
      <c r="H54" s="40">
        <v>0.75</v>
      </c>
      <c r="I54" s="40">
        <v>-4.3092520430222971E-2</v>
      </c>
      <c r="J54" s="40">
        <v>0.74999944047620004</v>
      </c>
      <c r="K54" s="40">
        <v>-9.6164807646851924E-2</v>
      </c>
      <c r="L54" s="40"/>
      <c r="M54" s="40"/>
      <c r="N54" s="40"/>
    </row>
    <row r="55" spans="4:14" x14ac:dyDescent="0.25">
      <c r="D55" s="40">
        <v>0.78330300000004505</v>
      </c>
      <c r="E55" s="40">
        <v>-0.10070962537589621</v>
      </c>
      <c r="F55" s="40">
        <v>0.76666699999999821</v>
      </c>
      <c r="G55" s="40">
        <v>-6.1258732691077733E-2</v>
      </c>
      <c r="H55" s="40">
        <v>0.76666700000001242</v>
      </c>
      <c r="I55" s="40">
        <v>-4.3092520430222971E-2</v>
      </c>
      <c r="J55" s="40">
        <v>0.76666610119048595</v>
      </c>
      <c r="K55" s="40">
        <v>-9.1313763937619558E-2</v>
      </c>
      <c r="L55" s="40"/>
      <c r="M55" s="40"/>
      <c r="N55" s="40"/>
    </row>
    <row r="56" spans="4:14" x14ac:dyDescent="0.25">
      <c r="D56" s="40">
        <v>0.79996900000004578</v>
      </c>
      <c r="E56" s="40">
        <v>-0.10070962537589621</v>
      </c>
      <c r="F56" s="40">
        <v>0.78333299999999895</v>
      </c>
      <c r="G56" s="40">
        <v>-5.6503488600858499E-2</v>
      </c>
      <c r="H56" s="40">
        <v>0.78333400000001063</v>
      </c>
      <c r="I56" s="40">
        <v>-4.3092520430222971E-2</v>
      </c>
      <c r="J56" s="40">
        <v>0.78333276190477197</v>
      </c>
      <c r="K56" s="40">
        <v>-8.6462720228513895E-2</v>
      </c>
      <c r="L56" s="40"/>
      <c r="M56" s="40"/>
      <c r="N56" s="40"/>
    </row>
    <row r="57" spans="4:14" x14ac:dyDescent="0.25">
      <c r="D57" s="40">
        <v>0.81663500000004652</v>
      </c>
      <c r="E57" s="40">
        <v>-9.6008893215470792E-2</v>
      </c>
      <c r="F57" s="40">
        <v>0.79999999999999716</v>
      </c>
      <c r="G57" s="40">
        <v>-5.1748244510639273E-2</v>
      </c>
      <c r="H57" s="40">
        <v>0.80000000000001137</v>
      </c>
      <c r="I57" s="40">
        <v>-4.3092520430222971E-2</v>
      </c>
      <c r="J57" s="40">
        <v>0.79999942261905799</v>
      </c>
      <c r="K57" s="40">
        <v>-8.6462720228513895E-2</v>
      </c>
      <c r="L57" s="40"/>
      <c r="M57" s="40"/>
      <c r="N57" s="40"/>
    </row>
    <row r="58" spans="4:14" x14ac:dyDescent="0.25">
      <c r="D58" s="40">
        <v>0.83330100000004725</v>
      </c>
      <c r="E58" s="40">
        <v>-9.6008893215470792E-2</v>
      </c>
      <c r="F58" s="40">
        <v>0.81666699999999537</v>
      </c>
      <c r="G58" s="40">
        <v>-4.7132860540863103E-2</v>
      </c>
      <c r="H58" s="40">
        <v>0.81666700000000958</v>
      </c>
      <c r="I58" s="40">
        <v>-3.9838394173460009E-2</v>
      </c>
      <c r="J58" s="40">
        <v>0.81666608333334301</v>
      </c>
      <c r="K58" s="40">
        <v>-8.6462720228513895E-2</v>
      </c>
      <c r="L58" s="40"/>
      <c r="M58" s="40"/>
      <c r="N58" s="40"/>
    </row>
    <row r="59" spans="4:14" x14ac:dyDescent="0.25">
      <c r="D59" s="40">
        <v>0.84996700000004799</v>
      </c>
      <c r="E59" s="40">
        <v>-9.116571462604893E-2</v>
      </c>
      <c r="F59" s="40">
        <v>0.8333329999999961</v>
      </c>
      <c r="G59" s="40">
        <v>-4.2377616450643876E-2</v>
      </c>
      <c r="H59" s="40">
        <v>0.83333400000000779</v>
      </c>
      <c r="I59" s="40">
        <v>-3.9838394173460009E-2</v>
      </c>
      <c r="J59" s="40">
        <v>0.83333274404762903</v>
      </c>
      <c r="K59" s="40">
        <v>-6.7343900904056203E-2</v>
      </c>
      <c r="L59" s="40"/>
      <c r="M59" s="40"/>
      <c r="N59" s="40"/>
    </row>
    <row r="60" spans="4:14" x14ac:dyDescent="0.25">
      <c r="D60" s="40">
        <v>0.86663300000004873</v>
      </c>
      <c r="E60" s="40">
        <v>-8.6322536036500544E-2</v>
      </c>
      <c r="F60" s="40">
        <v>0.84999999999999432</v>
      </c>
      <c r="G60" s="40">
        <v>-3.762237236042465E-2</v>
      </c>
      <c r="H60" s="40">
        <v>0.85000000000000853</v>
      </c>
      <c r="I60" s="40">
        <v>-3.6485658030202775E-2</v>
      </c>
      <c r="J60" s="40">
        <v>0.84999940476191505</v>
      </c>
      <c r="K60" s="40">
        <v>-4.8082403823425962E-2</v>
      </c>
      <c r="L60" s="40"/>
      <c r="M60" s="40"/>
      <c r="N60" s="40"/>
    </row>
    <row r="61" spans="4:14" x14ac:dyDescent="0.25">
      <c r="D61" s="40">
        <v>0.88329900000004946</v>
      </c>
      <c r="E61" s="40">
        <v>-8.1621803876075122E-2</v>
      </c>
      <c r="F61" s="40">
        <v>0.86666699999999253</v>
      </c>
      <c r="G61" s="40">
        <v>-2.825174430042925E-2</v>
      </c>
      <c r="H61" s="40">
        <v>0.86666700000000674</v>
      </c>
      <c r="I61" s="40">
        <v>-3.6485658030202775E-2</v>
      </c>
      <c r="J61" s="40">
        <v>0.86666606547620095</v>
      </c>
      <c r="K61" s="40">
        <v>-3.3671950452028102E-2</v>
      </c>
      <c r="L61" s="40"/>
      <c r="M61" s="40"/>
      <c r="N61" s="40"/>
    </row>
    <row r="62" spans="4:14" x14ac:dyDescent="0.25">
      <c r="D62" s="40">
        <v>0.8999650000000502</v>
      </c>
      <c r="E62" s="40">
        <v>-7.193544669710486E-2</v>
      </c>
      <c r="F62" s="40">
        <v>0.88333299999999326</v>
      </c>
      <c r="G62" s="40">
        <v>-2.3496500210210023E-2</v>
      </c>
      <c r="H62" s="40">
        <v>0.88333400000000495</v>
      </c>
      <c r="I62" s="40">
        <v>-3.3132921886945554E-2</v>
      </c>
      <c r="J62" s="40">
        <v>0.88333272619048697</v>
      </c>
      <c r="K62" s="40">
        <v>-2.4112540789735883E-2</v>
      </c>
      <c r="L62" s="40"/>
      <c r="M62" s="40"/>
      <c r="N62" s="40"/>
    </row>
    <row r="63" spans="4:14" x14ac:dyDescent="0.25">
      <c r="D63" s="40">
        <v>0.91663100000005093</v>
      </c>
      <c r="E63" s="40">
        <v>-6.2391535947131066E-2</v>
      </c>
      <c r="F63" s="40">
        <v>0.89999999999999147</v>
      </c>
      <c r="G63" s="40">
        <v>-1.4125872150214625E-2</v>
      </c>
      <c r="H63" s="40">
        <v>0.90000000000000568</v>
      </c>
      <c r="I63" s="40">
        <v>-2.9878795630182583E-2</v>
      </c>
      <c r="J63" s="40">
        <v>0.89999938690477299</v>
      </c>
      <c r="K63" s="40">
        <v>-1.4410453371397864E-2</v>
      </c>
      <c r="L63" s="40"/>
      <c r="M63" s="40"/>
      <c r="N63" s="40"/>
    </row>
    <row r="64" spans="4:14" x14ac:dyDescent="0.25">
      <c r="D64" s="40">
        <v>0.93329700000005167</v>
      </c>
      <c r="E64" s="40">
        <v>-5.2705178768160818E-2</v>
      </c>
      <c r="F64" s="40">
        <v>0.91666699999998968</v>
      </c>
      <c r="G64" s="40">
        <v>-4.7552440900950057E-3</v>
      </c>
      <c r="H64" s="40">
        <v>0.9166670000000039</v>
      </c>
      <c r="I64" s="40">
        <v>-2.9878795630182583E-2</v>
      </c>
      <c r="J64" s="40">
        <v>0.91666604761905801</v>
      </c>
      <c r="K64" s="40">
        <v>-4.8510437092323727E-3</v>
      </c>
      <c r="L64" s="40"/>
      <c r="M64" s="40"/>
      <c r="N64" s="40"/>
    </row>
    <row r="65" spans="4:14" x14ac:dyDescent="0.25">
      <c r="D65" s="40">
        <v>0.9499630000000524</v>
      </c>
      <c r="E65" s="40">
        <v>-4.3161268018313534E-2</v>
      </c>
      <c r="F65" s="40">
        <v>0.93333299999999042</v>
      </c>
      <c r="G65" s="40">
        <v>4.7552440902192267E-3</v>
      </c>
      <c r="H65" s="40">
        <v>0.93333400000000211</v>
      </c>
      <c r="I65" s="40">
        <v>-2.3173323343492966E-2</v>
      </c>
      <c r="J65" s="40">
        <v>0.93333270833334403</v>
      </c>
      <c r="K65" s="40">
        <v>4.7083659530598428E-3</v>
      </c>
      <c r="L65" s="40"/>
      <c r="M65" s="40"/>
      <c r="N65" s="40"/>
    </row>
    <row r="66" spans="4:14" x14ac:dyDescent="0.25">
      <c r="D66" s="40">
        <v>0.96662900000005314</v>
      </c>
      <c r="E66" s="40">
        <v>-2.877417867891786E-2</v>
      </c>
      <c r="F66" s="40">
        <v>0.94999999999998863</v>
      </c>
      <c r="G66" s="40">
        <v>9.37062806011962E-3</v>
      </c>
      <c r="H66" s="40">
        <v>0.95000000000000284</v>
      </c>
      <c r="I66" s="40">
        <v>-1.9919197086730005E-2</v>
      </c>
      <c r="J66" s="40">
        <v>0.94999936904763005</v>
      </c>
      <c r="K66" s="40">
        <v>1.9118819324457709E-2</v>
      </c>
      <c r="L66" s="40"/>
      <c r="M66" s="40"/>
      <c r="N66" s="40"/>
    </row>
    <row r="67" spans="4:14" x14ac:dyDescent="0.25">
      <c r="D67" s="40">
        <v>0.98329500000005388</v>
      </c>
      <c r="E67" s="40">
        <v>-1.438708933939567E-2</v>
      </c>
      <c r="F67" s="40">
        <v>0.96666700000000105</v>
      </c>
      <c r="G67" s="40">
        <v>1.888111624043385E-2</v>
      </c>
      <c r="H67" s="40">
        <v>0.96666700000000105</v>
      </c>
      <c r="I67" s="40">
        <v>-1.6566460943472777E-2</v>
      </c>
      <c r="J67" s="40">
        <v>0.96666602976191596</v>
      </c>
      <c r="K67" s="40">
        <v>2.8820906742795728E-2</v>
      </c>
      <c r="L67" s="40"/>
      <c r="M67" s="40"/>
      <c r="N67" s="40"/>
    </row>
    <row r="68" spans="4:14" x14ac:dyDescent="0.25">
      <c r="D68" s="40">
        <v>0.99996100000005461</v>
      </c>
      <c r="E68" s="40">
        <v>0</v>
      </c>
      <c r="F68" s="40">
        <v>0.98333299999998758</v>
      </c>
      <c r="G68" s="40">
        <v>3.3006988390648473E-2</v>
      </c>
      <c r="H68" s="40">
        <v>0.98333400000001348</v>
      </c>
      <c r="I68" s="40">
        <v>-9.9595985434525851E-3</v>
      </c>
      <c r="J68" s="40">
        <v>0.98333269047620198</v>
      </c>
      <c r="K68" s="40">
        <v>3.838031640508794E-2</v>
      </c>
      <c r="L68" s="40"/>
      <c r="M68" s="40"/>
      <c r="N68" s="40"/>
    </row>
    <row r="69" spans="4:14" x14ac:dyDescent="0.25">
      <c r="D69" s="40">
        <v>1.0166270000000552</v>
      </c>
      <c r="E69" s="40">
        <v>1.438708933939567E-2</v>
      </c>
      <c r="F69" s="40">
        <v>1</v>
      </c>
      <c r="G69" s="40">
        <v>4.2377616450768103E-2</v>
      </c>
      <c r="H69" s="40">
        <v>1</v>
      </c>
      <c r="I69" s="40">
        <v>-6.6068624000201913E-3</v>
      </c>
      <c r="J69" s="40">
        <v>0.999999351190488</v>
      </c>
      <c r="K69" s="40">
        <v>5.2790769776485807E-2</v>
      </c>
      <c r="L69" s="40"/>
      <c r="M69" s="40"/>
      <c r="N69" s="40"/>
    </row>
    <row r="70" spans="4:14" x14ac:dyDescent="0.25">
      <c r="D70" s="40">
        <v>1.033293000000056</v>
      </c>
      <c r="E70" s="40">
        <v>2.877417867879134E-2</v>
      </c>
      <c r="F70" s="40">
        <v>1.0166669999999982</v>
      </c>
      <c r="G70" s="40">
        <v>5.6503488600982726E-2</v>
      </c>
      <c r="H70" s="40">
        <v>1.0166670000000124</v>
      </c>
      <c r="I70" s="40">
        <v>0</v>
      </c>
      <c r="J70" s="40">
        <v>1.0166660119047799</v>
      </c>
      <c r="K70" s="40">
        <v>6.2350179438651301E-2</v>
      </c>
      <c r="L70" s="40"/>
      <c r="M70" s="40"/>
      <c r="N70" s="40"/>
    </row>
    <row r="71" spans="4:14" x14ac:dyDescent="0.25">
      <c r="D71" s="40">
        <v>1.0499590000000567</v>
      </c>
      <c r="E71" s="40">
        <v>4.316126801818701E-2</v>
      </c>
      <c r="F71" s="40">
        <v>1.0333329999999989</v>
      </c>
      <c r="G71" s="40">
        <v>7.0629360751197356E-2</v>
      </c>
      <c r="H71" s="40">
        <v>1.0333340000000106</v>
      </c>
      <c r="I71" s="40">
        <v>6.7054722865144533E-3</v>
      </c>
      <c r="J71" s="40">
        <v>1.0333326726190599</v>
      </c>
      <c r="K71" s="40">
        <v>7.6760632810049162E-2</v>
      </c>
      <c r="L71" s="40"/>
      <c r="M71" s="40"/>
      <c r="N71" s="40"/>
    </row>
    <row r="72" spans="4:14" x14ac:dyDescent="0.25">
      <c r="D72" s="40">
        <v>1.0666250000000574</v>
      </c>
      <c r="E72" s="40">
        <v>6.2391535947131066E-2</v>
      </c>
      <c r="F72" s="40">
        <v>1.0499999999999972</v>
      </c>
      <c r="G72" s="40">
        <v>8.4755232901411987E-2</v>
      </c>
      <c r="H72" s="40">
        <v>1.0500000000000114</v>
      </c>
      <c r="I72" s="40">
        <v>1.3312334686709809E-2</v>
      </c>
      <c r="J72" s="40">
        <v>1.0499993333333499</v>
      </c>
      <c r="K72" s="40">
        <v>8.6462720228513895E-2</v>
      </c>
      <c r="L72" s="40"/>
      <c r="M72" s="40"/>
      <c r="N72" s="40"/>
    </row>
    <row r="73" spans="4:14" x14ac:dyDescent="0.25">
      <c r="D73" s="40">
        <v>1.0832910000000582</v>
      </c>
      <c r="E73" s="40">
        <v>8.1479357446952158E-2</v>
      </c>
      <c r="F73" s="40">
        <v>1.0666669999999954</v>
      </c>
      <c r="G73" s="40">
        <v>9.8881105051626603E-2</v>
      </c>
      <c r="H73" s="40">
        <v>1.0666670000000096</v>
      </c>
      <c r="I73" s="40">
        <v>1.6665070829967037E-2</v>
      </c>
      <c r="J73" s="40">
        <v>1.06666599404763</v>
      </c>
      <c r="K73" s="40">
        <v>0.10087317359991177</v>
      </c>
      <c r="L73" s="40"/>
      <c r="M73" s="40"/>
      <c r="N73" s="40"/>
    </row>
    <row r="74" spans="4:14" x14ac:dyDescent="0.25">
      <c r="D74" s="40">
        <v>1.0999570000000589</v>
      </c>
      <c r="E74" s="40">
        <v>0.10555280396531808</v>
      </c>
      <c r="F74" s="40">
        <v>1.0833329999999961</v>
      </c>
      <c r="G74" s="40">
        <v>0.11300697720184122</v>
      </c>
      <c r="H74" s="40">
        <v>1.0833340000000078</v>
      </c>
      <c r="I74" s="40">
        <v>2.3271933229987229E-2</v>
      </c>
      <c r="J74" s="40">
        <v>1.08333265476192</v>
      </c>
      <c r="K74" s="40">
        <v>0.11043258326207725</v>
      </c>
      <c r="L74" s="40"/>
      <c r="M74" s="40"/>
      <c r="N74" s="40"/>
    </row>
    <row r="75" spans="4:14" x14ac:dyDescent="0.25">
      <c r="D75" s="40">
        <v>1.1166230000000597</v>
      </c>
      <c r="E75" s="40">
        <v>0.12464062546513915</v>
      </c>
      <c r="F75" s="40">
        <v>1.0999999999999943</v>
      </c>
      <c r="G75" s="40">
        <v>0.12713284935205585</v>
      </c>
      <c r="H75" s="40">
        <v>1.1000000000000085</v>
      </c>
      <c r="I75" s="40">
        <v>2.9977405516676846E-2</v>
      </c>
      <c r="J75" s="40">
        <v>1.09999931547621</v>
      </c>
      <c r="K75" s="40">
        <v>0.12484303663347511</v>
      </c>
      <c r="L75" s="40"/>
      <c r="M75" s="40"/>
      <c r="N75" s="40"/>
    </row>
    <row r="76" spans="4:14" x14ac:dyDescent="0.25">
      <c r="D76" s="40">
        <v>1.1332890000000604</v>
      </c>
      <c r="E76" s="40">
        <v>0.14871407198350509</v>
      </c>
      <c r="F76" s="40">
        <v>1.1166669999999925</v>
      </c>
      <c r="G76" s="40">
        <v>0.14125872150227048</v>
      </c>
      <c r="H76" s="40">
        <v>1.1166670000000067</v>
      </c>
      <c r="I76" s="40">
        <v>3.3231531773439814E-2</v>
      </c>
      <c r="J76" s="40">
        <v>1.11666597619049</v>
      </c>
      <c r="K76" s="40">
        <v>0.13454512405193986</v>
      </c>
      <c r="L76" s="40"/>
      <c r="M76" s="40"/>
      <c r="N76" s="40"/>
    </row>
    <row r="77" spans="4:14" x14ac:dyDescent="0.25">
      <c r="D77" s="40">
        <v>1.1499550000000611</v>
      </c>
      <c r="E77" s="40">
        <v>0.17264507207287458</v>
      </c>
      <c r="F77" s="40">
        <v>1.1333329999999933</v>
      </c>
      <c r="G77" s="40">
        <v>0.16013983774270435</v>
      </c>
      <c r="H77" s="40">
        <v>1.1333340000000049</v>
      </c>
      <c r="I77" s="40">
        <v>3.9937004059954262E-2</v>
      </c>
      <c r="J77" s="40">
        <v>1.13333263690478</v>
      </c>
      <c r="K77" s="40">
        <v>0.14895557742333773</v>
      </c>
      <c r="L77" s="40"/>
      <c r="M77" s="40"/>
      <c r="N77" s="40"/>
    </row>
    <row r="78" spans="4:14" x14ac:dyDescent="0.25">
      <c r="D78" s="40">
        <v>1.1666210000000619</v>
      </c>
      <c r="E78" s="40">
        <v>0.19187534000181863</v>
      </c>
      <c r="F78" s="40">
        <v>1.1499999999999915</v>
      </c>
      <c r="G78" s="40">
        <v>0.17426570989291898</v>
      </c>
      <c r="H78" s="40">
        <v>1.1500000000000057</v>
      </c>
      <c r="I78" s="40">
        <v>4.6543866460149623E-2</v>
      </c>
      <c r="J78" s="40">
        <v>1.1499992976190601</v>
      </c>
      <c r="K78" s="40">
        <v>0.15851498708550321</v>
      </c>
      <c r="L78" s="40"/>
      <c r="M78" s="40"/>
      <c r="N78" s="40"/>
    </row>
    <row r="79" spans="4:14" x14ac:dyDescent="0.25">
      <c r="D79" s="40">
        <v>1.1832870000000626</v>
      </c>
      <c r="E79" s="40">
        <v>0.21580634009106156</v>
      </c>
      <c r="F79" s="40">
        <v>1.1666669999999897</v>
      </c>
      <c r="G79" s="40">
        <v>0.18839158204313358</v>
      </c>
      <c r="H79" s="40">
        <v>1.1666670000000039</v>
      </c>
      <c r="I79" s="40">
        <v>5.6503465003427039E-2</v>
      </c>
      <c r="J79" s="40">
        <v>1.1666659583333501</v>
      </c>
      <c r="K79" s="40">
        <v>0.17292544045690109</v>
      </c>
      <c r="L79" s="40"/>
      <c r="M79" s="40"/>
      <c r="N79" s="40"/>
    </row>
    <row r="80" spans="4:14" x14ac:dyDescent="0.25">
      <c r="D80" s="40">
        <v>1.1999530000000633</v>
      </c>
      <c r="E80" s="40">
        <v>0.23503660802000562</v>
      </c>
      <c r="F80" s="40">
        <v>1.1833329999999904</v>
      </c>
      <c r="G80" s="40">
        <v>0.20727269828356742</v>
      </c>
      <c r="H80" s="40">
        <v>1.1833340000000021</v>
      </c>
      <c r="I80" s="40">
        <v>6.3110327403447228E-2</v>
      </c>
      <c r="J80" s="40">
        <v>1.1833326190476401</v>
      </c>
      <c r="K80" s="40">
        <v>0.18733589382829896</v>
      </c>
      <c r="L80" s="40"/>
      <c r="M80" s="40"/>
      <c r="N80" s="40"/>
    </row>
    <row r="81" spans="4:14" x14ac:dyDescent="0.25">
      <c r="D81" s="40">
        <v>1.2166190000000641</v>
      </c>
      <c r="E81" s="40">
        <v>0.25896760810937514</v>
      </c>
      <c r="F81" s="40">
        <v>1.1999999999999886</v>
      </c>
      <c r="G81" s="40">
        <v>0.22139857043378205</v>
      </c>
      <c r="H81" s="40">
        <v>1.2000000000000028</v>
      </c>
      <c r="I81" s="40">
        <v>6.9815799690136848E-2</v>
      </c>
      <c r="J81" s="40">
        <v>1.1999992797619199</v>
      </c>
      <c r="K81" s="40">
        <v>0.20174634719969683</v>
      </c>
      <c r="L81" s="40"/>
      <c r="M81" s="40"/>
      <c r="N81" s="40"/>
    </row>
    <row r="82" spans="4:14" x14ac:dyDescent="0.25">
      <c r="D82" s="40">
        <v>1.2332850000000648</v>
      </c>
      <c r="E82" s="40">
        <v>0.27819787603819268</v>
      </c>
      <c r="F82" s="40">
        <v>1.2166670000000011</v>
      </c>
      <c r="G82" s="40">
        <v>0.23552444258399668</v>
      </c>
      <c r="H82" s="40">
        <v>1.2166670000000011</v>
      </c>
      <c r="I82" s="40">
        <v>7.6422662090157037E-2</v>
      </c>
      <c r="J82" s="40">
        <v>1.2166659404762099</v>
      </c>
      <c r="K82" s="40">
        <v>0.21615680057122141</v>
      </c>
      <c r="L82" s="40"/>
      <c r="M82" s="40"/>
      <c r="N82" s="40"/>
    </row>
    <row r="83" spans="4:14" x14ac:dyDescent="0.25">
      <c r="D83" s="40">
        <v>1.2499510000000655</v>
      </c>
      <c r="E83" s="40">
        <v>0.29742814396713668</v>
      </c>
      <c r="F83" s="40">
        <v>1.2333329999999876</v>
      </c>
      <c r="G83" s="40">
        <v>0.25440555882443056</v>
      </c>
      <c r="H83" s="40">
        <v>1.2333340000000135</v>
      </c>
      <c r="I83" s="40">
        <v>8.6382260633609625E-2</v>
      </c>
      <c r="J83" s="40">
        <v>1.2333326011904899</v>
      </c>
      <c r="K83" s="40">
        <v>0.23056725394261926</v>
      </c>
      <c r="L83" s="40"/>
      <c r="M83" s="40"/>
      <c r="N83" s="40"/>
    </row>
    <row r="84" spans="4:14" x14ac:dyDescent="0.25">
      <c r="D84" s="40">
        <v>1.2666170000000663</v>
      </c>
      <c r="E84" s="40">
        <v>0.32135914405650617</v>
      </c>
      <c r="F84" s="40">
        <v>1.25</v>
      </c>
      <c r="G84" s="40">
        <v>0.26853143097464516</v>
      </c>
      <c r="H84" s="40">
        <v>1.25</v>
      </c>
      <c r="I84" s="40">
        <v>9.2989123033629814E-2</v>
      </c>
      <c r="J84" s="40">
        <v>1.2499992619047799</v>
      </c>
      <c r="K84" s="40">
        <v>0.24497770731401716</v>
      </c>
      <c r="L84" s="40"/>
      <c r="M84" s="40"/>
      <c r="N84" s="40"/>
    </row>
    <row r="85" spans="4:14" x14ac:dyDescent="0.25">
      <c r="D85" s="40">
        <v>1.283283000000067</v>
      </c>
      <c r="E85" s="40">
        <v>0.34058941198532372</v>
      </c>
      <c r="F85" s="40">
        <v>1.2666669999999982</v>
      </c>
      <c r="G85" s="40">
        <v>0.28727268709476017</v>
      </c>
      <c r="H85" s="40">
        <v>1.2666670000000124</v>
      </c>
      <c r="I85" s="40">
        <v>9.9694595320319435E-2</v>
      </c>
      <c r="J85" s="40">
        <v>1.26666592261906</v>
      </c>
      <c r="K85" s="40">
        <v>0.26423920439452064</v>
      </c>
      <c r="L85" s="40"/>
      <c r="M85" s="40"/>
      <c r="N85" s="40"/>
    </row>
    <row r="86" spans="4:14" x14ac:dyDescent="0.25">
      <c r="D86" s="40">
        <v>1.2999490000000677</v>
      </c>
      <c r="E86" s="40">
        <v>0.36452041207469316</v>
      </c>
      <c r="F86" s="40">
        <v>1.2833329999999989</v>
      </c>
      <c r="G86" s="40">
        <v>0.30615380333519404</v>
      </c>
      <c r="H86" s="40">
        <v>1.2833340000000106</v>
      </c>
      <c r="I86" s="40">
        <v>0.10630145772033962</v>
      </c>
      <c r="J86" s="40">
        <v>1.28333258333335</v>
      </c>
      <c r="K86" s="40">
        <v>0.27864965776604528</v>
      </c>
      <c r="L86" s="40"/>
      <c r="M86" s="40"/>
      <c r="N86" s="40"/>
    </row>
    <row r="87" spans="4:14" x14ac:dyDescent="0.25">
      <c r="D87" s="40">
        <v>1.3166150000000685</v>
      </c>
      <c r="E87" s="40">
        <v>0.38375068000363727</v>
      </c>
      <c r="F87" s="40">
        <v>1.2999999999999972</v>
      </c>
      <c r="G87" s="40">
        <v>0.3202796754854087</v>
      </c>
      <c r="H87" s="40">
        <v>1.3000000000000114</v>
      </c>
      <c r="I87" s="40">
        <v>0.11626105626379221</v>
      </c>
      <c r="J87" s="40">
        <v>1.29999924404764</v>
      </c>
      <c r="K87" s="40">
        <v>0.29306011113744307</v>
      </c>
      <c r="L87" s="40"/>
      <c r="M87" s="40"/>
      <c r="N87" s="40"/>
    </row>
    <row r="88" spans="4:14" x14ac:dyDescent="0.25">
      <c r="D88" s="40">
        <v>1.3332810000000692</v>
      </c>
      <c r="E88" s="40">
        <v>0.40768168009288019</v>
      </c>
      <c r="F88" s="40">
        <v>1.3166669999999954</v>
      </c>
      <c r="G88" s="40">
        <v>0.33916079172584251</v>
      </c>
      <c r="H88" s="40">
        <v>1.3166670000000096</v>
      </c>
      <c r="I88" s="40">
        <v>0.12622065480706962</v>
      </c>
      <c r="J88" s="40">
        <v>1.31666590476192</v>
      </c>
      <c r="K88" s="40">
        <v>0.30747056450884092</v>
      </c>
      <c r="L88" s="40"/>
      <c r="M88" s="40"/>
      <c r="N88" s="40"/>
    </row>
    <row r="89" spans="4:14" x14ac:dyDescent="0.25">
      <c r="D89" s="40">
        <v>1.34994700000007</v>
      </c>
      <c r="E89" s="40">
        <v>0.43175512661137261</v>
      </c>
      <c r="F89" s="40">
        <v>1.3333329999999961</v>
      </c>
      <c r="G89" s="40">
        <v>0.35790204784595758</v>
      </c>
      <c r="H89" s="40">
        <v>1.3333340000000078</v>
      </c>
      <c r="I89" s="40">
        <v>0.13282751720708982</v>
      </c>
      <c r="J89" s="40">
        <v>1.33333256547621</v>
      </c>
      <c r="K89" s="40">
        <v>0.32673206158947121</v>
      </c>
      <c r="L89" s="40"/>
      <c r="M89" s="40"/>
      <c r="N89" s="40"/>
    </row>
    <row r="90" spans="4:14" x14ac:dyDescent="0.25">
      <c r="D90" s="40">
        <v>1.3666130000000707</v>
      </c>
      <c r="E90" s="40">
        <v>0.45084294811119374</v>
      </c>
      <c r="F90" s="40">
        <v>1.3499999999999943</v>
      </c>
      <c r="G90" s="40">
        <v>0.37678316408626716</v>
      </c>
      <c r="H90" s="40">
        <v>1.3500000000000085</v>
      </c>
      <c r="I90" s="40">
        <v>0.1427871157505424</v>
      </c>
      <c r="J90" s="40">
        <v>1.3499992261904901</v>
      </c>
      <c r="K90" s="40">
        <v>0.34114251496086906</v>
      </c>
      <c r="L90" s="40"/>
      <c r="M90" s="40"/>
      <c r="N90" s="40"/>
    </row>
    <row r="91" spans="4:14" x14ac:dyDescent="0.25">
      <c r="D91" s="40">
        <v>1.3832790000000714</v>
      </c>
      <c r="E91" s="40">
        <v>0.47491639462955965</v>
      </c>
      <c r="F91" s="40">
        <v>1.3666669999999925</v>
      </c>
      <c r="G91" s="40">
        <v>0.39566428032670103</v>
      </c>
      <c r="H91" s="40">
        <v>1.3666670000000067</v>
      </c>
      <c r="I91" s="40">
        <v>0.14949258803705687</v>
      </c>
      <c r="J91" s="40">
        <v>1.3666658869047801</v>
      </c>
      <c r="K91" s="40">
        <v>0.35555296833226696</v>
      </c>
      <c r="L91" s="40"/>
      <c r="M91" s="40"/>
      <c r="N91" s="40"/>
    </row>
    <row r="92" spans="4:14" x14ac:dyDescent="0.25">
      <c r="D92" s="40">
        <v>1.3999450000000722</v>
      </c>
      <c r="E92" s="40">
        <v>0.49400421612938072</v>
      </c>
      <c r="F92" s="40">
        <v>1.3833329999999933</v>
      </c>
      <c r="G92" s="40">
        <v>0.41454539656713485</v>
      </c>
      <c r="H92" s="40">
        <v>1.3833340000000049</v>
      </c>
      <c r="I92" s="40">
        <v>0.15945218658050944</v>
      </c>
      <c r="J92" s="40">
        <v>1.3833325476190701</v>
      </c>
      <c r="K92" s="40">
        <v>0.36996342170366481</v>
      </c>
      <c r="L92" s="40"/>
      <c r="M92" s="40"/>
      <c r="N92" s="40"/>
    </row>
    <row r="93" spans="4:14" x14ac:dyDescent="0.25">
      <c r="D93" s="40">
        <v>1.4166110000000729</v>
      </c>
      <c r="E93" s="40">
        <v>0.51807766264774668</v>
      </c>
      <c r="F93" s="40">
        <v>1.3999999999999915</v>
      </c>
      <c r="G93" s="40">
        <v>0.42867126871734951</v>
      </c>
      <c r="H93" s="40">
        <v>1.4000000000000057</v>
      </c>
      <c r="I93" s="40">
        <v>0.16941178512396202</v>
      </c>
      <c r="J93" s="40">
        <v>1.3999992083333499</v>
      </c>
      <c r="K93" s="40">
        <v>0.3843738750750626</v>
      </c>
      <c r="L93" s="40"/>
      <c r="M93" s="40"/>
      <c r="N93" s="40"/>
    </row>
    <row r="94" spans="4:14" x14ac:dyDescent="0.25">
      <c r="D94" s="40">
        <v>1.4332770000000736</v>
      </c>
      <c r="E94" s="40">
        <v>0.54200866273711612</v>
      </c>
      <c r="F94" s="40">
        <v>1.4166669999999897</v>
      </c>
      <c r="G94" s="40">
        <v>0.44741252483746452</v>
      </c>
      <c r="H94" s="40">
        <v>1.4166670000000039</v>
      </c>
      <c r="I94" s="40">
        <v>0.17601864752398222</v>
      </c>
      <c r="J94" s="40">
        <v>1.4166658690476399</v>
      </c>
      <c r="K94" s="40">
        <v>0.3987843284464605</v>
      </c>
      <c r="L94" s="40"/>
      <c r="M94" s="40"/>
      <c r="N94" s="40"/>
    </row>
    <row r="95" spans="4:14" x14ac:dyDescent="0.25">
      <c r="D95" s="40">
        <v>1.4499430000000744</v>
      </c>
      <c r="E95" s="40">
        <v>0.56608210925548208</v>
      </c>
      <c r="F95" s="40">
        <v>1.4333329999999904</v>
      </c>
      <c r="G95" s="40">
        <v>0.46153839698767918</v>
      </c>
      <c r="H95" s="40">
        <v>1.4333340000000021</v>
      </c>
      <c r="I95" s="40">
        <v>0.18597824606725963</v>
      </c>
      <c r="J95" s="40">
        <v>1.4333325297619199</v>
      </c>
      <c r="K95" s="40">
        <v>0.41319478181785835</v>
      </c>
      <c r="L95" s="40"/>
      <c r="M95" s="40"/>
      <c r="N95" s="40"/>
    </row>
    <row r="96" spans="4:14" x14ac:dyDescent="0.25">
      <c r="D96" s="40">
        <v>1.4666090000000751</v>
      </c>
      <c r="E96" s="40">
        <v>0.5851699307553031</v>
      </c>
      <c r="F96" s="40">
        <v>1.4499999999999886</v>
      </c>
      <c r="G96" s="40">
        <v>0.48041951322811299</v>
      </c>
      <c r="H96" s="40">
        <v>1.4500000000000028</v>
      </c>
      <c r="I96" s="40">
        <v>0.1959378446107122</v>
      </c>
      <c r="J96" s="40">
        <v>1.44999919047621</v>
      </c>
      <c r="K96" s="40">
        <v>0.42760523518925625</v>
      </c>
      <c r="L96" s="40"/>
      <c r="M96" s="40"/>
      <c r="N96" s="40"/>
    </row>
    <row r="97" spans="4:14" x14ac:dyDescent="0.25">
      <c r="D97" s="40">
        <v>1.4832750000000758</v>
      </c>
      <c r="E97" s="40">
        <v>0.60924337727379563</v>
      </c>
      <c r="F97" s="40">
        <v>1.4666670000000011</v>
      </c>
      <c r="G97" s="40">
        <v>0.49454538537832765</v>
      </c>
      <c r="H97" s="40">
        <v>1.4666670000000011</v>
      </c>
      <c r="I97" s="40">
        <v>0.20589744315398964</v>
      </c>
      <c r="J97" s="40">
        <v>1.46666585119049</v>
      </c>
      <c r="K97" s="40">
        <v>0.4420156885606541</v>
      </c>
      <c r="L97" s="40"/>
      <c r="M97" s="40"/>
      <c r="N97" s="40"/>
    </row>
    <row r="98" spans="4:14" x14ac:dyDescent="0.25">
      <c r="D98" s="40">
        <v>1.4999410000000766</v>
      </c>
      <c r="E98" s="40">
        <v>0.6283311987734902</v>
      </c>
      <c r="F98" s="40">
        <v>1.4833329999999876</v>
      </c>
      <c r="G98" s="40">
        <v>0.51342650161876147</v>
      </c>
      <c r="H98" s="40">
        <v>1.4833340000000135</v>
      </c>
      <c r="I98" s="40">
        <v>0.21585704169744224</v>
      </c>
      <c r="J98" s="40">
        <v>1.48333251190478</v>
      </c>
      <c r="K98" s="40">
        <v>0.45642614193205194</v>
      </c>
      <c r="L98" s="40"/>
      <c r="M98" s="40"/>
      <c r="N98" s="40"/>
    </row>
    <row r="99" spans="4:14" x14ac:dyDescent="0.25">
      <c r="D99" s="40">
        <v>1.5166070000000773</v>
      </c>
      <c r="E99" s="40">
        <v>0.65240464529198261</v>
      </c>
      <c r="F99" s="40">
        <v>1.5</v>
      </c>
      <c r="G99" s="40">
        <v>0.52755237376897612</v>
      </c>
      <c r="H99" s="40">
        <v>1.5</v>
      </c>
      <c r="I99" s="40">
        <v>0.22581664024089479</v>
      </c>
      <c r="J99" s="40">
        <v>1.49999917261907</v>
      </c>
      <c r="K99" s="40">
        <v>0.47083659530357652</v>
      </c>
      <c r="L99" s="40"/>
      <c r="M99" s="40"/>
      <c r="N99" s="40"/>
    </row>
    <row r="100" spans="4:14" x14ac:dyDescent="0.25">
      <c r="D100" s="40">
        <v>1.533273000000078</v>
      </c>
      <c r="E100" s="40">
        <v>0.67633564538122559</v>
      </c>
      <c r="F100" s="40">
        <v>1.5166669999999982</v>
      </c>
      <c r="G100" s="40">
        <v>0.54629362988909103</v>
      </c>
      <c r="H100" s="40">
        <v>1.5166670000000124</v>
      </c>
      <c r="I100" s="40">
        <v>0.23577623878417223</v>
      </c>
      <c r="J100" s="40">
        <v>1.51666583333335</v>
      </c>
      <c r="K100" s="40">
        <v>0.48524704867497442</v>
      </c>
      <c r="L100" s="40"/>
      <c r="M100" s="40"/>
      <c r="N100" s="40"/>
    </row>
    <row r="101" spans="4:14" x14ac:dyDescent="0.25">
      <c r="D101" s="40">
        <v>1.5499390000000788</v>
      </c>
      <c r="E101" s="40">
        <v>0.69556591331016959</v>
      </c>
      <c r="F101" s="40">
        <v>1.5333329999999989</v>
      </c>
      <c r="G101" s="40">
        <v>0.56041950203930579</v>
      </c>
      <c r="H101" s="40">
        <v>1.5333340000000106</v>
      </c>
      <c r="I101" s="40">
        <v>0.2457358373276248</v>
      </c>
      <c r="J101" s="40">
        <v>1.53333249404764</v>
      </c>
      <c r="K101" s="40">
        <v>0.49965750204637227</v>
      </c>
      <c r="L101" s="40"/>
      <c r="M101" s="40"/>
      <c r="N101" s="40"/>
    </row>
    <row r="102" spans="4:14" x14ac:dyDescent="0.25">
      <c r="D102" s="40">
        <v>1.5666050000000795</v>
      </c>
      <c r="E102" s="40">
        <v>0.71479618123911359</v>
      </c>
      <c r="F102" s="40">
        <v>1.5499999999999972</v>
      </c>
      <c r="G102" s="40">
        <v>0.57930061827973967</v>
      </c>
      <c r="H102" s="40">
        <v>1.5500000000000114</v>
      </c>
      <c r="I102" s="40">
        <v>0.25569543587090221</v>
      </c>
      <c r="J102" s="40">
        <v>1.5499991547619201</v>
      </c>
      <c r="K102" s="40">
        <v>0.51891899912700257</v>
      </c>
      <c r="L102" s="40"/>
      <c r="M102" s="40"/>
      <c r="N102" s="40"/>
    </row>
    <row r="103" spans="4:14" x14ac:dyDescent="0.25">
      <c r="D103" s="40">
        <v>1.5832710000000803</v>
      </c>
      <c r="E103" s="40">
        <v>0.73872718132848314</v>
      </c>
      <c r="F103" s="40">
        <v>1.5666669999999954</v>
      </c>
      <c r="G103" s="40">
        <v>0.59342649042995421</v>
      </c>
      <c r="H103" s="40">
        <v>1.5666670000000096</v>
      </c>
      <c r="I103" s="40">
        <v>0.26565503441435484</v>
      </c>
      <c r="J103" s="40">
        <v>1.5666658154762101</v>
      </c>
      <c r="K103" s="40">
        <v>0.53332945249840047</v>
      </c>
      <c r="L103" s="40"/>
      <c r="M103" s="40"/>
      <c r="N103" s="40"/>
    </row>
    <row r="104" spans="4:14" x14ac:dyDescent="0.25">
      <c r="D104" s="40">
        <v>1.599937000000081</v>
      </c>
      <c r="E104" s="40">
        <v>0.76265818141772601</v>
      </c>
      <c r="F104" s="40">
        <v>1.5833329999999961</v>
      </c>
      <c r="G104" s="40">
        <v>0.61230760667026385</v>
      </c>
      <c r="H104" s="40">
        <v>1.5833340000000078</v>
      </c>
      <c r="I104" s="40">
        <v>0.27561463295763228</v>
      </c>
      <c r="J104" s="40">
        <v>1.5833324761905001</v>
      </c>
      <c r="K104" s="40">
        <v>0.54773990586979826</v>
      </c>
      <c r="L104" s="40"/>
      <c r="M104" s="40"/>
      <c r="N104" s="40"/>
    </row>
    <row r="105" spans="4:14" x14ac:dyDescent="0.25">
      <c r="D105" s="40">
        <v>1.6166030000000817</v>
      </c>
      <c r="E105" s="40">
        <v>0.78673162793609208</v>
      </c>
      <c r="F105" s="40">
        <v>1.5999999999999943</v>
      </c>
      <c r="G105" s="40">
        <v>0.62643347882060263</v>
      </c>
      <c r="H105" s="40">
        <v>1.6000000000000085</v>
      </c>
      <c r="I105" s="40">
        <v>0.2855742315010848</v>
      </c>
      <c r="J105" s="40">
        <v>1.5999991369047799</v>
      </c>
      <c r="K105" s="40">
        <v>0.56215035924119616</v>
      </c>
      <c r="L105" s="40"/>
      <c r="M105" s="40"/>
      <c r="N105" s="40"/>
    </row>
    <row r="106" spans="4:14" x14ac:dyDescent="0.25">
      <c r="D106" s="40">
        <v>1.6332690000000825</v>
      </c>
      <c r="E106" s="40">
        <v>0.81066262802546152</v>
      </c>
      <c r="F106" s="40">
        <v>1.6166669999999925</v>
      </c>
      <c r="G106" s="40">
        <v>0.64531459506091238</v>
      </c>
      <c r="H106" s="40">
        <v>1.6166670000000067</v>
      </c>
      <c r="I106" s="40">
        <v>0.29563243993103167</v>
      </c>
      <c r="J106" s="40">
        <v>1.6166657976190699</v>
      </c>
      <c r="K106" s="40">
        <v>0.57656081261259406</v>
      </c>
      <c r="L106" s="40"/>
      <c r="M106" s="40"/>
      <c r="N106" s="40"/>
    </row>
    <row r="107" spans="4:14" x14ac:dyDescent="0.25">
      <c r="D107" s="40">
        <v>1.6499350000000832</v>
      </c>
      <c r="E107" s="40">
        <v>0.83459362811483095</v>
      </c>
      <c r="F107" s="40">
        <v>1.6333329999999933</v>
      </c>
      <c r="G107" s="40">
        <v>0.65944046721112692</v>
      </c>
      <c r="H107" s="40">
        <v>1.6333340000000049</v>
      </c>
      <c r="I107" s="40">
        <v>0.30559203847430905</v>
      </c>
      <c r="J107" s="40">
        <v>1.6333324583333499</v>
      </c>
      <c r="K107" s="40">
        <v>0.59097126598399186</v>
      </c>
      <c r="L107" s="40"/>
      <c r="M107" s="40"/>
      <c r="N107" s="40"/>
    </row>
    <row r="108" spans="4:14" x14ac:dyDescent="0.25">
      <c r="D108" s="40">
        <v>1.6666010000000839</v>
      </c>
      <c r="E108" s="40">
        <v>0.85866707463319691</v>
      </c>
      <c r="F108" s="40">
        <v>1.6499999999999915</v>
      </c>
      <c r="G108" s="40">
        <v>0.67818172333124194</v>
      </c>
      <c r="H108" s="40">
        <v>1.6500000000000057</v>
      </c>
      <c r="I108" s="40">
        <v>0.31555163701776162</v>
      </c>
      <c r="J108" s="40">
        <v>1.64999911904764</v>
      </c>
      <c r="K108" s="40">
        <v>0.60538171935538976</v>
      </c>
      <c r="L108" s="40"/>
      <c r="M108" s="40"/>
      <c r="N108" s="40"/>
    </row>
    <row r="109" spans="4:14" x14ac:dyDescent="0.25">
      <c r="D109" s="40">
        <v>1.6832670000000847</v>
      </c>
      <c r="E109" s="40">
        <v>0.88259807472256646</v>
      </c>
      <c r="F109" s="40">
        <v>1.6666669999999897</v>
      </c>
      <c r="G109" s="40">
        <v>0.69230759548145659</v>
      </c>
      <c r="H109" s="40">
        <v>1.6666670000000039</v>
      </c>
      <c r="I109" s="40">
        <v>0.32551123556121425</v>
      </c>
      <c r="J109" s="40">
        <v>1.66666577976192</v>
      </c>
      <c r="K109" s="40">
        <v>0.61979217272678755</v>
      </c>
      <c r="L109" s="40"/>
      <c r="M109" s="40"/>
      <c r="N109" s="40"/>
    </row>
    <row r="110" spans="4:14" x14ac:dyDescent="0.25">
      <c r="D110" s="40">
        <v>1.6999330000000854</v>
      </c>
      <c r="E110" s="40">
        <v>0.90667152124093231</v>
      </c>
      <c r="F110" s="40">
        <v>1.6833329999999904</v>
      </c>
      <c r="G110" s="40">
        <v>0.70643346763179549</v>
      </c>
      <c r="H110" s="40">
        <v>1.6833340000000021</v>
      </c>
      <c r="I110" s="40">
        <v>0.33547083410449169</v>
      </c>
      <c r="J110" s="40">
        <v>1.68333244047621</v>
      </c>
      <c r="K110" s="40">
        <v>0.63905366980741773</v>
      </c>
      <c r="L110" s="40"/>
      <c r="M110" s="40"/>
      <c r="N110" s="40"/>
    </row>
    <row r="111" spans="4:14" x14ac:dyDescent="0.25">
      <c r="D111" s="40">
        <v>1.7165990000000861</v>
      </c>
      <c r="E111" s="40">
        <v>0.93060252133030175</v>
      </c>
      <c r="F111" s="40">
        <v>1.6999999999999886</v>
      </c>
      <c r="G111" s="40">
        <v>0.72531458387210512</v>
      </c>
      <c r="H111" s="40">
        <v>1.7000000000000028</v>
      </c>
      <c r="I111" s="40">
        <v>0.34543043264794426</v>
      </c>
      <c r="J111" s="40">
        <v>1.6999991011905</v>
      </c>
      <c r="K111" s="40">
        <v>0.64861307946971003</v>
      </c>
      <c r="L111" s="40"/>
      <c r="M111" s="40"/>
      <c r="N111" s="40"/>
    </row>
    <row r="112" spans="4:14" x14ac:dyDescent="0.25">
      <c r="D112" s="40">
        <v>1.7332650000000869</v>
      </c>
      <c r="E112" s="40">
        <v>0.95453352141954473</v>
      </c>
      <c r="F112" s="40">
        <v>1.7166670000000011</v>
      </c>
      <c r="G112" s="40">
        <v>0.73944045602231967</v>
      </c>
      <c r="H112" s="40">
        <v>1.7166670000000011</v>
      </c>
      <c r="I112" s="40">
        <v>0.35864415744798461</v>
      </c>
      <c r="J112" s="40">
        <v>1.71666576190478</v>
      </c>
      <c r="K112" s="40">
        <v>0.66302353284110793</v>
      </c>
      <c r="L112" s="40"/>
      <c r="M112" s="40"/>
      <c r="N112" s="40"/>
    </row>
    <row r="113" spans="4:14" x14ac:dyDescent="0.25">
      <c r="D113" s="40">
        <v>1.7499310000000876</v>
      </c>
      <c r="E113" s="40">
        <v>0.97376378934848884</v>
      </c>
      <c r="F113" s="40">
        <v>1.7333329999999876</v>
      </c>
      <c r="G113" s="40">
        <v>0.75832157226275354</v>
      </c>
      <c r="H113" s="40">
        <v>1.7333340000000135</v>
      </c>
      <c r="I113" s="40">
        <v>0.36860375599143719</v>
      </c>
      <c r="J113" s="40">
        <v>1.7333324226190701</v>
      </c>
      <c r="K113" s="40">
        <v>0.68228502992161144</v>
      </c>
      <c r="L113" s="40"/>
      <c r="M113" s="40"/>
      <c r="N113" s="40"/>
    </row>
    <row r="114" spans="4:14" x14ac:dyDescent="0.25">
      <c r="D114" s="40">
        <v>1.7665970000000883</v>
      </c>
      <c r="E114" s="40">
        <v>0.99769478943773171</v>
      </c>
      <c r="F114" s="40">
        <v>1.75</v>
      </c>
      <c r="G114" s="40">
        <v>0.7724474444129682</v>
      </c>
      <c r="H114" s="40">
        <v>1.75</v>
      </c>
      <c r="I114" s="40">
        <v>0.37856335453471462</v>
      </c>
      <c r="J114" s="40">
        <v>1.7499990833333501</v>
      </c>
      <c r="K114" s="40">
        <v>0.69669548329300923</v>
      </c>
      <c r="L114" s="40"/>
      <c r="M114" s="40"/>
      <c r="N114" s="40"/>
    </row>
    <row r="115" spans="4:14" x14ac:dyDescent="0.25">
      <c r="D115" s="40">
        <v>1.7832630000000891</v>
      </c>
      <c r="E115" s="40">
        <v>1.0169250573666757</v>
      </c>
      <c r="F115" s="40">
        <v>1.7666669999999982</v>
      </c>
      <c r="G115" s="40">
        <v>0.78657331656318286</v>
      </c>
      <c r="H115" s="40">
        <v>1.7666670000000124</v>
      </c>
      <c r="I115" s="40">
        <v>0.3885229530781672</v>
      </c>
      <c r="J115" s="40">
        <v>1.7666657440476401</v>
      </c>
      <c r="K115" s="40">
        <v>0.71110593666453392</v>
      </c>
      <c r="L115" s="40"/>
      <c r="M115" s="40"/>
      <c r="N115" s="40"/>
    </row>
    <row r="116" spans="4:14" x14ac:dyDescent="0.25">
      <c r="D116" s="40">
        <v>1.7999290000000898</v>
      </c>
      <c r="E116" s="40">
        <v>1.0408560574560453</v>
      </c>
      <c r="F116" s="40">
        <v>1.7833329999999989</v>
      </c>
      <c r="G116" s="40">
        <v>0.80545443280361662</v>
      </c>
      <c r="H116" s="40">
        <v>1.7833340000000106</v>
      </c>
      <c r="I116" s="40">
        <v>0.39848255162144464</v>
      </c>
      <c r="J116" s="40">
        <v>1.7833324047619299</v>
      </c>
      <c r="K116" s="40">
        <v>0.72551639003593171</v>
      </c>
      <c r="L116" s="40"/>
      <c r="M116" s="40"/>
      <c r="N116" s="40"/>
    </row>
    <row r="117" spans="4:14" x14ac:dyDescent="0.25">
      <c r="D117" s="40">
        <v>1.8165950000000906</v>
      </c>
      <c r="E117" s="40">
        <v>1.0600863253848627</v>
      </c>
      <c r="F117" s="40">
        <v>1.7999999999999972</v>
      </c>
      <c r="G117" s="40">
        <v>0.81958030495383127</v>
      </c>
      <c r="H117" s="40">
        <v>1.8000000000000114</v>
      </c>
      <c r="I117" s="40">
        <v>0.40844215016489721</v>
      </c>
      <c r="J117" s="40">
        <v>1.7999990654762099</v>
      </c>
      <c r="K117" s="40">
        <v>0.73992684340732962</v>
      </c>
      <c r="L117" s="40"/>
      <c r="M117" s="40"/>
      <c r="N117" s="40"/>
    </row>
    <row r="118" spans="4:14" x14ac:dyDescent="0.25">
      <c r="D118" s="40">
        <v>1.8332610000000913</v>
      </c>
      <c r="E118" s="40">
        <v>1.0793165933138069</v>
      </c>
      <c r="F118" s="40">
        <v>1.8166669999999954</v>
      </c>
      <c r="G118" s="40">
        <v>0.83370617710404582</v>
      </c>
      <c r="H118" s="40">
        <v>1.8166670000000096</v>
      </c>
      <c r="I118" s="40">
        <v>0.41850035859484408</v>
      </c>
      <c r="J118" s="40">
        <v>1.8166657261904999</v>
      </c>
      <c r="K118" s="40">
        <v>0.75433729677872741</v>
      </c>
      <c r="L118" s="40"/>
      <c r="M118" s="40"/>
      <c r="N118" s="40"/>
    </row>
    <row r="119" spans="4:14" x14ac:dyDescent="0.25">
      <c r="D119" s="40">
        <v>1.849927000000092</v>
      </c>
      <c r="E119" s="40">
        <v>1.0985468612427509</v>
      </c>
      <c r="F119" s="40">
        <v>1.8333329999999961</v>
      </c>
      <c r="G119" s="40">
        <v>0.85244743322416094</v>
      </c>
      <c r="H119" s="40">
        <v>1.8333340000000078</v>
      </c>
      <c r="I119" s="40">
        <v>0.43171408339488448</v>
      </c>
      <c r="J119" s="40">
        <v>1.83333238690478</v>
      </c>
      <c r="K119" s="40">
        <v>0.7687477501501252</v>
      </c>
      <c r="L119" s="40"/>
      <c r="M119" s="40"/>
      <c r="N119" s="40"/>
    </row>
    <row r="120" spans="4:14" x14ac:dyDescent="0.25">
      <c r="D120" s="40">
        <v>1.8665930000000928</v>
      </c>
      <c r="E120" s="40">
        <v>1.117634682742572</v>
      </c>
      <c r="F120" s="40">
        <v>1.8499999999999943</v>
      </c>
      <c r="G120" s="40">
        <v>0.87132854946459481</v>
      </c>
      <c r="H120" s="40">
        <v>1.8500000000000085</v>
      </c>
      <c r="I120" s="40">
        <v>0.441673681938337</v>
      </c>
      <c r="J120" s="40">
        <v>1.84999904761907</v>
      </c>
      <c r="K120" s="40">
        <v>0.787866569474583</v>
      </c>
      <c r="L120" s="40"/>
      <c r="M120" s="40"/>
      <c r="N120" s="40"/>
    </row>
    <row r="121" spans="4:14" x14ac:dyDescent="0.25">
      <c r="D121" s="40">
        <v>1.8832590000000935</v>
      </c>
      <c r="E121" s="40">
        <v>1.1417081292609379</v>
      </c>
      <c r="F121" s="40">
        <v>1.8666669999999925</v>
      </c>
      <c r="G121" s="40">
        <v>0.88545442161480936</v>
      </c>
      <c r="H121" s="40">
        <v>1.8666670000000067</v>
      </c>
      <c r="I121" s="40">
        <v>0.45163328048161444</v>
      </c>
      <c r="J121" s="40">
        <v>1.86666570833335</v>
      </c>
      <c r="K121" s="40">
        <v>0.8022770228459809</v>
      </c>
      <c r="L121" s="40"/>
      <c r="M121" s="40"/>
      <c r="N121" s="40"/>
    </row>
    <row r="122" spans="4:14" x14ac:dyDescent="0.25">
      <c r="D122" s="40">
        <v>1.8999250000000942</v>
      </c>
      <c r="E122" s="40">
        <v>1.160795950760759</v>
      </c>
      <c r="F122" s="40">
        <v>1.8833329999999933</v>
      </c>
      <c r="G122" s="40">
        <v>0.90433553785524323</v>
      </c>
      <c r="H122" s="40">
        <v>1.8833340000000049</v>
      </c>
      <c r="I122" s="40">
        <v>0.46494561516832422</v>
      </c>
      <c r="J122" s="40">
        <v>1.88333236904764</v>
      </c>
      <c r="K122" s="40">
        <v>0.8166874762173788</v>
      </c>
      <c r="L122" s="40"/>
      <c r="M122" s="40"/>
      <c r="N122" s="40"/>
    </row>
    <row r="123" spans="4:14" x14ac:dyDescent="0.25">
      <c r="D123" s="40">
        <v>1.916591000000095</v>
      </c>
      <c r="E123" s="40">
        <v>1.180026218689703</v>
      </c>
      <c r="F123" s="40">
        <v>1.8999999999999915</v>
      </c>
      <c r="G123" s="40">
        <v>0.92307679397535836</v>
      </c>
      <c r="H123" s="40">
        <v>1.9000000000000057</v>
      </c>
      <c r="I123" s="40">
        <v>0.4749052137117768</v>
      </c>
      <c r="J123" s="40">
        <v>1.89999902976193</v>
      </c>
      <c r="K123" s="40">
        <v>0.83124060734494909</v>
      </c>
      <c r="L123" s="40"/>
      <c r="M123" s="40"/>
      <c r="N123" s="40"/>
    </row>
    <row r="124" spans="4:14" x14ac:dyDescent="0.25">
      <c r="D124" s="40">
        <v>1.9332570000000957</v>
      </c>
      <c r="E124" s="40">
        <v>1.1992564866186473</v>
      </c>
      <c r="F124" s="40">
        <v>1.9166669999999897</v>
      </c>
      <c r="G124" s="40">
        <v>0.9372026661255729</v>
      </c>
      <c r="H124" s="40">
        <v>1.9166670000000039</v>
      </c>
      <c r="I124" s="40">
        <v>0.48486481225505423</v>
      </c>
      <c r="J124" s="40">
        <v>1.91666569047621</v>
      </c>
      <c r="K124" s="40">
        <v>0.85035942666940678</v>
      </c>
      <c r="L124" s="40"/>
      <c r="M124" s="40"/>
      <c r="N124" s="40"/>
    </row>
    <row r="125" spans="4:14" x14ac:dyDescent="0.25">
      <c r="D125" s="40">
        <v>1.9499230000000964</v>
      </c>
      <c r="E125" s="40">
        <v>1.2183443081184682</v>
      </c>
      <c r="F125" s="40">
        <v>1.9333329999999904</v>
      </c>
      <c r="G125" s="40">
        <v>0.95608378236600677</v>
      </c>
      <c r="H125" s="40">
        <v>1.9333340000000021</v>
      </c>
      <c r="I125" s="40">
        <v>0.49482441079850681</v>
      </c>
      <c r="J125" s="40">
        <v>1.9333323511905001</v>
      </c>
      <c r="K125" s="40">
        <v>0.86476988004080468</v>
      </c>
      <c r="L125" s="40"/>
      <c r="M125" s="40"/>
      <c r="N125" s="40"/>
    </row>
    <row r="126" spans="4:14" x14ac:dyDescent="0.25">
      <c r="D126" s="40">
        <v>1.9665890000000972</v>
      </c>
      <c r="E126" s="40">
        <v>1.2327313974578638</v>
      </c>
      <c r="F126" s="40">
        <v>1.9499999999999886</v>
      </c>
      <c r="G126" s="40">
        <v>0.97020965451622132</v>
      </c>
      <c r="H126" s="40">
        <v>1.9500000000000028</v>
      </c>
      <c r="I126" s="40">
        <v>0.50478400934178425</v>
      </c>
      <c r="J126" s="40">
        <v>1.9499990119047801</v>
      </c>
      <c r="K126" s="40">
        <v>0.87918033341220259</v>
      </c>
      <c r="L126" s="40"/>
      <c r="M126" s="40"/>
      <c r="N126" s="40"/>
    </row>
    <row r="127" spans="4:14" x14ac:dyDescent="0.25">
      <c r="D127" s="40">
        <v>1.9832550000000979</v>
      </c>
      <c r="E127" s="40">
        <v>1.251961665386808</v>
      </c>
      <c r="F127" s="40">
        <v>1.9666670000000011</v>
      </c>
      <c r="G127" s="40">
        <v>0.98433552666643598</v>
      </c>
      <c r="H127" s="40">
        <v>1.9666670000000011</v>
      </c>
      <c r="I127" s="40">
        <v>0.51474360788523688</v>
      </c>
      <c r="J127" s="40">
        <v>1.9666656726190701</v>
      </c>
      <c r="K127" s="40">
        <v>0.89359078678360038</v>
      </c>
      <c r="L127" s="40"/>
      <c r="M127" s="40"/>
      <c r="N127" s="40"/>
    </row>
    <row r="128" spans="4:14" x14ac:dyDescent="0.25">
      <c r="D128" s="40">
        <v>1.9999210000000986</v>
      </c>
      <c r="E128" s="40">
        <v>1.2711919333156254</v>
      </c>
      <c r="F128" s="40">
        <v>1.9833329999999876</v>
      </c>
      <c r="G128" s="40">
        <v>0.99846139881665064</v>
      </c>
      <c r="H128" s="40">
        <v>1.9833340000000135</v>
      </c>
      <c r="I128" s="40">
        <v>0.52470320642868939</v>
      </c>
      <c r="J128" s="40">
        <v>1.9833323333333599</v>
      </c>
      <c r="K128" s="40">
        <v>0.90800124015499828</v>
      </c>
      <c r="L128" s="40"/>
      <c r="M128" s="40"/>
      <c r="N128" s="40"/>
    </row>
    <row r="129" spans="4:14" x14ac:dyDescent="0.25">
      <c r="D129" s="40">
        <v>2.0165870000000994</v>
      </c>
      <c r="E129" s="40">
        <v>1.285579022655021</v>
      </c>
      <c r="F129" s="40">
        <v>2</v>
      </c>
      <c r="G129" s="40">
        <v>1.0173425150570845</v>
      </c>
      <c r="H129" s="40">
        <v>2</v>
      </c>
      <c r="I129" s="40">
        <v>0.53466280497196694</v>
      </c>
      <c r="J129" s="40">
        <v>1.9999989940476399</v>
      </c>
      <c r="K129" s="40">
        <v>0.92241169352639618</v>
      </c>
      <c r="L129" s="40"/>
      <c r="M129" s="40"/>
      <c r="N129" s="40"/>
    </row>
    <row r="130" spans="4:14" x14ac:dyDescent="0.25">
      <c r="D130" s="40">
        <v>2.0332530000001001</v>
      </c>
      <c r="E130" s="40">
        <v>1.3048092905839652</v>
      </c>
      <c r="F130" s="40">
        <v>2.0166669999999982</v>
      </c>
      <c r="G130" s="40">
        <v>1.0314683872072992</v>
      </c>
      <c r="H130" s="40">
        <v>2.0166670000000124</v>
      </c>
      <c r="I130" s="40">
        <v>0.54462240351541946</v>
      </c>
      <c r="J130" s="40">
        <v>2.0166656547619302</v>
      </c>
      <c r="K130" s="40">
        <v>0.93682214689792076</v>
      </c>
      <c r="L130" s="40"/>
      <c r="M130" s="40"/>
      <c r="N130" s="40"/>
    </row>
    <row r="131" spans="4:14" x14ac:dyDescent="0.25">
      <c r="D131" s="40">
        <v>2.0499190000001009</v>
      </c>
      <c r="E131" s="40">
        <v>1.3191963799233608</v>
      </c>
      <c r="F131" s="40">
        <v>2.0333329999999989</v>
      </c>
      <c r="G131" s="40">
        <v>1.050349503447733</v>
      </c>
      <c r="H131" s="40">
        <v>2.0333340000000106</v>
      </c>
      <c r="I131" s="40">
        <v>0.55458200205869679</v>
      </c>
      <c r="J131" s="40">
        <v>2.0333323154762102</v>
      </c>
      <c r="K131" s="40">
        <v>0.95123260026931866</v>
      </c>
      <c r="L131" s="40"/>
      <c r="M131" s="40"/>
      <c r="N131" s="40"/>
    </row>
    <row r="132" spans="4:14" x14ac:dyDescent="0.25">
      <c r="D132" s="40">
        <v>2.0665850000001016</v>
      </c>
      <c r="E132" s="40">
        <v>1.3382842014231819</v>
      </c>
      <c r="F132" s="40">
        <v>2.0499999999999972</v>
      </c>
      <c r="G132" s="40">
        <v>1.0644753755979475</v>
      </c>
      <c r="H132" s="40">
        <v>2.0500000000000114</v>
      </c>
      <c r="I132" s="40">
        <v>0.56454160060214942</v>
      </c>
      <c r="J132" s="40">
        <v>2.0499989761905</v>
      </c>
      <c r="K132" s="40">
        <v>0.96093468768765655</v>
      </c>
      <c r="L132" s="40"/>
      <c r="M132" s="40"/>
      <c r="N132" s="40"/>
    </row>
    <row r="133" spans="4:14" x14ac:dyDescent="0.25">
      <c r="D133" s="40">
        <v>2.0832510000001023</v>
      </c>
      <c r="E133" s="40">
        <v>1.3526712907625775</v>
      </c>
      <c r="F133" s="40">
        <v>2.0666669999999954</v>
      </c>
      <c r="G133" s="40">
        <v>1.0786012477481624</v>
      </c>
      <c r="H133" s="40">
        <v>2.0666670000000096</v>
      </c>
      <c r="I133" s="40">
        <v>0.57450119914542686</v>
      </c>
      <c r="J133" s="40">
        <v>2.0666656369047902</v>
      </c>
      <c r="K133" s="40">
        <v>0.97534514105905445</v>
      </c>
      <c r="L133" s="40"/>
      <c r="M133" s="40"/>
      <c r="N133" s="40"/>
    </row>
    <row r="134" spans="4:14" x14ac:dyDescent="0.25">
      <c r="D134" s="40">
        <v>2.0999170000001031</v>
      </c>
      <c r="E134" s="40">
        <v>1.3670583801019733</v>
      </c>
      <c r="F134" s="40">
        <v>2.0833329999999961</v>
      </c>
      <c r="G134" s="40">
        <v>1.0927271198983768</v>
      </c>
      <c r="H134" s="40">
        <v>2.0833340000000078</v>
      </c>
      <c r="I134" s="40">
        <v>0.58446079768887949</v>
      </c>
      <c r="J134" s="40">
        <v>2.0833322976190698</v>
      </c>
      <c r="K134" s="40">
        <v>0.98490455072134675</v>
      </c>
      <c r="L134" s="40"/>
      <c r="M134" s="40"/>
      <c r="N134" s="40"/>
    </row>
    <row r="135" spans="4:14" x14ac:dyDescent="0.25">
      <c r="D135" s="40">
        <v>2.1165830000001038</v>
      </c>
      <c r="E135" s="40">
        <v>1.3862886480309173</v>
      </c>
      <c r="F135" s="40">
        <v>2.0999999999999943</v>
      </c>
      <c r="G135" s="40">
        <v>1.111468376018492</v>
      </c>
      <c r="H135" s="40">
        <v>2.1000000000000085</v>
      </c>
      <c r="I135" s="40">
        <v>0.59442039623215681</v>
      </c>
      <c r="J135" s="40">
        <v>2.09999895833336</v>
      </c>
      <c r="K135" s="40">
        <v>0.99931500409274454</v>
      </c>
      <c r="L135" s="40"/>
      <c r="M135" s="40"/>
      <c r="N135" s="40"/>
    </row>
    <row r="136" spans="4:14" x14ac:dyDescent="0.25">
      <c r="D136" s="40">
        <v>2.1332490000001045</v>
      </c>
      <c r="E136" s="40">
        <v>1.4006757373703131</v>
      </c>
      <c r="F136" s="40">
        <v>2.1166669999999925</v>
      </c>
      <c r="G136" s="40">
        <v>1.1257341082890253</v>
      </c>
      <c r="H136" s="40">
        <v>2.1166670000000067</v>
      </c>
      <c r="I136" s="40">
        <v>0.60437999477560944</v>
      </c>
      <c r="J136" s="40">
        <v>2.1166656190476401</v>
      </c>
      <c r="K136" s="40">
        <v>1.0090170915110825</v>
      </c>
      <c r="L136" s="40"/>
      <c r="M136" s="40"/>
      <c r="N136" s="40"/>
    </row>
    <row r="137" spans="4:14" x14ac:dyDescent="0.25">
      <c r="D137" s="40">
        <v>2.1499150000001053</v>
      </c>
      <c r="E137" s="40">
        <v>1.4150628267097087</v>
      </c>
      <c r="F137" s="40">
        <v>2.1333329999999933</v>
      </c>
      <c r="G137" s="40">
        <v>1.13985998043924</v>
      </c>
      <c r="H137" s="40">
        <v>2.1333340000000049</v>
      </c>
      <c r="I137" s="40">
        <v>0.61433959331906207</v>
      </c>
      <c r="J137" s="40">
        <v>2.1333322797619299</v>
      </c>
      <c r="K137" s="40">
        <v>1.0234275448824803</v>
      </c>
      <c r="L137" s="40"/>
      <c r="M137" s="40"/>
      <c r="N137" s="40"/>
    </row>
    <row r="138" spans="4:14" x14ac:dyDescent="0.25">
      <c r="D138" s="40">
        <v>2.166581000000106</v>
      </c>
      <c r="E138" s="40">
        <v>1.4342930946386527</v>
      </c>
      <c r="F138" s="40">
        <v>2.1499999999999915</v>
      </c>
      <c r="G138" s="40">
        <v>1.158601236559355</v>
      </c>
      <c r="H138" s="40">
        <v>2.1500000000000057</v>
      </c>
      <c r="I138" s="40">
        <v>0.6242991918623394</v>
      </c>
      <c r="J138" s="40">
        <v>2.1499989404762099</v>
      </c>
      <c r="K138" s="40">
        <v>1.0329869545447727</v>
      </c>
      <c r="L138" s="40"/>
      <c r="M138" s="40"/>
      <c r="N138" s="40"/>
    </row>
    <row r="139" spans="4:14" x14ac:dyDescent="0.25">
      <c r="D139" s="40">
        <v>2.1832470000001067</v>
      </c>
      <c r="E139" s="40">
        <v>1.4535233625675967</v>
      </c>
      <c r="F139" s="40">
        <v>2.1666669999999897</v>
      </c>
      <c r="G139" s="40">
        <v>1.1727271087095696</v>
      </c>
      <c r="H139" s="40">
        <v>2.1666670000000039</v>
      </c>
      <c r="I139" s="40">
        <v>0.63100466414902912</v>
      </c>
      <c r="J139" s="40">
        <v>2.1666656011905001</v>
      </c>
      <c r="K139" s="40">
        <v>1.0473974079161705</v>
      </c>
      <c r="L139" s="40"/>
      <c r="M139" s="40"/>
      <c r="N139" s="40"/>
    </row>
    <row r="140" spans="4:14" x14ac:dyDescent="0.25">
      <c r="D140" s="40">
        <v>2.1999130000001075</v>
      </c>
      <c r="E140" s="40">
        <v>1.4679104519069925</v>
      </c>
      <c r="F140" s="40">
        <v>2.1833329999999904</v>
      </c>
      <c r="G140" s="40">
        <v>1.1916082249500035</v>
      </c>
      <c r="H140" s="40">
        <v>2.1833340000000021</v>
      </c>
      <c r="I140" s="40">
        <v>0.64096426269230644</v>
      </c>
      <c r="J140" s="40">
        <v>2.1833322619047899</v>
      </c>
      <c r="K140" s="40">
        <v>1.0618078612875683</v>
      </c>
      <c r="L140" s="40"/>
      <c r="M140" s="40"/>
      <c r="N140" s="40"/>
    </row>
    <row r="141" spans="4:14" x14ac:dyDescent="0.25">
      <c r="D141" s="40">
        <v>2.2165790000001082</v>
      </c>
      <c r="E141" s="40">
        <v>1.4869982734068135</v>
      </c>
      <c r="F141" s="40">
        <v>2.1999999999999886</v>
      </c>
      <c r="G141" s="40">
        <v>1.2057340971002179</v>
      </c>
      <c r="H141" s="40">
        <v>2.2000000000000028</v>
      </c>
      <c r="I141" s="40">
        <v>0.65092386123575896</v>
      </c>
      <c r="J141" s="40">
        <v>2.1999989226190699</v>
      </c>
      <c r="K141" s="40">
        <v>1.0762183146589663</v>
      </c>
      <c r="L141" s="40"/>
      <c r="M141" s="40"/>
      <c r="N141" s="40"/>
    </row>
    <row r="142" spans="4:14" x14ac:dyDescent="0.25">
      <c r="D142" s="40">
        <v>2.2332450000001089</v>
      </c>
      <c r="E142" s="40">
        <v>1.5110717199251795</v>
      </c>
      <c r="F142" s="40">
        <v>2.2166670000000011</v>
      </c>
      <c r="G142" s="40">
        <v>1.2246152133405277</v>
      </c>
      <c r="H142" s="40">
        <v>2.2166670000000011</v>
      </c>
      <c r="I142" s="40">
        <v>0.66088345977903651</v>
      </c>
      <c r="J142" s="40">
        <v>2.2166655833333602</v>
      </c>
      <c r="K142" s="40">
        <v>1.0857777243211317</v>
      </c>
      <c r="L142" s="40"/>
      <c r="M142" s="40"/>
      <c r="N142" s="40"/>
    </row>
    <row r="143" spans="4:14" x14ac:dyDescent="0.25">
      <c r="D143" s="40">
        <v>2.2499110000001097</v>
      </c>
      <c r="E143" s="40">
        <v>1.5301595414250007</v>
      </c>
      <c r="F143" s="40">
        <v>2.2333329999999876</v>
      </c>
      <c r="G143" s="40">
        <v>1.2387410854908665</v>
      </c>
      <c r="H143" s="40">
        <v>2.2333340000000135</v>
      </c>
      <c r="I143" s="40">
        <v>0.67084305832248903</v>
      </c>
      <c r="J143" s="40">
        <v>2.2333322440476402</v>
      </c>
      <c r="K143" s="40">
        <v>1.1001881776925295</v>
      </c>
      <c r="L143" s="40"/>
      <c r="M143" s="40"/>
      <c r="N143" s="40"/>
    </row>
    <row r="144" spans="4:14" x14ac:dyDescent="0.25">
      <c r="D144" s="40">
        <v>2.2665770000001104</v>
      </c>
      <c r="E144" s="40">
        <v>1.5445466307643962</v>
      </c>
      <c r="F144" s="40">
        <v>2.25</v>
      </c>
      <c r="G144" s="40">
        <v>1.2574823416108574</v>
      </c>
      <c r="H144" s="40">
        <v>2.25</v>
      </c>
      <c r="I144" s="40">
        <v>0.68080265686594166</v>
      </c>
      <c r="J144" s="40">
        <v>2.24999890476193</v>
      </c>
      <c r="K144" s="40">
        <v>1.1145986310640541</v>
      </c>
      <c r="L144" s="40"/>
      <c r="M144" s="40"/>
      <c r="N144" s="40"/>
    </row>
    <row r="145" spans="4:14" x14ac:dyDescent="0.25">
      <c r="D145" s="40">
        <v>2.2832430000001112</v>
      </c>
      <c r="E145" s="40">
        <v>1.5637768986933402</v>
      </c>
      <c r="F145" s="40">
        <v>2.2666669999999982</v>
      </c>
      <c r="G145" s="40">
        <v>1.2716082137611964</v>
      </c>
      <c r="H145" s="40">
        <v>2.2666670000000124</v>
      </c>
      <c r="I145" s="40">
        <v>0.68740951926596183</v>
      </c>
      <c r="J145" s="40">
        <v>2.2666655654762198</v>
      </c>
      <c r="K145" s="40">
        <v>1.1290090844354521</v>
      </c>
      <c r="L145" s="40"/>
      <c r="M145" s="40"/>
      <c r="N145" s="40"/>
    </row>
    <row r="146" spans="4:14" x14ac:dyDescent="0.25">
      <c r="D146" s="40">
        <v>2.2999090000001119</v>
      </c>
      <c r="E146" s="40">
        <v>1.5781639880327361</v>
      </c>
      <c r="F146" s="40">
        <v>2.2833329999999989</v>
      </c>
      <c r="G146" s="40">
        <v>1.2857340859114108</v>
      </c>
      <c r="H146" s="40">
        <v>2.2833340000000106</v>
      </c>
      <c r="I146" s="40">
        <v>0.69736911780923927</v>
      </c>
      <c r="J146" s="40">
        <v>2.2833322261904998</v>
      </c>
      <c r="K146" s="40">
        <v>1.1387111718537901</v>
      </c>
      <c r="L146" s="40"/>
      <c r="M146" s="40"/>
      <c r="N146" s="40"/>
    </row>
    <row r="147" spans="4:14" x14ac:dyDescent="0.25">
      <c r="D147" s="40">
        <v>2.3165750000001126</v>
      </c>
      <c r="E147" s="40">
        <v>1.5973942559616801</v>
      </c>
      <c r="F147" s="40">
        <v>2.2999999999999972</v>
      </c>
      <c r="G147" s="40">
        <v>1.2998599580616255</v>
      </c>
      <c r="H147" s="40">
        <v>2.3000000000000114</v>
      </c>
      <c r="I147" s="40">
        <v>0.70407459009592888</v>
      </c>
      <c r="J147" s="40">
        <v>2.29999888690479</v>
      </c>
      <c r="K147" s="40">
        <v>1.1531216252251881</v>
      </c>
      <c r="L147" s="40"/>
      <c r="M147" s="40"/>
      <c r="N147" s="40"/>
    </row>
    <row r="148" spans="4:14" x14ac:dyDescent="0.25">
      <c r="D148" s="40">
        <v>2.3332410000001134</v>
      </c>
      <c r="E148" s="40">
        <v>1.6166245238906241</v>
      </c>
      <c r="F148" s="40">
        <v>2.3166669999999954</v>
      </c>
      <c r="G148" s="40">
        <v>1.3141256903321588</v>
      </c>
      <c r="H148" s="40">
        <v>2.3166670000000096</v>
      </c>
      <c r="I148" s="40">
        <v>0.7140341886392062</v>
      </c>
      <c r="J148" s="40">
        <v>2.3166655476190701</v>
      </c>
      <c r="K148" s="40">
        <v>1.1675320785965859</v>
      </c>
      <c r="L148" s="40"/>
      <c r="M148" s="40"/>
      <c r="N148" s="40"/>
    </row>
    <row r="149" spans="4:14" x14ac:dyDescent="0.25">
      <c r="D149" s="40">
        <v>2.3499070000001141</v>
      </c>
      <c r="E149" s="40">
        <v>1.640555523979867</v>
      </c>
      <c r="F149" s="40">
        <v>2.3333329999999961</v>
      </c>
      <c r="G149" s="40">
        <v>1.3282515624823734</v>
      </c>
      <c r="H149" s="40">
        <v>2.3333340000000078</v>
      </c>
      <c r="I149" s="40">
        <v>0.72399378718265883</v>
      </c>
      <c r="J149" s="40">
        <v>2.3333322083333599</v>
      </c>
      <c r="K149" s="40">
        <v>1.1770914882588781</v>
      </c>
      <c r="L149" s="40"/>
      <c r="M149" s="40"/>
      <c r="N149" s="40"/>
    </row>
    <row r="150" spans="4:14" x14ac:dyDescent="0.25">
      <c r="D150" s="40">
        <v>2.3665730000001148</v>
      </c>
      <c r="E150" s="40">
        <v>1.659785791908811</v>
      </c>
      <c r="F150" s="40">
        <v>2.3499999999999943</v>
      </c>
      <c r="G150" s="40">
        <v>1.3423774346325883</v>
      </c>
      <c r="H150" s="40">
        <v>2.3500000000000085</v>
      </c>
      <c r="I150" s="40">
        <v>0.73395338572611146</v>
      </c>
      <c r="J150" s="40">
        <v>2.3499988690476399</v>
      </c>
      <c r="K150" s="40">
        <v>1.1915019416302759</v>
      </c>
      <c r="L150" s="40"/>
      <c r="M150" s="40"/>
      <c r="N150" s="40"/>
    </row>
    <row r="151" spans="4:14" x14ac:dyDescent="0.25">
      <c r="D151" s="40">
        <v>2.3832390000001156</v>
      </c>
      <c r="E151" s="40">
        <v>1.683716791998054</v>
      </c>
      <c r="F151" s="40">
        <v>2.3666669999999925</v>
      </c>
      <c r="G151" s="40">
        <v>1.3611186907527033</v>
      </c>
      <c r="H151" s="40">
        <v>2.3666670000000067</v>
      </c>
      <c r="I151" s="40">
        <v>0.7439129842693889</v>
      </c>
      <c r="J151" s="40">
        <v>2.3666655297619301</v>
      </c>
      <c r="K151" s="40">
        <v>1.2059123950016737</v>
      </c>
      <c r="L151" s="40"/>
      <c r="M151" s="40"/>
      <c r="N151" s="40"/>
    </row>
    <row r="152" spans="4:14" x14ac:dyDescent="0.25">
      <c r="D152" s="40">
        <v>2.3999050000001163</v>
      </c>
      <c r="E152" s="40">
        <v>1.702947059926998</v>
      </c>
      <c r="F152" s="40">
        <v>2.3833329999999933</v>
      </c>
      <c r="G152" s="40">
        <v>1.3752445629029177</v>
      </c>
      <c r="H152" s="40">
        <v>2.3833340000000049</v>
      </c>
      <c r="I152" s="40">
        <v>0.75387258281284142</v>
      </c>
      <c r="J152" s="40">
        <v>2.3833321904762199</v>
      </c>
      <c r="K152" s="40">
        <v>1.2156144824200117</v>
      </c>
      <c r="L152" s="40"/>
      <c r="M152" s="40"/>
      <c r="N152" s="40"/>
    </row>
    <row r="153" spans="4:14" x14ac:dyDescent="0.25">
      <c r="D153" s="40">
        <v>2.416571000000117</v>
      </c>
      <c r="E153" s="40">
        <v>1.7268780600163676</v>
      </c>
      <c r="F153" s="40">
        <v>2.3999999999999915</v>
      </c>
      <c r="G153" s="40">
        <v>1.3893704350531324</v>
      </c>
      <c r="H153" s="40">
        <v>2.4000000000000057</v>
      </c>
      <c r="I153" s="40">
        <v>0.76383218135611897</v>
      </c>
      <c r="J153" s="40">
        <v>2.3999988511904999</v>
      </c>
      <c r="K153" s="40">
        <v>1.2300249357914095</v>
      </c>
      <c r="L153" s="40"/>
      <c r="M153" s="40"/>
      <c r="N153" s="40"/>
    </row>
    <row r="154" spans="4:14" x14ac:dyDescent="0.25">
      <c r="D154" s="40">
        <v>2.4332370000001178</v>
      </c>
      <c r="E154" s="40">
        <v>1.7461083279453116</v>
      </c>
      <c r="F154" s="40">
        <v>2.4166669999999897</v>
      </c>
      <c r="G154" s="40">
        <v>1.4082515512935663</v>
      </c>
      <c r="H154" s="40">
        <v>2.4166670000000039</v>
      </c>
      <c r="I154" s="40">
        <v>0.77379177989957149</v>
      </c>
      <c r="J154" s="40">
        <v>2.4166655119047902</v>
      </c>
      <c r="K154" s="40">
        <v>1.2395843454537019</v>
      </c>
      <c r="L154" s="40"/>
      <c r="M154" s="40"/>
      <c r="N154" s="40"/>
    </row>
    <row r="155" spans="4:14" x14ac:dyDescent="0.25">
      <c r="D155" s="40">
        <v>2.4499030000001185</v>
      </c>
      <c r="E155" s="40">
        <v>1.7651961494450061</v>
      </c>
      <c r="F155" s="40">
        <v>2.4333329999999904</v>
      </c>
      <c r="G155" s="40">
        <v>1.4223774234437809</v>
      </c>
      <c r="H155" s="40">
        <v>2.4333340000000021</v>
      </c>
      <c r="I155" s="40">
        <v>0.78375137844284881</v>
      </c>
      <c r="J155" s="40">
        <v>2.4333321726190702</v>
      </c>
      <c r="K155" s="40">
        <v>1.2539947988250997</v>
      </c>
      <c r="L155" s="40"/>
      <c r="M155" s="40"/>
      <c r="N155" s="40"/>
    </row>
    <row r="156" spans="4:14" x14ac:dyDescent="0.25">
      <c r="D156" s="40">
        <v>2.4665690000001192</v>
      </c>
      <c r="E156" s="40">
        <v>1.7892695959634985</v>
      </c>
      <c r="F156" s="40">
        <v>2.4499999999999886</v>
      </c>
      <c r="G156" s="40">
        <v>1.4365032955939954</v>
      </c>
      <c r="H156" s="40">
        <v>2.4500000000000028</v>
      </c>
      <c r="I156" s="40">
        <v>0.79371097698630144</v>
      </c>
      <c r="J156" s="40">
        <v>2.44999883333336</v>
      </c>
      <c r="K156" s="40">
        <v>1.2635542084872653</v>
      </c>
      <c r="L156" s="40"/>
      <c r="M156" s="40"/>
      <c r="N156" s="40"/>
    </row>
    <row r="157" spans="4:14" x14ac:dyDescent="0.25">
      <c r="D157" s="40">
        <v>2.48323500000012</v>
      </c>
      <c r="E157" s="40">
        <v>1.8084998638924428</v>
      </c>
      <c r="F157" s="40">
        <v>2.4666670000000011</v>
      </c>
      <c r="G157" s="40">
        <v>1.4553844118344292</v>
      </c>
      <c r="H157" s="40">
        <v>2.4666670000000011</v>
      </c>
      <c r="I157" s="40">
        <v>0.80367057552957888</v>
      </c>
      <c r="J157" s="40">
        <v>2.4666654940476498</v>
      </c>
      <c r="K157" s="40">
        <v>1.2779646618586631</v>
      </c>
      <c r="L157" s="40"/>
      <c r="M157" s="40"/>
      <c r="N157" s="40"/>
    </row>
    <row r="158" spans="4:14" x14ac:dyDescent="0.25">
      <c r="D158" s="40">
        <v>2.4999010000001207</v>
      </c>
      <c r="E158" s="40">
        <v>1.8324308639816855</v>
      </c>
      <c r="F158" s="40">
        <v>2.4833329999999876</v>
      </c>
      <c r="G158" s="40">
        <v>1.4695102839846439</v>
      </c>
      <c r="H158" s="40">
        <v>2.4833340000000135</v>
      </c>
      <c r="I158" s="40">
        <v>0.81027743792977425</v>
      </c>
      <c r="J158" s="40">
        <v>2.4833321547619298</v>
      </c>
      <c r="K158" s="40">
        <v>1.2923751152300609</v>
      </c>
      <c r="L158" s="40"/>
      <c r="M158" s="40"/>
      <c r="N158" s="40"/>
    </row>
    <row r="159" spans="4:14" x14ac:dyDescent="0.25">
      <c r="D159" s="40">
        <v>2.5165670000001215</v>
      </c>
      <c r="E159" s="40">
        <v>1.8516611319106298</v>
      </c>
      <c r="F159" s="40">
        <v>2.5</v>
      </c>
      <c r="G159" s="40">
        <v>1.4836361561348588</v>
      </c>
      <c r="H159" s="40">
        <v>2.5</v>
      </c>
      <c r="I159" s="40">
        <v>0.82023703647305157</v>
      </c>
      <c r="J159" s="40">
        <v>2.49999881547622</v>
      </c>
      <c r="K159" s="40">
        <v>1.3067855686015855</v>
      </c>
      <c r="L159" s="40"/>
      <c r="M159" s="40"/>
      <c r="N159" s="40"/>
    </row>
    <row r="160" spans="4:14" x14ac:dyDescent="0.25">
      <c r="D160" s="40">
        <v>2.5332330000001222</v>
      </c>
      <c r="E160" s="40">
        <v>1.8755921319999991</v>
      </c>
      <c r="F160" s="40">
        <v>2.5166669999999982</v>
      </c>
      <c r="G160" s="40">
        <v>1.5025172723752926</v>
      </c>
      <c r="H160" s="40">
        <v>2.5166670000000124</v>
      </c>
      <c r="I160" s="40">
        <v>0.83019663501650431</v>
      </c>
      <c r="J160" s="40">
        <v>2.5166654761905001</v>
      </c>
      <c r="K160" s="40">
        <v>1.3211960219729832</v>
      </c>
      <c r="L160" s="40"/>
      <c r="M160" s="40"/>
      <c r="N160" s="40"/>
    </row>
    <row r="161" spans="4:14" x14ac:dyDescent="0.25">
      <c r="D161" s="40">
        <v>2.5498990000001229</v>
      </c>
      <c r="E161" s="40">
        <v>1.8948223999288167</v>
      </c>
      <c r="F161" s="40">
        <v>2.5333329999999989</v>
      </c>
      <c r="G161" s="40">
        <v>1.5166431445255071</v>
      </c>
      <c r="H161" s="40">
        <v>2.5333340000000106</v>
      </c>
      <c r="I161" s="40">
        <v>0.84015623355978164</v>
      </c>
      <c r="J161" s="40">
        <v>2.5333321369047899</v>
      </c>
      <c r="K161" s="40">
        <v>1.3356064753443813</v>
      </c>
      <c r="L161" s="40"/>
      <c r="M161" s="40"/>
      <c r="N161" s="40"/>
    </row>
    <row r="162" spans="4:14" x14ac:dyDescent="0.25">
      <c r="D162" s="40">
        <v>2.5665650000001237</v>
      </c>
      <c r="E162" s="40">
        <v>1.9187534000181861</v>
      </c>
      <c r="F162" s="40">
        <v>2.5499999999999972</v>
      </c>
      <c r="G162" s="40">
        <v>1.5307690166757217</v>
      </c>
      <c r="H162" s="40">
        <v>2.5500000000000114</v>
      </c>
      <c r="I162" s="40">
        <v>0.85011583210323427</v>
      </c>
      <c r="J162" s="40">
        <v>2.5499987976190699</v>
      </c>
      <c r="K162" s="40">
        <v>1.3500169287157791</v>
      </c>
      <c r="L162" s="40"/>
      <c r="M162" s="40"/>
      <c r="N162" s="40"/>
    </row>
    <row r="163" spans="4:14" x14ac:dyDescent="0.25">
      <c r="D163" s="40">
        <v>2.5832310000001244</v>
      </c>
      <c r="E163" s="40">
        <v>1.9379836679471303</v>
      </c>
      <c r="F163" s="40">
        <v>2.5666669999999954</v>
      </c>
      <c r="G163" s="40">
        <v>1.5448948888259364</v>
      </c>
      <c r="H163" s="40">
        <v>2.5666670000000096</v>
      </c>
      <c r="I163" s="40">
        <v>0.86007543064651171</v>
      </c>
      <c r="J163" s="40">
        <v>2.5666654583333601</v>
      </c>
      <c r="K163" s="40">
        <v>1.3597190161341173</v>
      </c>
      <c r="L163" s="40"/>
      <c r="M163" s="40"/>
      <c r="N163" s="40"/>
    </row>
    <row r="164" spans="4:14" x14ac:dyDescent="0.25">
      <c r="D164" s="40">
        <v>2.5998970000001251</v>
      </c>
      <c r="E164" s="40">
        <v>1.9570714894468251</v>
      </c>
      <c r="F164" s="40">
        <v>2.5833329999999961</v>
      </c>
      <c r="G164" s="40">
        <v>1.5542655168860562</v>
      </c>
      <c r="H164" s="40">
        <v>2.5833340000000078</v>
      </c>
      <c r="I164" s="40">
        <v>0.87003502918996423</v>
      </c>
      <c r="J164" s="40">
        <v>2.5833321190476499</v>
      </c>
      <c r="K164" s="40">
        <v>1.3741294695055148</v>
      </c>
      <c r="L164" s="40"/>
      <c r="M164" s="40"/>
      <c r="N164" s="40"/>
    </row>
    <row r="165" spans="4:14" x14ac:dyDescent="0.25">
      <c r="D165" s="40">
        <v>2.6165630000001259</v>
      </c>
      <c r="E165" s="40">
        <v>1.9763017573757691</v>
      </c>
      <c r="F165" s="40">
        <v>2.5999999999999943</v>
      </c>
      <c r="G165" s="40">
        <v>1.5683913890362706</v>
      </c>
      <c r="H165" s="40">
        <v>2.6000000000000085</v>
      </c>
      <c r="I165" s="40">
        <v>0.87674050147665383</v>
      </c>
      <c r="J165" s="40">
        <v>2.5999987797619299</v>
      </c>
      <c r="K165" s="40">
        <v>1.3885399228769129</v>
      </c>
      <c r="L165" s="40"/>
      <c r="M165" s="40"/>
      <c r="N165" s="40"/>
    </row>
    <row r="166" spans="4:14" x14ac:dyDescent="0.25">
      <c r="D166" s="40">
        <v>2.6332290000001266</v>
      </c>
      <c r="E166" s="40">
        <v>1.9955320253047131</v>
      </c>
      <c r="F166" s="40">
        <v>2.6166669999999925</v>
      </c>
      <c r="G166" s="40">
        <v>1.5825172611864853</v>
      </c>
      <c r="H166" s="40">
        <v>2.6166670000000067</v>
      </c>
      <c r="I166" s="40">
        <v>0.88670010001993127</v>
      </c>
      <c r="J166" s="40">
        <v>2.6166654404762202</v>
      </c>
      <c r="K166" s="40">
        <v>1.398099332539205</v>
      </c>
      <c r="L166" s="40"/>
      <c r="M166" s="40"/>
      <c r="N166" s="40"/>
    </row>
    <row r="167" spans="4:14" x14ac:dyDescent="0.25">
      <c r="D167" s="40">
        <v>2.6498950000001273</v>
      </c>
      <c r="E167" s="40">
        <v>2.0147622932336566</v>
      </c>
      <c r="F167" s="40">
        <v>2.6333329999999933</v>
      </c>
      <c r="G167" s="40">
        <v>1.5966431333366997</v>
      </c>
      <c r="H167" s="40">
        <v>2.6333340000000049</v>
      </c>
      <c r="I167" s="40">
        <v>0.8966596985633839</v>
      </c>
      <c r="J167" s="40">
        <v>2.6333321011905002</v>
      </c>
      <c r="K167" s="40">
        <v>1.4125097859106031</v>
      </c>
      <c r="L167" s="40"/>
      <c r="M167" s="40"/>
      <c r="N167" s="40"/>
    </row>
    <row r="168" spans="4:14" x14ac:dyDescent="0.25">
      <c r="D168" s="40">
        <v>2.6665610000001281</v>
      </c>
      <c r="E168" s="40">
        <v>2.033850114733478</v>
      </c>
      <c r="F168" s="40">
        <v>2.6499999999999915</v>
      </c>
      <c r="G168" s="40">
        <v>1.6107690054869144</v>
      </c>
      <c r="H168" s="40">
        <v>2.6500000000000057</v>
      </c>
      <c r="I168" s="40">
        <v>0.90661929710666134</v>
      </c>
      <c r="J168" s="40">
        <v>2.64999876190479</v>
      </c>
      <c r="K168" s="40">
        <v>1.4269202392820008</v>
      </c>
      <c r="L168" s="40"/>
      <c r="M168" s="40"/>
      <c r="N168" s="40"/>
    </row>
    <row r="169" spans="4:14" x14ac:dyDescent="0.25">
      <c r="D169" s="40">
        <v>2.6832270000001288</v>
      </c>
      <c r="E169" s="40">
        <v>2.0530803826622956</v>
      </c>
      <c r="F169" s="40">
        <v>2.6666669999999897</v>
      </c>
      <c r="G169" s="40">
        <v>1.6248948776371293</v>
      </c>
      <c r="H169" s="40">
        <v>2.6666670000000039</v>
      </c>
      <c r="I169" s="40">
        <v>0.91657889565011386</v>
      </c>
      <c r="J169" s="40">
        <v>2.6666654226190798</v>
      </c>
      <c r="K169" s="40">
        <v>1.4366223267003388</v>
      </c>
      <c r="L169" s="40"/>
      <c r="M169" s="40"/>
      <c r="N169" s="40"/>
    </row>
    <row r="170" spans="4:14" x14ac:dyDescent="0.25">
      <c r="D170" s="40">
        <v>2.6998930000001296</v>
      </c>
      <c r="E170" s="40">
        <v>2.0770113827516652</v>
      </c>
      <c r="F170" s="40">
        <v>2.6833329999999904</v>
      </c>
      <c r="G170" s="40">
        <v>1.6390207497873437</v>
      </c>
      <c r="H170" s="40">
        <v>2.6833340000000021</v>
      </c>
      <c r="I170" s="40">
        <v>0.92653849419339129</v>
      </c>
      <c r="J170" s="40">
        <v>2.6833320833333598</v>
      </c>
      <c r="K170" s="40">
        <v>1.4510327800717366</v>
      </c>
      <c r="L170" s="40"/>
      <c r="M170" s="40"/>
      <c r="N170" s="40"/>
    </row>
    <row r="171" spans="4:14" x14ac:dyDescent="0.25">
      <c r="D171" s="40">
        <v>2.7165590000001303</v>
      </c>
      <c r="E171" s="40">
        <v>2.0962416506806094</v>
      </c>
      <c r="F171" s="40">
        <v>2.6999999999999886</v>
      </c>
      <c r="G171" s="40">
        <v>1.6531466219375583</v>
      </c>
      <c r="H171" s="40">
        <v>2.7000000000000028</v>
      </c>
      <c r="I171" s="40">
        <v>0.93649809273684381</v>
      </c>
      <c r="J171" s="40">
        <v>2.6999987440476501</v>
      </c>
      <c r="K171" s="40">
        <v>1.460592189734029</v>
      </c>
      <c r="L171" s="40"/>
      <c r="M171" s="40"/>
      <c r="N171" s="40"/>
    </row>
    <row r="172" spans="4:14" x14ac:dyDescent="0.25">
      <c r="D172" s="40">
        <v>2.733225000000131</v>
      </c>
      <c r="E172" s="40">
        <v>2.1154719186094266</v>
      </c>
      <c r="F172" s="40">
        <v>2.7166670000000011</v>
      </c>
      <c r="G172" s="40">
        <v>1.667272494087773</v>
      </c>
      <c r="H172" s="40">
        <v>2.7166670000000011</v>
      </c>
      <c r="I172" s="40">
        <v>0.9431049551368641</v>
      </c>
      <c r="J172" s="40">
        <v>2.7166654047619301</v>
      </c>
      <c r="K172" s="40">
        <v>1.4750026431054268</v>
      </c>
      <c r="L172" s="40"/>
      <c r="M172" s="40"/>
      <c r="N172" s="40"/>
    </row>
    <row r="173" spans="4:14" x14ac:dyDescent="0.25">
      <c r="D173" s="40">
        <v>2.7498910000001318</v>
      </c>
      <c r="E173" s="40">
        <v>2.1345597401092475</v>
      </c>
      <c r="F173" s="40">
        <v>2.7333329999999876</v>
      </c>
      <c r="G173" s="40">
        <v>1.6813983662379877</v>
      </c>
      <c r="H173" s="40">
        <v>2.7333340000000135</v>
      </c>
      <c r="I173" s="40">
        <v>0.95306455368031662</v>
      </c>
      <c r="J173" s="40">
        <v>2.7333320654762199</v>
      </c>
      <c r="K173" s="40">
        <v>1.4845620527675922</v>
      </c>
      <c r="L173" s="40"/>
      <c r="M173" s="40"/>
      <c r="N173" s="40"/>
    </row>
    <row r="174" spans="4:14" x14ac:dyDescent="0.25">
      <c r="D174" s="40">
        <v>2.7665570000001325</v>
      </c>
      <c r="E174" s="40">
        <v>2.1537900080381918</v>
      </c>
      <c r="F174" s="40">
        <v>2.75</v>
      </c>
      <c r="G174" s="40">
        <v>1.6955242383883267</v>
      </c>
      <c r="H174" s="40">
        <v>2.75</v>
      </c>
      <c r="I174" s="40">
        <v>0.96302415222359405</v>
      </c>
      <c r="J174" s="40">
        <v>2.7499987261904999</v>
      </c>
      <c r="K174" s="40">
        <v>1.4989725061391168</v>
      </c>
      <c r="L174" s="40"/>
      <c r="M174" s="40"/>
      <c r="N174" s="40"/>
    </row>
    <row r="175" spans="4:14" x14ac:dyDescent="0.25">
      <c r="D175" s="40">
        <v>2.7832230000001332</v>
      </c>
      <c r="E175" s="40">
        <v>2.1730202759671355</v>
      </c>
      <c r="F175" s="40">
        <v>2.7666669999999982</v>
      </c>
      <c r="G175" s="40">
        <v>1.7096501105385411</v>
      </c>
      <c r="H175" s="40">
        <v>2.7666670000000124</v>
      </c>
      <c r="I175" s="40">
        <v>0.97298375076704657</v>
      </c>
      <c r="J175" s="40">
        <v>2.7666653869047901</v>
      </c>
      <c r="K175" s="40">
        <v>1.5086745935574548</v>
      </c>
      <c r="L175" s="40"/>
      <c r="M175" s="40"/>
      <c r="N175" s="40"/>
    </row>
    <row r="176" spans="4:14" x14ac:dyDescent="0.25">
      <c r="D176" s="40">
        <v>2.799889000000134</v>
      </c>
      <c r="E176" s="40">
        <v>2.1922505438960798</v>
      </c>
      <c r="F176" s="40">
        <v>2.7833329999999989</v>
      </c>
      <c r="G176" s="40">
        <v>1.7237759826887558</v>
      </c>
      <c r="H176" s="40">
        <v>2.7833340000000106</v>
      </c>
      <c r="I176" s="40">
        <v>0.9829433493103239</v>
      </c>
      <c r="J176" s="40">
        <v>2.7833320476190799</v>
      </c>
      <c r="K176" s="40">
        <v>1.5230850469288526</v>
      </c>
      <c r="L176" s="40"/>
      <c r="M176" s="40"/>
      <c r="N176" s="40"/>
    </row>
    <row r="177" spans="4:14" x14ac:dyDescent="0.25">
      <c r="D177" s="40">
        <v>2.8165550000001347</v>
      </c>
      <c r="E177" s="40">
        <v>2.2066376332354758</v>
      </c>
      <c r="F177" s="40">
        <v>2.7999999999999972</v>
      </c>
      <c r="G177" s="40">
        <v>1.7379018548389702</v>
      </c>
      <c r="H177" s="40">
        <v>2.8000000000000114</v>
      </c>
      <c r="I177" s="40">
        <v>0.99290294785377675</v>
      </c>
      <c r="J177" s="40">
        <v>2.79999870833336</v>
      </c>
      <c r="K177" s="40">
        <v>1.5374955003002504</v>
      </c>
      <c r="L177" s="40"/>
      <c r="M177" s="40"/>
      <c r="N177" s="40"/>
    </row>
    <row r="178" spans="4:14" x14ac:dyDescent="0.25">
      <c r="D178" s="40">
        <v>2.8332210000001354</v>
      </c>
      <c r="E178" s="40">
        <v>2.2257254547352967</v>
      </c>
      <c r="F178" s="40">
        <v>2.8166669999999954</v>
      </c>
      <c r="G178" s="40">
        <v>1.7474123430192847</v>
      </c>
      <c r="H178" s="40">
        <v>2.8166670000000096</v>
      </c>
      <c r="I178" s="40">
        <v>0.99960842014046614</v>
      </c>
      <c r="J178" s="40">
        <v>2.8166653690476502</v>
      </c>
      <c r="K178" s="40">
        <v>1.5470549099625428</v>
      </c>
      <c r="L178" s="40"/>
      <c r="M178" s="40"/>
      <c r="N178" s="40"/>
    </row>
    <row r="179" spans="4:14" x14ac:dyDescent="0.25">
      <c r="D179" s="40">
        <v>2.8498870000001362</v>
      </c>
      <c r="E179" s="40">
        <v>2.2449557226641144</v>
      </c>
      <c r="F179" s="40">
        <v>2.8333329999999961</v>
      </c>
      <c r="G179" s="40">
        <v>1.7615382151694992</v>
      </c>
      <c r="H179" s="40">
        <v>2.8333340000000078</v>
      </c>
      <c r="I179" s="40">
        <v>1.0095680186837437</v>
      </c>
      <c r="J179" s="40">
        <v>2.8333320297619302</v>
      </c>
      <c r="K179" s="40">
        <v>1.5614653633339406</v>
      </c>
      <c r="L179" s="40"/>
      <c r="M179" s="40"/>
      <c r="N179" s="40"/>
    </row>
    <row r="180" spans="4:14" x14ac:dyDescent="0.25">
      <c r="D180" s="40">
        <v>2.8665530000001369</v>
      </c>
      <c r="E180" s="40">
        <v>2.2593428120036365</v>
      </c>
      <c r="F180" s="40">
        <v>2.8499999999999943</v>
      </c>
      <c r="G180" s="40">
        <v>1.7756640873197138</v>
      </c>
      <c r="H180" s="40">
        <v>2.8500000000000085</v>
      </c>
      <c r="I180" s="40">
        <v>1.0195276172271963</v>
      </c>
      <c r="J180" s="40">
        <v>2.84999869047622</v>
      </c>
      <c r="K180" s="40">
        <v>1.5758758167053386</v>
      </c>
      <c r="L180" s="40"/>
      <c r="M180" s="40"/>
      <c r="N180" s="40"/>
    </row>
    <row r="181" spans="4:14" x14ac:dyDescent="0.25">
      <c r="D181" s="40">
        <v>2.8832190000001376</v>
      </c>
      <c r="E181" s="40">
        <v>2.2785730799324537</v>
      </c>
      <c r="F181" s="40">
        <v>2.8666669999999925</v>
      </c>
      <c r="G181" s="40">
        <v>1.7897899594700526</v>
      </c>
      <c r="H181" s="40">
        <v>2.8666670000000067</v>
      </c>
      <c r="I181" s="40">
        <v>1.0294872157704738</v>
      </c>
      <c r="J181" s="40">
        <v>2.8666653511905098</v>
      </c>
      <c r="K181" s="40">
        <v>1.5902862700767364</v>
      </c>
      <c r="L181" s="40"/>
      <c r="M181" s="40"/>
      <c r="N181" s="40"/>
    </row>
    <row r="182" spans="4:14" x14ac:dyDescent="0.25">
      <c r="D182" s="40">
        <v>2.8998850000001384</v>
      </c>
      <c r="E182" s="40">
        <v>2.2929601692718498</v>
      </c>
      <c r="F182" s="40">
        <v>2.8833329999999933</v>
      </c>
      <c r="G182" s="40">
        <v>1.799160587530048</v>
      </c>
      <c r="H182" s="40">
        <v>2.8833340000000049</v>
      </c>
      <c r="I182" s="40">
        <v>1.0394468143139262</v>
      </c>
      <c r="J182" s="40">
        <v>2.8833320119047898</v>
      </c>
      <c r="K182" s="40">
        <v>1.6046967234481344</v>
      </c>
      <c r="L182" s="40"/>
      <c r="M182" s="40"/>
      <c r="N182" s="40"/>
    </row>
    <row r="183" spans="4:14" x14ac:dyDescent="0.25">
      <c r="D183" s="40">
        <v>2.9165510000001391</v>
      </c>
      <c r="E183" s="40">
        <v>2.3073472586113719</v>
      </c>
      <c r="F183" s="40">
        <v>2.8999999999999915</v>
      </c>
      <c r="G183" s="40">
        <v>1.8132864596802627</v>
      </c>
      <c r="H183" s="40">
        <v>2.9000000000000057</v>
      </c>
      <c r="I183" s="40">
        <v>1.0494064128572036</v>
      </c>
      <c r="J183" s="40">
        <v>2.8999986726190801</v>
      </c>
      <c r="K183" s="40">
        <v>1.6191071768195322</v>
      </c>
      <c r="L183" s="40"/>
      <c r="M183" s="40"/>
      <c r="N183" s="40"/>
    </row>
    <row r="184" spans="4:14" x14ac:dyDescent="0.25">
      <c r="D184" s="40">
        <v>2.9332170000001399</v>
      </c>
      <c r="E184" s="40">
        <v>2.3217343479507675</v>
      </c>
      <c r="F184" s="40">
        <v>2.9166669999999897</v>
      </c>
      <c r="G184" s="40">
        <v>1.8274123318304774</v>
      </c>
      <c r="H184" s="40">
        <v>2.9166670000000039</v>
      </c>
      <c r="I184" s="40">
        <v>1.0593660114006562</v>
      </c>
      <c r="J184" s="40">
        <v>2.9166653333333601</v>
      </c>
      <c r="K184" s="40">
        <v>1.63351763019093</v>
      </c>
      <c r="L184" s="40"/>
      <c r="M184" s="40"/>
      <c r="N184" s="40"/>
    </row>
    <row r="185" spans="4:14" x14ac:dyDescent="0.25">
      <c r="D185" s="40">
        <v>2.9498830000001406</v>
      </c>
      <c r="E185" s="40">
        <v>2.3408221694505889</v>
      </c>
      <c r="F185" s="40">
        <v>2.9333329999999904</v>
      </c>
      <c r="G185" s="40">
        <v>1.841538203980692</v>
      </c>
      <c r="H185" s="40">
        <v>2.9333340000000021</v>
      </c>
      <c r="I185" s="40">
        <v>1.0693256099439339</v>
      </c>
      <c r="J185" s="40">
        <v>2.9333319940476499</v>
      </c>
      <c r="K185" s="40">
        <v>1.643219717609268</v>
      </c>
      <c r="L185" s="40"/>
      <c r="M185" s="40"/>
      <c r="N185" s="40"/>
    </row>
    <row r="186" spans="4:14" x14ac:dyDescent="0.25">
      <c r="D186" s="40">
        <v>2.9665490000001413</v>
      </c>
      <c r="E186" s="40">
        <v>2.3600524373794061</v>
      </c>
      <c r="F186" s="40">
        <v>2.9499999999999886</v>
      </c>
      <c r="G186" s="40">
        <v>1.8556640761309067</v>
      </c>
      <c r="H186" s="40">
        <v>2.9500000000000028</v>
      </c>
      <c r="I186" s="40">
        <v>1.0792852084873863</v>
      </c>
      <c r="J186" s="40">
        <v>2.9499986547619299</v>
      </c>
      <c r="K186" s="40">
        <v>1.6576301709807926</v>
      </c>
      <c r="L186" s="40"/>
      <c r="M186" s="40"/>
      <c r="N186" s="40"/>
    </row>
    <row r="187" spans="4:14" x14ac:dyDescent="0.25">
      <c r="D187" s="40">
        <v>2.9832150000001421</v>
      </c>
      <c r="E187" s="40">
        <v>2.3744395267188017</v>
      </c>
      <c r="F187" s="40">
        <v>2.9666670000000011</v>
      </c>
      <c r="G187" s="40">
        <v>1.8651745643113451</v>
      </c>
      <c r="H187" s="40">
        <v>2.9666670000000011</v>
      </c>
      <c r="I187" s="40">
        <v>1.0858920708874065</v>
      </c>
      <c r="J187" s="40">
        <v>2.9666653154762201</v>
      </c>
      <c r="K187" s="40">
        <v>1.6671895806429582</v>
      </c>
      <c r="L187" s="40"/>
      <c r="M187" s="40"/>
      <c r="N187" s="40"/>
    </row>
    <row r="188" spans="4:14" x14ac:dyDescent="0.25">
      <c r="D188" s="40">
        <v>2.9998810000001428</v>
      </c>
      <c r="E188" s="40">
        <v>2.3936697946477459</v>
      </c>
      <c r="F188" s="40">
        <v>2.9833329999999876</v>
      </c>
      <c r="G188" s="40">
        <v>1.8793004364615595</v>
      </c>
      <c r="H188" s="40">
        <v>2.9833340000000135</v>
      </c>
      <c r="I188" s="40">
        <v>1.0958516694308589</v>
      </c>
      <c r="J188" s="40">
        <v>2.9833319761905099</v>
      </c>
      <c r="K188" s="40">
        <v>1.681600034014356</v>
      </c>
      <c r="L188" s="40"/>
      <c r="M188" s="40"/>
      <c r="N188" s="40"/>
    </row>
    <row r="189" spans="4:14" x14ac:dyDescent="0.25">
      <c r="D189" s="40">
        <v>3.0165470000001435</v>
      </c>
      <c r="E189" s="40">
        <v>2.4080568839871415</v>
      </c>
      <c r="F189" s="40">
        <v>3</v>
      </c>
      <c r="G189" s="40">
        <v>1.8934263086117742</v>
      </c>
      <c r="H189" s="40">
        <v>3</v>
      </c>
      <c r="I189" s="40">
        <v>1.1058112679741365</v>
      </c>
      <c r="J189" s="40">
        <v>2.99999863690479</v>
      </c>
      <c r="K189" s="40">
        <v>1.6911594436766482</v>
      </c>
      <c r="L189" s="40"/>
      <c r="M189" s="40"/>
      <c r="N189" s="40"/>
    </row>
    <row r="190" spans="4:14" x14ac:dyDescent="0.25">
      <c r="D190" s="40">
        <v>3.0332130000001443</v>
      </c>
      <c r="E190" s="40">
        <v>2.4272871519160852</v>
      </c>
      <c r="F190" s="40">
        <v>3.0166669999999982</v>
      </c>
      <c r="G190" s="40">
        <v>1.9075521807619891</v>
      </c>
      <c r="H190" s="40">
        <v>3.0166670000000124</v>
      </c>
      <c r="I190" s="40">
        <v>1.1157708665175892</v>
      </c>
      <c r="J190" s="40">
        <v>3.0166652976190802</v>
      </c>
      <c r="K190" s="40">
        <v>1.705569897048046</v>
      </c>
      <c r="L190" s="40"/>
      <c r="M190" s="40"/>
      <c r="N190" s="40"/>
    </row>
    <row r="191" spans="4:14" x14ac:dyDescent="0.25">
      <c r="D191" s="40">
        <v>3.049879000000145</v>
      </c>
      <c r="E191" s="40">
        <v>2.4416742412554813</v>
      </c>
      <c r="F191" s="40">
        <v>3.0333329999999989</v>
      </c>
      <c r="G191" s="40">
        <v>1.9216780529122035</v>
      </c>
      <c r="H191" s="40">
        <v>3.0333340000000106</v>
      </c>
      <c r="I191" s="40">
        <v>1.1257304650608664</v>
      </c>
      <c r="J191" s="40">
        <v>3.0333319583333598</v>
      </c>
      <c r="K191" s="40">
        <v>1.715271984466384</v>
      </c>
      <c r="L191" s="40"/>
      <c r="M191" s="40"/>
      <c r="N191" s="40"/>
    </row>
    <row r="192" spans="4:14" x14ac:dyDescent="0.25">
      <c r="D192" s="40">
        <v>3.0665450000001457</v>
      </c>
      <c r="E192" s="40">
        <v>2.4560613305948769</v>
      </c>
      <c r="F192" s="40">
        <v>3.0499999999999972</v>
      </c>
      <c r="G192" s="40">
        <v>1.9358039250624182</v>
      </c>
      <c r="H192" s="40">
        <v>3.0500000000000114</v>
      </c>
      <c r="I192" s="40">
        <v>1.135690063604319</v>
      </c>
      <c r="J192" s="40">
        <v>3.04999861904765</v>
      </c>
      <c r="K192" s="40">
        <v>1.7296824378377817</v>
      </c>
      <c r="L192" s="40"/>
      <c r="M192" s="40"/>
      <c r="N192" s="40"/>
    </row>
    <row r="193" spans="4:14" x14ac:dyDescent="0.25">
      <c r="D193" s="40">
        <v>3.0832110000001465</v>
      </c>
      <c r="E193" s="40">
        <v>2.4751491520946978</v>
      </c>
      <c r="F193" s="40">
        <v>3.0666669999999954</v>
      </c>
      <c r="G193" s="40">
        <v>1.9499297972126326</v>
      </c>
      <c r="H193" s="40">
        <v>3.0666670000000096</v>
      </c>
      <c r="I193" s="40">
        <v>1.1456496621477716</v>
      </c>
      <c r="J193" s="40">
        <v>3.0666652797619398</v>
      </c>
      <c r="K193" s="40">
        <v>1.7392418475000742</v>
      </c>
      <c r="L193" s="40"/>
      <c r="M193" s="40"/>
      <c r="N193" s="40"/>
    </row>
    <row r="194" spans="4:14" x14ac:dyDescent="0.25">
      <c r="D194" s="40">
        <v>3.0998770000001472</v>
      </c>
      <c r="E194" s="40">
        <v>2.4895362414340938</v>
      </c>
      <c r="F194" s="40">
        <v>3.0833329999999961</v>
      </c>
      <c r="G194" s="40">
        <v>1.9593004252727526</v>
      </c>
      <c r="H194" s="40">
        <v>3.0833340000000078</v>
      </c>
      <c r="I194" s="40">
        <v>1.1523551344342862</v>
      </c>
      <c r="J194" s="40">
        <v>3.0833319404762198</v>
      </c>
      <c r="K194" s="40">
        <v>1.7488012571622396</v>
      </c>
      <c r="L194" s="40"/>
      <c r="M194" s="40"/>
      <c r="N194" s="40"/>
    </row>
    <row r="195" spans="4:14" x14ac:dyDescent="0.25">
      <c r="D195" s="40">
        <v>3.1165430000001479</v>
      </c>
      <c r="E195" s="40">
        <v>2.5039233307734894</v>
      </c>
      <c r="F195" s="40">
        <v>3.0999999999999943</v>
      </c>
      <c r="G195" s="40">
        <v>1.9734262974229673</v>
      </c>
      <c r="H195" s="40">
        <v>3.1000000000000085</v>
      </c>
      <c r="I195" s="40">
        <v>1.1623147329777386</v>
      </c>
      <c r="J195" s="40">
        <v>3.0999986011905101</v>
      </c>
      <c r="K195" s="40">
        <v>1.7633543882898099</v>
      </c>
      <c r="L195" s="40"/>
      <c r="M195" s="40"/>
      <c r="N195" s="40"/>
    </row>
    <row r="196" spans="4:14" x14ac:dyDescent="0.25">
      <c r="D196" s="40">
        <v>3.1332090000001487</v>
      </c>
      <c r="E196" s="40">
        <v>2.518310420112885</v>
      </c>
      <c r="F196" s="40">
        <v>3.1166669999999925</v>
      </c>
      <c r="G196" s="40">
        <v>1.9875521695731815</v>
      </c>
      <c r="H196" s="40">
        <v>3.1166670000000067</v>
      </c>
      <c r="I196" s="40">
        <v>1.172274331521016</v>
      </c>
      <c r="J196" s="40">
        <v>3.1166652619047901</v>
      </c>
      <c r="K196" s="40">
        <v>1.7729137979519753</v>
      </c>
      <c r="L196" s="40"/>
      <c r="M196" s="40"/>
      <c r="N196" s="40"/>
    </row>
    <row r="197" spans="4:14" x14ac:dyDescent="0.25">
      <c r="D197" s="40">
        <v>3.1498750000001494</v>
      </c>
      <c r="E197" s="40">
        <v>2.5375406880418292</v>
      </c>
      <c r="F197" s="40">
        <v>3.1333329999999933</v>
      </c>
      <c r="G197" s="40">
        <v>1.9969227976331769</v>
      </c>
      <c r="H197" s="40">
        <v>3.1333340000000049</v>
      </c>
      <c r="I197" s="40">
        <v>1.1822339300644686</v>
      </c>
      <c r="J197" s="40">
        <v>3.1333319226190799</v>
      </c>
      <c r="K197" s="40">
        <v>1.7873242513233734</v>
      </c>
      <c r="L197" s="40"/>
      <c r="M197" s="40"/>
      <c r="N197" s="40"/>
    </row>
    <row r="198" spans="4:14" x14ac:dyDescent="0.25">
      <c r="D198" s="40">
        <v>3.1665410000001502</v>
      </c>
      <c r="E198" s="40">
        <v>2.5519277773812248</v>
      </c>
      <c r="F198" s="40">
        <v>3.1499999999999915</v>
      </c>
      <c r="G198" s="40">
        <v>2.0110486697835159</v>
      </c>
      <c r="H198" s="40">
        <v>3.1500000000000057</v>
      </c>
      <c r="I198" s="40">
        <v>1.1921935286077461</v>
      </c>
      <c r="J198" s="40">
        <v>3.1499985833333599</v>
      </c>
      <c r="K198" s="40">
        <v>1.7968836609856655</v>
      </c>
      <c r="L198" s="40"/>
      <c r="M198" s="40"/>
      <c r="N198" s="40"/>
    </row>
    <row r="199" spans="4:14" x14ac:dyDescent="0.25">
      <c r="D199" s="40">
        <v>3.1832070000001509</v>
      </c>
      <c r="E199" s="40">
        <v>2.5663148667206204</v>
      </c>
      <c r="F199" s="40">
        <v>3.1666669999999897</v>
      </c>
      <c r="G199" s="40">
        <v>2.0251745419337301</v>
      </c>
      <c r="H199" s="40">
        <v>3.1666670000000039</v>
      </c>
      <c r="I199" s="40">
        <v>1.2021531271511987</v>
      </c>
      <c r="J199" s="40">
        <v>3.1666652440476502</v>
      </c>
      <c r="K199" s="40">
        <v>1.8065857484040035</v>
      </c>
      <c r="L199" s="40"/>
      <c r="M199" s="40"/>
      <c r="N199" s="40"/>
    </row>
    <row r="200" spans="4:14" x14ac:dyDescent="0.25">
      <c r="D200" s="40">
        <v>3.1998730000001516</v>
      </c>
      <c r="E200" s="40">
        <v>2.5807019560600164</v>
      </c>
      <c r="F200" s="40">
        <v>3.1833329999999904</v>
      </c>
      <c r="G200" s="40">
        <v>2.0346850301140451</v>
      </c>
      <c r="H200" s="40">
        <v>3.1833340000000021</v>
      </c>
      <c r="I200" s="40">
        <v>1.2121127256946513</v>
      </c>
      <c r="J200" s="40">
        <v>3.1833319047619399</v>
      </c>
      <c r="K200" s="40">
        <v>1.8209962017754016</v>
      </c>
      <c r="L200" s="40"/>
      <c r="M200" s="40"/>
      <c r="N200" s="40"/>
    </row>
    <row r="201" spans="4:14" x14ac:dyDescent="0.25">
      <c r="D201" s="40">
        <v>3.2165390000001524</v>
      </c>
      <c r="E201" s="40">
        <v>2.5950890453995386</v>
      </c>
      <c r="F201" s="40">
        <v>3.1999999999999886</v>
      </c>
      <c r="G201" s="40">
        <v>2.0488109022642593</v>
      </c>
      <c r="H201" s="40">
        <v>3.2000000000000028</v>
      </c>
      <c r="I201" s="40">
        <v>1.2187195880946715</v>
      </c>
      <c r="J201" s="40">
        <v>3.19999856547622</v>
      </c>
      <c r="K201" s="40">
        <v>1.8305556114376937</v>
      </c>
      <c r="L201" s="40"/>
      <c r="M201" s="40"/>
      <c r="N201" s="40"/>
    </row>
    <row r="202" spans="4:14" x14ac:dyDescent="0.25">
      <c r="D202" s="40">
        <v>3.2332050000001531</v>
      </c>
      <c r="E202" s="40">
        <v>2.6094761347389337</v>
      </c>
      <c r="F202" s="40">
        <v>3.2166670000000011</v>
      </c>
      <c r="G202" s="40">
        <v>2.0581815303242545</v>
      </c>
      <c r="H202" s="40">
        <v>3.2166670000000011</v>
      </c>
      <c r="I202" s="40">
        <v>1.228679186637949</v>
      </c>
      <c r="J202" s="40">
        <v>3.2166652261905102</v>
      </c>
      <c r="K202" s="40">
        <v>1.8401150210998591</v>
      </c>
      <c r="L202" s="40"/>
      <c r="M202" s="40"/>
      <c r="N202" s="40"/>
    </row>
    <row r="203" spans="4:14" x14ac:dyDescent="0.25">
      <c r="D203" s="40">
        <v>3.2498710000001538</v>
      </c>
      <c r="E203" s="40">
        <v>2.6287064026677514</v>
      </c>
      <c r="F203" s="40">
        <v>3.2333329999999876</v>
      </c>
      <c r="G203" s="40">
        <v>2.072307402474594</v>
      </c>
      <c r="H203" s="40">
        <v>3.2333340000000135</v>
      </c>
      <c r="I203" s="40">
        <v>1.2386387851814016</v>
      </c>
      <c r="J203" s="40">
        <v>3.2333318869047898</v>
      </c>
      <c r="K203" s="40">
        <v>1.8545254744712572</v>
      </c>
      <c r="L203" s="40"/>
      <c r="M203" s="40"/>
      <c r="N203" s="40"/>
    </row>
    <row r="204" spans="4:14" x14ac:dyDescent="0.25">
      <c r="D204" s="40">
        <v>3.2665370000001546</v>
      </c>
      <c r="E204" s="40">
        <v>2.6430934920072735</v>
      </c>
      <c r="F204" s="40">
        <v>3.25</v>
      </c>
      <c r="G204" s="40">
        <v>2.0864332746248082</v>
      </c>
      <c r="H204" s="40">
        <v>3.25</v>
      </c>
      <c r="I204" s="40">
        <v>1.2485983837246788</v>
      </c>
      <c r="J204" s="40">
        <v>3.24999854761908</v>
      </c>
      <c r="K204" s="40">
        <v>1.8642275618897217</v>
      </c>
      <c r="L204" s="40"/>
      <c r="M204" s="40"/>
      <c r="N204" s="40"/>
    </row>
    <row r="205" spans="4:14" x14ac:dyDescent="0.25">
      <c r="D205" s="40">
        <v>3.2832030000001553</v>
      </c>
      <c r="E205" s="40">
        <v>2.6623237599360912</v>
      </c>
      <c r="F205" s="40">
        <v>3.2666669999999982</v>
      </c>
      <c r="G205" s="40">
        <v>2.0959437628051223</v>
      </c>
      <c r="H205" s="40">
        <v>3.2666670000000124</v>
      </c>
      <c r="I205" s="40">
        <v>1.2553038560113685</v>
      </c>
      <c r="J205" s="40">
        <v>3.2666652083333698</v>
      </c>
      <c r="K205" s="40">
        <v>1.8737869715518873</v>
      </c>
      <c r="L205" s="40"/>
      <c r="M205" s="40"/>
      <c r="N205" s="40"/>
    </row>
    <row r="206" spans="4:14" x14ac:dyDescent="0.25">
      <c r="D206" s="40">
        <v>3.299869000000156</v>
      </c>
      <c r="E206" s="40">
        <v>2.6814115814359125</v>
      </c>
      <c r="F206" s="40">
        <v>3.2833329999999989</v>
      </c>
      <c r="G206" s="40">
        <v>2.1100696349553369</v>
      </c>
      <c r="H206" s="40">
        <v>3.2833340000000106</v>
      </c>
      <c r="I206" s="40">
        <v>1.2652634545548211</v>
      </c>
      <c r="J206" s="40">
        <v>3.2833318690476498</v>
      </c>
      <c r="K206" s="40">
        <v>1.8833463812141795</v>
      </c>
      <c r="L206" s="40"/>
      <c r="M206" s="40"/>
      <c r="N206" s="40"/>
    </row>
    <row r="207" spans="4:14" x14ac:dyDescent="0.25">
      <c r="D207" s="40">
        <v>3.3165350000001568</v>
      </c>
      <c r="E207" s="40">
        <v>2.7006418493648563</v>
      </c>
      <c r="F207" s="40">
        <v>3.2999999999999972</v>
      </c>
      <c r="G207" s="40">
        <v>2.119440263015457</v>
      </c>
      <c r="H207" s="40">
        <v>3.3000000000000114</v>
      </c>
      <c r="I207" s="40">
        <v>1.2752230530980984</v>
      </c>
      <c r="J207" s="40">
        <v>3.2999985297619401</v>
      </c>
      <c r="K207" s="40">
        <v>1.8930484686325175</v>
      </c>
      <c r="L207" s="40"/>
      <c r="M207" s="40"/>
      <c r="N207" s="40"/>
    </row>
    <row r="208" spans="4:14" x14ac:dyDescent="0.25">
      <c r="D208" s="40">
        <v>3.3332010000001575</v>
      </c>
      <c r="E208" s="40">
        <v>2.7198721172938005</v>
      </c>
      <c r="F208" s="40">
        <v>3.3166669999999954</v>
      </c>
      <c r="G208" s="40">
        <v>2.1335661351656716</v>
      </c>
      <c r="H208" s="40">
        <v>3.3166670000000096</v>
      </c>
      <c r="I208" s="40">
        <v>1.2818299154981188</v>
      </c>
      <c r="J208" s="40">
        <v>3.3166651904762201</v>
      </c>
      <c r="K208" s="40">
        <v>1.9026078782946829</v>
      </c>
      <c r="L208" s="40"/>
      <c r="M208" s="40"/>
      <c r="N208" s="40"/>
    </row>
    <row r="209" spans="4:14" x14ac:dyDescent="0.25">
      <c r="D209" s="40">
        <v>3.3498670000001582</v>
      </c>
      <c r="E209" s="40">
        <v>2.7391023852226177</v>
      </c>
      <c r="F209" s="40">
        <v>3.3333329999999961</v>
      </c>
      <c r="G209" s="40">
        <v>2.1429367632256668</v>
      </c>
      <c r="H209" s="40">
        <v>3.3333340000000078</v>
      </c>
      <c r="I209" s="40">
        <v>1.2917895140415712</v>
      </c>
      <c r="J209" s="40">
        <v>3.3333318511905099</v>
      </c>
      <c r="K209" s="40">
        <v>1.9121672879569753</v>
      </c>
      <c r="L209" s="40"/>
      <c r="M209" s="40"/>
      <c r="N209" s="40"/>
    </row>
    <row r="210" spans="4:14" x14ac:dyDescent="0.25">
      <c r="D210" s="40">
        <v>3.366533000000159</v>
      </c>
      <c r="E210" s="40">
        <v>2.7581902067224386</v>
      </c>
      <c r="F210" s="40">
        <v>3.3499999999999943</v>
      </c>
      <c r="G210" s="40">
        <v>2.1570626353758811</v>
      </c>
      <c r="H210" s="40">
        <v>3.3500000000000085</v>
      </c>
      <c r="I210" s="40">
        <v>1.3017491125850238</v>
      </c>
      <c r="J210" s="40">
        <v>3.3499985119047899</v>
      </c>
      <c r="K210" s="40">
        <v>1.9265777413283731</v>
      </c>
      <c r="L210" s="40"/>
      <c r="M210" s="40"/>
      <c r="N210" s="40"/>
    </row>
    <row r="211" spans="4:14" x14ac:dyDescent="0.25">
      <c r="D211" s="40">
        <v>3.3831990000001597</v>
      </c>
      <c r="E211" s="40">
        <v>2.7774204746513829</v>
      </c>
      <c r="F211" s="40">
        <v>3.3666669999999925</v>
      </c>
      <c r="G211" s="40">
        <v>2.1665731235563199</v>
      </c>
      <c r="H211" s="40">
        <v>3.3666670000000067</v>
      </c>
      <c r="I211" s="40">
        <v>1.3117087111283012</v>
      </c>
      <c r="J211" s="40">
        <v>3.3666651726190802</v>
      </c>
      <c r="K211" s="40">
        <v>1.9362798287467111</v>
      </c>
      <c r="L211" s="40"/>
      <c r="M211" s="40"/>
      <c r="N211" s="40"/>
    </row>
    <row r="212" spans="4:14" x14ac:dyDescent="0.25">
      <c r="D212" s="40">
        <v>3.3998650000001605</v>
      </c>
      <c r="E212" s="40">
        <v>2.7966507425803271</v>
      </c>
      <c r="F212" s="40">
        <v>3.3833329999999933</v>
      </c>
      <c r="G212" s="40">
        <v>2.1806989957065346</v>
      </c>
      <c r="H212" s="40">
        <v>3.3833340000000049</v>
      </c>
      <c r="I212" s="40">
        <v>1.3216683096717539</v>
      </c>
      <c r="J212" s="40">
        <v>3.38333183333337</v>
      </c>
      <c r="K212" s="40">
        <v>1.9458392384090033</v>
      </c>
      <c r="L212" s="40"/>
      <c r="M212" s="40"/>
      <c r="N212" s="40"/>
    </row>
    <row r="213" spans="4:14" x14ac:dyDescent="0.25">
      <c r="D213" s="40">
        <v>3.4165310000001612</v>
      </c>
      <c r="E213" s="40">
        <v>2.8157385640801484</v>
      </c>
      <c r="F213" s="40">
        <v>3.3999999999999915</v>
      </c>
      <c r="G213" s="40">
        <v>2.1900696237665298</v>
      </c>
      <c r="H213" s="40">
        <v>3.4000000000000057</v>
      </c>
      <c r="I213" s="40">
        <v>1.3283737819582682</v>
      </c>
      <c r="J213" s="40">
        <v>3.39999849404765</v>
      </c>
      <c r="K213" s="40">
        <v>1.9555413258273415</v>
      </c>
      <c r="L213" s="40"/>
      <c r="M213" s="40"/>
      <c r="N213" s="40"/>
    </row>
    <row r="214" spans="4:14" x14ac:dyDescent="0.25">
      <c r="D214" s="40">
        <v>3.4331970000001619</v>
      </c>
      <c r="E214" s="40">
        <v>2.8349688320090927</v>
      </c>
      <c r="F214" s="40">
        <v>3.4166669999999897</v>
      </c>
      <c r="G214" s="40">
        <v>2.1994402518266494</v>
      </c>
      <c r="H214" s="40">
        <v>3.4166670000000039</v>
      </c>
      <c r="I214" s="40">
        <v>1.338333380501721</v>
      </c>
      <c r="J214" s="40">
        <v>3.4166651547619402</v>
      </c>
      <c r="K214" s="40">
        <v>1.9651007354895069</v>
      </c>
      <c r="L214" s="40"/>
      <c r="M214" s="40"/>
      <c r="N214" s="40"/>
    </row>
    <row r="215" spans="4:14" x14ac:dyDescent="0.25">
      <c r="D215" s="40">
        <v>3.4498630000001627</v>
      </c>
      <c r="E215" s="40">
        <v>2.8588998320983352</v>
      </c>
      <c r="F215" s="40">
        <v>3.4333329999999904</v>
      </c>
      <c r="G215" s="40">
        <v>2.213566123976864</v>
      </c>
      <c r="H215" s="40">
        <v>3.4333340000000021</v>
      </c>
      <c r="I215" s="40">
        <v>1.3482929790449985</v>
      </c>
      <c r="J215" s="40">
        <v>3.4333318154762198</v>
      </c>
      <c r="K215" s="40">
        <v>1.9795111888609045</v>
      </c>
      <c r="L215" s="40"/>
      <c r="M215" s="40"/>
      <c r="N215" s="40"/>
    </row>
    <row r="216" spans="4:14" x14ac:dyDescent="0.25">
      <c r="D216" s="40">
        <v>3.4665290000001634</v>
      </c>
      <c r="E216" s="40">
        <v>2.8781301000272794</v>
      </c>
      <c r="F216" s="40">
        <v>3.4499999999999886</v>
      </c>
      <c r="G216" s="40">
        <v>2.2230766121571781</v>
      </c>
      <c r="H216" s="40">
        <v>3.4500000000000028</v>
      </c>
      <c r="I216" s="40">
        <v>1.3582525775884509</v>
      </c>
      <c r="J216" s="40">
        <v>3.44999847619051</v>
      </c>
      <c r="K216" s="40">
        <v>1.9890705985231971</v>
      </c>
      <c r="L216" s="40"/>
      <c r="M216" s="40"/>
      <c r="N216" s="40"/>
    </row>
    <row r="217" spans="4:14" x14ac:dyDescent="0.25">
      <c r="D217" s="40">
        <v>3.4831950000001641</v>
      </c>
      <c r="E217" s="40">
        <v>2.8973603679562236</v>
      </c>
      <c r="F217" s="40">
        <v>3.4666670000000011</v>
      </c>
      <c r="G217" s="40">
        <v>2.2324472402171738</v>
      </c>
      <c r="H217" s="40">
        <v>3.4666670000000011</v>
      </c>
      <c r="I217" s="40">
        <v>1.3682121761317283</v>
      </c>
      <c r="J217" s="40">
        <v>3.4666651369047998</v>
      </c>
      <c r="K217" s="40">
        <v>2.0034810518945947</v>
      </c>
      <c r="L217" s="40"/>
      <c r="M217" s="40"/>
      <c r="N217" s="40"/>
    </row>
    <row r="218" spans="4:14" x14ac:dyDescent="0.25">
      <c r="D218" s="40">
        <v>3.4998610000001649</v>
      </c>
      <c r="E218" s="40">
        <v>2.9165906358850409</v>
      </c>
      <c r="F218" s="40">
        <v>3.4833329999999876</v>
      </c>
      <c r="G218" s="40">
        <v>2.2465731123675123</v>
      </c>
      <c r="H218" s="40">
        <v>3.4833340000000135</v>
      </c>
      <c r="I218" s="40">
        <v>1.3781717746751809</v>
      </c>
      <c r="J218" s="40">
        <v>3.4833317976190799</v>
      </c>
      <c r="K218" s="40">
        <v>2.0131831393129329</v>
      </c>
      <c r="L218" s="40"/>
      <c r="M218" s="40"/>
      <c r="N218" s="40"/>
    </row>
    <row r="219" spans="4:14" x14ac:dyDescent="0.25">
      <c r="D219" s="40">
        <v>3.5165270000001656</v>
      </c>
      <c r="E219" s="40">
        <v>2.9356784573848618</v>
      </c>
      <c r="F219" s="40">
        <v>3.5</v>
      </c>
      <c r="G219" s="40">
        <v>2.2560836005478269</v>
      </c>
      <c r="H219" s="40">
        <v>3.5</v>
      </c>
      <c r="I219" s="40">
        <v>1.3881313732186333</v>
      </c>
      <c r="J219" s="40">
        <v>3.4999984583333701</v>
      </c>
      <c r="K219" s="40">
        <v>2.0227425489752253</v>
      </c>
      <c r="L219" s="40"/>
      <c r="M219" s="40"/>
      <c r="N219" s="40"/>
    </row>
    <row r="220" spans="4:14" x14ac:dyDescent="0.25">
      <c r="D220" s="40">
        <v>3.5331930000001663</v>
      </c>
      <c r="E220" s="40">
        <v>2.954908725313806</v>
      </c>
      <c r="F220" s="40">
        <v>3.5166669999999982</v>
      </c>
      <c r="G220" s="40">
        <v>2.2702094726980415</v>
      </c>
      <c r="H220" s="40">
        <v>3.5166670000000124</v>
      </c>
      <c r="I220" s="40">
        <v>1.3980909717619108</v>
      </c>
      <c r="J220" s="40">
        <v>3.5166651190476501</v>
      </c>
      <c r="K220" s="40">
        <v>2.0323019586373907</v>
      </c>
      <c r="L220" s="40"/>
      <c r="M220" s="40"/>
      <c r="N220" s="40"/>
    </row>
    <row r="221" spans="4:14" x14ac:dyDescent="0.25">
      <c r="D221" s="40">
        <v>3.5498590000001671</v>
      </c>
      <c r="E221" s="40">
        <v>2.9741389932427502</v>
      </c>
      <c r="F221" s="40">
        <v>3.5333329999999989</v>
      </c>
      <c r="G221" s="40">
        <v>2.2795801007580367</v>
      </c>
      <c r="H221" s="40">
        <v>3.5333340000000106</v>
      </c>
      <c r="I221" s="40">
        <v>1.4080505703053634</v>
      </c>
      <c r="J221" s="40">
        <v>3.5333317797619399</v>
      </c>
      <c r="K221" s="40">
        <v>2.0467124120087883</v>
      </c>
      <c r="L221" s="40"/>
      <c r="M221" s="40"/>
      <c r="N221" s="40"/>
    </row>
    <row r="222" spans="4:14" x14ac:dyDescent="0.25">
      <c r="D222" s="40">
        <v>3.5665250000001678</v>
      </c>
      <c r="E222" s="40">
        <v>2.9932268147425711</v>
      </c>
      <c r="F222" s="40">
        <v>3.5499999999999972</v>
      </c>
      <c r="G222" s="40">
        <v>2.2889507288181568</v>
      </c>
      <c r="H222" s="40">
        <v>3.5500000000000114</v>
      </c>
      <c r="I222" s="40">
        <v>1.4180101688486408</v>
      </c>
      <c r="J222" s="40">
        <v>3.5499984404762199</v>
      </c>
      <c r="K222" s="40">
        <v>2.0564144994272531</v>
      </c>
      <c r="L222" s="40"/>
      <c r="M222" s="40"/>
      <c r="N222" s="40"/>
    </row>
    <row r="223" spans="4:14" x14ac:dyDescent="0.25">
      <c r="D223" s="40">
        <v>3.5831910000001685</v>
      </c>
      <c r="E223" s="40">
        <v>3.0124570826713888</v>
      </c>
      <c r="F223" s="40">
        <v>3.5666669999999954</v>
      </c>
      <c r="G223" s="40">
        <v>2.3030766009683714</v>
      </c>
      <c r="H223" s="40">
        <v>3.5666670000000096</v>
      </c>
      <c r="I223" s="40">
        <v>1.424617031248661</v>
      </c>
      <c r="J223" s="40">
        <v>3.5666651011905102</v>
      </c>
      <c r="K223" s="40">
        <v>2.0659739090894189</v>
      </c>
      <c r="L223" s="40"/>
      <c r="M223" s="40"/>
      <c r="N223" s="40"/>
    </row>
    <row r="224" spans="4:14" x14ac:dyDescent="0.25">
      <c r="D224" s="40">
        <v>3.5998570000001693</v>
      </c>
      <c r="E224" s="40">
        <v>3.031687350600333</v>
      </c>
      <c r="F224" s="40">
        <v>3.5833329999999961</v>
      </c>
      <c r="G224" s="40">
        <v>2.3125870891486855</v>
      </c>
      <c r="H224" s="40">
        <v>3.5833340000000078</v>
      </c>
      <c r="I224" s="40">
        <v>1.4345766297921139</v>
      </c>
      <c r="J224" s="40">
        <v>3.5833317619048</v>
      </c>
      <c r="K224" s="40">
        <v>2.0755333187517109</v>
      </c>
      <c r="L224" s="40"/>
      <c r="M224" s="40"/>
      <c r="N224" s="40"/>
    </row>
    <row r="225" spans="4:14" x14ac:dyDescent="0.25">
      <c r="D225" s="40">
        <v>3.61652300000017</v>
      </c>
      <c r="E225" s="40">
        <v>3.0507751721001539</v>
      </c>
      <c r="F225" s="40">
        <v>3.5999999999999943</v>
      </c>
      <c r="G225" s="40">
        <v>2.3267129612989002</v>
      </c>
      <c r="H225" s="40">
        <v>3.6000000000000085</v>
      </c>
      <c r="I225" s="40">
        <v>1.4445362283355663</v>
      </c>
      <c r="J225" s="40">
        <v>3.59999842261908</v>
      </c>
      <c r="K225" s="40">
        <v>2.0852354061700491</v>
      </c>
      <c r="L225" s="40"/>
      <c r="M225" s="40"/>
      <c r="N225" s="40"/>
    </row>
    <row r="226" spans="4:14" x14ac:dyDescent="0.25">
      <c r="D226" s="40">
        <v>3.6331890000001708</v>
      </c>
      <c r="E226" s="40">
        <v>3.0651622614395495</v>
      </c>
      <c r="F226" s="40">
        <v>3.6166669999999925</v>
      </c>
      <c r="G226" s="40">
        <v>2.3360835893590197</v>
      </c>
      <c r="H226" s="40">
        <v>3.6166670000000067</v>
      </c>
      <c r="I226" s="40">
        <v>1.4512417006220808</v>
      </c>
      <c r="J226" s="40">
        <v>3.6166650833333698</v>
      </c>
      <c r="K226" s="40">
        <v>2.0996458595414467</v>
      </c>
      <c r="L226" s="40"/>
      <c r="M226" s="40"/>
      <c r="N226" s="40"/>
    </row>
    <row r="227" spans="4:14" x14ac:dyDescent="0.25">
      <c r="D227" s="40">
        <v>3.6498550000001715</v>
      </c>
      <c r="E227" s="40">
        <v>3.0795493507789455</v>
      </c>
      <c r="F227" s="40">
        <v>3.6333329999999933</v>
      </c>
      <c r="G227" s="40">
        <v>2.3502094615092344</v>
      </c>
      <c r="H227" s="40">
        <v>3.6333340000000049</v>
      </c>
      <c r="I227" s="40">
        <v>1.4612012991655334</v>
      </c>
      <c r="J227" s="40">
        <v>3.6333317440476498</v>
      </c>
      <c r="K227" s="40">
        <v>2.1092052692036125</v>
      </c>
      <c r="L227" s="40"/>
      <c r="M227" s="40"/>
      <c r="N227" s="40"/>
    </row>
    <row r="228" spans="4:14" x14ac:dyDescent="0.25">
      <c r="D228" s="40">
        <v>3.6665210000001722</v>
      </c>
      <c r="E228" s="40">
        <v>3.0987796187078893</v>
      </c>
      <c r="F228" s="40">
        <v>3.6499999999999915</v>
      </c>
      <c r="G228" s="40">
        <v>2.3595800895692296</v>
      </c>
      <c r="H228" s="40">
        <v>3.6500000000000057</v>
      </c>
      <c r="I228" s="40">
        <v>1.4711608977088106</v>
      </c>
      <c r="J228" s="40">
        <v>3.64999840476194</v>
      </c>
      <c r="K228" s="40">
        <v>2.1187646788659045</v>
      </c>
      <c r="L228" s="40"/>
      <c r="M228" s="40"/>
      <c r="N228" s="40"/>
    </row>
    <row r="229" spans="4:14" x14ac:dyDescent="0.25">
      <c r="D229" s="40">
        <v>3.683187000000173</v>
      </c>
      <c r="E229" s="40">
        <v>3.1131667080472849</v>
      </c>
      <c r="F229" s="40">
        <v>3.6666669999999897</v>
      </c>
      <c r="G229" s="40">
        <v>2.3737059617194443</v>
      </c>
      <c r="H229" s="40">
        <v>3.6666670000000039</v>
      </c>
      <c r="I229" s="40">
        <v>1.477767760109006</v>
      </c>
      <c r="J229" s="40">
        <v>3.6666650654762298</v>
      </c>
      <c r="K229" s="40">
        <v>2.1284667662842427</v>
      </c>
      <c r="L229" s="40"/>
      <c r="M229" s="40"/>
      <c r="N229" s="40"/>
    </row>
    <row r="230" spans="4:14" x14ac:dyDescent="0.25">
      <c r="D230" s="40">
        <v>3.6998530000001737</v>
      </c>
      <c r="E230" s="40">
        <v>3.1275537973866805</v>
      </c>
      <c r="F230" s="40">
        <v>3.6833329999999904</v>
      </c>
      <c r="G230" s="40">
        <v>2.3832164498998827</v>
      </c>
      <c r="H230" s="40">
        <v>3.6833340000000021</v>
      </c>
      <c r="I230" s="40">
        <v>1.4877273586522834</v>
      </c>
      <c r="J230" s="40">
        <v>3.6833317261905099</v>
      </c>
      <c r="K230" s="40">
        <v>2.1380261759465347</v>
      </c>
      <c r="L230" s="40"/>
      <c r="M230" s="40"/>
      <c r="N230" s="40"/>
    </row>
    <row r="231" spans="4:14" x14ac:dyDescent="0.25">
      <c r="D231" s="40">
        <v>3.7165190000001744</v>
      </c>
      <c r="E231" s="40">
        <v>3.1419408867260765</v>
      </c>
      <c r="F231" s="40">
        <v>3.6999999999999886</v>
      </c>
      <c r="G231" s="40">
        <v>2.3925870779598779</v>
      </c>
      <c r="H231" s="40">
        <v>3.7000000000000028</v>
      </c>
      <c r="I231" s="40">
        <v>1.4976869571957361</v>
      </c>
      <c r="J231" s="40">
        <v>3.6999983869048001</v>
      </c>
      <c r="K231" s="40">
        <v>2.1477282633648729</v>
      </c>
      <c r="L231" s="40"/>
      <c r="M231" s="40"/>
      <c r="N231" s="40"/>
    </row>
    <row r="232" spans="4:14" x14ac:dyDescent="0.25">
      <c r="D232" s="40">
        <v>3.7331850000001752</v>
      </c>
      <c r="E232" s="40">
        <v>3.1563279760655987</v>
      </c>
      <c r="F232" s="40">
        <v>3.7166670000000011</v>
      </c>
      <c r="G232" s="40">
        <v>2.4067129501100926</v>
      </c>
      <c r="H232" s="40">
        <v>3.7166670000000011</v>
      </c>
      <c r="I232" s="40">
        <v>1.5042938195957563</v>
      </c>
      <c r="J232" s="40">
        <v>3.7166650476190801</v>
      </c>
      <c r="K232" s="40">
        <v>2.1621387167362709</v>
      </c>
      <c r="L232" s="40"/>
      <c r="M232" s="40"/>
      <c r="N232" s="40"/>
    </row>
    <row r="233" spans="4:14" x14ac:dyDescent="0.25">
      <c r="D233" s="40">
        <v>3.7498510000001759</v>
      </c>
      <c r="E233" s="40">
        <v>3.1660143332445685</v>
      </c>
      <c r="F233" s="40">
        <v>3.7333329999999876</v>
      </c>
      <c r="G233" s="40">
        <v>2.4162234382905314</v>
      </c>
      <c r="H233" s="40">
        <v>3.7333340000000135</v>
      </c>
      <c r="I233" s="40">
        <v>1.5142534181390337</v>
      </c>
      <c r="J233" s="40">
        <v>3.7333317083333699</v>
      </c>
      <c r="K233" s="40">
        <v>2.1716981263985629</v>
      </c>
      <c r="L233" s="40"/>
      <c r="M233" s="40"/>
      <c r="N233" s="40"/>
    </row>
    <row r="234" spans="4:14" x14ac:dyDescent="0.25">
      <c r="D234" s="40">
        <v>3.7665170000001766</v>
      </c>
      <c r="E234" s="40">
        <v>3.1804014225839645</v>
      </c>
      <c r="F234" s="40">
        <v>3.75</v>
      </c>
      <c r="G234" s="40">
        <v>2.4255940663505267</v>
      </c>
      <c r="H234" s="40">
        <v>3.75</v>
      </c>
      <c r="I234" s="40">
        <v>1.5242130166824863</v>
      </c>
      <c r="J234" s="40">
        <v>3.7499983690476602</v>
      </c>
      <c r="K234" s="40">
        <v>2.1812575360607283</v>
      </c>
      <c r="L234" s="40"/>
      <c r="M234" s="40"/>
      <c r="N234" s="40"/>
    </row>
    <row r="235" spans="4:14" x14ac:dyDescent="0.25">
      <c r="D235" s="40">
        <v>3.7831830000001774</v>
      </c>
      <c r="E235" s="40">
        <v>3.1947885119233601</v>
      </c>
      <c r="F235" s="40">
        <v>3.7666669999999982</v>
      </c>
      <c r="G235" s="40">
        <v>2.4397199385007409</v>
      </c>
      <c r="H235" s="40">
        <v>3.7666670000000124</v>
      </c>
      <c r="I235" s="40">
        <v>1.530918488969176</v>
      </c>
      <c r="J235" s="40">
        <v>3.7666650297619402</v>
      </c>
      <c r="K235" s="40">
        <v>2.190959623479066</v>
      </c>
      <c r="L235" s="40"/>
      <c r="M235" s="40"/>
      <c r="N235" s="40"/>
    </row>
    <row r="236" spans="4:14" x14ac:dyDescent="0.25">
      <c r="D236" s="40">
        <v>3.7998490000001781</v>
      </c>
      <c r="E236" s="40">
        <v>3.2043324226733336</v>
      </c>
      <c r="F236" s="40">
        <v>3.7833329999999989</v>
      </c>
      <c r="G236" s="40">
        <v>2.4490905665608609</v>
      </c>
      <c r="H236" s="40">
        <v>3.7833340000000106</v>
      </c>
      <c r="I236" s="40">
        <v>1.5408780875124533</v>
      </c>
      <c r="J236" s="40">
        <v>3.78333169047623</v>
      </c>
      <c r="K236" s="40">
        <v>2.2005190331413584</v>
      </c>
      <c r="L236" s="40"/>
      <c r="M236" s="40"/>
      <c r="N236" s="40"/>
    </row>
    <row r="237" spans="4:14" x14ac:dyDescent="0.25">
      <c r="D237" s="40">
        <v>3.8165150000001788</v>
      </c>
      <c r="E237" s="40">
        <v>3.213876333423181</v>
      </c>
      <c r="F237" s="40">
        <v>3.7999999999999972</v>
      </c>
      <c r="G237" s="40">
        <v>2.4632164387110755</v>
      </c>
      <c r="H237" s="40">
        <v>3.8000000000000114</v>
      </c>
      <c r="I237" s="40">
        <v>1.5508376860559059</v>
      </c>
      <c r="J237" s="40">
        <v>3.79999835119051</v>
      </c>
      <c r="K237" s="40">
        <v>2.2149294865127565</v>
      </c>
      <c r="L237" s="40"/>
      <c r="M237" s="40"/>
      <c r="N237" s="40"/>
    </row>
    <row r="238" spans="4:14" x14ac:dyDescent="0.25">
      <c r="D238" s="40">
        <v>3.8331810000001796</v>
      </c>
      <c r="E238" s="40">
        <v>3.2235626906021517</v>
      </c>
      <c r="F238" s="40">
        <v>3.8166669999999954</v>
      </c>
      <c r="G238" s="40">
        <v>2.4727269268913896</v>
      </c>
      <c r="H238" s="40">
        <v>3.8166670000000096</v>
      </c>
      <c r="I238" s="40">
        <v>1.5574445484559261</v>
      </c>
      <c r="J238" s="40">
        <v>3.8166650119047998</v>
      </c>
      <c r="K238" s="40">
        <v>2.2244888961749218</v>
      </c>
      <c r="L238" s="40"/>
      <c r="M238" s="40"/>
      <c r="N238" s="40"/>
    </row>
    <row r="239" spans="4:14" x14ac:dyDescent="0.25">
      <c r="D239" s="40">
        <v>3.8498470000001803</v>
      </c>
      <c r="E239" s="40">
        <v>3.2331066013521252</v>
      </c>
      <c r="F239" s="40">
        <v>3.8333329999999961</v>
      </c>
      <c r="G239" s="40">
        <v>2.4868527990416043</v>
      </c>
      <c r="H239" s="40">
        <v>3.8333340000000078</v>
      </c>
      <c r="I239" s="40">
        <v>1.5674041469993787</v>
      </c>
      <c r="J239" s="40">
        <v>3.8333316726190798</v>
      </c>
      <c r="K239" s="40">
        <v>2.2341909835933866</v>
      </c>
      <c r="L239" s="40"/>
      <c r="M239" s="40"/>
      <c r="N239" s="40"/>
    </row>
    <row r="240" spans="4:14" x14ac:dyDescent="0.25">
      <c r="D240" s="40">
        <v>3.8665130000001811</v>
      </c>
      <c r="E240" s="40">
        <v>3.2426505121019726</v>
      </c>
      <c r="F240" s="40">
        <v>3.8499999999999943</v>
      </c>
      <c r="G240" s="40">
        <v>2.4962234271017238</v>
      </c>
      <c r="H240" s="40">
        <v>3.8500000000000085</v>
      </c>
      <c r="I240" s="40">
        <v>1.5773637455426561</v>
      </c>
      <c r="J240" s="40">
        <v>3.84999833333337</v>
      </c>
      <c r="K240" s="40">
        <v>2.243750393255552</v>
      </c>
      <c r="L240" s="40"/>
      <c r="M240" s="40"/>
      <c r="N240" s="40"/>
    </row>
    <row r="241" spans="4:14" x14ac:dyDescent="0.25">
      <c r="D241" s="40">
        <v>3.8831790000001818</v>
      </c>
      <c r="E241" s="40">
        <v>3.2523368692809425</v>
      </c>
      <c r="F241" s="40">
        <v>3.8666669999999925</v>
      </c>
      <c r="G241" s="40">
        <v>2.5055940551617191</v>
      </c>
      <c r="H241" s="40">
        <v>3.8666670000000067</v>
      </c>
      <c r="I241" s="40">
        <v>1.5840692178293456</v>
      </c>
      <c r="J241" s="40">
        <v>3.8666649940476598</v>
      </c>
      <c r="K241" s="40">
        <v>2.2533098029177179</v>
      </c>
      <c r="L241" s="40"/>
      <c r="M241" s="40"/>
      <c r="N241" s="40"/>
    </row>
    <row r="242" spans="4:14" x14ac:dyDescent="0.25">
      <c r="D242" s="40">
        <v>3.8998450000001825</v>
      </c>
      <c r="E242" s="40">
        <v>3.2618807800309164</v>
      </c>
      <c r="F242" s="40">
        <v>3.8833329999999933</v>
      </c>
      <c r="G242" s="40">
        <v>2.5151045433420336</v>
      </c>
      <c r="H242" s="40">
        <v>3.8833340000000049</v>
      </c>
      <c r="I242" s="40">
        <v>1.5940288163726231</v>
      </c>
      <c r="J242" s="40">
        <v>3.8833316547619399</v>
      </c>
      <c r="K242" s="40">
        <v>2.2630118903361827</v>
      </c>
      <c r="L242" s="40"/>
      <c r="M242" s="40"/>
      <c r="N242" s="40"/>
    </row>
    <row r="243" spans="4:14" x14ac:dyDescent="0.25">
      <c r="D243" s="40">
        <v>3.9165110000001833</v>
      </c>
      <c r="E243" s="40">
        <v>3.2714246907807638</v>
      </c>
      <c r="F243" s="40">
        <v>3.8999999999999915</v>
      </c>
      <c r="G243" s="40">
        <v>2.5244751714021532</v>
      </c>
      <c r="H243" s="40">
        <v>3.9000000000000057</v>
      </c>
      <c r="I243" s="40">
        <v>1.6006356787728186</v>
      </c>
      <c r="J243" s="40">
        <v>3.8999983154762301</v>
      </c>
      <c r="K243" s="40">
        <v>2.2725712999983481</v>
      </c>
      <c r="L243" s="40"/>
      <c r="M243" s="40"/>
      <c r="N243" s="40"/>
    </row>
    <row r="244" spans="4:14" x14ac:dyDescent="0.25">
      <c r="D244" s="40">
        <v>3.933177000000184</v>
      </c>
      <c r="E244" s="40">
        <v>3.2858117801201594</v>
      </c>
      <c r="F244" s="40">
        <v>3.9166669999999897</v>
      </c>
      <c r="G244" s="40">
        <v>2.5338457994621488</v>
      </c>
      <c r="H244" s="40">
        <v>3.9166670000000039</v>
      </c>
      <c r="I244" s="40">
        <v>1.6105952773160959</v>
      </c>
      <c r="J244" s="40">
        <v>3.9166649761905101</v>
      </c>
      <c r="K244" s="40">
        <v>2.2869817533697456</v>
      </c>
      <c r="L244" s="40"/>
      <c r="M244" s="40"/>
      <c r="N244" s="40"/>
    </row>
    <row r="245" spans="4:14" x14ac:dyDescent="0.25">
      <c r="D245" s="40">
        <v>3.9498430000001847</v>
      </c>
      <c r="E245" s="40">
        <v>3.2954981372992562</v>
      </c>
      <c r="F245" s="40">
        <v>3.9333329999999904</v>
      </c>
      <c r="G245" s="40">
        <v>2.5479716716123635</v>
      </c>
      <c r="H245" s="40">
        <v>3.9333340000000021</v>
      </c>
      <c r="I245" s="40">
        <v>1.6205548758595485</v>
      </c>
      <c r="J245" s="40">
        <v>3.9333316369047999</v>
      </c>
      <c r="K245" s="40">
        <v>2.296541163032038</v>
      </c>
      <c r="L245" s="40"/>
      <c r="M245" s="40"/>
      <c r="N245" s="40"/>
    </row>
    <row r="246" spans="4:14" x14ac:dyDescent="0.25">
      <c r="D246" s="40">
        <v>3.9665090000001855</v>
      </c>
      <c r="E246" s="40">
        <v>3.3050420480491036</v>
      </c>
      <c r="F246" s="40">
        <v>3.9499999999999886</v>
      </c>
      <c r="G246" s="40">
        <v>2.5574821597928015</v>
      </c>
      <c r="H246" s="40">
        <v>3.9500000000000028</v>
      </c>
      <c r="I246" s="40">
        <v>1.6271617382595687</v>
      </c>
      <c r="J246" s="40">
        <v>3.9499982976190902</v>
      </c>
      <c r="K246" s="40">
        <v>2.3062432504503763</v>
      </c>
      <c r="L246" s="40"/>
      <c r="M246" s="40"/>
      <c r="N246" s="40"/>
    </row>
    <row r="247" spans="4:14" x14ac:dyDescent="0.25">
      <c r="D247" s="40">
        <v>3.9831750000001862</v>
      </c>
      <c r="E247" s="40">
        <v>3.3147284052282004</v>
      </c>
      <c r="F247" s="40">
        <v>3.9666670000000011</v>
      </c>
      <c r="G247" s="40">
        <v>2.5668527878527971</v>
      </c>
      <c r="H247" s="40">
        <v>3.9666670000000011</v>
      </c>
      <c r="I247" s="40">
        <v>1.6371213368028461</v>
      </c>
      <c r="J247" s="40">
        <v>3.9666649583333702</v>
      </c>
      <c r="K247" s="40">
        <v>2.3158026601126682</v>
      </c>
      <c r="L247" s="40"/>
      <c r="M247" s="40"/>
      <c r="N247" s="40"/>
    </row>
    <row r="248" spans="4:14" x14ac:dyDescent="0.25">
      <c r="D248" s="40">
        <v>3.9998410000001869</v>
      </c>
      <c r="E248" s="40">
        <v>3.3242723159780478</v>
      </c>
      <c r="F248" s="40">
        <v>3.9833329999999876</v>
      </c>
      <c r="G248" s="40">
        <v>2.5809786600030118</v>
      </c>
      <c r="H248" s="40">
        <v>3.9833340000000135</v>
      </c>
      <c r="I248" s="40">
        <v>1.6470809353462987</v>
      </c>
      <c r="J248" s="40">
        <v>3.98333161904766</v>
      </c>
      <c r="K248" s="40">
        <v>2.325504747531006</v>
      </c>
      <c r="L248" s="40"/>
      <c r="M248" s="40"/>
      <c r="N248" s="40"/>
    </row>
    <row r="249" spans="4:14" x14ac:dyDescent="0.25">
      <c r="D249" s="40">
        <v>4.0165070000001872</v>
      </c>
      <c r="E249" s="40">
        <v>3.3338162267278948</v>
      </c>
      <c r="F249" s="40">
        <v>4</v>
      </c>
      <c r="G249" s="40">
        <v>2.5904891481834498</v>
      </c>
      <c r="H249" s="40">
        <v>4</v>
      </c>
      <c r="I249" s="40">
        <v>1.6570405338897511</v>
      </c>
      <c r="J249" s="40">
        <v>3.99999827976194</v>
      </c>
      <c r="K249" s="40">
        <v>2.3399152009024036</v>
      </c>
      <c r="L249" s="40"/>
      <c r="M249" s="40"/>
      <c r="N249" s="40"/>
    </row>
    <row r="250" spans="4:14" x14ac:dyDescent="0.25">
      <c r="D250" s="40">
        <v>4.033173000000188</v>
      </c>
      <c r="E250" s="40">
        <v>3.3435025839069916</v>
      </c>
      <c r="F250" s="40">
        <v>4.0166669999999982</v>
      </c>
      <c r="G250" s="40">
        <v>2.5998597762434454</v>
      </c>
      <c r="H250" s="40">
        <v>4.0166670000000124</v>
      </c>
      <c r="I250" s="40">
        <v>1.6637460061762657</v>
      </c>
      <c r="J250" s="40">
        <v>4.0166649404762298</v>
      </c>
      <c r="K250" s="40">
        <v>2.3494746105645699</v>
      </c>
      <c r="L250" s="40"/>
      <c r="M250" s="40"/>
      <c r="N250" s="40"/>
    </row>
    <row r="251" spans="4:14" x14ac:dyDescent="0.25">
      <c r="D251" s="40">
        <v>4.0498390000001887</v>
      </c>
      <c r="E251" s="40">
        <v>3.353046494656839</v>
      </c>
      <c r="F251" s="40">
        <v>4.0333329999999989</v>
      </c>
      <c r="G251" s="40">
        <v>2.6139856483936601</v>
      </c>
      <c r="H251" s="40">
        <v>4.0333340000000106</v>
      </c>
      <c r="I251" s="40">
        <v>1.6737056047197183</v>
      </c>
      <c r="J251" s="40">
        <v>4.0333316011905103</v>
      </c>
      <c r="K251" s="40">
        <v>2.3590340202268618</v>
      </c>
      <c r="L251" s="40"/>
      <c r="M251" s="40"/>
      <c r="N251" s="40"/>
    </row>
    <row r="252" spans="4:14" x14ac:dyDescent="0.25">
      <c r="D252" s="40">
        <v>4.0665050000001894</v>
      </c>
      <c r="E252" s="40">
        <v>3.3674335839962346</v>
      </c>
      <c r="F252" s="40">
        <v>4.0499999999999972</v>
      </c>
      <c r="G252" s="40">
        <v>2.6233562764537797</v>
      </c>
      <c r="H252" s="40">
        <v>4.0500000000000114</v>
      </c>
      <c r="I252" s="40">
        <v>1.6803124671197385</v>
      </c>
      <c r="J252" s="40">
        <v>4.0499982619047996</v>
      </c>
      <c r="K252" s="40">
        <v>2.3687361076451996</v>
      </c>
      <c r="L252" s="40"/>
      <c r="M252" s="40"/>
      <c r="N252" s="40"/>
    </row>
    <row r="253" spans="4:14" x14ac:dyDescent="0.25">
      <c r="D253" s="40">
        <v>4.0831710000001902</v>
      </c>
      <c r="E253" s="40">
        <v>3.3769774947462086</v>
      </c>
      <c r="F253" s="40">
        <v>4.0666669999999954</v>
      </c>
      <c r="G253" s="40">
        <v>2.6328667646340942</v>
      </c>
      <c r="H253" s="40">
        <v>4.0666670000000096</v>
      </c>
      <c r="I253" s="40">
        <v>1.6902720656630159</v>
      </c>
      <c r="J253" s="40">
        <v>4.0666649226190899</v>
      </c>
      <c r="K253" s="40">
        <v>2.378295517307492</v>
      </c>
      <c r="L253" s="40"/>
      <c r="M253" s="40"/>
      <c r="N253" s="40"/>
    </row>
    <row r="254" spans="4:14" x14ac:dyDescent="0.25">
      <c r="D254" s="40">
        <v>4.0998370000001909</v>
      </c>
      <c r="E254" s="40">
        <v>3.3866638519251788</v>
      </c>
      <c r="F254" s="40">
        <v>4.0833329999999961</v>
      </c>
      <c r="G254" s="40">
        <v>2.6469926367843088</v>
      </c>
      <c r="H254" s="40">
        <v>4.0833340000000078</v>
      </c>
      <c r="I254" s="40">
        <v>1.7002316642064685</v>
      </c>
      <c r="J254" s="40">
        <v>4.0833315833333703</v>
      </c>
      <c r="K254" s="40">
        <v>2.39270597067889</v>
      </c>
      <c r="L254" s="40"/>
      <c r="M254" s="40"/>
      <c r="N254" s="40"/>
    </row>
    <row r="255" spans="4:14" x14ac:dyDescent="0.25">
      <c r="D255" s="40">
        <v>4.1165030000001916</v>
      </c>
      <c r="E255" s="40">
        <v>3.401050941264574</v>
      </c>
      <c r="F255" s="40">
        <v>4.0999999999999943</v>
      </c>
      <c r="G255" s="40">
        <v>2.6563632648443041</v>
      </c>
      <c r="H255" s="40">
        <v>4.1000000000000085</v>
      </c>
      <c r="I255" s="40">
        <v>1.706937136493158</v>
      </c>
      <c r="J255" s="40">
        <v>4.0999982440476597</v>
      </c>
      <c r="K255" s="40">
        <v>2.4022653803410554</v>
      </c>
      <c r="L255" s="40"/>
      <c r="M255" s="40"/>
      <c r="N255" s="40"/>
    </row>
    <row r="256" spans="4:14" x14ac:dyDescent="0.25">
      <c r="D256" s="40">
        <v>4.1331690000001924</v>
      </c>
      <c r="E256" s="40">
        <v>3.4105948520145484</v>
      </c>
      <c r="F256" s="40">
        <v>4.1166669999999925</v>
      </c>
      <c r="G256" s="40">
        <v>2.6704891369946431</v>
      </c>
      <c r="H256" s="40">
        <v>4.1166670000000067</v>
      </c>
      <c r="I256" s="40">
        <v>1.7168967350364355</v>
      </c>
      <c r="J256" s="40">
        <v>4.1166649047619401</v>
      </c>
      <c r="K256" s="40">
        <v>2.4119674677593932</v>
      </c>
      <c r="L256" s="40"/>
      <c r="M256" s="40"/>
      <c r="N256" s="40"/>
    </row>
    <row r="257" spans="4:14" x14ac:dyDescent="0.25">
      <c r="D257" s="40">
        <v>4.1498350000001931</v>
      </c>
      <c r="E257" s="40">
        <v>3.4201387627643958</v>
      </c>
      <c r="F257" s="40">
        <v>4.1333329999999933</v>
      </c>
      <c r="G257" s="40">
        <v>2.6798597650546383</v>
      </c>
      <c r="H257" s="40">
        <v>4.1333340000000049</v>
      </c>
      <c r="I257" s="40">
        <v>1.7268563335798881</v>
      </c>
      <c r="J257" s="40">
        <v>4.1333315654762304</v>
      </c>
      <c r="K257" s="40">
        <v>2.4215268774216856</v>
      </c>
      <c r="L257" s="40"/>
      <c r="M257" s="40"/>
      <c r="N257" s="40"/>
    </row>
    <row r="258" spans="4:14" x14ac:dyDescent="0.25">
      <c r="D258" s="40">
        <v>4.1665010000001939</v>
      </c>
      <c r="E258" s="40">
        <v>3.4345258521037909</v>
      </c>
      <c r="F258" s="40">
        <v>4.1499999999999915</v>
      </c>
      <c r="G258" s="40">
        <v>2.6893702532349524</v>
      </c>
      <c r="H258" s="40">
        <v>4.1500000000000057</v>
      </c>
      <c r="I258" s="40">
        <v>1.7334631959799083</v>
      </c>
      <c r="J258" s="40">
        <v>4.1499982261905197</v>
      </c>
      <c r="K258" s="40">
        <v>2.431086287083851</v>
      </c>
      <c r="L258" s="40"/>
      <c r="M258" s="40"/>
      <c r="N258" s="40"/>
    </row>
    <row r="259" spans="4:14" x14ac:dyDescent="0.25">
      <c r="D259" s="40">
        <v>4.1831670000001946</v>
      </c>
      <c r="E259" s="40">
        <v>3.4442122092827612</v>
      </c>
      <c r="F259" s="40">
        <v>4.1666669999999897</v>
      </c>
      <c r="G259" s="40">
        <v>2.703496125385167</v>
      </c>
      <c r="H259" s="40">
        <v>4.1666670000000039</v>
      </c>
      <c r="I259" s="40">
        <v>1.7434227945233609</v>
      </c>
      <c r="J259" s="40">
        <v>4.1666648869048002</v>
      </c>
      <c r="K259" s="40">
        <v>2.4407883745023158</v>
      </c>
      <c r="L259" s="40"/>
      <c r="M259" s="40"/>
      <c r="N259" s="40"/>
    </row>
    <row r="260" spans="4:14" x14ac:dyDescent="0.25">
      <c r="D260" s="40">
        <v>4.1998330000001953</v>
      </c>
      <c r="E260" s="40">
        <v>3.4537561200327351</v>
      </c>
      <c r="F260" s="40">
        <v>4.1833329999999904</v>
      </c>
      <c r="G260" s="40">
        <v>2.7128667534452866</v>
      </c>
      <c r="H260" s="40">
        <v>4.1833340000000021</v>
      </c>
      <c r="I260" s="40">
        <v>1.7500296569233811</v>
      </c>
      <c r="J260" s="40">
        <v>4.1833315476190904</v>
      </c>
      <c r="K260" s="40">
        <v>2.4454967404553756</v>
      </c>
      <c r="L260" s="40"/>
      <c r="M260" s="40"/>
      <c r="N260" s="40"/>
    </row>
    <row r="261" spans="4:14" x14ac:dyDescent="0.25">
      <c r="D261" s="40">
        <v>4.2164990000001961</v>
      </c>
      <c r="E261" s="40">
        <v>3.4681432093721307</v>
      </c>
      <c r="F261" s="40">
        <v>4.1999999999999886</v>
      </c>
      <c r="G261" s="40">
        <v>2.7222373815052818</v>
      </c>
      <c r="H261" s="40">
        <v>4.2000000000000028</v>
      </c>
      <c r="I261" s="40">
        <v>1.7599892554666585</v>
      </c>
      <c r="J261" s="40">
        <v>4.19999820833337</v>
      </c>
      <c r="K261" s="40">
        <v>2.4551988278737138</v>
      </c>
      <c r="L261" s="40"/>
      <c r="M261" s="40"/>
      <c r="N261" s="40"/>
    </row>
    <row r="262" spans="4:14" x14ac:dyDescent="0.25">
      <c r="D262" s="40">
        <v>4.2331650000001968</v>
      </c>
      <c r="E262" s="40">
        <v>3.4825302987115268</v>
      </c>
      <c r="F262" s="40">
        <v>4.2166670000000011</v>
      </c>
      <c r="G262" s="40">
        <v>2.7317478696857207</v>
      </c>
      <c r="H262" s="40">
        <v>4.2166670000000011</v>
      </c>
      <c r="I262" s="40">
        <v>1.7699488540101109</v>
      </c>
      <c r="J262" s="40">
        <v>4.2166648690476602</v>
      </c>
      <c r="K262" s="40">
        <v>2.4647582375358792</v>
      </c>
      <c r="L262" s="40"/>
      <c r="M262" s="40"/>
      <c r="N262" s="40"/>
    </row>
    <row r="263" spans="4:14" x14ac:dyDescent="0.25">
      <c r="D263" s="40">
        <v>4.2498310000001975</v>
      </c>
      <c r="E263" s="40">
        <v>3.4969173880509223</v>
      </c>
      <c r="F263" s="40">
        <v>4.2333329999999876</v>
      </c>
      <c r="G263" s="40">
        <v>2.7458737418359354</v>
      </c>
      <c r="H263" s="40">
        <v>4.2333340000000135</v>
      </c>
      <c r="I263" s="40">
        <v>1.7766543262968006</v>
      </c>
      <c r="J263" s="40">
        <v>4.2333315297619398</v>
      </c>
      <c r="K263" s="40">
        <v>2.4743176471981716</v>
      </c>
      <c r="L263" s="40"/>
      <c r="M263" s="40"/>
      <c r="N263" s="40"/>
    </row>
    <row r="264" spans="4:14" x14ac:dyDescent="0.25">
      <c r="D264" s="40">
        <v>4.2664970000001983</v>
      </c>
      <c r="E264" s="40">
        <v>3.5113044773903175</v>
      </c>
      <c r="F264" s="40">
        <v>4.25</v>
      </c>
      <c r="G264" s="40">
        <v>2.7552443698959306</v>
      </c>
      <c r="H264" s="40">
        <v>4.25</v>
      </c>
      <c r="I264" s="40">
        <v>1.7866139248400781</v>
      </c>
      <c r="J264" s="40">
        <v>4.2499981904762301</v>
      </c>
      <c r="K264" s="40">
        <v>2.4840197346165094</v>
      </c>
      <c r="L264" s="40"/>
      <c r="M264" s="40"/>
      <c r="N264" s="40"/>
    </row>
    <row r="265" spans="4:14" x14ac:dyDescent="0.25">
      <c r="D265" s="40">
        <v>4.283163000000199</v>
      </c>
      <c r="E265" s="40">
        <v>3.5256915667297135</v>
      </c>
      <c r="F265" s="40">
        <v>4.2666669999999982</v>
      </c>
      <c r="G265" s="40">
        <v>2.7646149979560501</v>
      </c>
      <c r="H265" s="40">
        <v>4.2666670000000124</v>
      </c>
      <c r="I265" s="40">
        <v>1.7965735233835307</v>
      </c>
      <c r="J265" s="40">
        <v>4.2666648511905203</v>
      </c>
      <c r="K265" s="40">
        <v>2.4887281005695692</v>
      </c>
      <c r="L265" s="40"/>
      <c r="M265" s="40"/>
      <c r="N265" s="40"/>
    </row>
    <row r="266" spans="4:14" x14ac:dyDescent="0.25">
      <c r="D266" s="40">
        <v>4.2998290000001997</v>
      </c>
      <c r="E266" s="40">
        <v>3.5400786560692357</v>
      </c>
      <c r="F266" s="40">
        <v>4.2833329999999989</v>
      </c>
      <c r="G266" s="40">
        <v>2.7788807302265837</v>
      </c>
      <c r="H266" s="40">
        <v>4.2833340000000106</v>
      </c>
      <c r="I266" s="40">
        <v>1.8031803857835509</v>
      </c>
      <c r="J266" s="40">
        <v>4.2833315119047999</v>
      </c>
      <c r="K266" s="40">
        <v>2.4984301879879074</v>
      </c>
      <c r="L266" s="40"/>
      <c r="M266" s="40"/>
      <c r="N266" s="40"/>
    </row>
    <row r="267" spans="4:14" x14ac:dyDescent="0.25">
      <c r="D267" s="40">
        <v>4.3164950000002005</v>
      </c>
      <c r="E267" s="40">
        <v>3.5544657454086312</v>
      </c>
      <c r="F267" s="40">
        <v>4.2999999999999972</v>
      </c>
      <c r="G267" s="40">
        <v>2.7882513582865789</v>
      </c>
      <c r="H267" s="40">
        <v>4.3000000000000114</v>
      </c>
      <c r="I267" s="40">
        <v>1.8131399843268283</v>
      </c>
      <c r="J267" s="40">
        <v>4.2999981726190901</v>
      </c>
      <c r="K267" s="40">
        <v>2.5079895976501994</v>
      </c>
      <c r="L267" s="40"/>
      <c r="M267" s="40"/>
      <c r="N267" s="40"/>
    </row>
    <row r="268" spans="4:14" x14ac:dyDescent="0.25">
      <c r="D268" s="40">
        <v>4.3331610000002012</v>
      </c>
      <c r="E268" s="40">
        <v>3.5736960133374489</v>
      </c>
      <c r="F268" s="40">
        <v>4.3166669999999954</v>
      </c>
      <c r="G268" s="40">
        <v>2.7976219863465746</v>
      </c>
      <c r="H268" s="40">
        <v>4.3166670000000096</v>
      </c>
      <c r="I268" s="40">
        <v>1.8197468467270237</v>
      </c>
      <c r="J268" s="40">
        <v>4.3166648333333697</v>
      </c>
      <c r="K268" s="40">
        <v>2.5128406413593054</v>
      </c>
      <c r="L268" s="40"/>
      <c r="M268" s="40"/>
      <c r="N268" s="40"/>
    </row>
    <row r="269" spans="4:14" x14ac:dyDescent="0.25">
      <c r="D269" s="40">
        <v>4.3498270000002019</v>
      </c>
      <c r="E269" s="40">
        <v>3.5880831026769711</v>
      </c>
      <c r="F269" s="40">
        <v>4.3333329999999961</v>
      </c>
      <c r="G269" s="40">
        <v>2.8117478584969131</v>
      </c>
      <c r="H269" s="40">
        <v>4.3333340000000078</v>
      </c>
      <c r="I269" s="40">
        <v>1.8297064452703011</v>
      </c>
      <c r="J269" s="40">
        <v>4.3333314940476599</v>
      </c>
      <c r="K269" s="40">
        <v>2.5224000510215974</v>
      </c>
      <c r="L269" s="40"/>
      <c r="M269" s="40"/>
      <c r="N269" s="40"/>
    </row>
    <row r="270" spans="4:14" x14ac:dyDescent="0.25">
      <c r="D270" s="40">
        <v>4.3664930000002027</v>
      </c>
      <c r="E270" s="40">
        <v>3.597627013426818</v>
      </c>
      <c r="F270" s="40">
        <v>4.3499999999999943</v>
      </c>
      <c r="G270" s="40">
        <v>2.8212583466772272</v>
      </c>
      <c r="H270" s="40">
        <v>4.3500000000000085</v>
      </c>
      <c r="I270" s="40">
        <v>1.8364119175569906</v>
      </c>
      <c r="J270" s="40">
        <v>4.3499981547619502</v>
      </c>
      <c r="K270" s="40">
        <v>2.527251094730703</v>
      </c>
      <c r="L270" s="40"/>
      <c r="M270" s="40"/>
      <c r="N270" s="40"/>
    </row>
    <row r="271" spans="4:14" x14ac:dyDescent="0.25">
      <c r="D271" s="40">
        <v>4.3831590000002034</v>
      </c>
      <c r="E271" s="40">
        <v>3.6168572813557622</v>
      </c>
      <c r="F271" s="40">
        <v>4.3666669999999925</v>
      </c>
      <c r="G271" s="40">
        <v>2.8306289747372233</v>
      </c>
      <c r="H271" s="40">
        <v>4.3666670000000067</v>
      </c>
      <c r="I271" s="40">
        <v>1.8463715161002681</v>
      </c>
      <c r="J271" s="40">
        <v>4.3666648154762298</v>
      </c>
      <c r="K271" s="40">
        <v>2.5321021384399351</v>
      </c>
      <c r="L271" s="40"/>
      <c r="M271" s="40"/>
      <c r="N271" s="40"/>
    </row>
    <row r="272" spans="4:14" x14ac:dyDescent="0.25">
      <c r="D272" s="40">
        <v>4.3998250000002042</v>
      </c>
      <c r="E272" s="40">
        <v>3.6312443706951583</v>
      </c>
      <c r="F272" s="40">
        <v>4.3833329999999933</v>
      </c>
      <c r="G272" s="40">
        <v>2.8399996027973424</v>
      </c>
      <c r="H272" s="40">
        <v>4.3833340000000049</v>
      </c>
      <c r="I272" s="40">
        <v>1.8529783785004634</v>
      </c>
      <c r="J272" s="40">
        <v>4.38333147619052</v>
      </c>
      <c r="K272" s="40">
        <v>2.541661548102101</v>
      </c>
      <c r="L272" s="40"/>
      <c r="M272" s="40"/>
      <c r="N272" s="40"/>
    </row>
    <row r="273" spans="4:14" x14ac:dyDescent="0.25">
      <c r="D273" s="40">
        <v>4.4164910000002049</v>
      </c>
      <c r="E273" s="40">
        <v>3.6504746386241025</v>
      </c>
      <c r="F273" s="40">
        <v>4.3999999999999915</v>
      </c>
      <c r="G273" s="40">
        <v>2.849510090977657</v>
      </c>
      <c r="H273" s="40">
        <v>4.4000000000000057</v>
      </c>
      <c r="I273" s="40">
        <v>1.8629379770437409</v>
      </c>
      <c r="J273" s="40">
        <v>4.3999981369047996</v>
      </c>
      <c r="K273" s="40">
        <v>2.5512209577643929</v>
      </c>
      <c r="L273" s="40"/>
      <c r="M273" s="40"/>
      <c r="N273" s="40"/>
    </row>
    <row r="274" spans="4:14" x14ac:dyDescent="0.25">
      <c r="D274" s="40">
        <v>4.4331570000002056</v>
      </c>
      <c r="E274" s="40">
        <v>3.6648617279634976</v>
      </c>
      <c r="F274" s="40">
        <v>4.4166669999999897</v>
      </c>
      <c r="G274" s="40">
        <v>2.8588807190377765</v>
      </c>
      <c r="H274" s="40">
        <v>4.4166670000000039</v>
      </c>
      <c r="I274" s="40">
        <v>1.8696434493304306</v>
      </c>
      <c r="J274" s="40">
        <v>4.4166647976190898</v>
      </c>
      <c r="K274" s="40">
        <v>2.5609230451827307</v>
      </c>
      <c r="L274" s="40"/>
      <c r="M274" s="40"/>
      <c r="N274" s="40"/>
    </row>
    <row r="275" spans="4:14" x14ac:dyDescent="0.25">
      <c r="D275" s="40">
        <v>4.4498230000002064</v>
      </c>
      <c r="E275" s="40">
        <v>3.6792488173028932</v>
      </c>
      <c r="F275" s="40">
        <v>4.4333329999999904</v>
      </c>
      <c r="G275" s="40">
        <v>2.8682513470977722</v>
      </c>
      <c r="H275" s="40">
        <v>4.4333340000000021</v>
      </c>
      <c r="I275" s="40">
        <v>1.8762503117304508</v>
      </c>
      <c r="J275" s="40">
        <v>4.43333145833338</v>
      </c>
      <c r="K275" s="40">
        <v>2.565631411135791</v>
      </c>
      <c r="L275" s="40"/>
      <c r="M275" s="40"/>
      <c r="N275" s="40"/>
    </row>
    <row r="276" spans="4:14" x14ac:dyDescent="0.25">
      <c r="D276" s="40">
        <v>4.4664890000002071</v>
      </c>
      <c r="E276" s="40">
        <v>3.6984790852318374</v>
      </c>
      <c r="F276" s="40">
        <v>4.4499999999999886</v>
      </c>
      <c r="G276" s="40">
        <v>2.8777618352780863</v>
      </c>
      <c r="H276" s="40">
        <v>4.4500000000000028</v>
      </c>
      <c r="I276" s="40">
        <v>1.8862099102739034</v>
      </c>
      <c r="J276" s="40">
        <v>4.4499981190476596</v>
      </c>
      <c r="K276" s="40">
        <v>2.5753334985541287</v>
      </c>
      <c r="L276" s="40"/>
      <c r="M276" s="40"/>
      <c r="N276" s="40"/>
    </row>
    <row r="277" spans="4:14" x14ac:dyDescent="0.25">
      <c r="D277" s="40">
        <v>4.4831550000002078</v>
      </c>
      <c r="E277" s="40">
        <v>3.7128661745712335</v>
      </c>
      <c r="F277" s="40">
        <v>4.4666670000000011</v>
      </c>
      <c r="G277" s="40">
        <v>2.8871324633382058</v>
      </c>
      <c r="H277" s="40">
        <v>4.4666670000000011</v>
      </c>
      <c r="I277" s="40">
        <v>1.8961695088171808</v>
      </c>
      <c r="J277" s="40">
        <v>4.4666647797619499</v>
      </c>
      <c r="K277" s="40">
        <v>2.5848929082164211</v>
      </c>
      <c r="L277" s="40"/>
      <c r="M277" s="40"/>
      <c r="N277" s="40"/>
    </row>
    <row r="278" spans="4:14" x14ac:dyDescent="0.25">
      <c r="D278" s="40">
        <v>4.4998210000002086</v>
      </c>
      <c r="E278" s="40">
        <v>3.7272532639106291</v>
      </c>
      <c r="F278" s="40">
        <v>4.4833329999999876</v>
      </c>
      <c r="G278" s="40">
        <v>2.8965030913982011</v>
      </c>
      <c r="H278" s="40">
        <v>4.4833340000000135</v>
      </c>
      <c r="I278" s="40">
        <v>1.902776371217201</v>
      </c>
      <c r="J278" s="40">
        <v>4.4833314404762303</v>
      </c>
      <c r="K278" s="40">
        <v>2.5897439519255268</v>
      </c>
      <c r="L278" s="40"/>
      <c r="M278" s="40"/>
      <c r="N278" s="40"/>
    </row>
    <row r="279" spans="4:14" x14ac:dyDescent="0.25">
      <c r="D279" s="40">
        <v>4.5164870000002093</v>
      </c>
      <c r="E279" s="40">
        <v>3.74634108541045</v>
      </c>
      <c r="F279" s="40">
        <v>4.5</v>
      </c>
      <c r="G279" s="40">
        <v>2.9012583354884205</v>
      </c>
      <c r="H279" s="40">
        <v>4.5</v>
      </c>
      <c r="I279" s="40">
        <v>1.9094818435038905</v>
      </c>
      <c r="J279" s="40">
        <v>4.4999981011905197</v>
      </c>
      <c r="K279" s="40">
        <v>2.5944523178785865</v>
      </c>
      <c r="L279" s="40"/>
      <c r="M279" s="40"/>
      <c r="N279" s="40"/>
    </row>
    <row r="280" spans="4:14" x14ac:dyDescent="0.25">
      <c r="D280" s="40">
        <v>4.53315300000021</v>
      </c>
      <c r="E280" s="40">
        <v>3.7607281747498456</v>
      </c>
      <c r="F280" s="40">
        <v>4.5166669999999982</v>
      </c>
      <c r="G280" s="40">
        <v>2.9106289635484157</v>
      </c>
      <c r="H280" s="40">
        <v>4.5166670000000124</v>
      </c>
      <c r="I280" s="40">
        <v>1.9194414420473429</v>
      </c>
      <c r="J280" s="40">
        <v>4.5166647619048002</v>
      </c>
      <c r="K280" s="40">
        <v>2.6041544052970513</v>
      </c>
      <c r="L280" s="40"/>
      <c r="M280" s="40"/>
      <c r="N280" s="40"/>
    </row>
    <row r="281" spans="4:14" x14ac:dyDescent="0.25">
      <c r="D281" s="40">
        <v>4.5498190000002108</v>
      </c>
      <c r="E281" s="40">
        <v>3.7751152640892411</v>
      </c>
      <c r="F281" s="40">
        <v>4.5333329999999989</v>
      </c>
      <c r="G281" s="40">
        <v>2.9201394517288546</v>
      </c>
      <c r="H281" s="40">
        <v>4.5333340000000106</v>
      </c>
      <c r="I281" s="40">
        <v>1.9294010405906206</v>
      </c>
      <c r="J281" s="40">
        <v>4.5333314226190904</v>
      </c>
      <c r="K281" s="40">
        <v>2.6088627712499846</v>
      </c>
      <c r="L281" s="40"/>
      <c r="M281" s="40"/>
      <c r="N281" s="40"/>
    </row>
    <row r="282" spans="4:14" x14ac:dyDescent="0.25">
      <c r="D282" s="40">
        <v>4.5664850000002115</v>
      </c>
      <c r="E282" s="40">
        <v>3.7943455320181854</v>
      </c>
      <c r="F282" s="40">
        <v>4.5499999999999972</v>
      </c>
      <c r="G282" s="40">
        <v>2.9295100797888498</v>
      </c>
      <c r="H282" s="40">
        <v>4.5500000000000114</v>
      </c>
      <c r="I282" s="40">
        <v>1.9360079029906405</v>
      </c>
      <c r="J282" s="40">
        <v>4.5499980833333797</v>
      </c>
      <c r="K282" s="40">
        <v>2.6185648586684493</v>
      </c>
      <c r="L282" s="40"/>
      <c r="M282" s="40"/>
      <c r="N282" s="40"/>
    </row>
    <row r="283" spans="4:14" x14ac:dyDescent="0.25">
      <c r="D283" s="40">
        <v>4.5831510000002122</v>
      </c>
      <c r="E283" s="40">
        <v>3.8087326213575809</v>
      </c>
      <c r="F283" s="40">
        <v>4.5666669999999954</v>
      </c>
      <c r="G283" s="40">
        <v>2.9388807078489694</v>
      </c>
      <c r="H283" s="40">
        <v>4.5666670000000096</v>
      </c>
      <c r="I283" s="40">
        <v>1.9459675015340931</v>
      </c>
      <c r="J283" s="40">
        <v>4.5666647440476602</v>
      </c>
      <c r="K283" s="40">
        <v>2.6232732246213826</v>
      </c>
      <c r="L283" s="40"/>
      <c r="M283" s="40"/>
      <c r="N283" s="40"/>
    </row>
    <row r="284" spans="4:14" x14ac:dyDescent="0.25">
      <c r="D284" s="40">
        <v>4.599817000000213</v>
      </c>
      <c r="E284" s="40">
        <v>3.823119710696977</v>
      </c>
      <c r="F284" s="40">
        <v>4.5833329999999961</v>
      </c>
      <c r="G284" s="40">
        <v>2.9483911960292835</v>
      </c>
      <c r="H284" s="40">
        <v>4.5833340000000078</v>
      </c>
      <c r="I284" s="40">
        <v>1.9525743639341133</v>
      </c>
      <c r="J284" s="40">
        <v>4.5833314047619496</v>
      </c>
      <c r="K284" s="40">
        <v>2.6329753120398474</v>
      </c>
      <c r="L284" s="40"/>
      <c r="M284" s="40"/>
      <c r="N284" s="40"/>
    </row>
    <row r="285" spans="4:14" x14ac:dyDescent="0.25">
      <c r="D285" s="40">
        <v>4.6164830000002137</v>
      </c>
      <c r="E285" s="40">
        <v>3.8375068000363721</v>
      </c>
      <c r="F285" s="40">
        <v>4.5999999999999943</v>
      </c>
      <c r="G285" s="40">
        <v>2.9577618240892787</v>
      </c>
      <c r="H285" s="40">
        <v>4.6000000000000085</v>
      </c>
      <c r="I285" s="40">
        <v>1.9626325723640603</v>
      </c>
      <c r="J285" s="40">
        <v>4.59999806547623</v>
      </c>
      <c r="K285" s="40">
        <v>2.6425347217020128</v>
      </c>
      <c r="L285" s="40"/>
      <c r="M285" s="40"/>
      <c r="N285" s="40"/>
    </row>
    <row r="286" spans="4:14" x14ac:dyDescent="0.25">
      <c r="D286" s="40">
        <v>4.6331490000002145</v>
      </c>
      <c r="E286" s="40">
        <v>3.8518938893757682</v>
      </c>
      <c r="F286" s="40">
        <v>4.6166669999999925</v>
      </c>
      <c r="G286" s="40">
        <v>2.9672723122697175</v>
      </c>
      <c r="H286" s="40">
        <v>4.6166670000000067</v>
      </c>
      <c r="I286" s="40">
        <v>1.9692394347640805</v>
      </c>
      <c r="J286" s="40">
        <v>4.6166647261905203</v>
      </c>
      <c r="K286" s="40">
        <v>2.6520941313643047</v>
      </c>
      <c r="L286" s="40"/>
      <c r="M286" s="40"/>
      <c r="N286" s="40"/>
    </row>
    <row r="287" spans="4:14" x14ac:dyDescent="0.25">
      <c r="D287" s="40">
        <v>4.6498150000002152</v>
      </c>
      <c r="E287" s="40">
        <v>3.8662809787151637</v>
      </c>
      <c r="F287" s="40">
        <v>4.6333329999999933</v>
      </c>
      <c r="G287" s="40">
        <v>2.9766429403297128</v>
      </c>
      <c r="H287" s="40">
        <v>4.6333340000000049</v>
      </c>
      <c r="I287" s="40">
        <v>1.9758462971642756</v>
      </c>
      <c r="J287" s="40">
        <v>4.6333313869047998</v>
      </c>
      <c r="K287" s="40">
        <v>2.6617962187826429</v>
      </c>
      <c r="L287" s="40"/>
      <c r="M287" s="40"/>
      <c r="N287" s="40"/>
    </row>
    <row r="288" spans="4:14" x14ac:dyDescent="0.25">
      <c r="D288" s="40">
        <v>4.6664810000002159</v>
      </c>
      <c r="E288" s="40">
        <v>3.885511246644108</v>
      </c>
      <c r="F288" s="40">
        <v>4.6499999999999915</v>
      </c>
      <c r="G288" s="40">
        <v>2.986013568389708</v>
      </c>
      <c r="H288" s="40">
        <v>4.6500000000000057</v>
      </c>
      <c r="I288" s="40">
        <v>1.9858058957075535</v>
      </c>
      <c r="J288" s="40">
        <v>4.6499980476190901</v>
      </c>
      <c r="K288" s="40">
        <v>2.6713556284448083</v>
      </c>
      <c r="L288" s="40"/>
      <c r="M288" s="40"/>
      <c r="N288" s="40"/>
    </row>
    <row r="289" spans="4:14" x14ac:dyDescent="0.25">
      <c r="D289" s="40">
        <v>4.6831470000002167</v>
      </c>
      <c r="E289" s="40">
        <v>3.8950551573939554</v>
      </c>
      <c r="F289" s="40">
        <v>4.6666669999999897</v>
      </c>
      <c r="G289" s="40">
        <v>2.9955240565701464</v>
      </c>
      <c r="H289" s="40">
        <v>4.6666670000000039</v>
      </c>
      <c r="I289" s="40">
        <v>1.992511367994243</v>
      </c>
      <c r="J289" s="40">
        <v>4.6666647083333803</v>
      </c>
      <c r="K289" s="40">
        <v>2.6809150381071007</v>
      </c>
      <c r="L289" s="40"/>
      <c r="M289" s="40"/>
      <c r="N289" s="40"/>
    </row>
    <row r="290" spans="4:14" x14ac:dyDescent="0.25">
      <c r="D290" s="40">
        <v>4.6998130000002174</v>
      </c>
      <c r="E290" s="40">
        <v>3.9094422467333505</v>
      </c>
      <c r="F290" s="40">
        <v>4.6833329999999904</v>
      </c>
      <c r="G290" s="40">
        <v>3.0048946846301416</v>
      </c>
      <c r="H290" s="40">
        <v>4.6833340000000021</v>
      </c>
      <c r="I290" s="40">
        <v>2.0024709665375204</v>
      </c>
      <c r="J290" s="40">
        <v>4.6833313690476599</v>
      </c>
      <c r="K290" s="40">
        <v>2.690617125525439</v>
      </c>
      <c r="L290" s="40"/>
      <c r="M290" s="40"/>
      <c r="N290" s="40"/>
    </row>
    <row r="291" spans="4:14" x14ac:dyDescent="0.25">
      <c r="D291" s="40">
        <v>4.7164790000002181</v>
      </c>
      <c r="E291" s="40">
        <v>3.9191286039124478</v>
      </c>
      <c r="F291" s="40">
        <v>4.6999999999999886</v>
      </c>
      <c r="G291" s="40">
        <v>3.0096499287203611</v>
      </c>
      <c r="H291" s="40">
        <v>4.7000000000000028</v>
      </c>
      <c r="I291" s="40">
        <v>2.0090778289377154</v>
      </c>
      <c r="J291" s="40">
        <v>4.6999980297619501</v>
      </c>
      <c r="K291" s="40">
        <v>2.7001765351877309</v>
      </c>
      <c r="L291" s="40"/>
      <c r="M291" s="40"/>
      <c r="N291" s="40"/>
    </row>
    <row r="292" spans="4:14" x14ac:dyDescent="0.25">
      <c r="D292" s="40">
        <v>4.7331450000002189</v>
      </c>
      <c r="E292" s="40">
        <v>3.9335156932518434</v>
      </c>
      <c r="F292" s="40">
        <v>4.7166670000000011</v>
      </c>
      <c r="G292" s="40">
        <v>3.0190205567803563</v>
      </c>
      <c r="H292" s="40">
        <v>4.7166670000000011</v>
      </c>
      <c r="I292" s="40">
        <v>2.0190374274809928</v>
      </c>
      <c r="J292" s="40">
        <v>4.7166646904762297</v>
      </c>
      <c r="K292" s="40">
        <v>2.7145869885591289</v>
      </c>
      <c r="L292" s="40"/>
      <c r="M292" s="40"/>
      <c r="N292" s="40"/>
    </row>
    <row r="293" spans="4:14" x14ac:dyDescent="0.25">
      <c r="D293" s="40">
        <v>4.7498110000002196</v>
      </c>
      <c r="E293" s="40">
        <v>3.9430596040016903</v>
      </c>
      <c r="F293" s="40">
        <v>4.7333329999999876</v>
      </c>
      <c r="G293" s="40">
        <v>3.0283911848404763</v>
      </c>
      <c r="H293" s="40">
        <v>4.7333340000000135</v>
      </c>
      <c r="I293" s="40">
        <v>2.0256442898810132</v>
      </c>
      <c r="J293" s="40">
        <v>4.73333135119052</v>
      </c>
      <c r="K293" s="40">
        <v>2.7242890759774663</v>
      </c>
      <c r="L293" s="40"/>
      <c r="M293" s="40"/>
      <c r="N293" s="40"/>
    </row>
    <row r="294" spans="4:14" x14ac:dyDescent="0.25">
      <c r="D294" s="40">
        <v>4.7664770000002203</v>
      </c>
      <c r="E294" s="40">
        <v>3.9574466933410859</v>
      </c>
      <c r="F294" s="40">
        <v>4.75</v>
      </c>
      <c r="G294" s="40">
        <v>3.0379016730207904</v>
      </c>
      <c r="H294" s="40">
        <v>4.75</v>
      </c>
      <c r="I294" s="40">
        <v>2.035603888424466</v>
      </c>
      <c r="J294" s="40">
        <v>4.7499980119048102</v>
      </c>
      <c r="K294" s="40">
        <v>2.7338484856396321</v>
      </c>
      <c r="L294" s="40"/>
      <c r="M294" s="40"/>
      <c r="N294" s="40"/>
    </row>
    <row r="295" spans="4:14" x14ac:dyDescent="0.25">
      <c r="D295" s="40">
        <v>4.7831430000002211</v>
      </c>
      <c r="E295" s="40">
        <v>3.971833782680608</v>
      </c>
      <c r="F295" s="40">
        <v>4.7666669999999982</v>
      </c>
      <c r="G295" s="40">
        <v>3.04727230108091</v>
      </c>
      <c r="H295" s="40">
        <v>4.7666670000000124</v>
      </c>
      <c r="I295" s="40">
        <v>2.0423093607111555</v>
      </c>
      <c r="J295" s="40">
        <v>4.7666646726190898</v>
      </c>
      <c r="K295" s="40">
        <v>2.7434078953019245</v>
      </c>
      <c r="L295" s="40"/>
      <c r="M295" s="40"/>
      <c r="N295" s="40"/>
    </row>
    <row r="296" spans="4:14" x14ac:dyDescent="0.25">
      <c r="D296" s="40">
        <v>4.7998090000002218</v>
      </c>
      <c r="E296" s="40">
        <v>3.9813776934304559</v>
      </c>
      <c r="F296" s="40">
        <v>4.7833329999999989</v>
      </c>
      <c r="G296" s="40">
        <v>3.0566429291409052</v>
      </c>
      <c r="H296" s="40">
        <v>4.7833340000000106</v>
      </c>
      <c r="I296" s="40">
        <v>2.0522689592544325</v>
      </c>
      <c r="J296" s="40">
        <v>4.78333133333338</v>
      </c>
      <c r="K296" s="40">
        <v>2.7578183486733225</v>
      </c>
      <c r="L296" s="40"/>
      <c r="M296" s="40"/>
      <c r="N296" s="40"/>
    </row>
    <row r="297" spans="4:14" x14ac:dyDescent="0.25">
      <c r="D297" s="40">
        <v>4.8164750000002226</v>
      </c>
      <c r="E297" s="40">
        <v>3.9957647827698515</v>
      </c>
      <c r="F297" s="40">
        <v>4.7999999999999972</v>
      </c>
      <c r="G297" s="40">
        <v>3.0661534173212197</v>
      </c>
      <c r="H297" s="40">
        <v>4.8000000000000114</v>
      </c>
      <c r="I297" s="40">
        <v>2.0588758216544534</v>
      </c>
      <c r="J297" s="40">
        <v>4.7999979940476596</v>
      </c>
      <c r="K297" s="40">
        <v>2.7675204360916599</v>
      </c>
      <c r="L297" s="40"/>
      <c r="M297" s="40"/>
      <c r="N297" s="40"/>
    </row>
    <row r="298" spans="4:14" x14ac:dyDescent="0.25">
      <c r="D298" s="40">
        <v>4.8331410000002233</v>
      </c>
      <c r="E298" s="40">
        <v>4.0054511399488222</v>
      </c>
      <c r="F298" s="40">
        <v>4.8166669999999954</v>
      </c>
      <c r="G298" s="40">
        <v>3.0755240453813393</v>
      </c>
      <c r="H298" s="40">
        <v>4.8166670000000096</v>
      </c>
      <c r="I298" s="40">
        <v>2.0688354201979058</v>
      </c>
      <c r="J298" s="40">
        <v>4.8166646547619498</v>
      </c>
      <c r="K298" s="40">
        <v>2.7770798457539527</v>
      </c>
      <c r="L298" s="40"/>
      <c r="M298" s="40"/>
      <c r="N298" s="40"/>
    </row>
    <row r="299" spans="4:14" x14ac:dyDescent="0.25">
      <c r="D299" s="40">
        <v>4.849807000000224</v>
      </c>
      <c r="E299" s="40">
        <v>4.0198382292883439</v>
      </c>
      <c r="F299" s="40">
        <v>4.8333329999999961</v>
      </c>
      <c r="G299" s="40">
        <v>3.0848946734413349</v>
      </c>
      <c r="H299" s="40">
        <v>4.8333340000000078</v>
      </c>
      <c r="I299" s="40">
        <v>2.0754422825979257</v>
      </c>
      <c r="J299" s="40">
        <v>4.8333313154762401</v>
      </c>
      <c r="K299" s="40">
        <v>2.7819308894630579</v>
      </c>
      <c r="L299" s="40"/>
      <c r="M299" s="40"/>
      <c r="N299" s="40"/>
    </row>
    <row r="300" spans="4:14" x14ac:dyDescent="0.25">
      <c r="D300" s="40">
        <v>4.8664730000002248</v>
      </c>
      <c r="E300" s="40">
        <v>4.0293821400381908</v>
      </c>
      <c r="F300" s="40">
        <v>4.8499999999999943</v>
      </c>
      <c r="G300" s="40">
        <v>3.094405161621649</v>
      </c>
      <c r="H300" s="40">
        <v>4.8500000000000085</v>
      </c>
      <c r="I300" s="40">
        <v>2.0854018811413781</v>
      </c>
      <c r="J300" s="40">
        <v>4.8499979761905196</v>
      </c>
      <c r="K300" s="40">
        <v>2.7914902991253503</v>
      </c>
      <c r="L300" s="40"/>
      <c r="M300" s="40"/>
      <c r="N300" s="40"/>
    </row>
    <row r="301" spans="4:14" x14ac:dyDescent="0.25">
      <c r="D301" s="40">
        <v>4.8831390000002255</v>
      </c>
      <c r="E301" s="40">
        <v>4.0390684972171611</v>
      </c>
      <c r="F301" s="40">
        <v>4.8666669999999925</v>
      </c>
      <c r="G301" s="40">
        <v>3.1037757896817681</v>
      </c>
      <c r="H301" s="40">
        <v>4.8666670000000067</v>
      </c>
      <c r="I301" s="40">
        <v>2.0921073534278931</v>
      </c>
      <c r="J301" s="40">
        <v>4.8666646369048099</v>
      </c>
      <c r="K301" s="40">
        <v>2.8010497087875161</v>
      </c>
      <c r="L301" s="40"/>
      <c r="M301" s="40"/>
      <c r="N301" s="40"/>
    </row>
    <row r="302" spans="4:14" x14ac:dyDescent="0.25">
      <c r="D302" s="40">
        <v>4.8998050000002262</v>
      </c>
      <c r="E302" s="40">
        <v>4.0486124079671351</v>
      </c>
      <c r="F302" s="40">
        <v>4.8833329999999933</v>
      </c>
      <c r="G302" s="40">
        <v>3.1131464177417643</v>
      </c>
      <c r="H302" s="40">
        <v>4.8833340000000049</v>
      </c>
      <c r="I302" s="40">
        <v>2.1020669519713455</v>
      </c>
      <c r="J302" s="40">
        <v>4.8833312976190903</v>
      </c>
      <c r="K302" s="40">
        <v>2.8107517962059809</v>
      </c>
      <c r="L302" s="40"/>
      <c r="M302" s="40"/>
      <c r="N302" s="40"/>
    </row>
    <row r="303" spans="4:14" x14ac:dyDescent="0.25">
      <c r="D303" s="40">
        <v>4.916471000000227</v>
      </c>
      <c r="E303" s="40">
        <v>4.0581563187169829</v>
      </c>
      <c r="F303" s="40">
        <v>4.8999999999999915</v>
      </c>
      <c r="G303" s="40">
        <v>3.1226569059222022</v>
      </c>
      <c r="H303" s="40">
        <v>4.9000000000000057</v>
      </c>
      <c r="I303" s="40">
        <v>2.1086738143713655</v>
      </c>
      <c r="J303" s="40">
        <v>4.8999979583333797</v>
      </c>
      <c r="K303" s="40">
        <v>2.8203112058681463</v>
      </c>
      <c r="L303" s="40"/>
      <c r="M303" s="40"/>
      <c r="N303" s="40"/>
    </row>
    <row r="304" spans="4:14" x14ac:dyDescent="0.25">
      <c r="D304" s="40">
        <v>4.9331370000002277</v>
      </c>
      <c r="E304" s="40">
        <v>4.0725434080563785</v>
      </c>
      <c r="F304" s="40">
        <v>4.9166669999999897</v>
      </c>
      <c r="G304" s="40">
        <v>3.1320275339821979</v>
      </c>
      <c r="H304" s="40">
        <v>4.9166670000000039</v>
      </c>
      <c r="I304" s="40">
        <v>2.1186334129148183</v>
      </c>
      <c r="J304" s="40">
        <v>4.9166646190476602</v>
      </c>
      <c r="K304" s="40">
        <v>2.8298706155304383</v>
      </c>
      <c r="L304" s="40"/>
      <c r="M304" s="40"/>
      <c r="N304" s="40"/>
    </row>
    <row r="305" spans="4:14" x14ac:dyDescent="0.25">
      <c r="D305" s="40">
        <v>4.9498030000002284</v>
      </c>
      <c r="E305" s="40">
        <v>4.0822297652354749</v>
      </c>
      <c r="F305" s="40">
        <v>4.9333329999999904</v>
      </c>
      <c r="G305" s="40">
        <v>3.141538022162512</v>
      </c>
      <c r="H305" s="40">
        <v>4.9333340000000021</v>
      </c>
      <c r="I305" s="40">
        <v>2.1253388852013329</v>
      </c>
      <c r="J305" s="40">
        <v>4.9333312797619504</v>
      </c>
      <c r="K305" s="40">
        <v>2.8395727029487765</v>
      </c>
      <c r="L305" s="40"/>
      <c r="M305" s="40"/>
      <c r="N305" s="40"/>
    </row>
    <row r="306" spans="4:14" x14ac:dyDescent="0.25">
      <c r="D306" s="40">
        <v>4.9664690000002292</v>
      </c>
      <c r="E306" s="40">
        <v>4.0966168545748705</v>
      </c>
      <c r="F306" s="40">
        <v>4.9499999999999886</v>
      </c>
      <c r="G306" s="40">
        <v>3.150908650222632</v>
      </c>
      <c r="H306" s="40">
        <v>4.9500000000000028</v>
      </c>
      <c r="I306" s="40">
        <v>2.1352984837447853</v>
      </c>
      <c r="J306" s="40">
        <v>4.9499979404762398</v>
      </c>
      <c r="K306" s="40">
        <v>2.8491321126109419</v>
      </c>
      <c r="L306" s="40"/>
      <c r="M306" s="40"/>
      <c r="N306" s="40"/>
    </row>
    <row r="307" spans="4:14" x14ac:dyDescent="0.25">
      <c r="D307" s="40">
        <v>4.9831350000002299</v>
      </c>
      <c r="E307" s="40">
        <v>4.1061607653247183</v>
      </c>
      <c r="F307" s="40">
        <v>4.9666670000000011</v>
      </c>
      <c r="G307" s="40">
        <v>3.1556638943128505</v>
      </c>
      <c r="H307" s="40">
        <v>4.9666670000000011</v>
      </c>
      <c r="I307" s="40">
        <v>2.1419053461448057</v>
      </c>
      <c r="J307" s="40">
        <v>4.9666646011905202</v>
      </c>
      <c r="K307" s="40">
        <v>2.8586915222732339</v>
      </c>
      <c r="L307" s="40"/>
      <c r="M307" s="40"/>
      <c r="N307" s="40"/>
    </row>
    <row r="308" spans="4:14" x14ac:dyDescent="0.25">
      <c r="D308" s="40">
        <v>4.9998010000002306</v>
      </c>
      <c r="E308" s="40">
        <v>4.1157046760746914</v>
      </c>
      <c r="F308" s="40">
        <v>4.9833329999999876</v>
      </c>
      <c r="G308" s="40">
        <v>3.1650345223728462</v>
      </c>
      <c r="H308" s="40">
        <v>4.9833340000000135</v>
      </c>
      <c r="I308" s="40">
        <v>2.1485122085448256</v>
      </c>
      <c r="J308" s="40">
        <v>4.9833312619048096</v>
      </c>
      <c r="K308" s="40">
        <v>2.8683936096915721</v>
      </c>
      <c r="L308" s="40"/>
      <c r="M308" s="40"/>
      <c r="N308" s="40"/>
    </row>
    <row r="309" spans="4:14" x14ac:dyDescent="0.25">
      <c r="D309" s="40">
        <v>5.0164670000002314</v>
      </c>
      <c r="E309" s="40">
        <v>4.130091765414087</v>
      </c>
      <c r="F309" s="40">
        <v>5</v>
      </c>
      <c r="G309" s="40">
        <v>3.1744051504328414</v>
      </c>
      <c r="H309" s="40">
        <v>5</v>
      </c>
      <c r="I309" s="40">
        <v>2.158471807088278</v>
      </c>
      <c r="J309" s="40">
        <v>4.99999792261909</v>
      </c>
      <c r="K309" s="40">
        <v>2.8779530193538645</v>
      </c>
      <c r="L309" s="40"/>
      <c r="M309" s="40"/>
      <c r="N309" s="40"/>
    </row>
    <row r="310" spans="4:14" x14ac:dyDescent="0.25">
      <c r="D310" s="40">
        <v>5.0331330000002321</v>
      </c>
      <c r="E310" s="40">
        <v>4.1397781225930572</v>
      </c>
      <c r="F310" s="40">
        <v>5.0166669999999982</v>
      </c>
      <c r="G310" s="40">
        <v>3.1791603945230609</v>
      </c>
      <c r="H310" s="40">
        <v>5.0166670000000124</v>
      </c>
      <c r="I310" s="40">
        <v>2.165177279374968</v>
      </c>
      <c r="J310" s="40">
        <v>5.0166645833333803</v>
      </c>
      <c r="K310" s="40">
        <v>2.8828040630629697</v>
      </c>
      <c r="L310" s="40"/>
      <c r="M310" s="40"/>
      <c r="N310" s="40"/>
    </row>
    <row r="311" spans="4:14" x14ac:dyDescent="0.25">
      <c r="D311" s="40">
        <v>5.0497990000002329</v>
      </c>
      <c r="E311" s="40">
        <v>4.1541652119324528</v>
      </c>
      <c r="F311" s="40">
        <v>5.0333329999999989</v>
      </c>
      <c r="G311" s="40">
        <v>3.1885310225831804</v>
      </c>
      <c r="H311" s="40">
        <v>5.0333340000000106</v>
      </c>
      <c r="I311" s="40">
        <v>2.1717841417749879</v>
      </c>
      <c r="J311" s="40">
        <v>5.0333312440476696</v>
      </c>
      <c r="K311" s="40">
        <v>2.8923634727252621</v>
      </c>
      <c r="L311" s="40"/>
      <c r="M311" s="40"/>
      <c r="N311" s="40"/>
    </row>
    <row r="312" spans="4:14" x14ac:dyDescent="0.25">
      <c r="D312" s="40">
        <v>5.0664650000002336</v>
      </c>
      <c r="E312" s="40">
        <v>4.1637091226824268</v>
      </c>
      <c r="F312" s="40">
        <v>5.0499999999999972</v>
      </c>
      <c r="G312" s="40">
        <v>3.198041510763495</v>
      </c>
      <c r="H312" s="40">
        <v>5.0500000000000114</v>
      </c>
      <c r="I312" s="40">
        <v>2.1817437403182653</v>
      </c>
      <c r="J312" s="40">
        <v>5.0499979047619501</v>
      </c>
      <c r="K312" s="40">
        <v>2.8972145164343677</v>
      </c>
      <c r="L312" s="40"/>
      <c r="M312" s="40"/>
      <c r="N312" s="40"/>
    </row>
    <row r="313" spans="4:14" x14ac:dyDescent="0.25">
      <c r="D313" s="40">
        <v>5.0831310000002343</v>
      </c>
      <c r="E313" s="40">
        <v>4.1780962120218232</v>
      </c>
      <c r="F313" s="40">
        <v>5.0666669999999954</v>
      </c>
      <c r="G313" s="40">
        <v>3.2074121388234902</v>
      </c>
      <c r="H313" s="40">
        <v>5.0666670000000096</v>
      </c>
      <c r="I313" s="40">
        <v>2.1883506027184612</v>
      </c>
      <c r="J313" s="40">
        <v>5.0666645654762403</v>
      </c>
      <c r="K313" s="40">
        <v>2.9067739260966601</v>
      </c>
      <c r="L313" s="40"/>
      <c r="M313" s="40"/>
      <c r="N313" s="40"/>
    </row>
    <row r="314" spans="4:14" x14ac:dyDescent="0.25">
      <c r="D314" s="40">
        <v>5.0997970000002351</v>
      </c>
      <c r="E314" s="40">
        <v>4.1876401227716702</v>
      </c>
      <c r="F314" s="40">
        <v>5.0833329999999961</v>
      </c>
      <c r="G314" s="40">
        <v>3.2167827668836098</v>
      </c>
      <c r="H314" s="40">
        <v>5.0833340000000078</v>
      </c>
      <c r="I314" s="40">
        <v>2.1983102012617382</v>
      </c>
      <c r="J314" s="40">
        <v>5.0833312261905199</v>
      </c>
      <c r="K314" s="40">
        <v>2.9116249698057652</v>
      </c>
      <c r="L314" s="40"/>
      <c r="M314" s="40"/>
      <c r="N314" s="40"/>
    </row>
    <row r="315" spans="4:14" x14ac:dyDescent="0.25">
      <c r="D315" s="40">
        <v>5.1164630000002358</v>
      </c>
      <c r="E315" s="40">
        <v>4.2020272121110658</v>
      </c>
      <c r="F315" s="40">
        <v>5.0999999999999943</v>
      </c>
      <c r="G315" s="40">
        <v>3.2262932550639238</v>
      </c>
      <c r="H315" s="40">
        <v>5.1000000000000085</v>
      </c>
      <c r="I315" s="40">
        <v>2.2050156735484276</v>
      </c>
      <c r="J315" s="40">
        <v>5.0999978869048102</v>
      </c>
      <c r="K315" s="40">
        <v>2.9211843794680581</v>
      </c>
      <c r="L315" s="40"/>
      <c r="M315" s="40"/>
      <c r="N315" s="40"/>
    </row>
    <row r="316" spans="4:14" x14ac:dyDescent="0.25">
      <c r="D316" s="40">
        <v>5.1331290000002365</v>
      </c>
      <c r="E316" s="40">
        <v>4.2117135692901622</v>
      </c>
      <c r="F316" s="40">
        <v>5.1166669999999925</v>
      </c>
      <c r="G316" s="40">
        <v>3.2356638831240438</v>
      </c>
      <c r="H316" s="40">
        <v>5.1166670000000067</v>
      </c>
      <c r="I316" s="40">
        <v>2.2116225359484485</v>
      </c>
      <c r="J316" s="40">
        <v>5.1166645476190897</v>
      </c>
      <c r="K316" s="40">
        <v>2.9260354231771633</v>
      </c>
      <c r="L316" s="40"/>
      <c r="M316" s="40"/>
      <c r="N316" s="40"/>
    </row>
    <row r="317" spans="4:14" x14ac:dyDescent="0.25">
      <c r="D317" s="40">
        <v>5.1497950000002373</v>
      </c>
      <c r="E317" s="40">
        <v>4.2261006586295577</v>
      </c>
      <c r="F317" s="40">
        <v>5.1333329999999933</v>
      </c>
      <c r="G317" s="40">
        <v>3.2450345111840391</v>
      </c>
      <c r="H317" s="40">
        <v>5.1333340000000049</v>
      </c>
      <c r="I317" s="40">
        <v>2.2215821344919009</v>
      </c>
      <c r="J317" s="40">
        <v>5.13333120833338</v>
      </c>
      <c r="K317" s="40">
        <v>2.9308864668863959</v>
      </c>
      <c r="L317" s="40"/>
      <c r="M317" s="40"/>
      <c r="N317" s="40"/>
    </row>
    <row r="318" spans="4:14" x14ac:dyDescent="0.25">
      <c r="D318" s="40">
        <v>5.166461000000238</v>
      </c>
      <c r="E318" s="40">
        <v>4.2356445693794047</v>
      </c>
      <c r="F318" s="40">
        <v>5.1499999999999915</v>
      </c>
      <c r="G318" s="40">
        <v>3.2545449993643532</v>
      </c>
      <c r="H318" s="40">
        <v>5.1500000000000057</v>
      </c>
      <c r="I318" s="40">
        <v>2.228287606778415</v>
      </c>
      <c r="J318" s="40">
        <v>5.1499978690476702</v>
      </c>
      <c r="K318" s="40">
        <v>2.9355948328394557</v>
      </c>
      <c r="L318" s="40"/>
      <c r="M318" s="40"/>
      <c r="N318" s="40"/>
    </row>
    <row r="319" spans="4:14" x14ac:dyDescent="0.25">
      <c r="D319" s="40">
        <v>5.1831270000002387</v>
      </c>
      <c r="E319" s="40">
        <v>4.2500316587188012</v>
      </c>
      <c r="F319" s="40">
        <v>5.1666669999999897</v>
      </c>
      <c r="G319" s="40">
        <v>3.2639156274244732</v>
      </c>
      <c r="H319" s="40">
        <v>5.1666670000000039</v>
      </c>
      <c r="I319" s="40">
        <v>2.2348944691784349</v>
      </c>
      <c r="J319" s="40">
        <v>5.1666645297619498</v>
      </c>
      <c r="K319" s="40">
        <v>2.9452969202577934</v>
      </c>
      <c r="L319" s="40"/>
      <c r="M319" s="40"/>
      <c r="N319" s="40"/>
    </row>
    <row r="320" spans="4:14" x14ac:dyDescent="0.25">
      <c r="D320" s="40">
        <v>5.1997930000002395</v>
      </c>
      <c r="E320" s="40">
        <v>4.2644187480581968</v>
      </c>
      <c r="F320" s="40">
        <v>5.1833329999999904</v>
      </c>
      <c r="G320" s="40">
        <v>3.2732862554844684</v>
      </c>
      <c r="H320" s="40">
        <v>5.1833340000000021</v>
      </c>
      <c r="I320" s="40">
        <v>2.2448540677218882</v>
      </c>
      <c r="J320" s="40">
        <v>5.18333119047624</v>
      </c>
      <c r="K320" s="40">
        <v>2.9500052862108537</v>
      </c>
      <c r="L320" s="40"/>
      <c r="M320" s="40"/>
      <c r="N320" s="40"/>
    </row>
    <row r="321" spans="4:14" x14ac:dyDescent="0.25">
      <c r="D321" s="40">
        <v>5.2164590000002402</v>
      </c>
      <c r="E321" s="40">
        <v>4.2741051052372931</v>
      </c>
      <c r="F321" s="40">
        <v>5.1999999999999886</v>
      </c>
      <c r="G321" s="40">
        <v>3.2827967436649068</v>
      </c>
      <c r="H321" s="40">
        <v>5.2000000000000028</v>
      </c>
      <c r="I321" s="40">
        <v>2.2514609301219082</v>
      </c>
      <c r="J321" s="40">
        <v>5.1999978511905196</v>
      </c>
      <c r="K321" s="40">
        <v>2.9597073736291915</v>
      </c>
      <c r="L321" s="40"/>
      <c r="M321" s="40"/>
      <c r="N321" s="40"/>
    </row>
    <row r="322" spans="4:14" x14ac:dyDescent="0.25">
      <c r="D322" s="40">
        <v>5.2331250000002409</v>
      </c>
      <c r="E322" s="40">
        <v>4.2884921945766896</v>
      </c>
      <c r="F322" s="40">
        <v>5.2166670000000011</v>
      </c>
      <c r="G322" s="40">
        <v>3.2874121276346826</v>
      </c>
      <c r="H322" s="40">
        <v>5.2166670000000011</v>
      </c>
      <c r="I322" s="40">
        <v>2.2581664024085977</v>
      </c>
      <c r="J322" s="40">
        <v>5.2166645119048098</v>
      </c>
      <c r="K322" s="40">
        <v>2.9644157395822517</v>
      </c>
      <c r="L322" s="40"/>
      <c r="M322" s="40"/>
      <c r="N322" s="40"/>
    </row>
    <row r="323" spans="4:14" x14ac:dyDescent="0.25">
      <c r="D323" s="40">
        <v>5.2497910000002417</v>
      </c>
      <c r="E323" s="40">
        <v>4.2980361053265366</v>
      </c>
      <c r="F323" s="40">
        <v>5.2333329999999876</v>
      </c>
      <c r="G323" s="40">
        <v>3.2969226158151215</v>
      </c>
      <c r="H323" s="40">
        <v>5.2333340000000135</v>
      </c>
      <c r="I323" s="40">
        <v>2.2681260009518751</v>
      </c>
      <c r="J323" s="40">
        <v>5.2333311726191001</v>
      </c>
      <c r="K323" s="40">
        <v>2.9741178270005895</v>
      </c>
      <c r="L323" s="40"/>
      <c r="M323" s="40"/>
      <c r="N323" s="40"/>
    </row>
    <row r="324" spans="4:14" x14ac:dyDescent="0.25">
      <c r="D324" s="40">
        <v>5.2664570000002424</v>
      </c>
      <c r="E324" s="40">
        <v>4.3075800160765096</v>
      </c>
      <c r="F324" s="40">
        <v>5.25</v>
      </c>
      <c r="G324" s="40">
        <v>3.3062932438751167</v>
      </c>
      <c r="H324" s="40">
        <v>5.25</v>
      </c>
      <c r="I324" s="40">
        <v>2.2747328633520705</v>
      </c>
      <c r="J324" s="40">
        <v>5.2499978333333797</v>
      </c>
      <c r="K324" s="40">
        <v>2.9788261929536493</v>
      </c>
      <c r="L324" s="40"/>
      <c r="M324" s="40"/>
      <c r="N324" s="40"/>
    </row>
    <row r="325" spans="4:14" x14ac:dyDescent="0.25">
      <c r="D325" s="40">
        <v>5.2831230000002432</v>
      </c>
      <c r="E325" s="40">
        <v>4.3219671054159052</v>
      </c>
      <c r="F325" s="40">
        <v>5.2666669999999982</v>
      </c>
      <c r="G325" s="40">
        <v>3.3158037320554312</v>
      </c>
      <c r="H325" s="40">
        <v>5.2666670000000124</v>
      </c>
      <c r="I325" s="40">
        <v>2.2846924618953479</v>
      </c>
      <c r="J325" s="40">
        <v>5.2666644940476699</v>
      </c>
      <c r="K325" s="40">
        <v>2.988528280372114</v>
      </c>
      <c r="L325" s="40"/>
      <c r="M325" s="40"/>
      <c r="N325" s="40"/>
    </row>
    <row r="326" spans="4:14" x14ac:dyDescent="0.25">
      <c r="D326" s="40">
        <v>5.2997890000002439</v>
      </c>
      <c r="E326" s="40">
        <v>4.3363541947553017</v>
      </c>
      <c r="F326" s="40">
        <v>5.2833329999999989</v>
      </c>
      <c r="G326" s="40">
        <v>3.3251743601155503</v>
      </c>
      <c r="H326" s="40">
        <v>5.2833340000000106</v>
      </c>
      <c r="I326" s="40">
        <v>2.2912993242953679</v>
      </c>
      <c r="J326" s="40">
        <v>5.2833311547619504</v>
      </c>
      <c r="K326" s="40">
        <v>2.9932366463250473</v>
      </c>
      <c r="L326" s="40"/>
      <c r="M326" s="40"/>
      <c r="N326" s="40"/>
    </row>
    <row r="327" spans="4:14" x14ac:dyDescent="0.25">
      <c r="D327" s="40">
        <v>5.3164550000002446</v>
      </c>
      <c r="E327" s="40">
        <v>4.3507412840946973</v>
      </c>
      <c r="F327" s="40">
        <v>5.2999999999999972</v>
      </c>
      <c r="G327" s="40">
        <v>3.334544988175546</v>
      </c>
      <c r="H327" s="40">
        <v>5.3000000000000114</v>
      </c>
      <c r="I327" s="40">
        <v>2.3012589228388207</v>
      </c>
      <c r="J327" s="40">
        <v>5.2999978154762397</v>
      </c>
      <c r="K327" s="40">
        <v>3.0029387337435116</v>
      </c>
      <c r="L327" s="40"/>
      <c r="M327" s="40"/>
      <c r="N327" s="40"/>
    </row>
    <row r="328" spans="4:14" x14ac:dyDescent="0.25">
      <c r="D328" s="40">
        <v>5.3331210000002454</v>
      </c>
      <c r="E328" s="40">
        <v>4.3604276412736667</v>
      </c>
      <c r="F328" s="40">
        <v>5.3166669999999954</v>
      </c>
      <c r="G328" s="40">
        <v>3.339300232265765</v>
      </c>
      <c r="H328" s="40">
        <v>5.3166670000000096</v>
      </c>
      <c r="I328" s="40">
        <v>2.3079643951255107</v>
      </c>
      <c r="J328" s="40">
        <v>5.3166644761905202</v>
      </c>
      <c r="K328" s="40">
        <v>3.0076470996964453</v>
      </c>
      <c r="L328" s="40"/>
      <c r="M328" s="40"/>
      <c r="N328" s="40"/>
    </row>
    <row r="329" spans="4:14" x14ac:dyDescent="0.25">
      <c r="D329" s="40">
        <v>5.3497870000002461</v>
      </c>
      <c r="E329" s="40">
        <v>4.3748147306130631</v>
      </c>
      <c r="F329" s="40">
        <v>5.3333329999999961</v>
      </c>
      <c r="G329" s="40">
        <v>3.3486708603257607</v>
      </c>
      <c r="H329" s="40">
        <v>5.3333340000000078</v>
      </c>
      <c r="I329" s="40">
        <v>2.3145712575255306</v>
      </c>
      <c r="J329" s="40">
        <v>5.3333311369048104</v>
      </c>
      <c r="K329" s="40">
        <v>3.0173491871149096</v>
      </c>
      <c r="L329" s="40"/>
      <c r="M329" s="40"/>
      <c r="N329" s="40"/>
    </row>
    <row r="330" spans="4:14" x14ac:dyDescent="0.25">
      <c r="D330" s="40">
        <v>5.3664530000002468</v>
      </c>
      <c r="E330" s="40">
        <v>4.3892018199524587</v>
      </c>
      <c r="F330" s="40">
        <v>5.3499999999999943</v>
      </c>
      <c r="G330" s="40">
        <v>3.3581813485061991</v>
      </c>
      <c r="H330" s="40">
        <v>5.3500000000000085</v>
      </c>
      <c r="I330" s="40">
        <v>2.324530856068808</v>
      </c>
      <c r="J330" s="40">
        <v>5.3499977976190998</v>
      </c>
      <c r="K330" s="40">
        <v>3.0220575530679699</v>
      </c>
      <c r="L330" s="40"/>
      <c r="M330" s="40"/>
      <c r="N330" s="40"/>
    </row>
    <row r="331" spans="4:14" x14ac:dyDescent="0.25">
      <c r="D331" s="40">
        <v>5.3831190000002476</v>
      </c>
      <c r="E331" s="40">
        <v>4.4035889092919813</v>
      </c>
      <c r="F331" s="40">
        <v>5.3666669999999925</v>
      </c>
      <c r="G331" s="40">
        <v>3.3627967324759753</v>
      </c>
      <c r="H331" s="40">
        <v>5.3666670000000067</v>
      </c>
      <c r="I331" s="40">
        <v>2.331137718469003</v>
      </c>
      <c r="J331" s="40">
        <v>5.3666644583333802</v>
      </c>
      <c r="K331" s="40">
        <v>3.0317596404863072</v>
      </c>
      <c r="L331" s="40"/>
      <c r="M331" s="40"/>
      <c r="N331" s="40"/>
    </row>
    <row r="332" spans="4:14" x14ac:dyDescent="0.25">
      <c r="D332" s="40">
        <v>5.3997850000002483</v>
      </c>
      <c r="E332" s="40">
        <v>4.4131328200418283</v>
      </c>
      <c r="F332" s="40">
        <v>5.3833329999999933</v>
      </c>
      <c r="G332" s="40">
        <v>3.3723072206564138</v>
      </c>
      <c r="H332" s="40">
        <v>5.3833340000000049</v>
      </c>
      <c r="I332" s="40">
        <v>2.3378431907555179</v>
      </c>
      <c r="J332" s="40">
        <v>5.3833311190476696</v>
      </c>
      <c r="K332" s="40">
        <v>3.0413190501484735</v>
      </c>
      <c r="L332" s="40"/>
      <c r="M332" s="40"/>
      <c r="N332" s="40"/>
    </row>
    <row r="333" spans="4:14" x14ac:dyDescent="0.25">
      <c r="D333" s="40">
        <v>5.416451000000249</v>
      </c>
      <c r="E333" s="40">
        <v>4.4275199093812239</v>
      </c>
      <c r="F333" s="40">
        <v>5.3999999999999915</v>
      </c>
      <c r="G333" s="40">
        <v>3.3816778487164094</v>
      </c>
      <c r="H333" s="40">
        <v>5.4000000000000057</v>
      </c>
      <c r="I333" s="40">
        <v>2.3444500531555379</v>
      </c>
      <c r="J333" s="40">
        <v>5.3999977797619501</v>
      </c>
      <c r="K333" s="40">
        <v>3.0508784598107654</v>
      </c>
      <c r="L333" s="40"/>
      <c r="M333" s="40"/>
      <c r="N333" s="40"/>
    </row>
    <row r="334" spans="4:14" x14ac:dyDescent="0.25">
      <c r="D334" s="40">
        <v>5.4331170000002498</v>
      </c>
      <c r="E334" s="40">
        <v>4.4419069987206203</v>
      </c>
      <c r="F334" s="40">
        <v>5.4166669999999897</v>
      </c>
      <c r="G334" s="40">
        <v>3.3910484767765285</v>
      </c>
      <c r="H334" s="40">
        <v>5.4166670000000039</v>
      </c>
      <c r="I334" s="40">
        <v>2.3544096516989903</v>
      </c>
      <c r="J334" s="40">
        <v>5.4166644404762403</v>
      </c>
      <c r="K334" s="40">
        <v>3.0605805472291032</v>
      </c>
      <c r="L334" s="40"/>
      <c r="M334" s="40"/>
      <c r="N334" s="40"/>
    </row>
    <row r="335" spans="4:14" x14ac:dyDescent="0.25">
      <c r="D335" s="40">
        <v>5.4497830000002505</v>
      </c>
      <c r="E335" s="40">
        <v>4.456294088060015</v>
      </c>
      <c r="F335" s="40">
        <v>5.4333329999999904</v>
      </c>
      <c r="G335" s="40">
        <v>3.4005589649568431</v>
      </c>
      <c r="H335" s="40">
        <v>5.4333340000000021</v>
      </c>
      <c r="I335" s="40">
        <v>2.3611151239856802</v>
      </c>
      <c r="J335" s="40">
        <v>5.4333311011905296</v>
      </c>
      <c r="K335" s="40">
        <v>3.0654315909383354</v>
      </c>
      <c r="L335" s="40"/>
      <c r="M335" s="40"/>
      <c r="N335" s="40"/>
    </row>
    <row r="336" spans="4:14" x14ac:dyDescent="0.25">
      <c r="D336" s="40">
        <v>5.4664490000002512</v>
      </c>
      <c r="E336" s="40">
        <v>4.4659804452391114</v>
      </c>
      <c r="F336" s="40">
        <v>5.4499999999999886</v>
      </c>
      <c r="G336" s="40">
        <v>3.4099295930168383</v>
      </c>
      <c r="H336" s="40">
        <v>5.4500000000000028</v>
      </c>
      <c r="I336" s="40">
        <v>2.3677219863857002</v>
      </c>
      <c r="J336" s="40">
        <v>5.4499977619048101</v>
      </c>
      <c r="K336" s="40">
        <v>3.0749910006005008</v>
      </c>
      <c r="L336" s="40"/>
      <c r="M336" s="40"/>
      <c r="N336" s="40"/>
    </row>
    <row r="337" spans="4:14" x14ac:dyDescent="0.25">
      <c r="D337" s="40">
        <v>5.483115000000252</v>
      </c>
      <c r="E337" s="40">
        <v>4.4803675345785079</v>
      </c>
      <c r="F337" s="40">
        <v>5.4666670000000011</v>
      </c>
      <c r="G337" s="40">
        <v>3.4193002210769579</v>
      </c>
      <c r="H337" s="40">
        <v>5.4666670000000011</v>
      </c>
      <c r="I337" s="40">
        <v>2.3776815849289776</v>
      </c>
      <c r="J337" s="40">
        <v>5.4666644226191003</v>
      </c>
      <c r="K337" s="40">
        <v>3.0845504102627936</v>
      </c>
      <c r="L337" s="40"/>
      <c r="M337" s="40"/>
      <c r="N337" s="40"/>
    </row>
    <row r="338" spans="4:14" x14ac:dyDescent="0.25">
      <c r="D338" s="40">
        <v>5.4997810000002527</v>
      </c>
      <c r="E338" s="40">
        <v>4.4947546239179035</v>
      </c>
      <c r="F338" s="40">
        <v>5.4833329999999876</v>
      </c>
      <c r="G338" s="40">
        <v>3.4288107092572724</v>
      </c>
      <c r="H338" s="40">
        <v>5.4833340000000135</v>
      </c>
      <c r="I338" s="40">
        <v>2.384288447329173</v>
      </c>
      <c r="J338" s="40">
        <v>5.4833310833333799</v>
      </c>
      <c r="K338" s="40">
        <v>3.0942524976811314</v>
      </c>
      <c r="L338" s="40"/>
      <c r="M338" s="40"/>
      <c r="N338" s="40"/>
    </row>
    <row r="339" spans="4:14" x14ac:dyDescent="0.25">
      <c r="D339" s="40">
        <v>5.5164470000002535</v>
      </c>
      <c r="E339" s="40">
        <v>4.5091417132572991</v>
      </c>
      <c r="F339" s="40">
        <v>5.5</v>
      </c>
      <c r="G339" s="40">
        <v>3.4381813373173915</v>
      </c>
      <c r="H339" s="40">
        <v>5.5</v>
      </c>
      <c r="I339" s="40">
        <v>2.3909939196156875</v>
      </c>
      <c r="J339" s="40">
        <v>5.4999977440476702</v>
      </c>
      <c r="K339" s="40">
        <v>3.0989608636341912</v>
      </c>
      <c r="L339" s="40"/>
      <c r="M339" s="40"/>
      <c r="N339" s="40"/>
    </row>
    <row r="340" spans="4:14" x14ac:dyDescent="0.25">
      <c r="D340" s="40">
        <v>5.5331130000002542</v>
      </c>
      <c r="E340" s="40">
        <v>4.5235288025966947</v>
      </c>
      <c r="F340" s="40">
        <v>5.5166669999999982</v>
      </c>
      <c r="G340" s="40">
        <v>3.442936581407487</v>
      </c>
      <c r="H340" s="40">
        <v>5.5166670000000124</v>
      </c>
      <c r="I340" s="40">
        <v>2.3976007820158829</v>
      </c>
      <c r="J340" s="40">
        <v>5.5166644047619497</v>
      </c>
      <c r="K340" s="40">
        <v>3.108662951052529</v>
      </c>
      <c r="L340" s="40"/>
      <c r="M340" s="40"/>
      <c r="N340" s="40"/>
    </row>
    <row r="341" spans="4:14" x14ac:dyDescent="0.25">
      <c r="D341" s="40">
        <v>5.5497790000002549</v>
      </c>
      <c r="E341" s="40">
        <v>4.5330727133466677</v>
      </c>
      <c r="F341" s="40">
        <v>5.5333329999999989</v>
      </c>
      <c r="G341" s="40">
        <v>3.4523072094676066</v>
      </c>
      <c r="H341" s="40">
        <v>5.5333340000000106</v>
      </c>
      <c r="I341" s="40">
        <v>2.4042076444159033</v>
      </c>
      <c r="J341" s="40">
        <v>5.53333106547624</v>
      </c>
      <c r="K341" s="40">
        <v>3.1182223607146944</v>
      </c>
      <c r="L341" s="40"/>
      <c r="M341" s="40"/>
      <c r="N341" s="40"/>
    </row>
    <row r="342" spans="4:14" x14ac:dyDescent="0.25">
      <c r="D342" s="40">
        <v>5.5664450000002557</v>
      </c>
      <c r="E342" s="40">
        <v>4.5474598026860642</v>
      </c>
      <c r="F342" s="40">
        <v>5.5499999999999972</v>
      </c>
      <c r="G342" s="40">
        <v>3.4570624535577013</v>
      </c>
      <c r="H342" s="40">
        <v>5.5500000000000114</v>
      </c>
      <c r="I342" s="40">
        <v>2.4109131167024174</v>
      </c>
      <c r="J342" s="40">
        <v>5.5499977261905302</v>
      </c>
      <c r="K342" s="40">
        <v>3.1277817703769872</v>
      </c>
      <c r="L342" s="40"/>
      <c r="M342" s="40"/>
      <c r="N342" s="40"/>
    </row>
    <row r="343" spans="4:14" x14ac:dyDescent="0.25">
      <c r="D343" s="40">
        <v>5.5831110000002564</v>
      </c>
      <c r="E343" s="40">
        <v>4.5570037134359112</v>
      </c>
      <c r="F343" s="40">
        <v>5.5666669999999954</v>
      </c>
      <c r="G343" s="40">
        <v>3.4664330816178213</v>
      </c>
      <c r="H343" s="40">
        <v>5.5666670000000096</v>
      </c>
      <c r="I343" s="40">
        <v>2.4175199791026127</v>
      </c>
      <c r="J343" s="40">
        <v>5.5666643869048098</v>
      </c>
      <c r="K343" s="40">
        <v>3.137483857795325</v>
      </c>
      <c r="L343" s="40"/>
      <c r="M343" s="40"/>
      <c r="N343" s="40"/>
    </row>
    <row r="344" spans="4:14" x14ac:dyDescent="0.25">
      <c r="D344" s="40">
        <v>5.5997770000002571</v>
      </c>
      <c r="E344" s="40">
        <v>4.5713908027753067</v>
      </c>
      <c r="F344" s="40">
        <v>5.5833329999999961</v>
      </c>
      <c r="G344" s="40">
        <v>3.4711883257080403</v>
      </c>
      <c r="H344" s="40">
        <v>5.5833340000000078</v>
      </c>
      <c r="I344" s="40">
        <v>2.4274795776458906</v>
      </c>
      <c r="J344" s="40">
        <v>5.5833310476191</v>
      </c>
      <c r="K344" s="40">
        <v>3.1470432674576174</v>
      </c>
      <c r="L344" s="40"/>
      <c r="M344" s="40"/>
      <c r="N344" s="40"/>
    </row>
    <row r="345" spans="4:14" x14ac:dyDescent="0.25">
      <c r="D345" s="40">
        <v>5.6164430000002579</v>
      </c>
      <c r="E345" s="40">
        <v>4.5857778921147023</v>
      </c>
      <c r="F345" s="40">
        <v>5.5999999999999943</v>
      </c>
      <c r="G345" s="40">
        <v>3.4758037096778165</v>
      </c>
      <c r="H345" s="40">
        <v>5.6000000000000085</v>
      </c>
      <c r="I345" s="40">
        <v>2.4340864400459106</v>
      </c>
      <c r="J345" s="40">
        <v>5.5999977083333796</v>
      </c>
      <c r="K345" s="40">
        <v>3.1566026771197828</v>
      </c>
      <c r="L345" s="40"/>
      <c r="M345" s="40"/>
      <c r="N345" s="40"/>
    </row>
    <row r="346" spans="4:14" x14ac:dyDescent="0.25">
      <c r="D346" s="40">
        <v>5.6331090000002586</v>
      </c>
      <c r="E346" s="40">
        <v>4.5954642492937996</v>
      </c>
      <c r="F346" s="40">
        <v>5.6166669999999925</v>
      </c>
      <c r="G346" s="40">
        <v>3.4853141978582554</v>
      </c>
      <c r="H346" s="40">
        <v>5.6166670000000067</v>
      </c>
      <c r="I346" s="40">
        <v>2.4407919123326001</v>
      </c>
      <c r="J346" s="40">
        <v>5.6166643690476699</v>
      </c>
      <c r="K346" s="40">
        <v>3.1614537208290154</v>
      </c>
      <c r="L346" s="40"/>
      <c r="M346" s="40"/>
      <c r="N346" s="40"/>
    </row>
    <row r="347" spans="4:14" x14ac:dyDescent="0.25">
      <c r="D347" s="40">
        <v>5.6497750000002593</v>
      </c>
      <c r="E347" s="40">
        <v>4.6098513386331952</v>
      </c>
      <c r="F347" s="40">
        <v>5.6333329999999933</v>
      </c>
      <c r="G347" s="40">
        <v>3.4946848259182506</v>
      </c>
      <c r="H347" s="40">
        <v>5.6333340000000049</v>
      </c>
      <c r="I347" s="40">
        <v>2.4507515108760525</v>
      </c>
      <c r="J347" s="40">
        <v>5.6333310297619601</v>
      </c>
      <c r="K347" s="40">
        <v>3.1710131304911808</v>
      </c>
      <c r="L347" s="40"/>
      <c r="M347" s="40"/>
      <c r="N347" s="40"/>
    </row>
    <row r="348" spans="4:14" x14ac:dyDescent="0.25">
      <c r="D348" s="40">
        <v>5.6664410000002601</v>
      </c>
      <c r="E348" s="40">
        <v>4.6242384279725908</v>
      </c>
      <c r="F348" s="40">
        <v>5.6499999999999915</v>
      </c>
      <c r="G348" s="40">
        <v>3.4994400700084696</v>
      </c>
      <c r="H348" s="40">
        <v>5.6500000000000057</v>
      </c>
      <c r="I348" s="40">
        <v>2.4573583732760729</v>
      </c>
      <c r="J348" s="40">
        <v>5.6499976904762397</v>
      </c>
      <c r="K348" s="40">
        <v>3.175864174200413</v>
      </c>
      <c r="L348" s="40"/>
      <c r="M348" s="40"/>
      <c r="N348" s="40"/>
    </row>
    <row r="349" spans="4:14" x14ac:dyDescent="0.25">
      <c r="D349" s="40">
        <v>5.6831070000002608</v>
      </c>
      <c r="E349" s="40">
        <v>4.6337823387224386</v>
      </c>
      <c r="F349" s="40">
        <v>5.6666669999999897</v>
      </c>
      <c r="G349" s="40">
        <v>3.5088106980684648</v>
      </c>
      <c r="H349" s="40">
        <v>5.6666670000000039</v>
      </c>
      <c r="I349" s="40">
        <v>2.4639652356760928</v>
      </c>
      <c r="J349" s="40">
        <v>5.6666643511905299</v>
      </c>
      <c r="K349" s="40">
        <v>3.1854235838625788</v>
      </c>
      <c r="L349" s="40"/>
      <c r="M349" s="40"/>
      <c r="N349" s="40"/>
    </row>
    <row r="350" spans="4:14" x14ac:dyDescent="0.25">
      <c r="D350" s="40">
        <v>5.6997730000002615</v>
      </c>
      <c r="E350" s="40">
        <v>4.643468695901535</v>
      </c>
      <c r="F350" s="40">
        <v>5.6833329999999904</v>
      </c>
      <c r="G350" s="40">
        <v>3.5183211862487789</v>
      </c>
      <c r="H350" s="40">
        <v>5.6833340000000021</v>
      </c>
      <c r="I350" s="40">
        <v>2.4706707079627828</v>
      </c>
      <c r="J350" s="40">
        <v>5.6833310119048104</v>
      </c>
      <c r="K350" s="40">
        <v>3.190274627571811</v>
      </c>
      <c r="L350" s="40"/>
      <c r="M350" s="40"/>
      <c r="N350" s="40"/>
    </row>
    <row r="351" spans="4:14" x14ac:dyDescent="0.25">
      <c r="D351" s="40">
        <v>5.7164390000002623</v>
      </c>
      <c r="E351" s="40">
        <v>4.6530126066513828</v>
      </c>
      <c r="F351" s="40">
        <v>5.6999999999999886</v>
      </c>
      <c r="G351" s="40">
        <v>3.5276918143088989</v>
      </c>
      <c r="H351" s="40">
        <v>5.7000000000000028</v>
      </c>
      <c r="I351" s="40">
        <v>2.4806303065060602</v>
      </c>
      <c r="J351" s="40">
        <v>5.6999976726190997</v>
      </c>
      <c r="K351" s="40">
        <v>3.1998340372339764</v>
      </c>
      <c r="L351" s="40"/>
      <c r="M351" s="40"/>
      <c r="N351" s="40"/>
    </row>
    <row r="352" spans="4:14" x14ac:dyDescent="0.25">
      <c r="D352" s="40">
        <v>5.733105000000263</v>
      </c>
      <c r="E352" s="40">
        <v>4.6673996959907784</v>
      </c>
      <c r="F352" s="40">
        <v>5.7166670000000011</v>
      </c>
      <c r="G352" s="40">
        <v>3.5370624423688941</v>
      </c>
      <c r="H352" s="40">
        <v>5.7166670000000011</v>
      </c>
      <c r="I352" s="40">
        <v>2.4872371689062556</v>
      </c>
      <c r="J352" s="40">
        <v>5.71666433333339</v>
      </c>
      <c r="K352" s="40">
        <v>3.2095361246524408</v>
      </c>
      <c r="L352" s="40"/>
      <c r="M352" s="40"/>
      <c r="N352" s="40"/>
    </row>
    <row r="353" spans="4:14" x14ac:dyDescent="0.25">
      <c r="D353" s="40">
        <v>5.7497710000002638</v>
      </c>
      <c r="E353" s="40">
        <v>4.6769436067407515</v>
      </c>
      <c r="F353" s="40">
        <v>5.7333329999999876</v>
      </c>
      <c r="G353" s="40">
        <v>3.5418176864591135</v>
      </c>
      <c r="H353" s="40">
        <v>5.7333340000000135</v>
      </c>
      <c r="I353" s="40">
        <v>2.4939426411927696</v>
      </c>
      <c r="J353" s="40">
        <v>5.7333309940476704</v>
      </c>
      <c r="K353" s="40">
        <v>3.214244490605501</v>
      </c>
      <c r="L353" s="40"/>
      <c r="M353" s="40"/>
      <c r="N353" s="40"/>
    </row>
    <row r="354" spans="4:14" x14ac:dyDescent="0.25">
      <c r="D354" s="40">
        <v>5.7664370000002645</v>
      </c>
      <c r="E354" s="40">
        <v>4.6866299639197218</v>
      </c>
      <c r="F354" s="40">
        <v>5.75</v>
      </c>
      <c r="G354" s="40">
        <v>3.5511883145192331</v>
      </c>
      <c r="H354" s="40">
        <v>5.75</v>
      </c>
      <c r="I354" s="40">
        <v>2.5039022397362225</v>
      </c>
      <c r="J354" s="40">
        <v>5.7499976547619598</v>
      </c>
      <c r="K354" s="40">
        <v>3.2239465780238388</v>
      </c>
      <c r="L354" s="40"/>
      <c r="M354" s="40"/>
      <c r="N354" s="40"/>
    </row>
    <row r="355" spans="4:14" x14ac:dyDescent="0.25">
      <c r="D355" s="40">
        <v>5.7831030000002652</v>
      </c>
      <c r="E355" s="40">
        <v>4.6961738746695687</v>
      </c>
      <c r="F355" s="40">
        <v>5.7666669999999982</v>
      </c>
      <c r="G355" s="40">
        <v>3.5606988026995472</v>
      </c>
      <c r="H355" s="40">
        <v>5.7666670000000124</v>
      </c>
      <c r="I355" s="40">
        <v>2.5138618382794999</v>
      </c>
      <c r="J355" s="40">
        <v>5.7666643154762403</v>
      </c>
      <c r="K355" s="40">
        <v>3.228654943976899</v>
      </c>
      <c r="L355" s="40"/>
      <c r="M355" s="40"/>
      <c r="N355" s="40"/>
    </row>
    <row r="356" spans="4:14" x14ac:dyDescent="0.25">
      <c r="D356" s="40">
        <v>5.799769000000266</v>
      </c>
      <c r="E356" s="40">
        <v>4.7057177854195427</v>
      </c>
      <c r="F356" s="40">
        <v>5.7833329999999989</v>
      </c>
      <c r="G356" s="40">
        <v>3.5700694307595424</v>
      </c>
      <c r="H356" s="40">
        <v>5.7833340000000106</v>
      </c>
      <c r="I356" s="40">
        <v>2.5204687006796953</v>
      </c>
      <c r="J356" s="40">
        <v>5.7833309761905296</v>
      </c>
      <c r="K356" s="40">
        <v>3.2383570313952368</v>
      </c>
      <c r="L356" s="40"/>
      <c r="M356" s="40"/>
      <c r="N356" s="40"/>
    </row>
    <row r="357" spans="4:14" x14ac:dyDescent="0.25">
      <c r="D357" s="40">
        <v>5.8164350000002667</v>
      </c>
      <c r="E357" s="40">
        <v>4.7154041425985129</v>
      </c>
      <c r="F357" s="40">
        <v>5.7999999999999972</v>
      </c>
      <c r="G357" s="40">
        <v>3.5748246748497619</v>
      </c>
      <c r="H357" s="40">
        <v>5.8000000000000114</v>
      </c>
      <c r="I357" s="40">
        <v>2.5304282992229727</v>
      </c>
      <c r="J357" s="40">
        <v>5.7999976369048101</v>
      </c>
      <c r="K357" s="40">
        <v>3.2479164410574022</v>
      </c>
      <c r="L357" s="40"/>
      <c r="M357" s="40"/>
      <c r="N357" s="40"/>
    </row>
    <row r="358" spans="4:14" x14ac:dyDescent="0.25">
      <c r="D358" s="40">
        <v>5.8331010000002674</v>
      </c>
      <c r="E358" s="40">
        <v>4.7249480533484869</v>
      </c>
      <c r="F358" s="40">
        <v>5.8166669999999954</v>
      </c>
      <c r="G358" s="40">
        <v>3.5841953029097571</v>
      </c>
      <c r="H358" s="40">
        <v>5.8166670000000096</v>
      </c>
      <c r="I358" s="40">
        <v>2.5370351616229927</v>
      </c>
      <c r="J358" s="40">
        <v>5.8166642976191003</v>
      </c>
      <c r="K358" s="40">
        <v>3.2527674847666344</v>
      </c>
      <c r="L358" s="40"/>
      <c r="M358" s="40"/>
      <c r="N358" s="40"/>
    </row>
    <row r="359" spans="4:14" x14ac:dyDescent="0.25">
      <c r="D359" s="40">
        <v>5.8497670000002682</v>
      </c>
      <c r="E359" s="40">
        <v>4.7344919640983347</v>
      </c>
      <c r="F359" s="40">
        <v>5.8333329999999961</v>
      </c>
      <c r="G359" s="40">
        <v>3.5935659309698771</v>
      </c>
      <c r="H359" s="40">
        <v>5.8333340000000078</v>
      </c>
      <c r="I359" s="40">
        <v>2.5469947601664451</v>
      </c>
      <c r="J359" s="40">
        <v>5.8333309583333897</v>
      </c>
      <c r="K359" s="40">
        <v>3.2623268944289272</v>
      </c>
      <c r="L359" s="40"/>
      <c r="M359" s="40"/>
      <c r="N359" s="40"/>
    </row>
    <row r="360" spans="4:14" x14ac:dyDescent="0.25">
      <c r="D360" s="40">
        <v>5.8664330000002689</v>
      </c>
      <c r="E360" s="40">
        <v>4.744178321277305</v>
      </c>
      <c r="F360" s="40">
        <v>5.8499999999999943</v>
      </c>
      <c r="G360" s="40">
        <v>3.6030764191501912</v>
      </c>
      <c r="H360" s="40">
        <v>5.8500000000000085</v>
      </c>
      <c r="I360" s="40">
        <v>2.5537002324529601</v>
      </c>
      <c r="J360" s="40">
        <v>5.8499976190476701</v>
      </c>
      <c r="K360" s="40">
        <v>3.2671779381380324</v>
      </c>
      <c r="L360" s="40"/>
      <c r="M360" s="40"/>
      <c r="N360" s="40"/>
    </row>
    <row r="361" spans="4:14" x14ac:dyDescent="0.25">
      <c r="D361" s="40">
        <v>5.8830990000002696</v>
      </c>
      <c r="E361" s="40">
        <v>4.7537222320272789</v>
      </c>
      <c r="F361" s="40">
        <v>5.8666669999999925</v>
      </c>
      <c r="G361" s="40">
        <v>3.6076918031200913</v>
      </c>
      <c r="H361" s="40">
        <v>5.8666670000000067</v>
      </c>
      <c r="I361" s="40">
        <v>2.5603070948531554</v>
      </c>
      <c r="J361" s="40">
        <v>5.8666642797619604</v>
      </c>
      <c r="K361" s="40">
        <v>3.2720289818472645</v>
      </c>
      <c r="L361" s="40"/>
      <c r="M361" s="40"/>
      <c r="N361" s="40"/>
    </row>
    <row r="362" spans="4:14" x14ac:dyDescent="0.25">
      <c r="D362" s="40">
        <v>5.8997650000002704</v>
      </c>
      <c r="E362" s="40">
        <v>4.7632661427771259</v>
      </c>
      <c r="F362" s="40">
        <v>5.8833329999999933</v>
      </c>
      <c r="G362" s="40">
        <v>3.6172022913004054</v>
      </c>
      <c r="H362" s="40">
        <v>5.8833340000000049</v>
      </c>
      <c r="I362" s="40">
        <v>2.5702666933964324</v>
      </c>
      <c r="J362" s="40">
        <v>5.8833309404762399</v>
      </c>
      <c r="K362" s="40">
        <v>3.2815883915094304</v>
      </c>
      <c r="L362" s="40"/>
      <c r="M362" s="40"/>
      <c r="N362" s="40"/>
    </row>
    <row r="363" spans="4:14" x14ac:dyDescent="0.25">
      <c r="D363" s="40">
        <v>5.9164310000002711</v>
      </c>
      <c r="E363" s="40">
        <v>4.7729524999560962</v>
      </c>
      <c r="F363" s="40">
        <v>5.8999999999999915</v>
      </c>
      <c r="G363" s="40">
        <v>3.6265729193605254</v>
      </c>
      <c r="H363" s="40">
        <v>5.9000000000000057</v>
      </c>
      <c r="I363" s="40">
        <v>2.5768735557964533</v>
      </c>
      <c r="J363" s="40">
        <v>5.8999976011905302</v>
      </c>
      <c r="K363" s="40">
        <v>3.2864394352186626</v>
      </c>
      <c r="L363" s="40"/>
      <c r="M363" s="40"/>
      <c r="N363" s="40"/>
    </row>
    <row r="364" spans="4:14" x14ac:dyDescent="0.25">
      <c r="D364" s="40">
        <v>5.9330970000002718</v>
      </c>
      <c r="E364" s="40">
        <v>4.7777956785456448</v>
      </c>
      <c r="F364" s="40">
        <v>5.9166669999999897</v>
      </c>
      <c r="G364" s="40">
        <v>3.6359435474205206</v>
      </c>
      <c r="H364" s="40">
        <v>5.9166670000000039</v>
      </c>
      <c r="I364" s="40">
        <v>2.5868331543399057</v>
      </c>
      <c r="J364" s="40">
        <v>5.9166642619048098</v>
      </c>
      <c r="K364" s="40">
        <v>3.2959988448808279</v>
      </c>
      <c r="L364" s="40"/>
      <c r="M364" s="40"/>
      <c r="N364" s="40"/>
    </row>
    <row r="365" spans="4:14" x14ac:dyDescent="0.25">
      <c r="D365" s="40">
        <v>5.9497630000002726</v>
      </c>
      <c r="E365" s="40">
        <v>4.7873395892956179</v>
      </c>
      <c r="F365" s="40">
        <v>5.9333329999999904</v>
      </c>
      <c r="G365" s="40">
        <v>3.6406987915107401</v>
      </c>
      <c r="H365" s="40">
        <v>5.9333340000000021</v>
      </c>
      <c r="I365" s="40">
        <v>2.5935386266265952</v>
      </c>
      <c r="J365" s="40">
        <v>5.9333309226191</v>
      </c>
      <c r="K365" s="40">
        <v>3.3055582545431208</v>
      </c>
      <c r="L365" s="40"/>
      <c r="M365" s="40"/>
      <c r="N365" s="40"/>
    </row>
    <row r="366" spans="4:14" x14ac:dyDescent="0.25">
      <c r="D366" s="40">
        <v>5.9664290000002733</v>
      </c>
      <c r="E366" s="40">
        <v>4.7968835000454648</v>
      </c>
      <c r="F366" s="40">
        <v>5.9499999999999886</v>
      </c>
      <c r="G366" s="40">
        <v>3.6500694195707357</v>
      </c>
      <c r="H366" s="40">
        <v>5.9500000000000028</v>
      </c>
      <c r="I366" s="40">
        <v>2.6001454890266151</v>
      </c>
      <c r="J366" s="40">
        <v>5.9499975833333902</v>
      </c>
      <c r="K366" s="40">
        <v>3.3152603419614581</v>
      </c>
      <c r="L366" s="40"/>
      <c r="M366" s="40"/>
      <c r="N366" s="40"/>
    </row>
    <row r="367" spans="4:14" x14ac:dyDescent="0.25">
      <c r="D367" s="40">
        <v>5.9830950000002741</v>
      </c>
      <c r="E367" s="40">
        <v>4.806569857224436</v>
      </c>
      <c r="F367" s="40">
        <v>5.9666670000000011</v>
      </c>
      <c r="G367" s="40">
        <v>3.6595799077511737</v>
      </c>
      <c r="H367" s="40">
        <v>5.9666670000000011</v>
      </c>
      <c r="I367" s="40">
        <v>2.610105087569893</v>
      </c>
      <c r="J367" s="40">
        <v>5.9666642440476698</v>
      </c>
      <c r="K367" s="40">
        <v>3.3199687079145184</v>
      </c>
      <c r="L367" s="40"/>
      <c r="M367" s="40"/>
      <c r="N367" s="40"/>
    </row>
    <row r="368" spans="4:14" x14ac:dyDescent="0.25">
      <c r="D368" s="40">
        <v>5.9997610000002748</v>
      </c>
      <c r="E368" s="40">
        <v>4.8209569465638316</v>
      </c>
      <c r="F368" s="40">
        <v>5.9833329999999876</v>
      </c>
      <c r="G368" s="40">
        <v>3.6689505358111689</v>
      </c>
      <c r="H368" s="40">
        <v>5.9833340000000135</v>
      </c>
      <c r="I368" s="40">
        <v>2.6168105598565825</v>
      </c>
      <c r="J368" s="40">
        <v>5.9833309047619601</v>
      </c>
      <c r="K368" s="40">
        <v>3.3296707953328561</v>
      </c>
      <c r="L368" s="40"/>
      <c r="M368" s="40"/>
      <c r="N368" s="40"/>
    </row>
    <row r="369" spans="4:14" x14ac:dyDescent="0.25">
      <c r="D369" s="40">
        <v>6.0164270000002755</v>
      </c>
      <c r="E369" s="40">
        <v>4.8305008573138055</v>
      </c>
      <c r="F369" s="40">
        <v>6</v>
      </c>
      <c r="G369" s="40">
        <v>3.6783211638711646</v>
      </c>
      <c r="H369" s="40">
        <v>6</v>
      </c>
      <c r="I369" s="40">
        <v>2.6234174222566025</v>
      </c>
      <c r="J369" s="40">
        <v>5.9999975654762396</v>
      </c>
      <c r="K369" s="40">
        <v>3.3392302049951486</v>
      </c>
      <c r="L369" s="40"/>
      <c r="M369" s="40"/>
      <c r="N369" s="40"/>
    </row>
    <row r="370" spans="4:14" x14ac:dyDescent="0.25">
      <c r="D370" s="40">
        <v>6.0330930000002763</v>
      </c>
      <c r="E370" s="40">
        <v>4.8353440359033533</v>
      </c>
      <c r="F370" s="40">
        <v>6.0166669999999982</v>
      </c>
      <c r="G370" s="40">
        <v>3.687831652051603</v>
      </c>
      <c r="H370" s="40">
        <v>6.0166670000000124</v>
      </c>
      <c r="I370" s="40">
        <v>2.6333770208000549</v>
      </c>
      <c r="J370" s="40">
        <v>6.0166642261905299</v>
      </c>
      <c r="K370" s="40">
        <v>3.3440812487042542</v>
      </c>
      <c r="L370" s="40"/>
      <c r="M370" s="40"/>
      <c r="N370" s="40"/>
    </row>
    <row r="371" spans="4:14" x14ac:dyDescent="0.25">
      <c r="D371" s="40">
        <v>6.049759000000277</v>
      </c>
      <c r="E371" s="40">
        <v>4.8497311252427497</v>
      </c>
      <c r="F371" s="40">
        <v>6.0333329999999989</v>
      </c>
      <c r="G371" s="40">
        <v>3.6972022801115987</v>
      </c>
      <c r="H371" s="40">
        <v>6.0333340000000106</v>
      </c>
      <c r="I371" s="40">
        <v>2.6399838832000753</v>
      </c>
      <c r="J371" s="40">
        <v>6.0333308869048201</v>
      </c>
      <c r="K371" s="40">
        <v>3.3536406583665466</v>
      </c>
      <c r="L371" s="40"/>
      <c r="M371" s="40"/>
      <c r="N371" s="40"/>
    </row>
    <row r="372" spans="4:14" x14ac:dyDescent="0.25">
      <c r="D372" s="40">
        <v>6.0664250000002777</v>
      </c>
      <c r="E372" s="40">
        <v>4.8592750359925967</v>
      </c>
      <c r="F372" s="40">
        <v>6.0499999999999972</v>
      </c>
      <c r="G372" s="40">
        <v>3.7019575242018177</v>
      </c>
      <c r="H372" s="40">
        <v>6.0500000000000114</v>
      </c>
      <c r="I372" s="40">
        <v>2.6466893554867648</v>
      </c>
      <c r="J372" s="40">
        <v>6.0499975476190997</v>
      </c>
      <c r="K372" s="40">
        <v>3.363200068028712</v>
      </c>
      <c r="L372" s="40"/>
      <c r="M372" s="40"/>
      <c r="N372" s="40"/>
    </row>
    <row r="373" spans="4:14" x14ac:dyDescent="0.25">
      <c r="D373" s="40">
        <v>6.0830910000002785</v>
      </c>
      <c r="E373" s="40">
        <v>4.8688189467425698</v>
      </c>
      <c r="F373" s="40">
        <v>6.0666669999999954</v>
      </c>
      <c r="G373" s="40">
        <v>3.7113281522618133</v>
      </c>
      <c r="H373" s="40">
        <v>6.0666670000000096</v>
      </c>
      <c r="I373" s="40">
        <v>2.6532962178867852</v>
      </c>
      <c r="J373" s="40">
        <v>6.0666642083333899</v>
      </c>
      <c r="K373" s="40">
        <v>3.3729021554471763</v>
      </c>
      <c r="L373" s="40"/>
      <c r="M373" s="40"/>
      <c r="N373" s="40"/>
    </row>
    <row r="374" spans="4:14" x14ac:dyDescent="0.25">
      <c r="D374" s="40">
        <v>6.0997570000002792</v>
      </c>
      <c r="E374" s="40">
        <v>4.8785053039215409</v>
      </c>
      <c r="F374" s="40">
        <v>6.0833329999999961</v>
      </c>
      <c r="G374" s="40">
        <v>3.7208386404422513</v>
      </c>
      <c r="H374" s="40">
        <v>6.0833340000000078</v>
      </c>
      <c r="I374" s="40">
        <v>2.6599030802868056</v>
      </c>
      <c r="J374" s="40">
        <v>6.0833308690476704</v>
      </c>
      <c r="K374" s="40">
        <v>3.37761052140011</v>
      </c>
      <c r="L374" s="40"/>
      <c r="M374" s="40"/>
      <c r="N374" s="40"/>
    </row>
    <row r="375" spans="4:14" x14ac:dyDescent="0.25">
      <c r="D375" s="40">
        <v>6.1164230000002799</v>
      </c>
      <c r="E375" s="40">
        <v>4.8928923932609365</v>
      </c>
      <c r="F375" s="40">
        <v>6.0999999999999943</v>
      </c>
      <c r="G375" s="40">
        <v>3.725454024412028</v>
      </c>
      <c r="H375" s="40">
        <v>6.1000000000000085</v>
      </c>
      <c r="I375" s="40">
        <v>2.669862678830258</v>
      </c>
      <c r="J375" s="40">
        <v>6.0999975297619597</v>
      </c>
      <c r="K375" s="40">
        <v>3.3873126088185743</v>
      </c>
      <c r="L375" s="40"/>
      <c r="M375" s="40"/>
      <c r="N375" s="40"/>
    </row>
    <row r="376" spans="4:14" x14ac:dyDescent="0.25">
      <c r="D376" s="40">
        <v>6.1330890000002807</v>
      </c>
      <c r="E376" s="40">
        <v>4.9024363040107835</v>
      </c>
      <c r="F376" s="40">
        <v>6.1166669999999925</v>
      </c>
      <c r="G376" s="40">
        <v>3.7349645125924664</v>
      </c>
      <c r="H376" s="40">
        <v>6.1166670000000067</v>
      </c>
      <c r="I376" s="40">
        <v>2.676568151116772</v>
      </c>
      <c r="J376" s="40">
        <v>6.11666419047625</v>
      </c>
      <c r="K376" s="40">
        <v>3.3968720184807397</v>
      </c>
      <c r="L376" s="40"/>
      <c r="M376" s="40"/>
      <c r="N376" s="40"/>
    </row>
    <row r="377" spans="4:14" x14ac:dyDescent="0.25">
      <c r="D377" s="40">
        <v>6.1497550000002814</v>
      </c>
      <c r="E377" s="40">
        <v>4.9119802147607574</v>
      </c>
      <c r="F377" s="40">
        <v>6.1333329999999933</v>
      </c>
      <c r="G377" s="40">
        <v>3.7395798965623666</v>
      </c>
      <c r="H377" s="40">
        <v>6.1333340000000049</v>
      </c>
      <c r="I377" s="40">
        <v>2.6831750135169679</v>
      </c>
      <c r="J377" s="40">
        <v>6.1333308511905296</v>
      </c>
      <c r="K377" s="40">
        <v>3.4017230621899723</v>
      </c>
      <c r="L377" s="40"/>
      <c r="M377" s="40"/>
      <c r="N377" s="40"/>
    </row>
    <row r="378" spans="4:14" x14ac:dyDescent="0.25">
      <c r="D378" s="40">
        <v>6.1664210000002821</v>
      </c>
      <c r="E378" s="40">
        <v>4.926367304100153</v>
      </c>
      <c r="F378" s="40">
        <v>6.1499999999999915</v>
      </c>
      <c r="G378" s="40">
        <v>3.7490903847426811</v>
      </c>
      <c r="H378" s="40">
        <v>6.1500000000000057</v>
      </c>
      <c r="I378" s="40">
        <v>2.6897818759169878</v>
      </c>
      <c r="J378" s="40">
        <v>6.1499975119048198</v>
      </c>
      <c r="K378" s="40">
        <v>3.4064314281430326</v>
      </c>
      <c r="L378" s="40"/>
      <c r="M378" s="40"/>
      <c r="N378" s="40"/>
    </row>
    <row r="379" spans="4:14" x14ac:dyDescent="0.25">
      <c r="D379" s="40">
        <v>6.1830870000002829</v>
      </c>
      <c r="E379" s="40">
        <v>4.9360536612791233</v>
      </c>
      <c r="F379" s="40">
        <v>6.1666669999999897</v>
      </c>
      <c r="G379" s="40">
        <v>3.7537057687125812</v>
      </c>
      <c r="H379" s="40">
        <v>6.1666670000000039</v>
      </c>
      <c r="I379" s="40">
        <v>2.6964873482036777</v>
      </c>
      <c r="J379" s="40">
        <v>6.1666641726191003</v>
      </c>
      <c r="K379" s="40">
        <v>3.4161335155613699</v>
      </c>
      <c r="L379" s="40"/>
      <c r="M379" s="40"/>
      <c r="N379" s="40"/>
    </row>
    <row r="380" spans="4:14" x14ac:dyDescent="0.25">
      <c r="D380" s="40">
        <v>6.1997530000002836</v>
      </c>
      <c r="E380" s="40">
        <v>4.9504407506185188</v>
      </c>
      <c r="F380" s="40">
        <v>6.1833329999999904</v>
      </c>
      <c r="G380" s="40">
        <v>3.7632162568928957</v>
      </c>
      <c r="H380" s="40">
        <v>6.1833340000000021</v>
      </c>
      <c r="I380" s="40">
        <v>2.7030942106036977</v>
      </c>
      <c r="J380" s="40">
        <v>6.1833308333333896</v>
      </c>
      <c r="K380" s="40">
        <v>3.4208418815144301</v>
      </c>
      <c r="L380" s="40"/>
      <c r="M380" s="40"/>
      <c r="N380" s="40"/>
    </row>
    <row r="381" spans="4:14" x14ac:dyDescent="0.25">
      <c r="D381" s="40">
        <v>6.2164190000002844</v>
      </c>
      <c r="E381" s="40">
        <v>4.9599846613684928</v>
      </c>
      <c r="F381" s="40">
        <v>6.1999999999999886</v>
      </c>
      <c r="G381" s="40">
        <v>3.7678316408627963</v>
      </c>
      <c r="H381" s="40">
        <v>6.2000000000000028</v>
      </c>
      <c r="I381" s="40">
        <v>2.7097010730037177</v>
      </c>
      <c r="J381" s="40">
        <v>6.1999974940476701</v>
      </c>
      <c r="K381" s="40">
        <v>3.4256929252235357</v>
      </c>
      <c r="L381" s="40"/>
      <c r="M381" s="40"/>
      <c r="N381" s="40"/>
    </row>
    <row r="382" spans="4:14" x14ac:dyDescent="0.25">
      <c r="D382" s="40">
        <v>6.2330850000002851</v>
      </c>
      <c r="E382" s="40">
        <v>4.9696710185474631</v>
      </c>
      <c r="F382" s="40">
        <v>6.2166670000000011</v>
      </c>
      <c r="G382" s="40">
        <v>3.7773421290431104</v>
      </c>
      <c r="H382" s="40">
        <v>6.2166670000000011</v>
      </c>
      <c r="I382" s="40">
        <v>2.7164065452904076</v>
      </c>
      <c r="J382" s="40">
        <v>6.2166641547619603</v>
      </c>
      <c r="K382" s="40">
        <v>3.4305439689327679</v>
      </c>
      <c r="L382" s="40"/>
      <c r="M382" s="40"/>
      <c r="N382" s="40"/>
    </row>
    <row r="383" spans="4:14" x14ac:dyDescent="0.25">
      <c r="D383" s="40">
        <v>6.2497510000002858</v>
      </c>
      <c r="E383" s="40">
        <v>4.9840581078868587</v>
      </c>
      <c r="F383" s="40">
        <v>6.2333329999999876</v>
      </c>
      <c r="G383" s="40">
        <v>3.7867127571031056</v>
      </c>
      <c r="H383" s="40">
        <v>6.2333340000000135</v>
      </c>
      <c r="I383" s="40">
        <v>2.726366143833685</v>
      </c>
      <c r="J383" s="40">
        <v>6.2333308154762497</v>
      </c>
      <c r="K383" s="40">
        <v>3.4401033785949333</v>
      </c>
      <c r="L383" s="40"/>
      <c r="M383" s="40"/>
      <c r="N383" s="40"/>
    </row>
    <row r="384" spans="4:14" x14ac:dyDescent="0.25">
      <c r="D384" s="40">
        <v>6.2664170000002866</v>
      </c>
      <c r="E384" s="40">
        <v>4.9984451972262542</v>
      </c>
      <c r="F384" s="40">
        <v>6.25</v>
      </c>
      <c r="G384" s="40">
        <v>3.7914680011933246</v>
      </c>
      <c r="H384" s="40">
        <v>6.25</v>
      </c>
      <c r="I384" s="40">
        <v>2.732973006233705</v>
      </c>
      <c r="J384" s="40">
        <v>6.2499974761905301</v>
      </c>
      <c r="K384" s="40">
        <v>3.4498054660133981</v>
      </c>
      <c r="L384" s="40"/>
      <c r="M384" s="40"/>
      <c r="N384" s="40"/>
    </row>
    <row r="385" spans="4:14" x14ac:dyDescent="0.25">
      <c r="D385" s="40">
        <v>6.2830830000002873</v>
      </c>
      <c r="E385" s="40">
        <v>5.0079891079762282</v>
      </c>
      <c r="F385" s="40">
        <v>6.2666669999999982</v>
      </c>
      <c r="G385" s="40">
        <v>3.8008386292534446</v>
      </c>
      <c r="H385" s="40">
        <v>6.2666670000000124</v>
      </c>
      <c r="I385" s="40">
        <v>2.7396784785203949</v>
      </c>
      <c r="J385" s="40">
        <v>6.2666641369048204</v>
      </c>
      <c r="K385" s="40">
        <v>3.4545138319664583</v>
      </c>
      <c r="L385" s="40"/>
      <c r="M385" s="40"/>
      <c r="N385" s="40"/>
    </row>
    <row r="386" spans="4:14" x14ac:dyDescent="0.25">
      <c r="D386" s="40">
        <v>6.299749000000288</v>
      </c>
      <c r="E386" s="40">
        <v>5.0223761973156238</v>
      </c>
      <c r="F386" s="40">
        <v>6.2833329999999989</v>
      </c>
      <c r="G386" s="40">
        <v>3.8055938733435393</v>
      </c>
      <c r="H386" s="40">
        <v>6.2833340000000106</v>
      </c>
      <c r="I386" s="40">
        <v>2.7462853409204149</v>
      </c>
      <c r="J386" s="40">
        <v>6.2833307976191</v>
      </c>
      <c r="K386" s="40">
        <v>3.4642159193847961</v>
      </c>
      <c r="L386" s="40"/>
      <c r="M386" s="40"/>
      <c r="N386" s="40"/>
    </row>
    <row r="387" spans="4:14" x14ac:dyDescent="0.25">
      <c r="D387" s="40">
        <v>6.3164150000002888</v>
      </c>
      <c r="E387" s="40">
        <v>5.0319201080654707</v>
      </c>
      <c r="F387" s="40">
        <v>6.2999999999999972</v>
      </c>
      <c r="G387" s="40">
        <v>3.8149645014036593</v>
      </c>
      <c r="H387" s="40">
        <v>6.3000000000000114</v>
      </c>
      <c r="I387" s="40">
        <v>2.7528922033206102</v>
      </c>
      <c r="J387" s="40">
        <v>6.2999974583333902</v>
      </c>
      <c r="K387" s="40">
        <v>3.4689242853378564</v>
      </c>
      <c r="L387" s="40"/>
      <c r="M387" s="40"/>
      <c r="N387" s="40"/>
    </row>
    <row r="388" spans="4:14" x14ac:dyDescent="0.25">
      <c r="D388" s="40">
        <v>6.3330810000002895</v>
      </c>
      <c r="E388" s="40">
        <v>5.0463071974048663</v>
      </c>
      <c r="F388" s="40">
        <v>6.3166669999999954</v>
      </c>
      <c r="G388" s="40">
        <v>3.8197197454937539</v>
      </c>
      <c r="H388" s="40">
        <v>6.3166670000000096</v>
      </c>
      <c r="I388" s="40">
        <v>2.7595976756071248</v>
      </c>
      <c r="J388" s="40">
        <v>6.3166641190476804</v>
      </c>
      <c r="K388" s="40">
        <v>3.4786263727561941</v>
      </c>
      <c r="L388" s="40"/>
      <c r="M388" s="40"/>
      <c r="N388" s="40"/>
    </row>
    <row r="389" spans="4:14" x14ac:dyDescent="0.25">
      <c r="D389" s="40">
        <v>6.3497470000002902</v>
      </c>
      <c r="E389" s="40">
        <v>5.0606942867443889</v>
      </c>
      <c r="F389" s="40">
        <v>6.3333329999999961</v>
      </c>
      <c r="G389" s="40">
        <v>3.8290903735538735</v>
      </c>
      <c r="H389" s="40">
        <v>6.3333340000000078</v>
      </c>
      <c r="I389" s="40">
        <v>2.7695572741505776</v>
      </c>
      <c r="J389" s="40">
        <v>6.33333077976196</v>
      </c>
      <c r="K389" s="40">
        <v>3.4833347387092539</v>
      </c>
      <c r="L389" s="40"/>
      <c r="M389" s="40"/>
      <c r="N389" s="40"/>
    </row>
    <row r="390" spans="4:14" x14ac:dyDescent="0.25">
      <c r="D390" s="40">
        <v>6.366413000000291</v>
      </c>
      <c r="E390" s="40">
        <v>5.0750813760837845</v>
      </c>
      <c r="F390" s="40">
        <v>6.3499999999999943</v>
      </c>
      <c r="G390" s="40">
        <v>3.8384610016138692</v>
      </c>
      <c r="H390" s="40">
        <v>6.3500000000000085</v>
      </c>
      <c r="I390" s="40">
        <v>2.7761641365505976</v>
      </c>
      <c r="J390" s="40">
        <v>6.3499974404762503</v>
      </c>
      <c r="K390" s="40">
        <v>3.4930368261275917</v>
      </c>
      <c r="L390" s="40"/>
      <c r="M390" s="40"/>
      <c r="N390" s="40"/>
    </row>
    <row r="391" spans="4:14" x14ac:dyDescent="0.25">
      <c r="D391" s="40">
        <v>6.3830790000002917</v>
      </c>
      <c r="E391" s="40">
        <v>5.0847677332627548</v>
      </c>
      <c r="F391" s="40">
        <v>6.3666669999999925</v>
      </c>
      <c r="G391" s="40">
        <v>3.8432162457040882</v>
      </c>
      <c r="H391" s="40">
        <v>6.3666670000000067</v>
      </c>
      <c r="I391" s="40">
        <v>2.782770998950618</v>
      </c>
      <c r="J391" s="40">
        <v>6.3666641011905298</v>
      </c>
      <c r="K391" s="40">
        <v>3.4977451920806519</v>
      </c>
      <c r="L391" s="40"/>
      <c r="M391" s="40"/>
      <c r="N391" s="40"/>
    </row>
    <row r="392" spans="4:14" x14ac:dyDescent="0.25">
      <c r="D392" s="40">
        <v>6.3997450000002924</v>
      </c>
      <c r="E392" s="40">
        <v>5.0991548226021504</v>
      </c>
      <c r="F392" s="40">
        <v>6.3833329999999933</v>
      </c>
      <c r="G392" s="40">
        <v>3.8525868737640834</v>
      </c>
      <c r="H392" s="40">
        <v>6.3833340000000049</v>
      </c>
      <c r="I392" s="40">
        <v>2.7927305974940704</v>
      </c>
      <c r="J392" s="40">
        <v>6.3833307619048201</v>
      </c>
      <c r="K392" s="40">
        <v>3.5025962357898841</v>
      </c>
      <c r="L392" s="40"/>
      <c r="M392" s="40"/>
      <c r="N392" s="40"/>
    </row>
    <row r="393" spans="4:14" x14ac:dyDescent="0.25">
      <c r="D393" s="40">
        <v>6.4164110000002932</v>
      </c>
      <c r="E393" s="40">
        <v>5.1086987333521243</v>
      </c>
      <c r="F393" s="40">
        <v>6.3999999999999915</v>
      </c>
      <c r="G393" s="40">
        <v>3.8573421178543028</v>
      </c>
      <c r="H393" s="40">
        <v>6.4000000000000057</v>
      </c>
      <c r="I393" s="40">
        <v>2.7994360697805849</v>
      </c>
      <c r="J393" s="40">
        <v>6.3999974226190997</v>
      </c>
      <c r="K393" s="40">
        <v>3.5074472794989897</v>
      </c>
      <c r="L393" s="40"/>
      <c r="M393" s="40"/>
      <c r="N393" s="40"/>
    </row>
    <row r="394" spans="4:14" x14ac:dyDescent="0.25">
      <c r="D394" s="40">
        <v>6.4330770000002939</v>
      </c>
      <c r="E394" s="40">
        <v>5.1230858226915199</v>
      </c>
      <c r="F394" s="40">
        <v>6.4166669999999897</v>
      </c>
      <c r="G394" s="40">
        <v>3.8668526060346169</v>
      </c>
      <c r="H394" s="40">
        <v>6.4166670000000039</v>
      </c>
      <c r="I394" s="40">
        <v>2.8060429321807798</v>
      </c>
      <c r="J394" s="40">
        <v>6.4166640833333899</v>
      </c>
      <c r="K394" s="40">
        <v>3.5121556454520499</v>
      </c>
      <c r="L394" s="40"/>
      <c r="M394" s="40"/>
      <c r="N394" s="40"/>
    </row>
    <row r="395" spans="4:14" x14ac:dyDescent="0.25">
      <c r="D395" s="40">
        <v>6.4497430000002947</v>
      </c>
      <c r="E395" s="40">
        <v>5.1326297334413669</v>
      </c>
      <c r="F395" s="40">
        <v>6.4333329999999904</v>
      </c>
      <c r="G395" s="40">
        <v>3.8714679900045175</v>
      </c>
      <c r="H395" s="40">
        <v>6.4333340000000021</v>
      </c>
      <c r="I395" s="40">
        <v>2.8126497945808002</v>
      </c>
      <c r="J395" s="40">
        <v>6.4333307440476801</v>
      </c>
      <c r="K395" s="40">
        <v>3.5170066891612821</v>
      </c>
      <c r="L395" s="40"/>
      <c r="M395" s="40"/>
      <c r="N395" s="40"/>
    </row>
    <row r="396" spans="4:14" x14ac:dyDescent="0.25">
      <c r="D396" s="40">
        <v>6.4664090000002954</v>
      </c>
      <c r="E396" s="40">
        <v>5.1471592692098866</v>
      </c>
      <c r="F396" s="40">
        <v>6.4499999999999886</v>
      </c>
      <c r="G396" s="40">
        <v>3.880978478184832</v>
      </c>
      <c r="H396" s="40">
        <v>6.4500000000000028</v>
      </c>
      <c r="I396" s="40">
        <v>2.8193552668674897</v>
      </c>
      <c r="J396" s="40">
        <v>6.4499974047619597</v>
      </c>
      <c r="K396" s="40">
        <v>3.5218577328703877</v>
      </c>
      <c r="L396" s="40"/>
      <c r="M396" s="40"/>
      <c r="N396" s="40"/>
    </row>
    <row r="397" spans="4:14" x14ac:dyDescent="0.25">
      <c r="D397" s="40">
        <v>6.4830750000002961</v>
      </c>
      <c r="E397" s="40">
        <v>5.1615463585492813</v>
      </c>
      <c r="F397" s="40">
        <v>6.4666670000000011</v>
      </c>
      <c r="G397" s="40">
        <v>3.8903491062449511</v>
      </c>
      <c r="H397" s="40">
        <v>6.4666670000000011</v>
      </c>
      <c r="I397" s="40">
        <v>2.8293148654107672</v>
      </c>
      <c r="J397" s="40">
        <v>6.4666640654762499</v>
      </c>
      <c r="K397" s="40">
        <v>3.5265660988234475</v>
      </c>
      <c r="L397" s="40"/>
      <c r="M397" s="40"/>
      <c r="N397" s="40"/>
    </row>
    <row r="398" spans="4:14" x14ac:dyDescent="0.25">
      <c r="D398" s="40">
        <v>6.4997410000002969</v>
      </c>
      <c r="E398" s="40">
        <v>5.1710902692992553</v>
      </c>
      <c r="F398" s="40">
        <v>6.4833329999999876</v>
      </c>
      <c r="G398" s="40">
        <v>3.8951043503351706</v>
      </c>
      <c r="H398" s="40">
        <v>6.4833340000000135</v>
      </c>
      <c r="I398" s="40">
        <v>2.8359217278107876</v>
      </c>
      <c r="J398" s="40">
        <v>6.4833307261905304</v>
      </c>
      <c r="K398" s="40">
        <v>3.5314171425326797</v>
      </c>
      <c r="L398" s="40"/>
      <c r="M398" s="40"/>
      <c r="N398" s="40"/>
    </row>
    <row r="399" spans="4:14" x14ac:dyDescent="0.25">
      <c r="D399" s="40">
        <v>6.5164070000002976</v>
      </c>
      <c r="E399" s="40">
        <v>5.1806341800491023</v>
      </c>
      <c r="F399" s="40">
        <v>6.5</v>
      </c>
      <c r="G399" s="40">
        <v>3.8997197343049463</v>
      </c>
      <c r="H399" s="40">
        <v>6.5</v>
      </c>
      <c r="I399" s="40">
        <v>2.8425285902109829</v>
      </c>
      <c r="J399" s="40">
        <v>6.4999973869048198</v>
      </c>
      <c r="K399" s="40">
        <v>3.5362681862417853</v>
      </c>
      <c r="L399" s="40"/>
      <c r="M399" s="40"/>
      <c r="N399" s="40"/>
    </row>
    <row r="400" spans="4:14" x14ac:dyDescent="0.25">
      <c r="D400" s="40">
        <v>6.5330730000002983</v>
      </c>
      <c r="E400" s="40">
        <v>5.1950212693884987</v>
      </c>
      <c r="F400" s="40">
        <v>6.5166669999999982</v>
      </c>
      <c r="G400" s="40">
        <v>3.9092302224853848</v>
      </c>
      <c r="H400" s="40">
        <v>6.5166670000000124</v>
      </c>
      <c r="I400" s="40">
        <v>2.849234062497497</v>
      </c>
      <c r="J400" s="40">
        <v>6.51666404761911</v>
      </c>
      <c r="K400" s="40">
        <v>3.5458275959040777</v>
      </c>
      <c r="L400" s="40"/>
      <c r="M400" s="40"/>
      <c r="N400" s="40"/>
    </row>
    <row r="401" spans="4:14" x14ac:dyDescent="0.25">
      <c r="D401" s="40">
        <v>6.5497390000002991</v>
      </c>
      <c r="E401" s="40">
        <v>5.2047076265674681</v>
      </c>
      <c r="F401" s="40">
        <v>6.5333329999999989</v>
      </c>
      <c r="G401" s="40">
        <v>3.9138456064551614</v>
      </c>
      <c r="H401" s="40">
        <v>6.5333340000000106</v>
      </c>
      <c r="I401" s="40">
        <v>2.8558409248975178</v>
      </c>
      <c r="J401" s="40">
        <v>6.5333307083333896</v>
      </c>
      <c r="K401" s="40">
        <v>3.5506786396131833</v>
      </c>
      <c r="L401" s="40"/>
      <c r="M401" s="40"/>
      <c r="N401" s="40"/>
    </row>
    <row r="402" spans="4:14" x14ac:dyDescent="0.25">
      <c r="D402" s="40">
        <v>6.5664050000002998</v>
      </c>
      <c r="E402" s="40">
        <v>5.214251537317443</v>
      </c>
      <c r="F402" s="40">
        <v>6.5499999999999972</v>
      </c>
      <c r="G402" s="40">
        <v>3.9233560946355999</v>
      </c>
      <c r="H402" s="40">
        <v>6.5500000000000114</v>
      </c>
      <c r="I402" s="40">
        <v>2.8625463971842069</v>
      </c>
      <c r="J402" s="40">
        <v>6.5499973690476798</v>
      </c>
      <c r="K402" s="40">
        <v>3.5553870055662435</v>
      </c>
      <c r="L402" s="40"/>
      <c r="M402" s="40"/>
      <c r="N402" s="40"/>
    </row>
    <row r="403" spans="4:14" x14ac:dyDescent="0.25">
      <c r="D403" s="40">
        <v>6.5830710000003005</v>
      </c>
      <c r="E403" s="40">
        <v>5.2286386266568385</v>
      </c>
      <c r="F403" s="40">
        <v>6.5666669999999954</v>
      </c>
      <c r="G403" s="40">
        <v>3.9327267226955955</v>
      </c>
      <c r="H403" s="40">
        <v>6.5666670000000096</v>
      </c>
      <c r="I403" s="40">
        <v>2.8691532595842277</v>
      </c>
      <c r="J403" s="40">
        <v>6.5666640297619603</v>
      </c>
      <c r="K403" s="40">
        <v>3.5650890929847079</v>
      </c>
      <c r="L403" s="40"/>
      <c r="M403" s="40"/>
      <c r="N403" s="40"/>
    </row>
    <row r="404" spans="4:14" x14ac:dyDescent="0.25">
      <c r="D404" s="40">
        <v>6.5997370000003013</v>
      </c>
      <c r="E404" s="40">
        <v>5.2381825374066855</v>
      </c>
      <c r="F404" s="40">
        <v>6.5833329999999961</v>
      </c>
      <c r="G404" s="40">
        <v>3.9374819667858141</v>
      </c>
      <c r="H404" s="40">
        <v>6.5833340000000078</v>
      </c>
      <c r="I404" s="40">
        <v>2.8757601219842477</v>
      </c>
      <c r="J404" s="40">
        <v>6.5833306904762496</v>
      </c>
      <c r="K404" s="40">
        <v>3.5697974589376411</v>
      </c>
      <c r="L404" s="40"/>
      <c r="M404" s="40"/>
      <c r="N404" s="40"/>
    </row>
    <row r="405" spans="4:14" x14ac:dyDescent="0.25">
      <c r="D405" s="40">
        <v>6.616403000000302</v>
      </c>
      <c r="E405" s="40">
        <v>5.2478688945857828</v>
      </c>
      <c r="F405" s="40">
        <v>6.5999999999999943</v>
      </c>
      <c r="G405" s="40">
        <v>3.9468525948458097</v>
      </c>
      <c r="H405" s="40">
        <v>6.6000000000000085</v>
      </c>
      <c r="I405" s="40">
        <v>2.8824655942709372</v>
      </c>
      <c r="J405" s="40">
        <v>6.5999973511905399</v>
      </c>
      <c r="K405" s="40">
        <v>3.5746485026468733</v>
      </c>
      <c r="L405" s="40"/>
      <c r="M405" s="40"/>
      <c r="N405" s="40"/>
    </row>
    <row r="406" spans="4:14" x14ac:dyDescent="0.25">
      <c r="D406" s="40">
        <v>6.6330690000003028</v>
      </c>
      <c r="E406" s="40">
        <v>5.2574128053356297</v>
      </c>
      <c r="F406" s="40">
        <v>6.6166669999999925</v>
      </c>
      <c r="G406" s="40">
        <v>3.9516078389360292</v>
      </c>
      <c r="H406" s="40">
        <v>6.6166670000000067</v>
      </c>
      <c r="I406" s="40">
        <v>2.8890724566709576</v>
      </c>
      <c r="J406" s="40">
        <v>6.6166640119048203</v>
      </c>
      <c r="K406" s="40">
        <v>3.5842079123090391</v>
      </c>
      <c r="L406" s="40"/>
      <c r="M406" s="40"/>
      <c r="N406" s="40"/>
    </row>
    <row r="407" spans="4:14" x14ac:dyDescent="0.25">
      <c r="D407" s="40">
        <v>6.6497350000003035</v>
      </c>
      <c r="E407" s="40">
        <v>5.2669567160856028</v>
      </c>
      <c r="F407" s="40">
        <v>6.6333329999999933</v>
      </c>
      <c r="G407" s="40">
        <v>3.9609784669960248</v>
      </c>
      <c r="H407" s="40">
        <v>6.6333340000000049</v>
      </c>
      <c r="I407" s="40">
        <v>2.89903205521441</v>
      </c>
      <c r="J407" s="40">
        <v>6.6333306726191097</v>
      </c>
      <c r="K407" s="40">
        <v>3.5890589560182713</v>
      </c>
      <c r="L407" s="40"/>
      <c r="M407" s="40"/>
      <c r="N407" s="40"/>
    </row>
    <row r="408" spans="4:14" x14ac:dyDescent="0.25">
      <c r="D408" s="40">
        <v>6.6664010000003042</v>
      </c>
      <c r="E408" s="40">
        <v>5.2717998946750244</v>
      </c>
      <c r="F408" s="40">
        <v>6.6499999999999915</v>
      </c>
      <c r="G408" s="40">
        <v>3.9657337110862438</v>
      </c>
      <c r="H408" s="40">
        <v>6.6500000000000057</v>
      </c>
      <c r="I408" s="40">
        <v>2.9056389176144299</v>
      </c>
      <c r="J408" s="40">
        <v>6.6499973333333902</v>
      </c>
      <c r="K408" s="40">
        <v>3.5939099997275035</v>
      </c>
      <c r="L408" s="40"/>
      <c r="M408" s="40"/>
      <c r="N408" s="40"/>
    </row>
    <row r="409" spans="4:14" x14ac:dyDescent="0.25">
      <c r="D409" s="40">
        <v>6.683067000000305</v>
      </c>
      <c r="E409" s="40">
        <v>5.2813438054249993</v>
      </c>
      <c r="F409" s="40">
        <v>6.6666669999999897</v>
      </c>
      <c r="G409" s="40">
        <v>3.975104339146363</v>
      </c>
      <c r="H409" s="40">
        <v>6.6666670000000039</v>
      </c>
      <c r="I409" s="40">
        <v>2.9123443899011199</v>
      </c>
      <c r="J409" s="40">
        <v>6.6666639940476804</v>
      </c>
      <c r="K409" s="40">
        <v>3.5986183656805637</v>
      </c>
      <c r="L409" s="40"/>
      <c r="M409" s="40"/>
      <c r="N409" s="40"/>
    </row>
    <row r="410" spans="4:14" x14ac:dyDescent="0.25">
      <c r="D410" s="40">
        <v>6.6997330000003057</v>
      </c>
      <c r="E410" s="40">
        <v>5.2910301626039686</v>
      </c>
      <c r="F410" s="40">
        <v>6.6833329999999904</v>
      </c>
      <c r="G410" s="40">
        <v>3.9798595832364581</v>
      </c>
      <c r="H410" s="40">
        <v>6.6833340000000021</v>
      </c>
      <c r="I410" s="40">
        <v>2.9189512523011398</v>
      </c>
      <c r="J410" s="40">
        <v>6.68333065476196</v>
      </c>
      <c r="K410" s="40">
        <v>3.6034694093896689</v>
      </c>
      <c r="L410" s="40"/>
      <c r="M410" s="40"/>
      <c r="N410" s="40"/>
    </row>
    <row r="411" spans="4:14" x14ac:dyDescent="0.25">
      <c r="D411" s="40">
        <v>6.7163990000003064</v>
      </c>
      <c r="E411" s="40">
        <v>5.3005740733539435</v>
      </c>
      <c r="F411" s="40">
        <v>6.6999999999999886</v>
      </c>
      <c r="G411" s="40">
        <v>3.9892302112965781</v>
      </c>
      <c r="H411" s="40">
        <v>6.7000000000000028</v>
      </c>
      <c r="I411" s="40">
        <v>2.9289108508445927</v>
      </c>
      <c r="J411" s="40">
        <v>6.6999973154762502</v>
      </c>
      <c r="K411" s="40">
        <v>3.6083204530989015</v>
      </c>
      <c r="L411" s="40"/>
      <c r="M411" s="40"/>
      <c r="N411" s="40"/>
    </row>
    <row r="412" spans="4:14" x14ac:dyDescent="0.25">
      <c r="D412" s="40">
        <v>6.7330650000003072</v>
      </c>
      <c r="E412" s="40">
        <v>5.3101179841037904</v>
      </c>
      <c r="F412" s="40">
        <v>6.7166670000000011</v>
      </c>
      <c r="G412" s="40">
        <v>3.9986008393565737</v>
      </c>
      <c r="H412" s="40">
        <v>6.7166670000000011</v>
      </c>
      <c r="I412" s="40">
        <v>2.9355177132446126</v>
      </c>
      <c r="J412" s="40">
        <v>6.7166639761905396</v>
      </c>
      <c r="K412" s="40">
        <v>3.6178798627610669</v>
      </c>
      <c r="L412" s="40"/>
      <c r="M412" s="40"/>
      <c r="N412" s="40"/>
    </row>
    <row r="413" spans="4:14" x14ac:dyDescent="0.25">
      <c r="D413" s="40">
        <v>6.7497310000003079</v>
      </c>
      <c r="E413" s="40">
        <v>5.3198043412827607</v>
      </c>
      <c r="F413" s="40">
        <v>6.7333329999999876</v>
      </c>
      <c r="G413" s="40">
        <v>4.0033560834467927</v>
      </c>
      <c r="H413" s="40">
        <v>6.7333340000000135</v>
      </c>
      <c r="I413" s="40">
        <v>2.9422231855311272</v>
      </c>
      <c r="J413" s="40">
        <v>6.73333063690482</v>
      </c>
      <c r="K413" s="40">
        <v>3.6227309064702995</v>
      </c>
      <c r="L413" s="40"/>
      <c r="M413" s="40"/>
      <c r="N413" s="40"/>
    </row>
    <row r="414" spans="4:14" x14ac:dyDescent="0.25">
      <c r="D414" s="40">
        <v>6.7663970000003086</v>
      </c>
      <c r="E414" s="40">
        <v>5.3293482520327347</v>
      </c>
      <c r="F414" s="40">
        <v>6.75</v>
      </c>
      <c r="G414" s="40">
        <v>4.0081113275368869</v>
      </c>
      <c r="H414" s="40">
        <v>6.75</v>
      </c>
      <c r="I414" s="40">
        <v>2.9488300479313225</v>
      </c>
      <c r="J414" s="40">
        <v>6.7499972976191103</v>
      </c>
      <c r="K414" s="40">
        <v>3.6275819501795317</v>
      </c>
      <c r="L414" s="40"/>
      <c r="M414" s="40"/>
      <c r="N414" s="40"/>
    </row>
    <row r="415" spans="4:14" x14ac:dyDescent="0.25">
      <c r="D415" s="40">
        <v>6.7830630000003094</v>
      </c>
      <c r="E415" s="40">
        <v>5.3390346092117049</v>
      </c>
      <c r="F415" s="40">
        <v>6.7666669999999982</v>
      </c>
      <c r="G415" s="40">
        <v>4.0174819555970078</v>
      </c>
      <c r="H415" s="40">
        <v>6.7666670000000124</v>
      </c>
      <c r="I415" s="40">
        <v>2.9554369103313425</v>
      </c>
      <c r="J415" s="40">
        <v>6.7666639583333898</v>
      </c>
      <c r="K415" s="40">
        <v>3.6322903161324649</v>
      </c>
      <c r="L415" s="40"/>
      <c r="M415" s="40"/>
      <c r="N415" s="40"/>
    </row>
    <row r="416" spans="4:14" x14ac:dyDescent="0.25">
      <c r="D416" s="40">
        <v>6.7997290000003101</v>
      </c>
      <c r="E416" s="40">
        <v>5.3437353413721302</v>
      </c>
      <c r="F416" s="40">
        <v>6.7833329999999989</v>
      </c>
      <c r="G416" s="40">
        <v>4.0222371996871029</v>
      </c>
      <c r="H416" s="40">
        <v>6.7833340000000106</v>
      </c>
      <c r="I416" s="40">
        <v>2.9653965088746204</v>
      </c>
      <c r="J416" s="40">
        <v>6.7833306190476801</v>
      </c>
      <c r="K416" s="40">
        <v>3.6371413598416971</v>
      </c>
      <c r="L416" s="40"/>
      <c r="M416" s="40"/>
      <c r="N416" s="40"/>
    </row>
    <row r="417" spans="4:14" x14ac:dyDescent="0.25">
      <c r="D417" s="40">
        <v>6.8163950000003108</v>
      </c>
      <c r="E417" s="40">
        <v>5.3534216985511005</v>
      </c>
      <c r="F417" s="40">
        <v>6.7999999999999972</v>
      </c>
      <c r="G417" s="40">
        <v>4.031607827747222</v>
      </c>
      <c r="H417" s="40">
        <v>6.8000000000000114</v>
      </c>
      <c r="I417" s="40">
        <v>2.9721019811613099</v>
      </c>
      <c r="J417" s="40">
        <v>6.7999972797619597</v>
      </c>
      <c r="K417" s="40">
        <v>3.6419924035509297</v>
      </c>
      <c r="L417" s="40"/>
      <c r="M417" s="40"/>
      <c r="N417" s="40"/>
    </row>
    <row r="418" spans="4:14" x14ac:dyDescent="0.25">
      <c r="D418" s="40">
        <v>6.8330610000003116</v>
      </c>
      <c r="E418" s="40">
        <v>5.3629656093010736</v>
      </c>
      <c r="F418" s="40">
        <v>6.8166669999999954</v>
      </c>
      <c r="G418" s="40">
        <v>4.0363630718374406</v>
      </c>
      <c r="H418" s="40">
        <v>6.8166670000000096</v>
      </c>
      <c r="I418" s="40">
        <v>2.9787088435613298</v>
      </c>
      <c r="J418" s="40">
        <v>6.8166639404762499</v>
      </c>
      <c r="K418" s="40">
        <v>3.6515518132130951</v>
      </c>
      <c r="L418" s="40"/>
      <c r="M418" s="40"/>
      <c r="N418" s="40"/>
    </row>
    <row r="419" spans="4:14" x14ac:dyDescent="0.25">
      <c r="D419" s="40">
        <v>6.8497270000003123</v>
      </c>
      <c r="E419" s="40">
        <v>5.3725095200509214</v>
      </c>
      <c r="F419" s="40">
        <v>6.8333329999999961</v>
      </c>
      <c r="G419" s="40">
        <v>4.0457336998974363</v>
      </c>
      <c r="H419" s="40">
        <v>6.8333340000000078</v>
      </c>
      <c r="I419" s="40">
        <v>2.9853157059615256</v>
      </c>
      <c r="J419" s="40">
        <v>6.8333306011905401</v>
      </c>
      <c r="K419" s="40">
        <v>3.6564028569223272</v>
      </c>
      <c r="L419" s="40"/>
      <c r="M419" s="40"/>
      <c r="N419" s="40"/>
    </row>
    <row r="420" spans="4:14" x14ac:dyDescent="0.25">
      <c r="D420" s="40">
        <v>6.8663930000003131</v>
      </c>
      <c r="E420" s="40">
        <v>5.3821958772298917</v>
      </c>
      <c r="F420" s="40">
        <v>6.8499999999999943</v>
      </c>
      <c r="G420" s="40">
        <v>4.0504889439876557</v>
      </c>
      <c r="H420" s="40">
        <v>6.8500000000000085</v>
      </c>
      <c r="I420" s="40">
        <v>2.9953739143914722</v>
      </c>
      <c r="J420" s="40">
        <v>6.8499972619048197</v>
      </c>
      <c r="K420" s="40">
        <v>3.6659622665844931</v>
      </c>
      <c r="L420" s="40"/>
      <c r="M420" s="40"/>
      <c r="N420" s="40"/>
    </row>
    <row r="421" spans="4:14" x14ac:dyDescent="0.25">
      <c r="D421" s="40">
        <v>6.8830590000003138</v>
      </c>
      <c r="E421" s="40">
        <v>5.386896609390317</v>
      </c>
      <c r="F421" s="40">
        <v>6.8666669999999925</v>
      </c>
      <c r="G421" s="40">
        <v>4.0598595720476514</v>
      </c>
      <c r="H421" s="40">
        <v>6.8666670000000067</v>
      </c>
      <c r="I421" s="40">
        <v>3.0019807767914921</v>
      </c>
      <c r="J421" s="40">
        <v>6.86666392261911</v>
      </c>
      <c r="K421" s="40">
        <v>3.6708133102937253</v>
      </c>
      <c r="L421" s="40"/>
      <c r="M421" s="40"/>
      <c r="N421" s="40"/>
    </row>
    <row r="422" spans="4:14" x14ac:dyDescent="0.25">
      <c r="D422" s="40">
        <v>6.8997250000003145</v>
      </c>
      <c r="E422" s="40">
        <v>5.3965829665692873</v>
      </c>
      <c r="F422" s="40">
        <v>6.8833329999999933</v>
      </c>
      <c r="G422" s="40">
        <v>4.0646148161378699</v>
      </c>
      <c r="H422" s="40">
        <v>6.8833340000000049</v>
      </c>
      <c r="I422" s="40">
        <v>3.0085876391915125</v>
      </c>
      <c r="J422" s="40">
        <v>6.8833305833333904</v>
      </c>
      <c r="K422" s="40">
        <v>3.6755216762467855</v>
      </c>
      <c r="L422" s="40"/>
      <c r="M422" s="40"/>
      <c r="N422" s="40"/>
    </row>
    <row r="423" spans="4:14" x14ac:dyDescent="0.25">
      <c r="D423" s="40">
        <v>6.9163910000003153</v>
      </c>
      <c r="E423" s="40">
        <v>5.4061268773192612</v>
      </c>
      <c r="F423" s="40">
        <v>6.8999999999999915</v>
      </c>
      <c r="G423" s="40">
        <v>4.0739854441978656</v>
      </c>
      <c r="H423" s="40">
        <v>6.9000000000000057</v>
      </c>
      <c r="I423" s="40">
        <v>3.015293111478202</v>
      </c>
      <c r="J423" s="40">
        <v>6.8999972440476798</v>
      </c>
      <c r="K423" s="40">
        <v>3.6852237636651233</v>
      </c>
      <c r="L423" s="40"/>
      <c r="M423" s="40"/>
      <c r="N423" s="40"/>
    </row>
    <row r="424" spans="4:14" x14ac:dyDescent="0.25">
      <c r="D424" s="40">
        <v>6.933057000000316</v>
      </c>
      <c r="E424" s="40">
        <v>5.4156707880691082</v>
      </c>
      <c r="F424" s="40">
        <v>6.9166669999999897</v>
      </c>
      <c r="G424" s="40">
        <v>4.078740688288085</v>
      </c>
      <c r="H424" s="40">
        <v>6.9166670000000039</v>
      </c>
      <c r="I424" s="40">
        <v>3.0252527100214794</v>
      </c>
      <c r="J424" s="40">
        <v>6.91666390476197</v>
      </c>
      <c r="K424" s="40">
        <v>3.6899321296181835</v>
      </c>
      <c r="L424" s="40"/>
      <c r="M424" s="40"/>
      <c r="N424" s="40"/>
    </row>
    <row r="425" spans="4:14" x14ac:dyDescent="0.25">
      <c r="D425" s="40">
        <v>6.9497230000003167</v>
      </c>
      <c r="E425" s="40">
        <v>5.4253571452482054</v>
      </c>
      <c r="F425" s="40">
        <v>6.9333329999999904</v>
      </c>
      <c r="G425" s="40">
        <v>4.0881113163480807</v>
      </c>
      <c r="H425" s="40">
        <v>6.9333340000000021</v>
      </c>
      <c r="I425" s="40">
        <v>3.0318595724214994</v>
      </c>
      <c r="J425" s="40">
        <v>6.9333305654762496</v>
      </c>
      <c r="K425" s="40">
        <v>3.6996342170365208</v>
      </c>
      <c r="L425" s="40"/>
      <c r="M425" s="40"/>
      <c r="N425" s="40"/>
    </row>
    <row r="426" spans="4:14" x14ac:dyDescent="0.25">
      <c r="D426" s="40">
        <v>6.9663890000003175</v>
      </c>
      <c r="E426" s="40">
        <v>5.4300578774086308</v>
      </c>
      <c r="F426" s="40">
        <v>6.9499999999999886</v>
      </c>
      <c r="G426" s="40">
        <v>4.0928665604382992</v>
      </c>
      <c r="H426" s="40">
        <v>6.9500000000000028</v>
      </c>
      <c r="I426" s="40">
        <v>3.0384664348216952</v>
      </c>
      <c r="J426" s="40">
        <v>6.9499972261905398</v>
      </c>
      <c r="K426" s="40">
        <v>3.7043425829895811</v>
      </c>
      <c r="L426" s="40"/>
      <c r="M426" s="40"/>
      <c r="N426" s="40"/>
    </row>
    <row r="427" spans="4:14" x14ac:dyDescent="0.25">
      <c r="D427" s="40">
        <v>6.9830550000003182</v>
      </c>
      <c r="E427" s="40">
        <v>5.439744234587601</v>
      </c>
      <c r="F427" s="40">
        <v>6.9666670000000011</v>
      </c>
      <c r="G427" s="40">
        <v>4.1022371884982949</v>
      </c>
      <c r="H427" s="40">
        <v>6.9666670000000011</v>
      </c>
      <c r="I427" s="40">
        <v>3.0451719071082093</v>
      </c>
      <c r="J427" s="40">
        <v>6.9666638869048203</v>
      </c>
      <c r="K427" s="40">
        <v>3.7091936266988133</v>
      </c>
      <c r="L427" s="40"/>
      <c r="M427" s="40"/>
      <c r="N427" s="40"/>
    </row>
    <row r="428" spans="4:14" x14ac:dyDescent="0.25">
      <c r="D428" s="40">
        <v>6.9997210000003189</v>
      </c>
      <c r="E428" s="40">
        <v>5.449288145337448</v>
      </c>
      <c r="F428" s="40">
        <v>6.9833329999999876</v>
      </c>
      <c r="G428" s="40">
        <v>4.1069924325885143</v>
      </c>
      <c r="H428" s="40">
        <v>6.9833340000000135</v>
      </c>
      <c r="I428" s="40">
        <v>3.0517787695084047</v>
      </c>
      <c r="J428" s="40">
        <v>6.9833305476191097</v>
      </c>
      <c r="K428" s="40">
        <v>3.7187530363609791</v>
      </c>
      <c r="L428" s="40"/>
      <c r="M428" s="40"/>
      <c r="N428" s="40"/>
    </row>
    <row r="429" spans="4:14" x14ac:dyDescent="0.25">
      <c r="D429" s="40">
        <v>7.0163870000003197</v>
      </c>
      <c r="E429" s="40">
        <v>5.4588320560874219</v>
      </c>
      <c r="F429" s="40">
        <v>7</v>
      </c>
      <c r="G429" s="40">
        <v>4.1163630606486343</v>
      </c>
      <c r="H429" s="40">
        <v>7</v>
      </c>
      <c r="I429" s="40">
        <v>3.0617383680516825</v>
      </c>
      <c r="J429" s="40">
        <v>6.9999972083333999</v>
      </c>
      <c r="K429" s="40">
        <v>3.7236040800702108</v>
      </c>
      <c r="L429" s="40"/>
      <c r="M429" s="40"/>
      <c r="N429" s="40"/>
    </row>
    <row r="430" spans="4:14" x14ac:dyDescent="0.25">
      <c r="D430" s="40">
        <v>7.0330530000003204</v>
      </c>
      <c r="E430" s="40">
        <v>5.4636752346768436</v>
      </c>
      <c r="F430" s="40">
        <v>7.0166669999999982</v>
      </c>
      <c r="G430" s="40">
        <v>4.1211183047387294</v>
      </c>
      <c r="H430" s="40">
        <v>7.0166670000000124</v>
      </c>
      <c r="I430" s="40">
        <v>3.0683452304517025</v>
      </c>
      <c r="J430" s="40">
        <v>7.0166638690476804</v>
      </c>
      <c r="K430" s="40">
        <v>3.7284551237793169</v>
      </c>
      <c r="L430" s="40"/>
      <c r="M430" s="40"/>
      <c r="N430" s="40"/>
    </row>
    <row r="431" spans="4:14" x14ac:dyDescent="0.25">
      <c r="D431" s="40">
        <v>7.0497190000003211</v>
      </c>
      <c r="E431" s="40">
        <v>5.4732191454268175</v>
      </c>
      <c r="F431" s="40">
        <v>7.0333329999999989</v>
      </c>
      <c r="G431" s="40">
        <v>4.1304889327988485</v>
      </c>
      <c r="H431" s="40">
        <v>7.0333340000000106</v>
      </c>
      <c r="I431" s="40">
        <v>3.075050702738392</v>
      </c>
      <c r="J431" s="40">
        <v>7.0333305297619697</v>
      </c>
      <c r="K431" s="40">
        <v>3.7380145334416088</v>
      </c>
      <c r="L431" s="40"/>
      <c r="M431" s="40"/>
      <c r="N431" s="40"/>
    </row>
    <row r="432" spans="4:14" x14ac:dyDescent="0.25">
      <c r="D432" s="40">
        <v>7.0663850000003219</v>
      </c>
      <c r="E432" s="40">
        <v>5.4876062347662131</v>
      </c>
      <c r="F432" s="40">
        <v>7.0499999999999972</v>
      </c>
      <c r="G432" s="40">
        <v>4.1352441768889436</v>
      </c>
      <c r="H432" s="40">
        <v>7.0500000000000114</v>
      </c>
      <c r="I432" s="40">
        <v>3.0816575651384124</v>
      </c>
      <c r="J432" s="40">
        <v>7.0499971904762502</v>
      </c>
      <c r="K432" s="40">
        <v>3.7428655771507144</v>
      </c>
      <c r="L432" s="40"/>
      <c r="M432" s="40"/>
      <c r="N432" s="40"/>
    </row>
    <row r="433" spans="4:14" x14ac:dyDescent="0.25">
      <c r="D433" s="40">
        <v>7.0830510000003226</v>
      </c>
      <c r="E433" s="40">
        <v>5.4972925919451834</v>
      </c>
      <c r="F433" s="40">
        <v>7.0666669999999954</v>
      </c>
      <c r="G433" s="40">
        <v>4.1399994209791631</v>
      </c>
      <c r="H433" s="40">
        <v>7.0666670000000096</v>
      </c>
      <c r="I433" s="40">
        <v>3.0882644275384323</v>
      </c>
      <c r="J433" s="40">
        <v>7.0666638511905404</v>
      </c>
      <c r="K433" s="40">
        <v>3.7475739431037747</v>
      </c>
      <c r="L433" s="40"/>
      <c r="M433" s="40"/>
      <c r="N433" s="40"/>
    </row>
    <row r="434" spans="4:14" x14ac:dyDescent="0.25">
      <c r="D434" s="40">
        <v>7.0997170000003234</v>
      </c>
      <c r="E434" s="40">
        <v>5.5068365026951573</v>
      </c>
      <c r="F434" s="40">
        <v>7.0833329999999961</v>
      </c>
      <c r="G434" s="40">
        <v>4.1493700490391587</v>
      </c>
      <c r="H434" s="40">
        <v>7.0833340000000078</v>
      </c>
      <c r="I434" s="40">
        <v>3.0949698998251223</v>
      </c>
      <c r="J434" s="40">
        <v>7.08333051190482</v>
      </c>
      <c r="K434" s="40">
        <v>3.7524249868130068</v>
      </c>
      <c r="L434" s="40"/>
      <c r="M434" s="40"/>
      <c r="N434" s="40"/>
    </row>
    <row r="435" spans="4:14" x14ac:dyDescent="0.25">
      <c r="D435" s="40">
        <v>7.1163830000003241</v>
      </c>
      <c r="E435" s="40">
        <v>5.5165228598741276</v>
      </c>
      <c r="F435" s="40">
        <v>7.0999999999999943</v>
      </c>
      <c r="G435" s="40">
        <v>4.1541252931293773</v>
      </c>
      <c r="H435" s="40">
        <v>7.1000000000000085</v>
      </c>
      <c r="I435" s="40">
        <v>3.1015767622251422</v>
      </c>
      <c r="J435" s="40">
        <v>7.0999971726191102</v>
      </c>
      <c r="K435" s="40">
        <v>3.757276030522239</v>
      </c>
      <c r="L435" s="40"/>
      <c r="M435" s="40"/>
      <c r="N435" s="40"/>
    </row>
    <row r="436" spans="4:14" x14ac:dyDescent="0.25">
      <c r="D436" s="40">
        <v>7.1330490000003248</v>
      </c>
      <c r="E436" s="40">
        <v>5.5260667706239746</v>
      </c>
      <c r="F436" s="40">
        <v>7.1166669999999925</v>
      </c>
      <c r="G436" s="40">
        <v>4.1634959211894964</v>
      </c>
      <c r="H436" s="40">
        <v>7.1166670000000067</v>
      </c>
      <c r="I436" s="40">
        <v>3.1081836246253376</v>
      </c>
      <c r="J436" s="40">
        <v>7.1166638333333996</v>
      </c>
      <c r="K436" s="40">
        <v>3.7619843964751727</v>
      </c>
      <c r="L436" s="40"/>
      <c r="M436" s="40"/>
      <c r="N436" s="40"/>
    </row>
    <row r="437" spans="4:14" x14ac:dyDescent="0.25">
      <c r="D437" s="40">
        <v>7.1497150000003256</v>
      </c>
      <c r="E437" s="40">
        <v>5.5356106813739485</v>
      </c>
      <c r="F437" s="40">
        <v>7.1333329999999933</v>
      </c>
      <c r="G437" s="40">
        <v>4.1682511652795915</v>
      </c>
      <c r="H437" s="40">
        <v>7.1333340000000049</v>
      </c>
      <c r="I437" s="40">
        <v>3.1148890969118521</v>
      </c>
      <c r="J437" s="40">
        <v>7.13333049404768</v>
      </c>
      <c r="K437" s="40">
        <v>3.7668354401844044</v>
      </c>
      <c r="L437" s="40"/>
      <c r="M437" s="40"/>
      <c r="N437" s="40"/>
    </row>
    <row r="438" spans="4:14" x14ac:dyDescent="0.25">
      <c r="D438" s="40">
        <v>7.1663810000003263</v>
      </c>
      <c r="E438" s="40">
        <v>5.5452970385529188</v>
      </c>
      <c r="F438" s="40">
        <v>7.1499999999999915</v>
      </c>
      <c r="G438" s="40">
        <v>4.1776217933397115</v>
      </c>
      <c r="H438" s="40">
        <v>7.1500000000000057</v>
      </c>
      <c r="I438" s="40">
        <v>3.124848695455305</v>
      </c>
      <c r="J438" s="40">
        <v>7.1499971547619703</v>
      </c>
      <c r="K438" s="40">
        <v>3.771686483893637</v>
      </c>
      <c r="L438" s="40"/>
      <c r="M438" s="40"/>
      <c r="N438" s="40"/>
    </row>
    <row r="439" spans="4:14" x14ac:dyDescent="0.25">
      <c r="D439" s="40">
        <v>7.183047000000327</v>
      </c>
      <c r="E439" s="40">
        <v>5.5596841278923144</v>
      </c>
      <c r="F439" s="40">
        <v>7.1666669999999897</v>
      </c>
      <c r="G439" s="40">
        <v>4.1869924213997072</v>
      </c>
      <c r="H439" s="40">
        <v>7.1666670000000039</v>
      </c>
      <c r="I439" s="40">
        <v>3.1314555578553249</v>
      </c>
      <c r="J439" s="40">
        <v>7.1666638154762499</v>
      </c>
      <c r="K439" s="40">
        <v>3.7812458935558024</v>
      </c>
      <c r="L439" s="40"/>
      <c r="M439" s="40"/>
      <c r="N439" s="40"/>
    </row>
    <row r="440" spans="4:14" x14ac:dyDescent="0.25">
      <c r="D440" s="40">
        <v>7.1997130000003278</v>
      </c>
      <c r="E440" s="40">
        <v>5.5692280386422883</v>
      </c>
      <c r="F440" s="40">
        <v>7.1833329999999904</v>
      </c>
      <c r="G440" s="40">
        <v>4.1917476654899266</v>
      </c>
      <c r="H440" s="40">
        <v>7.1833340000000021</v>
      </c>
      <c r="I440" s="40">
        <v>3.1381610301420149</v>
      </c>
      <c r="J440" s="40">
        <v>7.1833304761905401</v>
      </c>
      <c r="K440" s="40">
        <v>3.786096937265035</v>
      </c>
      <c r="L440" s="40"/>
      <c r="M440" s="40"/>
      <c r="N440" s="40"/>
    </row>
    <row r="441" spans="4:14" x14ac:dyDescent="0.25">
      <c r="D441" s="40">
        <v>7.2163790000003285</v>
      </c>
      <c r="E441" s="40">
        <v>5.5787719493921362</v>
      </c>
      <c r="F441" s="40">
        <v>7.1999999999999886</v>
      </c>
      <c r="G441" s="40">
        <v>4.2011182935499214</v>
      </c>
      <c r="H441" s="40">
        <v>7.2000000000000028</v>
      </c>
      <c r="I441" s="40">
        <v>3.1447678925420348</v>
      </c>
      <c r="J441" s="40">
        <v>7.1999971369048303</v>
      </c>
      <c r="K441" s="40">
        <v>3.7908053032180948</v>
      </c>
      <c r="L441" s="40"/>
      <c r="M441" s="40"/>
      <c r="N441" s="40"/>
    </row>
    <row r="442" spans="4:14" x14ac:dyDescent="0.25">
      <c r="D442" s="40">
        <v>7.2330450000003292</v>
      </c>
      <c r="E442" s="40">
        <v>5.5884583065712317</v>
      </c>
      <c r="F442" s="40">
        <v>7.2166670000000011</v>
      </c>
      <c r="G442" s="40">
        <v>4.2058735376401408</v>
      </c>
      <c r="H442" s="40">
        <v>7.2166670000000011</v>
      </c>
      <c r="I442" s="40">
        <v>3.1481206286852923</v>
      </c>
      <c r="J442" s="40">
        <v>7.2166637976191099</v>
      </c>
      <c r="K442" s="40">
        <v>3.7956563469272004</v>
      </c>
      <c r="L442" s="40"/>
      <c r="M442" s="40"/>
      <c r="N442" s="40"/>
    </row>
    <row r="443" spans="4:14" x14ac:dyDescent="0.25">
      <c r="D443" s="40">
        <v>7.24971100000033</v>
      </c>
      <c r="E443" s="40">
        <v>5.5980022173210795</v>
      </c>
      <c r="F443" s="40">
        <v>7.2333329999999876</v>
      </c>
      <c r="G443" s="40">
        <v>4.2152441657001356</v>
      </c>
      <c r="H443" s="40">
        <v>7.2333340000000135</v>
      </c>
      <c r="I443" s="40">
        <v>3.1547274910853123</v>
      </c>
      <c r="J443" s="40">
        <v>7.2333304583334002</v>
      </c>
      <c r="K443" s="40">
        <v>3.8005073906364326</v>
      </c>
      <c r="L443" s="40"/>
      <c r="M443" s="40"/>
      <c r="N443" s="40"/>
    </row>
    <row r="444" spans="4:14" x14ac:dyDescent="0.25">
      <c r="D444" s="40">
        <v>7.2663770000003307</v>
      </c>
      <c r="E444" s="40">
        <v>5.6123893066604751</v>
      </c>
      <c r="F444" s="40">
        <v>7.25</v>
      </c>
      <c r="G444" s="40">
        <v>4.2199994097903559</v>
      </c>
      <c r="H444" s="40">
        <v>7.25</v>
      </c>
      <c r="I444" s="40">
        <v>3.1646870896287647</v>
      </c>
      <c r="J444" s="40">
        <v>7.2499971190476797</v>
      </c>
      <c r="K444" s="40">
        <v>3.8053584343456652</v>
      </c>
      <c r="L444" s="40"/>
      <c r="M444" s="40"/>
      <c r="N444" s="40"/>
    </row>
    <row r="445" spans="4:14" x14ac:dyDescent="0.25">
      <c r="D445" s="40">
        <v>7.2830430000003314</v>
      </c>
      <c r="E445" s="40">
        <v>5.621933217410449</v>
      </c>
      <c r="F445" s="40">
        <v>7.2666669999999982</v>
      </c>
      <c r="G445" s="40">
        <v>4.2295098979706696</v>
      </c>
      <c r="H445" s="40">
        <v>7.2666670000000124</v>
      </c>
      <c r="I445" s="40">
        <v>3.1712939520287846</v>
      </c>
      <c r="J445" s="40">
        <v>7.26666377976197</v>
      </c>
      <c r="K445" s="40">
        <v>3.810066800298598</v>
      </c>
      <c r="L445" s="40"/>
      <c r="M445" s="40"/>
      <c r="N445" s="40"/>
    </row>
    <row r="446" spans="4:14" x14ac:dyDescent="0.25">
      <c r="D446" s="40">
        <v>7.2997090000003322</v>
      </c>
      <c r="E446" s="40">
        <v>5.6316195745894193</v>
      </c>
      <c r="F446" s="40">
        <v>7.2833329999999989</v>
      </c>
      <c r="G446" s="40">
        <v>4.2341252819405701</v>
      </c>
      <c r="H446" s="40">
        <v>7.2833340000000106</v>
      </c>
      <c r="I446" s="40">
        <v>3.1779994243154746</v>
      </c>
      <c r="J446" s="40">
        <v>7.2833304404762496</v>
      </c>
      <c r="K446" s="40">
        <v>3.8149178440078306</v>
      </c>
      <c r="L446" s="40"/>
      <c r="M446" s="40"/>
      <c r="N446" s="40"/>
    </row>
    <row r="447" spans="4:14" x14ac:dyDescent="0.25">
      <c r="D447" s="40">
        <v>7.3163750000003329</v>
      </c>
      <c r="E447" s="40">
        <v>5.6411634853392663</v>
      </c>
      <c r="F447" s="40">
        <v>7.2999999999999972</v>
      </c>
      <c r="G447" s="40">
        <v>4.2436357701208847</v>
      </c>
      <c r="H447" s="40">
        <v>7.3000000000000114</v>
      </c>
      <c r="I447" s="40">
        <v>3.1846062867154945</v>
      </c>
      <c r="J447" s="40">
        <v>7.2999971011905398</v>
      </c>
      <c r="K447" s="40">
        <v>3.824477253669996</v>
      </c>
      <c r="L447" s="40"/>
      <c r="M447" s="40"/>
      <c r="N447" s="40"/>
    </row>
    <row r="448" spans="4:14" x14ac:dyDescent="0.25">
      <c r="D448" s="40">
        <v>7.3330410000003337</v>
      </c>
      <c r="E448" s="40">
        <v>5.6507073960892411</v>
      </c>
      <c r="F448" s="40">
        <v>7.3166669999999954</v>
      </c>
      <c r="G448" s="40">
        <v>4.2530063981810038</v>
      </c>
      <c r="H448" s="40">
        <v>7.3166670000000096</v>
      </c>
      <c r="I448" s="40">
        <v>3.1912131491155149</v>
      </c>
      <c r="J448" s="40">
        <v>7.31666376190483</v>
      </c>
      <c r="K448" s="40">
        <v>3.8293282973792286</v>
      </c>
      <c r="L448" s="40"/>
      <c r="M448" s="40"/>
      <c r="N448" s="40"/>
    </row>
    <row r="449" spans="4:14" x14ac:dyDescent="0.25">
      <c r="D449" s="40">
        <v>7.3497070000003344</v>
      </c>
      <c r="E449" s="40">
        <v>5.6603937532682105</v>
      </c>
      <c r="F449" s="40">
        <v>7.3333329999999961</v>
      </c>
      <c r="G449" s="40">
        <v>4.2577616422710989</v>
      </c>
      <c r="H449" s="40">
        <v>7.3333340000000078</v>
      </c>
      <c r="I449" s="40">
        <v>3.1979186214022044</v>
      </c>
      <c r="J449" s="40">
        <v>7.3333304226191096</v>
      </c>
      <c r="K449" s="40">
        <v>3.8341793410884608</v>
      </c>
      <c r="L449" s="40"/>
      <c r="M449" s="40"/>
      <c r="N449" s="40"/>
    </row>
    <row r="450" spans="4:14" x14ac:dyDescent="0.25">
      <c r="D450" s="40">
        <v>7.3663730000003351</v>
      </c>
      <c r="E450" s="40">
        <v>5.6699376640180583</v>
      </c>
      <c r="F450" s="40">
        <v>7.3499999999999943</v>
      </c>
      <c r="G450" s="40">
        <v>4.267132270331218</v>
      </c>
      <c r="H450" s="40">
        <v>7.3500000000000085</v>
      </c>
      <c r="I450" s="40">
        <v>3.2045254838022248</v>
      </c>
      <c r="J450" s="40">
        <v>7.3499970833333998</v>
      </c>
      <c r="K450" s="40">
        <v>3.838887707041521</v>
      </c>
      <c r="L450" s="40"/>
      <c r="M450" s="40"/>
      <c r="N450" s="40"/>
    </row>
    <row r="451" spans="4:14" x14ac:dyDescent="0.25">
      <c r="D451" s="40">
        <v>7.3830390000003359</v>
      </c>
      <c r="E451" s="40">
        <v>5.6794815747680323</v>
      </c>
      <c r="F451" s="40">
        <v>7.3666669999999925</v>
      </c>
      <c r="G451" s="40">
        <v>4.2765028983912137</v>
      </c>
      <c r="H451" s="40">
        <v>7.3666670000000067</v>
      </c>
      <c r="I451" s="40">
        <v>3.2111323462022452</v>
      </c>
      <c r="J451" s="40">
        <v>7.3666637440476803</v>
      </c>
      <c r="K451" s="40">
        <v>3.8437387507506262</v>
      </c>
      <c r="L451" s="40"/>
      <c r="M451" s="40"/>
      <c r="N451" s="40"/>
    </row>
    <row r="452" spans="4:14" x14ac:dyDescent="0.25">
      <c r="D452" s="40">
        <v>7.3997050000003366</v>
      </c>
      <c r="E452" s="40">
        <v>5.6891679319470025</v>
      </c>
      <c r="F452" s="40">
        <v>7.3833329999999933</v>
      </c>
      <c r="G452" s="40">
        <v>4.2812581424814331</v>
      </c>
      <c r="H452" s="40">
        <v>7.3833340000000049</v>
      </c>
      <c r="I452" s="40">
        <v>3.2178378184889347</v>
      </c>
      <c r="J452" s="40">
        <v>7.3833304047619697</v>
      </c>
      <c r="K452" s="40">
        <v>3.8485897944598588</v>
      </c>
      <c r="L452" s="40"/>
      <c r="M452" s="40"/>
      <c r="N452" s="40"/>
    </row>
    <row r="453" spans="4:14" x14ac:dyDescent="0.25">
      <c r="D453" s="40">
        <v>7.4163710000003373</v>
      </c>
      <c r="E453" s="40">
        <v>5.6987118426969756</v>
      </c>
      <c r="F453" s="40">
        <v>7.3999999999999915</v>
      </c>
      <c r="G453" s="40">
        <v>4.2860133865716525</v>
      </c>
      <c r="H453" s="40">
        <v>7.4000000000000057</v>
      </c>
      <c r="I453" s="40">
        <v>3.2244446808889546</v>
      </c>
      <c r="J453" s="40">
        <v>7.3999970654762599</v>
      </c>
      <c r="K453" s="40">
        <v>3.8532981604129191</v>
      </c>
      <c r="L453" s="40"/>
      <c r="M453" s="40"/>
      <c r="N453" s="40"/>
    </row>
    <row r="454" spans="4:14" x14ac:dyDescent="0.25">
      <c r="D454" s="40">
        <v>7.4330370000003381</v>
      </c>
      <c r="E454" s="40">
        <v>5.7083981998759468</v>
      </c>
      <c r="F454" s="40">
        <v>7.4166669999999897</v>
      </c>
      <c r="G454" s="40">
        <v>4.2953840146316473</v>
      </c>
      <c r="H454" s="40">
        <v>7.4166670000000039</v>
      </c>
      <c r="I454" s="40">
        <v>3.231051543288975</v>
      </c>
      <c r="J454" s="40">
        <v>7.4166637261905404</v>
      </c>
      <c r="K454" s="40">
        <v>3.8581492041220242</v>
      </c>
      <c r="L454" s="40"/>
      <c r="M454" s="40"/>
      <c r="N454" s="40"/>
    </row>
    <row r="455" spans="4:14" x14ac:dyDescent="0.25">
      <c r="D455" s="40">
        <v>7.4497030000003388</v>
      </c>
      <c r="E455" s="40">
        <v>5.7227852892153424</v>
      </c>
      <c r="F455" s="40">
        <v>7.4333329999999904</v>
      </c>
      <c r="G455" s="40">
        <v>4.3001392587218676</v>
      </c>
      <c r="H455" s="40">
        <v>7.4333340000000021</v>
      </c>
      <c r="I455" s="40">
        <v>3.2377570155756645</v>
      </c>
      <c r="J455" s="40">
        <v>7.4333303869048297</v>
      </c>
      <c r="K455" s="40">
        <v>3.8630002478312568</v>
      </c>
      <c r="L455" s="40"/>
      <c r="M455" s="40"/>
      <c r="N455" s="40"/>
    </row>
    <row r="456" spans="4:14" x14ac:dyDescent="0.25">
      <c r="D456" s="40">
        <v>7.4663690000003395</v>
      </c>
      <c r="E456" s="40">
        <v>5.7274860213757668</v>
      </c>
      <c r="F456" s="40">
        <v>7.4499999999999886</v>
      </c>
      <c r="G456" s="40">
        <v>4.3095098867818624</v>
      </c>
      <c r="H456" s="40">
        <v>7.4500000000000028</v>
      </c>
      <c r="I456" s="40">
        <v>3.2477166141191169</v>
      </c>
      <c r="J456" s="40">
        <v>7.4499970476191102</v>
      </c>
      <c r="K456" s="40">
        <v>3.8677086137843166</v>
      </c>
      <c r="L456" s="40"/>
      <c r="M456" s="40"/>
      <c r="N456" s="40"/>
    </row>
    <row r="457" spans="4:14" x14ac:dyDescent="0.25">
      <c r="D457" s="40">
        <v>7.4830350000003403</v>
      </c>
      <c r="E457" s="40">
        <v>5.7371723785547371</v>
      </c>
      <c r="F457" s="40">
        <v>7.4666670000000011</v>
      </c>
      <c r="G457" s="40">
        <v>4.3142651308720819</v>
      </c>
      <c r="H457" s="40">
        <v>7.4666670000000011</v>
      </c>
      <c r="I457" s="40">
        <v>3.2543234765191373</v>
      </c>
      <c r="J457" s="40">
        <v>7.4666637083334004</v>
      </c>
      <c r="K457" s="40">
        <v>3.8725596574934222</v>
      </c>
      <c r="L457" s="40"/>
      <c r="M457" s="40"/>
      <c r="N457" s="40"/>
    </row>
    <row r="458" spans="4:14" x14ac:dyDescent="0.25">
      <c r="D458" s="40">
        <v>7.499701000000341</v>
      </c>
      <c r="E458" s="40">
        <v>5.746716289304711</v>
      </c>
      <c r="F458" s="40">
        <v>7.4833329999999876</v>
      </c>
      <c r="G458" s="40">
        <v>4.3236357589320766</v>
      </c>
      <c r="H458" s="40">
        <v>7.4833340000000135</v>
      </c>
      <c r="I458" s="40">
        <v>3.2610289488058268</v>
      </c>
      <c r="J458" s="40">
        <v>7.4833303690476898</v>
      </c>
      <c r="K458" s="40">
        <v>3.8821190671557146</v>
      </c>
      <c r="L458" s="40"/>
      <c r="M458" s="40"/>
      <c r="N458" s="40"/>
    </row>
    <row r="459" spans="4:14" x14ac:dyDescent="0.25">
      <c r="D459" s="40">
        <v>7.5163670000003417</v>
      </c>
      <c r="E459" s="40">
        <v>5.7562602000545589</v>
      </c>
      <c r="F459" s="40">
        <v>7.5</v>
      </c>
      <c r="G459" s="40">
        <v>4.3283910030222961</v>
      </c>
      <c r="H459" s="40">
        <v>7.5</v>
      </c>
      <c r="I459" s="40">
        <v>3.2676358112058468</v>
      </c>
      <c r="J459" s="40">
        <v>7.4999970297619702</v>
      </c>
      <c r="K459" s="40">
        <v>3.8869701108649468</v>
      </c>
      <c r="L459" s="40"/>
      <c r="M459" s="40"/>
      <c r="N459" s="40"/>
    </row>
    <row r="460" spans="4:14" x14ac:dyDescent="0.25">
      <c r="D460" s="40">
        <v>7.5330330000003425</v>
      </c>
      <c r="E460" s="40">
        <v>5.7611033786441066</v>
      </c>
      <c r="F460" s="40">
        <v>7.5166669999999982</v>
      </c>
      <c r="G460" s="40">
        <v>4.3377616310822917</v>
      </c>
      <c r="H460" s="40">
        <v>7.5166670000000124</v>
      </c>
      <c r="I460" s="40">
        <v>3.2742426736058672</v>
      </c>
      <c r="J460" s="40">
        <v>7.5166636904762596</v>
      </c>
      <c r="K460" s="40">
        <v>3.8918211545740524</v>
      </c>
      <c r="L460" s="40"/>
      <c r="M460" s="40"/>
      <c r="N460" s="40"/>
    </row>
    <row r="461" spans="4:14" x14ac:dyDescent="0.25">
      <c r="D461" s="40">
        <v>7.5496990000003432</v>
      </c>
      <c r="E461" s="40">
        <v>5.7706472893939544</v>
      </c>
      <c r="F461" s="40">
        <v>7.5333329999999989</v>
      </c>
      <c r="G461" s="40">
        <v>4.3425168751725112</v>
      </c>
      <c r="H461" s="40">
        <v>7.5333340000000106</v>
      </c>
      <c r="I461" s="40">
        <v>3.2809481458925567</v>
      </c>
      <c r="J461" s="40">
        <v>7.5333303511905401</v>
      </c>
      <c r="K461" s="40">
        <v>3.9013805642363444</v>
      </c>
      <c r="L461" s="40"/>
      <c r="M461" s="40"/>
      <c r="N461" s="40"/>
    </row>
    <row r="462" spans="4:14" x14ac:dyDescent="0.25">
      <c r="D462" s="40">
        <v>7.566365000000344</v>
      </c>
      <c r="E462" s="40">
        <v>5.7754904679835031</v>
      </c>
      <c r="F462" s="40">
        <v>7.5499999999999972</v>
      </c>
      <c r="G462" s="40">
        <v>4.3471322591424117</v>
      </c>
      <c r="H462" s="40">
        <v>7.5500000000000114</v>
      </c>
      <c r="I462" s="40">
        <v>3.2875550082925771</v>
      </c>
      <c r="J462" s="40">
        <v>7.5499970119048303</v>
      </c>
      <c r="K462" s="40">
        <v>3.9062316079454504</v>
      </c>
      <c r="L462" s="40"/>
      <c r="M462" s="40"/>
      <c r="N462" s="40"/>
    </row>
    <row r="463" spans="4:14" x14ac:dyDescent="0.25">
      <c r="D463" s="40">
        <v>7.5830310000003447</v>
      </c>
      <c r="E463" s="40">
        <v>5.78503437873335</v>
      </c>
      <c r="F463" s="40">
        <v>7.5666669999999954</v>
      </c>
      <c r="G463" s="40">
        <v>4.3566427473227254</v>
      </c>
      <c r="H463" s="40">
        <v>7.5666670000000096</v>
      </c>
      <c r="I463" s="40">
        <v>3.2941618706925975</v>
      </c>
      <c r="J463" s="40">
        <v>7.5666636726191099</v>
      </c>
      <c r="K463" s="40">
        <v>3.9109399738985102</v>
      </c>
      <c r="L463" s="40"/>
      <c r="M463" s="40"/>
      <c r="N463" s="40"/>
    </row>
    <row r="464" spans="4:14" x14ac:dyDescent="0.25">
      <c r="D464" s="40">
        <v>7.5996970000003454</v>
      </c>
      <c r="E464" s="40">
        <v>5.7898775573228987</v>
      </c>
      <c r="F464" s="40">
        <v>7.5833329999999961</v>
      </c>
      <c r="G464" s="40">
        <v>4.361258131292626</v>
      </c>
      <c r="H464" s="40">
        <v>7.5833340000000078</v>
      </c>
      <c r="I464" s="40">
        <v>3.3041214692360499</v>
      </c>
      <c r="J464" s="40">
        <v>7.5833303333334001</v>
      </c>
      <c r="K464" s="40">
        <v>3.9157910176077424</v>
      </c>
      <c r="L464" s="40"/>
      <c r="M464" s="40"/>
      <c r="N464" s="40"/>
    </row>
    <row r="465" spans="4:14" x14ac:dyDescent="0.25">
      <c r="D465" s="40">
        <v>7.6163630000003462</v>
      </c>
      <c r="E465" s="40">
        <v>5.7994214680727456</v>
      </c>
      <c r="F465" s="40">
        <v>7.5999999999999943</v>
      </c>
      <c r="G465" s="40">
        <v>4.3660133753828445</v>
      </c>
      <c r="H465" s="40">
        <v>7.6000000000000085</v>
      </c>
      <c r="I465" s="40">
        <v>3.3108269415225644</v>
      </c>
      <c r="J465" s="40">
        <v>7.5999969940476904</v>
      </c>
      <c r="K465" s="40">
        <v>3.9206420613168484</v>
      </c>
      <c r="L465" s="40"/>
      <c r="M465" s="40"/>
      <c r="N465" s="40"/>
    </row>
    <row r="466" spans="4:14" x14ac:dyDescent="0.25">
      <c r="D466" s="40">
        <v>7.6330290000003469</v>
      </c>
      <c r="E466" s="40">
        <v>5.8042646466622942</v>
      </c>
      <c r="F466" s="40">
        <v>7.6166669999999925</v>
      </c>
      <c r="G466" s="40">
        <v>4.3753840034428402</v>
      </c>
      <c r="H466" s="40">
        <v>7.6166670000000067</v>
      </c>
      <c r="I466" s="40">
        <v>3.3174338039227598</v>
      </c>
      <c r="J466" s="40">
        <v>7.6166636547619699</v>
      </c>
      <c r="K466" s="40">
        <v>3.9253504272699082</v>
      </c>
      <c r="L466" s="40"/>
      <c r="M466" s="40"/>
      <c r="N466" s="40"/>
    </row>
    <row r="467" spans="4:14" x14ac:dyDescent="0.25">
      <c r="D467" s="40">
        <v>7.6496950000003476</v>
      </c>
      <c r="E467" s="40">
        <v>5.8138085574122673</v>
      </c>
      <c r="F467" s="40">
        <v>7.6333329999999933</v>
      </c>
      <c r="G467" s="40">
        <v>4.3801392475330596</v>
      </c>
      <c r="H467" s="40">
        <v>7.6333340000000049</v>
      </c>
      <c r="I467" s="40">
        <v>3.3240406663227797</v>
      </c>
      <c r="J467" s="40">
        <v>7.6333303154762602</v>
      </c>
      <c r="K467" s="40">
        <v>3.935052514688373</v>
      </c>
      <c r="L467" s="40"/>
      <c r="M467" s="40"/>
      <c r="N467" s="40"/>
    </row>
    <row r="468" spans="4:14" x14ac:dyDescent="0.25">
      <c r="D468" s="40">
        <v>7.6663610000003484</v>
      </c>
      <c r="E468" s="40">
        <v>5.8234949145912385</v>
      </c>
      <c r="F468" s="40">
        <v>7.6499999999999915</v>
      </c>
      <c r="G468" s="40">
        <v>4.3848944916231547</v>
      </c>
      <c r="H468" s="40">
        <v>7.6500000000000057</v>
      </c>
      <c r="I468" s="40">
        <v>3.3307461386092947</v>
      </c>
      <c r="J468" s="40">
        <v>7.6499969761905398</v>
      </c>
      <c r="K468" s="40">
        <v>3.9397608806413058</v>
      </c>
      <c r="L468" s="40"/>
      <c r="M468" s="40"/>
      <c r="N468" s="40"/>
    </row>
    <row r="469" spans="4:14" x14ac:dyDescent="0.25">
      <c r="D469" s="40">
        <v>7.6830270000003491</v>
      </c>
      <c r="E469" s="40">
        <v>5.8281956467516629</v>
      </c>
      <c r="F469" s="40">
        <v>7.6666669999999897</v>
      </c>
      <c r="G469" s="40">
        <v>4.3895098755930553</v>
      </c>
      <c r="H469" s="40">
        <v>7.6666670000000039</v>
      </c>
      <c r="I469" s="40">
        <v>3.3373530010094896</v>
      </c>
      <c r="J469" s="40">
        <v>7.66666363690483</v>
      </c>
      <c r="K469" s="40">
        <v>3.9446119243505384</v>
      </c>
      <c r="L469" s="40"/>
      <c r="M469" s="40"/>
      <c r="N469" s="40"/>
    </row>
    <row r="470" spans="4:14" x14ac:dyDescent="0.25">
      <c r="D470" s="40">
        <v>7.6996930000003498</v>
      </c>
      <c r="E470" s="40">
        <v>5.8330388253410854</v>
      </c>
      <c r="F470" s="40">
        <v>7.6833329999999904</v>
      </c>
      <c r="G470" s="40">
        <v>4.3990203637733689</v>
      </c>
      <c r="H470" s="40">
        <v>7.6833340000000021</v>
      </c>
      <c r="I470" s="40">
        <v>3.3407057371527471</v>
      </c>
      <c r="J470" s="40">
        <v>7.6833302976191096</v>
      </c>
      <c r="K470" s="40">
        <v>3.9541713340127038</v>
      </c>
      <c r="L470" s="40"/>
      <c r="M470" s="40"/>
      <c r="N470" s="40"/>
    </row>
    <row r="471" spans="4:14" x14ac:dyDescent="0.25">
      <c r="D471" s="40">
        <v>7.7163590000003506</v>
      </c>
      <c r="E471" s="40">
        <v>5.8425827360910594</v>
      </c>
      <c r="F471" s="40">
        <v>7.6999999999999886</v>
      </c>
      <c r="G471" s="40">
        <v>4.4036357477432695</v>
      </c>
      <c r="H471" s="40">
        <v>7.7000000000000028</v>
      </c>
      <c r="I471" s="40">
        <v>3.3473125995527671</v>
      </c>
      <c r="J471" s="40">
        <v>7.6999969583333998</v>
      </c>
      <c r="K471" s="40">
        <v>3.9590223777219355</v>
      </c>
      <c r="L471" s="40"/>
      <c r="M471" s="40"/>
      <c r="N471" s="40"/>
    </row>
    <row r="472" spans="4:14" x14ac:dyDescent="0.25">
      <c r="D472" s="40">
        <v>7.7330250000003513</v>
      </c>
      <c r="E472" s="40">
        <v>5.8522690932700288</v>
      </c>
      <c r="F472" s="40">
        <v>7.7166670000000011</v>
      </c>
      <c r="G472" s="40">
        <v>4.4083909918334889</v>
      </c>
      <c r="H472" s="40">
        <v>7.7166670000000011</v>
      </c>
      <c r="I472" s="40">
        <v>3.353919461952787</v>
      </c>
      <c r="J472" s="40">
        <v>7.71666361904769</v>
      </c>
      <c r="K472" s="40">
        <v>3.9638734214311682</v>
      </c>
      <c r="L472" s="40"/>
      <c r="M472" s="40"/>
      <c r="N472" s="40"/>
    </row>
    <row r="473" spans="4:14" x14ac:dyDescent="0.25">
      <c r="D473" s="40">
        <v>7.749691000000352</v>
      </c>
      <c r="E473" s="40">
        <v>5.856969825430455</v>
      </c>
      <c r="F473" s="40">
        <v>7.7333329999999876</v>
      </c>
      <c r="G473" s="40">
        <v>4.4131462359237084</v>
      </c>
      <c r="H473" s="40">
        <v>7.7333340000000135</v>
      </c>
      <c r="I473" s="40">
        <v>3.3606249342394769</v>
      </c>
      <c r="J473" s="40">
        <v>7.7333302797619696</v>
      </c>
      <c r="K473" s="40">
        <v>3.9685817873842288</v>
      </c>
      <c r="L473" s="40"/>
      <c r="M473" s="40"/>
      <c r="N473" s="40"/>
    </row>
    <row r="474" spans="4:14" x14ac:dyDescent="0.25">
      <c r="D474" s="40">
        <v>7.7663570000003528</v>
      </c>
      <c r="E474" s="40">
        <v>5.8666561826094252</v>
      </c>
      <c r="F474" s="40">
        <v>7.75</v>
      </c>
      <c r="G474" s="40">
        <v>4.422516863983704</v>
      </c>
      <c r="H474" s="40">
        <v>7.75</v>
      </c>
      <c r="I474" s="40">
        <v>3.3672317966394969</v>
      </c>
      <c r="J474" s="40">
        <v>7.7499969404762599</v>
      </c>
      <c r="K474" s="40">
        <v>3.9782838748025662</v>
      </c>
      <c r="L474" s="40"/>
      <c r="M474" s="40"/>
      <c r="N474" s="40"/>
    </row>
    <row r="475" spans="4:14" x14ac:dyDescent="0.25">
      <c r="D475" s="40">
        <v>7.7830230000003535</v>
      </c>
      <c r="E475" s="40">
        <v>5.8762000933593992</v>
      </c>
      <c r="F475" s="40">
        <v>7.7666669999999982</v>
      </c>
      <c r="G475" s="40">
        <v>4.4272721080739226</v>
      </c>
      <c r="H475" s="40">
        <v>7.7666670000000124</v>
      </c>
      <c r="I475" s="40">
        <v>3.3739372689261868</v>
      </c>
      <c r="J475" s="40">
        <v>7.7666636011905403</v>
      </c>
      <c r="K475" s="40">
        <v>3.982992240755626</v>
      </c>
      <c r="L475" s="40"/>
      <c r="M475" s="40"/>
      <c r="N475" s="40"/>
    </row>
    <row r="476" spans="4:14" x14ac:dyDescent="0.25">
      <c r="D476" s="40">
        <v>7.7996890000003543</v>
      </c>
      <c r="E476" s="40">
        <v>5.8810432719488208</v>
      </c>
      <c r="F476" s="40">
        <v>7.7833329999999989</v>
      </c>
      <c r="G476" s="40">
        <v>4.4320273521640186</v>
      </c>
      <c r="H476" s="40">
        <v>7.7833340000000106</v>
      </c>
      <c r="I476" s="40">
        <v>3.3805441313262068</v>
      </c>
      <c r="J476" s="40">
        <v>7.7833302619048297</v>
      </c>
      <c r="K476" s="40">
        <v>3.9926943281739642</v>
      </c>
      <c r="L476" s="40"/>
      <c r="M476" s="40"/>
      <c r="N476" s="40"/>
    </row>
    <row r="477" spans="4:14" x14ac:dyDescent="0.25">
      <c r="D477" s="40">
        <v>7.816355000000355</v>
      </c>
      <c r="E477" s="40">
        <v>5.8905871826987948</v>
      </c>
      <c r="F477" s="40">
        <v>7.7999999999999972</v>
      </c>
      <c r="G477" s="40">
        <v>4.4413979802241377</v>
      </c>
      <c r="H477" s="40">
        <v>7.8000000000000114</v>
      </c>
      <c r="I477" s="40">
        <v>3.3871509937262272</v>
      </c>
      <c r="J477" s="40">
        <v>7.7999969226191199</v>
      </c>
      <c r="K477" s="40">
        <v>3.9975453718831968</v>
      </c>
      <c r="L477" s="40"/>
      <c r="M477" s="40"/>
      <c r="N477" s="40"/>
    </row>
    <row r="478" spans="4:14" x14ac:dyDescent="0.25">
      <c r="D478" s="40">
        <v>7.8330210000003557</v>
      </c>
      <c r="E478" s="40">
        <v>5.900273539877765</v>
      </c>
      <c r="F478" s="40">
        <v>7.8166669999999954</v>
      </c>
      <c r="G478" s="40">
        <v>4.4461532243142328</v>
      </c>
      <c r="H478" s="40">
        <v>7.8166670000000096</v>
      </c>
      <c r="I478" s="40">
        <v>3.3938564660129167</v>
      </c>
      <c r="J478" s="40">
        <v>7.8166635833334004</v>
      </c>
      <c r="K478" s="40">
        <v>4.0022537378361296</v>
      </c>
      <c r="L478" s="40"/>
      <c r="M478" s="40"/>
      <c r="N478" s="40"/>
    </row>
    <row r="479" spans="4:14" x14ac:dyDescent="0.25">
      <c r="D479" s="40">
        <v>7.8496870000003565</v>
      </c>
      <c r="E479" s="40">
        <v>5.909817450627612</v>
      </c>
      <c r="F479" s="40">
        <v>7.8333329999999961</v>
      </c>
      <c r="G479" s="40">
        <v>4.4555238523743519</v>
      </c>
      <c r="H479" s="40">
        <v>7.8333340000000078</v>
      </c>
      <c r="I479" s="40">
        <v>3.4004633284129371</v>
      </c>
      <c r="J479" s="40">
        <v>7.8333302440476897</v>
      </c>
      <c r="K479" s="40">
        <v>4.0119558252545939</v>
      </c>
      <c r="L479" s="40"/>
      <c r="M479" s="40"/>
      <c r="N479" s="40"/>
    </row>
    <row r="480" spans="4:14" x14ac:dyDescent="0.25">
      <c r="D480" s="40">
        <v>7.8663530000003572</v>
      </c>
      <c r="E480" s="40">
        <v>5.919361361377586</v>
      </c>
      <c r="F480" s="40">
        <v>7.8499999999999943</v>
      </c>
      <c r="G480" s="40">
        <v>4.4602790964645713</v>
      </c>
      <c r="H480" s="40">
        <v>7.8500000000000085</v>
      </c>
      <c r="I480" s="40">
        <v>3.407070190813132</v>
      </c>
      <c r="J480" s="40">
        <v>7.8499969047619702</v>
      </c>
      <c r="K480" s="40">
        <v>4.0166641912075276</v>
      </c>
      <c r="L480" s="40"/>
      <c r="M480" s="40"/>
      <c r="N480" s="40"/>
    </row>
    <row r="481" spans="4:14" x14ac:dyDescent="0.25">
      <c r="D481" s="40">
        <v>7.8830190000003579</v>
      </c>
      <c r="E481" s="40">
        <v>5.9242045399671337</v>
      </c>
      <c r="F481" s="40">
        <v>7.8666669999999925</v>
      </c>
      <c r="G481" s="40">
        <v>4.469649724524567</v>
      </c>
      <c r="H481" s="40">
        <v>7.8666670000000067</v>
      </c>
      <c r="I481" s="40">
        <v>3.413775663099647</v>
      </c>
      <c r="J481" s="40">
        <v>7.8666635654762596</v>
      </c>
      <c r="K481" s="40">
        <v>4.0215152349167607</v>
      </c>
      <c r="L481" s="40"/>
      <c r="M481" s="40"/>
      <c r="N481" s="40"/>
    </row>
    <row r="482" spans="4:14" x14ac:dyDescent="0.25">
      <c r="D482" s="40">
        <v>7.8996850000003587</v>
      </c>
      <c r="E482" s="40">
        <v>5.9337484507169815</v>
      </c>
      <c r="F482" s="40">
        <v>7.8833329999999933</v>
      </c>
      <c r="G482" s="40">
        <v>4.4744049686147864</v>
      </c>
      <c r="H482" s="40">
        <v>7.8833340000000049</v>
      </c>
      <c r="I482" s="40">
        <v>3.4203825254996669</v>
      </c>
      <c r="J482" s="40">
        <v>7.8833302261905498</v>
      </c>
      <c r="K482" s="40">
        <v>4.0310746445790526</v>
      </c>
      <c r="L482" s="40"/>
      <c r="M482" s="40"/>
      <c r="N482" s="40"/>
    </row>
    <row r="483" spans="4:14" x14ac:dyDescent="0.25">
      <c r="D483" s="40">
        <v>7.9163510000003594</v>
      </c>
      <c r="E483" s="40">
        <v>5.9434348078959518</v>
      </c>
      <c r="F483" s="40">
        <v>7.8999999999999915</v>
      </c>
      <c r="G483" s="40">
        <v>4.4837755966747812</v>
      </c>
      <c r="H483" s="40">
        <v>7.9000000000000057</v>
      </c>
      <c r="I483" s="40">
        <v>3.4269893878998623</v>
      </c>
      <c r="J483" s="40">
        <v>7.8999968869048303</v>
      </c>
      <c r="K483" s="40">
        <v>4.0359256882881578</v>
      </c>
      <c r="L483" s="40"/>
      <c r="M483" s="40"/>
      <c r="N483" s="40"/>
    </row>
    <row r="484" spans="4:14" x14ac:dyDescent="0.25">
      <c r="D484" s="40">
        <v>7.9330170000003601</v>
      </c>
      <c r="E484" s="40">
        <v>5.9481355400563771</v>
      </c>
      <c r="F484" s="40">
        <v>7.9166669999999897</v>
      </c>
      <c r="G484" s="40">
        <v>4.4885308407650006</v>
      </c>
      <c r="H484" s="40">
        <v>7.9166670000000039</v>
      </c>
      <c r="I484" s="40">
        <v>3.4336948601863768</v>
      </c>
      <c r="J484" s="40">
        <v>7.9166635476191196</v>
      </c>
      <c r="K484" s="40">
        <v>4.04077673199739</v>
      </c>
      <c r="L484" s="40"/>
      <c r="M484" s="40"/>
      <c r="N484" s="40"/>
    </row>
    <row r="485" spans="4:14" x14ac:dyDescent="0.25">
      <c r="D485" s="40">
        <v>7.9496830000003609</v>
      </c>
      <c r="E485" s="40">
        <v>5.9578218972353474</v>
      </c>
      <c r="F485" s="40">
        <v>7.9333329999999904</v>
      </c>
      <c r="G485" s="40">
        <v>4.4979014688249954</v>
      </c>
      <c r="H485" s="40">
        <v>7.9333340000000021</v>
      </c>
      <c r="I485" s="40">
        <v>3.4403017225865717</v>
      </c>
      <c r="J485" s="40">
        <v>7.9333302083334001</v>
      </c>
      <c r="K485" s="40">
        <v>4.0503361416595558</v>
      </c>
      <c r="L485" s="40"/>
      <c r="M485" s="40"/>
      <c r="N485" s="40"/>
    </row>
    <row r="486" spans="4:14" x14ac:dyDescent="0.25">
      <c r="D486" s="40">
        <v>7.9663490000003616</v>
      </c>
      <c r="E486" s="40">
        <v>5.9673658079853213</v>
      </c>
      <c r="F486" s="40">
        <v>7.9499999999999886</v>
      </c>
      <c r="G486" s="40">
        <v>4.5026567129152157</v>
      </c>
      <c r="H486" s="40">
        <v>7.9500000000000028</v>
      </c>
      <c r="I486" s="40">
        <v>3.4469085849865926</v>
      </c>
      <c r="J486" s="40">
        <v>7.9499968690476903</v>
      </c>
      <c r="K486" s="40">
        <v>4.055187185368788</v>
      </c>
      <c r="L486" s="40"/>
      <c r="M486" s="40"/>
      <c r="N486" s="40"/>
    </row>
    <row r="487" spans="4:14" x14ac:dyDescent="0.25">
      <c r="D487" s="40">
        <v>7.9830150000003623</v>
      </c>
      <c r="E487" s="40">
        <v>5.9769097187351683</v>
      </c>
      <c r="F487" s="40">
        <v>7.9666670000000011</v>
      </c>
      <c r="G487" s="40">
        <v>4.5072720968851163</v>
      </c>
      <c r="H487" s="40">
        <v>7.9666670000000011</v>
      </c>
      <c r="I487" s="40">
        <v>3.4502613211298496</v>
      </c>
      <c r="J487" s="40">
        <v>7.9666635297619699</v>
      </c>
      <c r="K487" s="40">
        <v>4.0647465950309538</v>
      </c>
      <c r="L487" s="40"/>
      <c r="M487" s="40"/>
      <c r="N487" s="40"/>
    </row>
    <row r="488" spans="4:14" x14ac:dyDescent="0.25">
      <c r="D488" s="40">
        <v>7.9996810000003631</v>
      </c>
      <c r="E488" s="40">
        <v>5.9865960759142656</v>
      </c>
      <c r="F488" s="40">
        <v>7.9833329999999876</v>
      </c>
      <c r="G488" s="40">
        <v>4.51678258506543</v>
      </c>
      <c r="H488" s="40">
        <v>7.9833340000000135</v>
      </c>
      <c r="I488" s="40">
        <v>3.4568681835298696</v>
      </c>
      <c r="J488" s="40">
        <v>7.9833301904762601</v>
      </c>
      <c r="K488" s="40">
        <v>4.069597638740186</v>
      </c>
      <c r="L488" s="40"/>
      <c r="M488" s="40"/>
      <c r="N488" s="40"/>
    </row>
    <row r="489" spans="4:14" x14ac:dyDescent="0.25">
      <c r="D489" s="40">
        <v>8.0163470000003638</v>
      </c>
      <c r="E489" s="40">
        <v>5.9961399866641125</v>
      </c>
      <c r="F489" s="40">
        <v>8</v>
      </c>
      <c r="G489" s="40">
        <v>4.5213979690353305</v>
      </c>
      <c r="H489" s="40">
        <v>8</v>
      </c>
      <c r="I489" s="40">
        <v>3.4635736558165591</v>
      </c>
      <c r="J489" s="40">
        <v>7.9999968511905504</v>
      </c>
      <c r="K489" s="40">
        <v>4.0791570484024779</v>
      </c>
      <c r="L489" s="40"/>
      <c r="M489" s="40"/>
      <c r="N489" s="40"/>
    </row>
    <row r="490" spans="4:14" x14ac:dyDescent="0.25">
      <c r="D490" s="40">
        <v>8.0330130000003646</v>
      </c>
      <c r="E490" s="40">
        <v>6.0056838974140865</v>
      </c>
      <c r="F490" s="40">
        <v>8.0166669999999982</v>
      </c>
      <c r="G490" s="40">
        <v>4.5309084572156451</v>
      </c>
      <c r="H490" s="40">
        <v>8.0166670000000124</v>
      </c>
      <c r="I490" s="40">
        <v>3.4701805182165795</v>
      </c>
      <c r="J490" s="40">
        <v>8.0166635119048308</v>
      </c>
      <c r="K490" s="40">
        <v>4.084008092111584</v>
      </c>
      <c r="L490" s="40"/>
      <c r="M490" s="40"/>
      <c r="N490" s="40"/>
    </row>
    <row r="491" spans="4:14" x14ac:dyDescent="0.25">
      <c r="D491" s="40">
        <v>8.0496790000003653</v>
      </c>
      <c r="E491" s="40">
        <v>6.0153702545930567</v>
      </c>
      <c r="F491" s="40">
        <v>8.0333329999999989</v>
      </c>
      <c r="G491" s="40">
        <v>4.5355238411855447</v>
      </c>
      <c r="H491" s="40">
        <v>8.0333340000000106</v>
      </c>
      <c r="I491" s="40">
        <v>3.4767873806165999</v>
      </c>
      <c r="J491" s="40">
        <v>8.0333301726191202</v>
      </c>
      <c r="K491" s="40">
        <v>4.0887164580646438</v>
      </c>
      <c r="L491" s="40"/>
      <c r="M491" s="40"/>
      <c r="N491" s="40"/>
    </row>
    <row r="492" spans="4:14" x14ac:dyDescent="0.25">
      <c r="D492" s="40">
        <v>8.066345000000366</v>
      </c>
      <c r="E492" s="40">
        <v>6.0200709867534821</v>
      </c>
      <c r="F492" s="40">
        <v>8.0499999999999972</v>
      </c>
      <c r="G492" s="40">
        <v>4.5450343293658593</v>
      </c>
      <c r="H492" s="40">
        <v>8.0500000000000114</v>
      </c>
      <c r="I492" s="40">
        <v>3.4834928529032894</v>
      </c>
      <c r="J492" s="40">
        <v>8.0499968333334007</v>
      </c>
      <c r="K492" s="40">
        <v>4.093567501773876</v>
      </c>
      <c r="L492" s="40"/>
      <c r="M492" s="40"/>
      <c r="N492" s="40"/>
    </row>
    <row r="493" spans="4:14" x14ac:dyDescent="0.25">
      <c r="D493" s="40">
        <v>8.0830110000003668</v>
      </c>
      <c r="E493" s="40">
        <v>6.0297573439324523</v>
      </c>
      <c r="F493" s="40">
        <v>8.0666669999999954</v>
      </c>
      <c r="G493" s="40">
        <v>4.5496497133357598</v>
      </c>
      <c r="H493" s="40">
        <v>8.0666670000000096</v>
      </c>
      <c r="I493" s="40">
        <v>3.4900997153033098</v>
      </c>
      <c r="J493" s="40">
        <v>8.06666349404769</v>
      </c>
      <c r="K493" s="40">
        <v>4.1031269114360418</v>
      </c>
      <c r="L493" s="40"/>
      <c r="M493" s="40"/>
      <c r="N493" s="40"/>
    </row>
    <row r="494" spans="4:14" x14ac:dyDescent="0.25">
      <c r="D494" s="40">
        <v>8.0996770000003675</v>
      </c>
      <c r="E494" s="40">
        <v>6.0393012546823002</v>
      </c>
      <c r="F494" s="40">
        <v>8.0833329999999961</v>
      </c>
      <c r="G494" s="40">
        <v>4.5591602015160735</v>
      </c>
      <c r="H494" s="40">
        <v>8.0833340000000078</v>
      </c>
      <c r="I494" s="40">
        <v>3.4967065777033297</v>
      </c>
      <c r="J494" s="40">
        <v>8.0833301547619705</v>
      </c>
      <c r="K494" s="40">
        <v>4.107977955145274</v>
      </c>
      <c r="L494" s="40"/>
      <c r="M494" s="40"/>
      <c r="N494" s="40"/>
    </row>
    <row r="495" spans="4:14" x14ac:dyDescent="0.25">
      <c r="D495" s="40">
        <v>8.1163430000003682</v>
      </c>
      <c r="E495" s="40">
        <v>6.0488451654322732</v>
      </c>
      <c r="F495" s="40">
        <v>8.0999999999999943</v>
      </c>
      <c r="G495" s="40">
        <v>4.5637755854859741</v>
      </c>
      <c r="H495" s="40">
        <v>8.1000000000000085</v>
      </c>
      <c r="I495" s="40">
        <v>3.5034120499900196</v>
      </c>
      <c r="J495" s="40">
        <v>8.0999968154762598</v>
      </c>
      <c r="K495" s="40">
        <v>4.1128289988543791</v>
      </c>
      <c r="L495" s="40"/>
      <c r="M495" s="40"/>
      <c r="N495" s="40"/>
    </row>
    <row r="496" spans="4:14" x14ac:dyDescent="0.25">
      <c r="D496" s="40">
        <v>8.133009000000369</v>
      </c>
      <c r="E496" s="40">
        <v>6.0585315226112444</v>
      </c>
      <c r="F496" s="40">
        <v>8.1166669999999925</v>
      </c>
      <c r="G496" s="40">
        <v>4.5732860736662886</v>
      </c>
      <c r="H496" s="40">
        <v>8.1166670000000067</v>
      </c>
      <c r="I496" s="40">
        <v>3.5100189123900396</v>
      </c>
      <c r="J496" s="40">
        <v>8.1166634761905492</v>
      </c>
      <c r="K496" s="40">
        <v>4.1175373648074398</v>
      </c>
      <c r="L496" s="40"/>
      <c r="M496" s="40"/>
      <c r="N496" s="40"/>
    </row>
    <row r="497" spans="4:14" x14ac:dyDescent="0.25">
      <c r="D497" s="40">
        <v>8.1496750000003697</v>
      </c>
      <c r="E497" s="40">
        <v>6.0680754333612175</v>
      </c>
      <c r="F497" s="40">
        <v>8.1333329999999933</v>
      </c>
      <c r="G497" s="40">
        <v>4.5779014576361892</v>
      </c>
      <c r="H497" s="40">
        <v>8.1333340000000049</v>
      </c>
      <c r="I497" s="40">
        <v>3.5167243846767291</v>
      </c>
      <c r="J497" s="40">
        <v>8.1333301369048296</v>
      </c>
      <c r="K497" s="40">
        <v>4.1272394522259042</v>
      </c>
      <c r="L497" s="40"/>
      <c r="M497" s="40"/>
      <c r="N497" s="40"/>
    </row>
    <row r="498" spans="4:14" x14ac:dyDescent="0.25">
      <c r="D498" s="40">
        <v>8.1663410000003704</v>
      </c>
      <c r="E498" s="40">
        <v>6.0777617905401877</v>
      </c>
      <c r="F498" s="40">
        <v>8.1499999999999915</v>
      </c>
      <c r="G498" s="40">
        <v>4.5826567017264077</v>
      </c>
      <c r="H498" s="40">
        <v>8.1500000000000057</v>
      </c>
      <c r="I498" s="40">
        <v>3.5233312470767495</v>
      </c>
      <c r="J498" s="40">
        <v>8.1499967976191208</v>
      </c>
      <c r="K498" s="40">
        <v>4.1319478181788378</v>
      </c>
      <c r="L498" s="40"/>
      <c r="M498" s="40"/>
      <c r="N498" s="40"/>
    </row>
    <row r="499" spans="4:14" x14ac:dyDescent="0.25">
      <c r="D499" s="40">
        <v>8.1830070000003712</v>
      </c>
      <c r="E499" s="40">
        <v>6.0873057012900347</v>
      </c>
      <c r="F499" s="40">
        <v>8.1666669999999897</v>
      </c>
      <c r="G499" s="40">
        <v>4.5874119458166271</v>
      </c>
      <c r="H499" s="40">
        <v>8.1666670000000039</v>
      </c>
      <c r="I499" s="40">
        <v>3.5299381094767694</v>
      </c>
      <c r="J499" s="40">
        <v>8.1666634583333995</v>
      </c>
      <c r="K499" s="40">
        <v>4.1416499055973022</v>
      </c>
      <c r="L499" s="40"/>
      <c r="M499" s="40"/>
      <c r="N499" s="40"/>
    </row>
    <row r="500" spans="4:14" x14ac:dyDescent="0.25">
      <c r="D500" s="40">
        <v>8.1996730000003719</v>
      </c>
      <c r="E500" s="40">
        <v>6.0968496120400086</v>
      </c>
      <c r="F500" s="40">
        <v>8.1833329999999904</v>
      </c>
      <c r="G500" s="40">
        <v>4.5967825738766219</v>
      </c>
      <c r="H500" s="40">
        <v>8.1833340000000021</v>
      </c>
      <c r="I500" s="40">
        <v>3.5366435817634594</v>
      </c>
      <c r="J500" s="40">
        <v>8.1833301190476906</v>
      </c>
      <c r="K500" s="40">
        <v>4.146358271550235</v>
      </c>
      <c r="L500" s="40"/>
      <c r="M500" s="40"/>
      <c r="N500" s="40"/>
    </row>
    <row r="501" spans="4:14" x14ac:dyDescent="0.25">
      <c r="D501" s="40">
        <v>8.2163390000003726</v>
      </c>
      <c r="E501" s="40">
        <v>6.1016927906294303</v>
      </c>
      <c r="F501" s="40">
        <v>8.1999999999999886</v>
      </c>
      <c r="G501" s="40">
        <v>4.6015378179668422</v>
      </c>
      <c r="H501" s="40">
        <v>8.2000000000000028</v>
      </c>
      <c r="I501" s="40">
        <v>3.5432504441634793</v>
      </c>
      <c r="J501" s="40">
        <v>8.1999967797619799</v>
      </c>
      <c r="K501" s="40">
        <v>4.1512093152594671</v>
      </c>
      <c r="L501" s="40"/>
      <c r="M501" s="40"/>
      <c r="N501" s="40"/>
    </row>
    <row r="502" spans="4:14" x14ac:dyDescent="0.25">
      <c r="D502" s="40">
        <v>8.2330050000003734</v>
      </c>
      <c r="E502" s="40">
        <v>6.1112367013794042</v>
      </c>
      <c r="F502" s="40">
        <v>8.2166670000000011</v>
      </c>
      <c r="G502" s="40">
        <v>4.6062930620569364</v>
      </c>
      <c r="H502" s="40">
        <v>8.2166670000000011</v>
      </c>
      <c r="I502" s="40">
        <v>3.5498573065636747</v>
      </c>
      <c r="J502" s="40">
        <v>8.2166634404762604</v>
      </c>
      <c r="K502" s="40">
        <v>4.1560603589687002</v>
      </c>
      <c r="L502" s="40"/>
      <c r="M502" s="40"/>
      <c r="N502" s="40"/>
    </row>
    <row r="503" spans="4:14" x14ac:dyDescent="0.25">
      <c r="D503" s="40">
        <v>8.2496710000003741</v>
      </c>
      <c r="E503" s="40">
        <v>6.1209230585583745</v>
      </c>
      <c r="F503" s="40">
        <v>8.2333329999999876</v>
      </c>
      <c r="G503" s="40">
        <v>4.6156636901170565</v>
      </c>
      <c r="H503" s="40">
        <v>8.2333340000000135</v>
      </c>
      <c r="I503" s="40">
        <v>3.5565627788501892</v>
      </c>
      <c r="J503" s="40">
        <v>8.2333301011905498</v>
      </c>
      <c r="K503" s="40">
        <v>4.1607687249217591</v>
      </c>
      <c r="L503" s="40"/>
      <c r="M503" s="40"/>
      <c r="N503" s="40"/>
    </row>
    <row r="504" spans="4:14" x14ac:dyDescent="0.25">
      <c r="D504" s="40">
        <v>8.2663370000003749</v>
      </c>
      <c r="E504" s="40">
        <v>6.1304669693083484</v>
      </c>
      <c r="F504" s="40">
        <v>8.25</v>
      </c>
      <c r="G504" s="40">
        <v>4.6204189342071516</v>
      </c>
      <c r="H504" s="40">
        <v>8.25</v>
      </c>
      <c r="I504" s="40">
        <v>3.5631696412502092</v>
      </c>
      <c r="J504" s="40">
        <v>8.2499967619048302</v>
      </c>
      <c r="K504" s="40">
        <v>4.1656197686308651</v>
      </c>
      <c r="L504" s="40"/>
      <c r="M504" s="40"/>
      <c r="N504" s="40"/>
    </row>
    <row r="505" spans="4:14" x14ac:dyDescent="0.25">
      <c r="D505" s="40">
        <v>8.2830030000003756</v>
      </c>
      <c r="E505" s="40">
        <v>6.1400108800581963</v>
      </c>
      <c r="F505" s="40">
        <v>8.2666669999999982</v>
      </c>
      <c r="G505" s="40">
        <v>4.6250343181770512</v>
      </c>
      <c r="H505" s="40">
        <v>8.2666670000000124</v>
      </c>
      <c r="I505" s="40">
        <v>3.5697765036504046</v>
      </c>
      <c r="J505" s="40">
        <v>8.2666634226191196</v>
      </c>
      <c r="K505" s="40">
        <v>4.1753218560492034</v>
      </c>
      <c r="L505" s="40"/>
      <c r="M505" s="40"/>
      <c r="N505" s="40"/>
    </row>
    <row r="506" spans="4:14" x14ac:dyDescent="0.25">
      <c r="D506" s="40">
        <v>8.2996690000003763</v>
      </c>
      <c r="E506" s="40">
        <v>6.1496972372371657</v>
      </c>
      <c r="F506" s="40">
        <v>8.2833329999999989</v>
      </c>
      <c r="G506" s="40">
        <v>4.6345448063573667</v>
      </c>
      <c r="H506" s="40">
        <v>8.2833340000000106</v>
      </c>
      <c r="I506" s="40">
        <v>3.573129239793662</v>
      </c>
      <c r="J506" s="40">
        <v>8.2833300833334107</v>
      </c>
      <c r="K506" s="40">
        <v>4.1800302220022632</v>
      </c>
      <c r="L506" s="40"/>
      <c r="M506" s="40"/>
      <c r="N506" s="40"/>
    </row>
    <row r="507" spans="4:14" x14ac:dyDescent="0.25">
      <c r="D507" s="40">
        <v>8.3163350000003771</v>
      </c>
      <c r="E507" s="40">
        <v>6.1592411479871405</v>
      </c>
      <c r="F507" s="40">
        <v>8.2999999999999972</v>
      </c>
      <c r="G507" s="40">
        <v>4.6391601903272663</v>
      </c>
      <c r="H507" s="40">
        <v>8.3000000000000114</v>
      </c>
      <c r="I507" s="40">
        <v>3.579736102193682</v>
      </c>
      <c r="J507" s="40">
        <v>8.2999967440476894</v>
      </c>
      <c r="K507" s="40">
        <v>4.1848812657114962</v>
      </c>
      <c r="L507" s="40"/>
      <c r="M507" s="40"/>
      <c r="N507" s="40"/>
    </row>
    <row r="508" spans="4:14" x14ac:dyDescent="0.25">
      <c r="D508" s="40">
        <v>8.3330010000003778</v>
      </c>
      <c r="E508" s="40">
        <v>6.1687850587369875</v>
      </c>
      <c r="F508" s="40">
        <v>8.3166669999999954</v>
      </c>
      <c r="G508" s="40">
        <v>4.6439154344174858</v>
      </c>
      <c r="H508" s="40">
        <v>8.3166670000000096</v>
      </c>
      <c r="I508" s="40">
        <v>3.5864415744803719</v>
      </c>
      <c r="J508" s="40">
        <v>8.3166634047619805</v>
      </c>
      <c r="K508" s="40">
        <v>4.1897323094207275</v>
      </c>
      <c r="L508" s="40"/>
      <c r="M508" s="40"/>
      <c r="N508" s="40"/>
    </row>
    <row r="509" spans="4:14" x14ac:dyDescent="0.25">
      <c r="D509" s="40">
        <v>8.3496670000003785</v>
      </c>
      <c r="E509" s="40">
        <v>6.1784714159160838</v>
      </c>
      <c r="F509" s="40">
        <v>8.3333329999999961</v>
      </c>
      <c r="G509" s="40">
        <v>4.6532860624774814</v>
      </c>
      <c r="H509" s="40">
        <v>8.3333340000000078</v>
      </c>
      <c r="I509" s="40">
        <v>3.5930484368803919</v>
      </c>
      <c r="J509" s="40">
        <v>8.3333300654762592</v>
      </c>
      <c r="K509" s="40">
        <v>4.1944406753736612</v>
      </c>
      <c r="L509" s="40"/>
      <c r="M509" s="40"/>
      <c r="N509" s="40"/>
    </row>
    <row r="510" spans="4:14" x14ac:dyDescent="0.25">
      <c r="D510" s="40">
        <v>8.3663330000003793</v>
      </c>
      <c r="E510" s="40">
        <v>6.1831721480763822</v>
      </c>
      <c r="F510" s="40">
        <v>8.3499999999999943</v>
      </c>
      <c r="G510" s="40">
        <v>4.6580413065677</v>
      </c>
      <c r="H510" s="40">
        <v>8.3500000000000085</v>
      </c>
      <c r="I510" s="40">
        <v>3.5996552992804123</v>
      </c>
      <c r="J510" s="40">
        <v>8.3499967261905503</v>
      </c>
      <c r="K510" s="40">
        <v>4.1992917190828933</v>
      </c>
      <c r="L510" s="40"/>
      <c r="M510" s="40"/>
      <c r="N510" s="40"/>
    </row>
    <row r="511" spans="4:14" x14ac:dyDescent="0.25">
      <c r="D511" s="40">
        <v>8.38299900000038</v>
      </c>
      <c r="E511" s="40">
        <v>6.1928585052554794</v>
      </c>
      <c r="F511" s="40">
        <v>8.3666669999999925</v>
      </c>
      <c r="G511" s="40">
        <v>4.6674119346276957</v>
      </c>
      <c r="H511" s="40">
        <v>8.3666670000000067</v>
      </c>
      <c r="I511" s="40">
        <v>3.6063607715671018</v>
      </c>
      <c r="J511" s="40">
        <v>8.3666633869048308</v>
      </c>
      <c r="K511" s="40">
        <v>4.2041427627921255</v>
      </c>
      <c r="L511" s="40"/>
      <c r="M511" s="40"/>
      <c r="N511" s="40"/>
    </row>
    <row r="512" spans="4:14" x14ac:dyDescent="0.25">
      <c r="D512" s="40">
        <v>8.3996650000003807</v>
      </c>
      <c r="E512" s="40">
        <v>6.2024024160053264</v>
      </c>
      <c r="F512" s="40">
        <v>8.3833329999999933</v>
      </c>
      <c r="G512" s="40">
        <v>4.6721671787179151</v>
      </c>
      <c r="H512" s="40">
        <v>8.3833340000000049</v>
      </c>
      <c r="I512" s="40">
        <v>3.6129676339671217</v>
      </c>
      <c r="J512" s="40">
        <v>8.3833300476191202</v>
      </c>
      <c r="K512" s="40">
        <v>4.2088511287450592</v>
      </c>
      <c r="L512" s="40"/>
      <c r="M512" s="40"/>
      <c r="N512" s="40"/>
    </row>
    <row r="513" spans="4:14" x14ac:dyDescent="0.25">
      <c r="D513" s="40">
        <v>8.4163310000003815</v>
      </c>
      <c r="E513" s="40">
        <v>6.207245594594875</v>
      </c>
      <c r="F513" s="40">
        <v>8.3999999999999915</v>
      </c>
      <c r="G513" s="40">
        <v>4.6815378067780342</v>
      </c>
      <c r="H513" s="40">
        <v>8.4000000000000057</v>
      </c>
      <c r="I513" s="40">
        <v>3.6195744963671421</v>
      </c>
      <c r="J513" s="40">
        <v>8.3999967083334095</v>
      </c>
      <c r="K513" s="40">
        <v>4.2137021724542914</v>
      </c>
      <c r="L513" s="40"/>
      <c r="M513" s="40"/>
      <c r="N513" s="40"/>
    </row>
    <row r="514" spans="4:14" x14ac:dyDescent="0.25">
      <c r="D514" s="40">
        <v>8.4329970000003822</v>
      </c>
      <c r="E514" s="40">
        <v>6.216789505344722</v>
      </c>
      <c r="F514" s="40">
        <v>8.4166669999999897</v>
      </c>
      <c r="G514" s="40">
        <v>4.6862930508681293</v>
      </c>
      <c r="H514" s="40">
        <v>8.4166670000000039</v>
      </c>
      <c r="I514" s="40">
        <v>3.6262799686538316</v>
      </c>
      <c r="J514" s="40">
        <v>8.41666336904769</v>
      </c>
      <c r="K514" s="40">
        <v>4.2185532161635235</v>
      </c>
      <c r="L514" s="40"/>
      <c r="M514" s="40"/>
      <c r="N514" s="40"/>
    </row>
    <row r="515" spans="4:14" x14ac:dyDescent="0.25">
      <c r="D515" s="40">
        <v>8.449663000000383</v>
      </c>
      <c r="E515" s="40">
        <v>6.2263334160946968</v>
      </c>
      <c r="F515" s="40">
        <v>8.4333329999999904</v>
      </c>
      <c r="G515" s="40">
        <v>4.6910482949583487</v>
      </c>
      <c r="H515" s="40">
        <v>8.4333340000000021</v>
      </c>
      <c r="I515" s="40">
        <v>3.632886831053852</v>
      </c>
      <c r="J515" s="40">
        <v>8.4333300297619793</v>
      </c>
      <c r="K515" s="40">
        <v>4.2281126258256894</v>
      </c>
      <c r="L515" s="40"/>
      <c r="M515" s="40"/>
      <c r="N515" s="40"/>
    </row>
    <row r="516" spans="4:14" x14ac:dyDescent="0.25">
      <c r="D516" s="40">
        <v>8.4663290000003837</v>
      </c>
      <c r="E516" s="40">
        <v>6.2311765946841184</v>
      </c>
      <c r="F516" s="40">
        <v>8.4499999999999886</v>
      </c>
      <c r="G516" s="40">
        <v>4.6956636789282484</v>
      </c>
      <c r="H516" s="40">
        <v>8.4500000000000028</v>
      </c>
      <c r="I516" s="40">
        <v>3.636239567197284</v>
      </c>
      <c r="J516" s="40">
        <v>8.4499966904762598</v>
      </c>
      <c r="K516" s="40">
        <v>4.2329636695349215</v>
      </c>
      <c r="L516" s="40"/>
      <c r="M516" s="40"/>
      <c r="N516" s="40"/>
    </row>
    <row r="517" spans="4:14" x14ac:dyDescent="0.25">
      <c r="D517" s="40">
        <v>8.4829950000003844</v>
      </c>
      <c r="E517" s="40">
        <v>6.2407205054340924</v>
      </c>
      <c r="F517" s="40">
        <v>8.4666670000000011</v>
      </c>
      <c r="G517" s="40">
        <v>4.7051741671085638</v>
      </c>
      <c r="H517" s="40">
        <v>8.4666670000000011</v>
      </c>
      <c r="I517" s="40">
        <v>3.6428464295973049</v>
      </c>
      <c r="J517" s="40">
        <v>8.4666633511905491</v>
      </c>
      <c r="K517" s="40">
        <v>4.2425230791970874</v>
      </c>
      <c r="L517" s="40"/>
      <c r="M517" s="40"/>
      <c r="N517" s="40"/>
    </row>
    <row r="518" spans="4:14" x14ac:dyDescent="0.25">
      <c r="D518" s="40">
        <v>8.4996610000003852</v>
      </c>
      <c r="E518" s="40">
        <v>6.2504068626130627</v>
      </c>
      <c r="F518" s="40">
        <v>8.4833329999999876</v>
      </c>
      <c r="G518" s="40">
        <v>4.7097895510784635</v>
      </c>
      <c r="H518" s="40">
        <v>8.4833340000000135</v>
      </c>
      <c r="I518" s="40">
        <v>3.6495519018839944</v>
      </c>
      <c r="J518" s="40">
        <v>8.4833300119048403</v>
      </c>
      <c r="K518" s="40">
        <v>4.2473741229063195</v>
      </c>
      <c r="L518" s="40"/>
      <c r="M518" s="40"/>
      <c r="N518" s="40"/>
    </row>
    <row r="519" spans="4:14" x14ac:dyDescent="0.25">
      <c r="D519" s="40">
        <v>8.5163270000003859</v>
      </c>
      <c r="E519" s="40">
        <v>6.255107594773488</v>
      </c>
      <c r="F519" s="40">
        <v>8.5</v>
      </c>
      <c r="G519" s="40">
        <v>4.7193000392587781</v>
      </c>
      <c r="H519" s="40">
        <v>8.5</v>
      </c>
      <c r="I519" s="40">
        <v>3.6561587642840143</v>
      </c>
      <c r="J519" s="40">
        <v>8.4999966726191207</v>
      </c>
      <c r="K519" s="40">
        <v>4.2520824888593793</v>
      </c>
      <c r="L519" s="40"/>
      <c r="M519" s="40"/>
      <c r="N519" s="40"/>
    </row>
    <row r="520" spans="4:14" x14ac:dyDescent="0.25">
      <c r="D520" s="40">
        <v>8.5329930000003866</v>
      </c>
      <c r="E520" s="40">
        <v>6.2647939519524583</v>
      </c>
      <c r="F520" s="40">
        <v>8.5166669999999982</v>
      </c>
      <c r="G520" s="40">
        <v>4.7239154232286786</v>
      </c>
      <c r="H520" s="40">
        <v>8.5166670000000124</v>
      </c>
      <c r="I520" s="40">
        <v>3.6627656266840347</v>
      </c>
      <c r="J520" s="40">
        <v>8.5166633333334101</v>
      </c>
      <c r="K520" s="40">
        <v>4.2569335325684854</v>
      </c>
      <c r="L520" s="40"/>
      <c r="M520" s="40"/>
      <c r="N520" s="40"/>
    </row>
    <row r="521" spans="4:14" x14ac:dyDescent="0.25">
      <c r="D521" s="40">
        <v>8.5496590000003874</v>
      </c>
      <c r="E521" s="40">
        <v>6.2743378627024313</v>
      </c>
      <c r="F521" s="40">
        <v>8.5333329999999989</v>
      </c>
      <c r="G521" s="40">
        <v>4.7286706673188981</v>
      </c>
      <c r="H521" s="40">
        <v>8.5333340000000106</v>
      </c>
      <c r="I521" s="40">
        <v>3.6694710989707242</v>
      </c>
      <c r="J521" s="40">
        <v>8.5333299940476905</v>
      </c>
      <c r="K521" s="40">
        <v>4.2617845762777176</v>
      </c>
      <c r="L521" s="40"/>
      <c r="M521" s="40"/>
      <c r="N521" s="40"/>
    </row>
    <row r="522" spans="4:14" x14ac:dyDescent="0.25">
      <c r="D522" s="40">
        <v>8.5663250000003881</v>
      </c>
      <c r="E522" s="40">
        <v>6.2840242198814025</v>
      </c>
      <c r="F522" s="40">
        <v>8.5499999999999972</v>
      </c>
      <c r="G522" s="40">
        <v>4.7380412953788937</v>
      </c>
      <c r="H522" s="40">
        <v>8.5500000000000114</v>
      </c>
      <c r="I522" s="40">
        <v>3.6727252252274871</v>
      </c>
      <c r="J522" s="40">
        <v>8.5499966547619799</v>
      </c>
      <c r="K522" s="40">
        <v>4.2664929422307774</v>
      </c>
      <c r="L522" s="40"/>
      <c r="M522" s="40"/>
      <c r="N522" s="40"/>
    </row>
    <row r="523" spans="4:14" x14ac:dyDescent="0.25">
      <c r="D523" s="40">
        <v>8.5829910000003888</v>
      </c>
      <c r="E523" s="40">
        <v>6.2887249520418269</v>
      </c>
      <c r="F523" s="40">
        <v>8.5666669999999954</v>
      </c>
      <c r="G523" s="40">
        <v>4.7427965394691123</v>
      </c>
      <c r="H523" s="40">
        <v>8.5666670000000096</v>
      </c>
      <c r="I523" s="40">
        <v>3.6794306975140016</v>
      </c>
      <c r="J523" s="40">
        <v>8.5666633154762604</v>
      </c>
      <c r="K523" s="40">
        <v>4.2713439859400095</v>
      </c>
      <c r="L523" s="40"/>
      <c r="M523" s="40"/>
      <c r="N523" s="40"/>
    </row>
    <row r="524" spans="4:14" x14ac:dyDescent="0.25">
      <c r="D524" s="40">
        <v>8.5996570000003896</v>
      </c>
      <c r="E524" s="40">
        <v>6.2984113092207981</v>
      </c>
      <c r="F524" s="40">
        <v>8.5833329999999961</v>
      </c>
      <c r="G524" s="40">
        <v>4.7521671675291079</v>
      </c>
      <c r="H524" s="40">
        <v>8.5833340000000078</v>
      </c>
      <c r="I524" s="40">
        <v>3.686037559914022</v>
      </c>
      <c r="J524" s="40">
        <v>8.5833299761905497</v>
      </c>
      <c r="K524" s="40">
        <v>4.2761950296491147</v>
      </c>
      <c r="L524" s="40"/>
      <c r="M524" s="40"/>
      <c r="N524" s="40"/>
    </row>
    <row r="525" spans="4:14" x14ac:dyDescent="0.25">
      <c r="D525" s="40">
        <v>8.6163230000003903</v>
      </c>
      <c r="E525" s="40">
        <v>6.3079552199707711</v>
      </c>
      <c r="F525" s="40">
        <v>8.5999999999999943</v>
      </c>
      <c r="G525" s="40">
        <v>4.7569224116193265</v>
      </c>
      <c r="H525" s="40">
        <v>8.6000000000000085</v>
      </c>
      <c r="I525" s="40">
        <v>3.692644422314217</v>
      </c>
      <c r="J525" s="40">
        <v>8.5999966369048408</v>
      </c>
      <c r="K525" s="40">
        <v>4.2809033956021754</v>
      </c>
      <c r="L525" s="40"/>
      <c r="M525" s="40"/>
      <c r="N525" s="40"/>
    </row>
    <row r="526" spans="4:14" x14ac:dyDescent="0.25">
      <c r="D526" s="40">
        <v>8.632989000000391</v>
      </c>
      <c r="E526" s="40">
        <v>6.317499130720619</v>
      </c>
      <c r="F526" s="40">
        <v>8.6166669999999925</v>
      </c>
      <c r="G526" s="40">
        <v>4.7662930396793222</v>
      </c>
      <c r="H526" s="40">
        <v>8.6166670000000067</v>
      </c>
      <c r="I526" s="40">
        <v>3.6993498946007315</v>
      </c>
      <c r="J526" s="40">
        <v>8.6166632976191195</v>
      </c>
      <c r="K526" s="40">
        <v>4.2809033956021754</v>
      </c>
      <c r="L526" s="40"/>
      <c r="M526" s="40"/>
      <c r="N526" s="40"/>
    </row>
    <row r="527" spans="4:14" x14ac:dyDescent="0.25">
      <c r="D527" s="40">
        <v>8.6496550000003918</v>
      </c>
      <c r="E527" s="40">
        <v>6.3223423093101667</v>
      </c>
      <c r="F527" s="40">
        <v>8.6333329999999933</v>
      </c>
      <c r="G527" s="40">
        <v>4.7710482837695416</v>
      </c>
      <c r="H527" s="40">
        <v>8.6333340000000049</v>
      </c>
      <c r="I527" s="40">
        <v>3.7026040208574944</v>
      </c>
      <c r="J527" s="40">
        <v>8.6333299583334107</v>
      </c>
      <c r="K527" s="40">
        <v>4.2857544393114075</v>
      </c>
      <c r="L527" s="40"/>
      <c r="M527" s="40"/>
      <c r="N527" s="40"/>
    </row>
    <row r="528" spans="4:14" x14ac:dyDescent="0.25">
      <c r="D528" s="40">
        <v>8.6663210000003925</v>
      </c>
      <c r="E528" s="40">
        <v>6.3318862200600146</v>
      </c>
      <c r="F528" s="40">
        <v>8.6499999999999915</v>
      </c>
      <c r="G528" s="40">
        <v>4.7758035278597601</v>
      </c>
      <c r="H528" s="40">
        <v>8.6500000000000057</v>
      </c>
      <c r="I528" s="40">
        <v>3.7093094931441839</v>
      </c>
      <c r="J528" s="40">
        <v>8.6499966190476894</v>
      </c>
      <c r="K528" s="40">
        <v>4.2906054830205127</v>
      </c>
      <c r="L528" s="40"/>
      <c r="M528" s="40"/>
      <c r="N528" s="40"/>
    </row>
    <row r="529" spans="4:14" x14ac:dyDescent="0.25">
      <c r="D529" s="40">
        <v>8.6829870000003933</v>
      </c>
      <c r="E529" s="40">
        <v>6.3367293986495632</v>
      </c>
      <c r="F529" s="40">
        <v>8.6666669999999897</v>
      </c>
      <c r="G529" s="40">
        <v>4.7851741559197558</v>
      </c>
      <c r="H529" s="40">
        <v>8.6666670000000039</v>
      </c>
      <c r="I529" s="40">
        <v>3.7159163555442043</v>
      </c>
      <c r="J529" s="40">
        <v>8.6666632797619805</v>
      </c>
      <c r="K529" s="40">
        <v>4.2953138489735734</v>
      </c>
      <c r="L529" s="40"/>
      <c r="M529" s="40"/>
      <c r="N529" s="40"/>
    </row>
    <row r="530" spans="4:14" x14ac:dyDescent="0.25">
      <c r="D530" s="40">
        <v>8.699653000000394</v>
      </c>
      <c r="E530" s="40">
        <v>6.3462733093994101</v>
      </c>
      <c r="F530" s="40">
        <v>8.6833329999999904</v>
      </c>
      <c r="G530" s="40">
        <v>4.7899294000099761</v>
      </c>
      <c r="H530" s="40">
        <v>8.6833340000000021</v>
      </c>
      <c r="I530" s="40">
        <v>3.7225232179442242</v>
      </c>
      <c r="J530" s="40">
        <v>8.6833299404762698</v>
      </c>
      <c r="K530" s="40">
        <v>4.3001648926828047</v>
      </c>
      <c r="L530" s="40"/>
      <c r="M530" s="40"/>
      <c r="N530" s="40"/>
    </row>
    <row r="531" spans="4:14" x14ac:dyDescent="0.25">
      <c r="D531" s="40">
        <v>8.7163190000003947</v>
      </c>
      <c r="E531" s="40">
        <v>6.3511164879889588</v>
      </c>
      <c r="F531" s="40">
        <v>8.6999999999999886</v>
      </c>
      <c r="G531" s="40">
        <v>4.7946846441000703</v>
      </c>
      <c r="H531" s="40">
        <v>8.7000000000000028</v>
      </c>
      <c r="I531" s="40">
        <v>3.7258759540876571</v>
      </c>
      <c r="J531" s="40">
        <v>8.6999966011905503</v>
      </c>
      <c r="K531" s="40">
        <v>4.3050159363919107</v>
      </c>
      <c r="L531" s="40"/>
      <c r="M531" s="40"/>
      <c r="N531" s="40"/>
    </row>
    <row r="532" spans="4:14" x14ac:dyDescent="0.25">
      <c r="D532" s="40">
        <v>8.7329850000003955</v>
      </c>
      <c r="E532" s="40">
        <v>6.3606603987388057</v>
      </c>
      <c r="F532" s="40">
        <v>8.7166670000000011</v>
      </c>
      <c r="G532" s="40">
        <v>4.7993000280699709</v>
      </c>
      <c r="H532" s="40">
        <v>8.7166670000000011</v>
      </c>
      <c r="I532" s="40">
        <v>3.7324828164876771</v>
      </c>
      <c r="J532" s="40">
        <v>8.7166632619048396</v>
      </c>
      <c r="K532" s="40">
        <v>4.3145753460542027</v>
      </c>
      <c r="L532" s="40"/>
      <c r="M532" s="40"/>
      <c r="N532" s="40"/>
    </row>
    <row r="533" spans="4:14" x14ac:dyDescent="0.25">
      <c r="D533" s="40">
        <v>8.7496510000003962</v>
      </c>
      <c r="E533" s="40">
        <v>6.370346755917903</v>
      </c>
      <c r="F533" s="40">
        <v>8.7333329999999876</v>
      </c>
      <c r="G533" s="40">
        <v>4.8088105162502846</v>
      </c>
      <c r="H533" s="40">
        <v>8.7333340000000135</v>
      </c>
      <c r="I533" s="40">
        <v>3.739188288774367</v>
      </c>
      <c r="J533" s="40">
        <v>8.7333299226191201</v>
      </c>
      <c r="K533" s="40">
        <v>4.3194263897634357</v>
      </c>
      <c r="L533" s="40"/>
      <c r="M533" s="40"/>
      <c r="N533" s="40"/>
    </row>
    <row r="534" spans="4:14" x14ac:dyDescent="0.25">
      <c r="D534" s="40">
        <v>8.7663170000003969</v>
      </c>
      <c r="E534" s="40">
        <v>6.3750474880782013</v>
      </c>
      <c r="F534" s="40">
        <v>8.75</v>
      </c>
      <c r="G534" s="40">
        <v>4.8134259002201851</v>
      </c>
      <c r="H534" s="40">
        <v>8.75</v>
      </c>
      <c r="I534" s="40">
        <v>3.745795151174387</v>
      </c>
      <c r="J534" s="40">
        <v>8.7499965833334095</v>
      </c>
      <c r="K534" s="40">
        <v>4.3241347557163685</v>
      </c>
      <c r="L534" s="40"/>
      <c r="M534" s="40"/>
      <c r="N534" s="40"/>
    </row>
    <row r="535" spans="4:14" x14ac:dyDescent="0.25">
      <c r="D535" s="40">
        <v>8.7829830000003977</v>
      </c>
      <c r="E535" s="40">
        <v>6.3847338452572986</v>
      </c>
      <c r="F535" s="40">
        <v>8.7666669999999982</v>
      </c>
      <c r="G535" s="40">
        <v>4.8181811443104046</v>
      </c>
      <c r="H535" s="40">
        <v>8.7666670000000124</v>
      </c>
      <c r="I535" s="40">
        <v>3.749147887317644</v>
      </c>
      <c r="J535" s="40">
        <v>8.7666632440476899</v>
      </c>
      <c r="K535" s="40">
        <v>4.3289857994256007</v>
      </c>
      <c r="L535" s="40"/>
      <c r="M535" s="40"/>
      <c r="N535" s="40"/>
    </row>
    <row r="536" spans="4:14" x14ac:dyDescent="0.25">
      <c r="D536" s="40">
        <v>8.7996490000003984</v>
      </c>
      <c r="E536" s="40">
        <v>6.3942777560071455</v>
      </c>
      <c r="F536" s="40">
        <v>8.7833329999999989</v>
      </c>
      <c r="G536" s="40">
        <v>4.8275517723703993</v>
      </c>
      <c r="H536" s="40">
        <v>8.7833340000000106</v>
      </c>
      <c r="I536" s="40">
        <v>3.7557547497176644</v>
      </c>
      <c r="J536" s="40">
        <v>8.7833299047619793</v>
      </c>
      <c r="K536" s="40">
        <v>4.3338368431348337</v>
      </c>
      <c r="L536" s="40"/>
      <c r="M536" s="40"/>
      <c r="N536" s="40"/>
    </row>
    <row r="537" spans="4:14" x14ac:dyDescent="0.25">
      <c r="D537" s="40">
        <v>8.8163150000003991</v>
      </c>
      <c r="E537" s="40">
        <v>6.4038216667571195</v>
      </c>
      <c r="F537" s="40">
        <v>8.7999999999999972</v>
      </c>
      <c r="G537" s="40">
        <v>4.8323070164606197</v>
      </c>
      <c r="H537" s="40">
        <v>8.8000000000000114</v>
      </c>
      <c r="I537" s="40">
        <v>3.7624602220043544</v>
      </c>
      <c r="J537" s="40">
        <v>8.7999965654762704</v>
      </c>
      <c r="K537" s="40">
        <v>4.3385452090877665</v>
      </c>
      <c r="L537" s="40"/>
      <c r="M537" s="40"/>
      <c r="N537" s="40"/>
    </row>
    <row r="538" spans="4:14" x14ac:dyDescent="0.25">
      <c r="D538" s="40">
        <v>8.8329810000003999</v>
      </c>
      <c r="E538" s="40">
        <v>6.4135080239360889</v>
      </c>
      <c r="F538" s="40">
        <v>8.8166669999999954</v>
      </c>
      <c r="G538" s="40">
        <v>4.8370622605508382</v>
      </c>
      <c r="H538" s="40">
        <v>8.8166670000000096</v>
      </c>
      <c r="I538" s="40">
        <v>3.7690670844043743</v>
      </c>
      <c r="J538" s="40">
        <v>8.8166632261905509</v>
      </c>
      <c r="K538" s="40">
        <v>4.3433962527969987</v>
      </c>
      <c r="L538" s="40"/>
      <c r="M538" s="40"/>
      <c r="N538" s="40"/>
    </row>
    <row r="539" spans="4:14" x14ac:dyDescent="0.25">
      <c r="D539" s="40">
        <v>8.8496470000004006</v>
      </c>
      <c r="E539" s="40">
        <v>6.4230519346859367</v>
      </c>
      <c r="F539" s="40">
        <v>8.8333329999999961</v>
      </c>
      <c r="G539" s="40">
        <v>4.8464328886108339</v>
      </c>
      <c r="H539" s="40">
        <v>8.8333340000000078</v>
      </c>
      <c r="I539" s="40">
        <v>3.7724198205476314</v>
      </c>
      <c r="J539" s="40">
        <v>8.8333298869048402</v>
      </c>
      <c r="K539" s="40">
        <v>4.3482472965062318</v>
      </c>
      <c r="L539" s="40"/>
      <c r="M539" s="40"/>
      <c r="N539" s="40"/>
    </row>
    <row r="540" spans="4:14" x14ac:dyDescent="0.25">
      <c r="D540" s="40">
        <v>8.8663130000004013</v>
      </c>
      <c r="E540" s="40">
        <v>6.4325958454359107</v>
      </c>
      <c r="F540" s="40">
        <v>8.8499999999999943</v>
      </c>
      <c r="G540" s="40">
        <v>4.8511881327010533</v>
      </c>
      <c r="H540" s="40">
        <v>8.8500000000000085</v>
      </c>
      <c r="I540" s="40">
        <v>3.7790266829478267</v>
      </c>
      <c r="J540" s="40">
        <v>8.8499965476191207</v>
      </c>
      <c r="K540" s="40">
        <v>4.3482472965062318</v>
      </c>
      <c r="L540" s="40"/>
      <c r="M540" s="40"/>
      <c r="N540" s="40"/>
    </row>
    <row r="541" spans="4:14" x14ac:dyDescent="0.25">
      <c r="D541" s="40">
        <v>8.8829790000004021</v>
      </c>
      <c r="E541" s="40">
        <v>6.4422822026148809</v>
      </c>
      <c r="F541" s="40">
        <v>8.8666669999999925</v>
      </c>
      <c r="G541" s="40">
        <v>4.8558035166709539</v>
      </c>
      <c r="H541" s="40">
        <v>8.8666670000000067</v>
      </c>
      <c r="I541" s="40">
        <v>3.7856335453478467</v>
      </c>
      <c r="J541" s="40">
        <v>8.86666320833341</v>
      </c>
      <c r="K541" s="40">
        <v>4.3529556624592907</v>
      </c>
      <c r="L541" s="40"/>
      <c r="M541" s="40"/>
      <c r="N541" s="40"/>
    </row>
    <row r="542" spans="4:14" x14ac:dyDescent="0.25">
      <c r="D542" s="40">
        <v>8.8996450000004028</v>
      </c>
      <c r="E542" s="40">
        <v>6.4471253812044287</v>
      </c>
      <c r="F542" s="40">
        <v>8.8833329999999933</v>
      </c>
      <c r="G542" s="40">
        <v>4.860558760761049</v>
      </c>
      <c r="H542" s="40">
        <v>8.8833340000000049</v>
      </c>
      <c r="I542" s="40">
        <v>3.7923390176345366</v>
      </c>
      <c r="J542" s="40">
        <v>8.8833298690476994</v>
      </c>
      <c r="K542" s="40">
        <v>4.3578067061683967</v>
      </c>
      <c r="L542" s="40"/>
      <c r="M542" s="40"/>
      <c r="N542" s="40"/>
    </row>
    <row r="543" spans="4:14" x14ac:dyDescent="0.25">
      <c r="D543" s="40">
        <v>8.9163110000004036</v>
      </c>
      <c r="E543" s="40">
        <v>6.4566692919542765</v>
      </c>
      <c r="F543" s="40">
        <v>8.8999999999999915</v>
      </c>
      <c r="G543" s="40">
        <v>4.8699293888211681</v>
      </c>
      <c r="H543" s="40">
        <v>8.9000000000000057</v>
      </c>
      <c r="I543" s="40">
        <v>3.7989458800345566</v>
      </c>
      <c r="J543" s="40">
        <v>8.8999965297619799</v>
      </c>
      <c r="K543" s="40">
        <v>4.3626577498776298</v>
      </c>
      <c r="L543" s="40"/>
      <c r="M543" s="40"/>
      <c r="N543" s="40"/>
    </row>
    <row r="544" spans="4:14" x14ac:dyDescent="0.25">
      <c r="D544" s="40">
        <v>8.9329770000004043</v>
      </c>
      <c r="E544" s="40">
        <v>6.4662132027042505</v>
      </c>
      <c r="F544" s="40">
        <v>8.9166669999999897</v>
      </c>
      <c r="G544" s="40">
        <v>4.8746846329112632</v>
      </c>
      <c r="H544" s="40">
        <v>8.9166670000000039</v>
      </c>
      <c r="I544" s="40">
        <v>3.8022986161778141</v>
      </c>
      <c r="J544" s="40">
        <v>8.9166631904762692</v>
      </c>
      <c r="K544" s="40">
        <v>4.3675087935867349</v>
      </c>
      <c r="L544" s="40"/>
      <c r="M544" s="40"/>
      <c r="N544" s="40"/>
    </row>
    <row r="545" spans="4:14" x14ac:dyDescent="0.25">
      <c r="D545" s="40">
        <v>8.949643000000405</v>
      </c>
      <c r="E545" s="40">
        <v>6.4758995598832207</v>
      </c>
      <c r="F545" s="40">
        <v>8.9333329999999904</v>
      </c>
      <c r="G545" s="40">
        <v>4.8794398770014817</v>
      </c>
      <c r="H545" s="40">
        <v>8.9333340000000021</v>
      </c>
      <c r="I545" s="40">
        <v>3.808905478577834</v>
      </c>
      <c r="J545" s="40">
        <v>8.9333298511905497</v>
      </c>
      <c r="K545" s="40">
        <v>4.3722171595397947</v>
      </c>
      <c r="L545" s="40"/>
      <c r="M545" s="40"/>
      <c r="N545" s="40"/>
    </row>
    <row r="546" spans="4:14" x14ac:dyDescent="0.25">
      <c r="D546" s="40">
        <v>8.9663090000004058</v>
      </c>
      <c r="E546" s="40">
        <v>6.4854434706331947</v>
      </c>
      <c r="F546" s="40">
        <v>8.9499999999999886</v>
      </c>
      <c r="G546" s="40">
        <v>4.8840552609713823</v>
      </c>
      <c r="H546" s="40">
        <v>8.9500000000000028</v>
      </c>
      <c r="I546" s="40">
        <v>3.8155123409780294</v>
      </c>
      <c r="J546" s="40">
        <v>8.9499965119048408</v>
      </c>
      <c r="K546" s="40">
        <v>4.3770682032490269</v>
      </c>
      <c r="L546" s="40"/>
      <c r="M546" s="40"/>
      <c r="N546" s="40"/>
    </row>
    <row r="547" spans="4:14" x14ac:dyDescent="0.25">
      <c r="D547" s="40">
        <v>8.9829750000004065</v>
      </c>
      <c r="E547" s="40">
        <v>6.4949873813830425</v>
      </c>
      <c r="F547" s="40">
        <v>8.9666670000000011</v>
      </c>
      <c r="G547" s="40">
        <v>4.8935657491516968</v>
      </c>
      <c r="H547" s="40">
        <v>8.9666670000000011</v>
      </c>
      <c r="I547" s="40">
        <v>3.8222178132645439</v>
      </c>
      <c r="J547" s="40">
        <v>8.9666631726191302</v>
      </c>
      <c r="K547" s="40">
        <v>4.3819192469582591</v>
      </c>
      <c r="L547" s="40"/>
      <c r="M547" s="40"/>
      <c r="N547" s="40"/>
    </row>
    <row r="548" spans="4:14" x14ac:dyDescent="0.25">
      <c r="D548" s="40">
        <v>8.9996410000004072</v>
      </c>
      <c r="E548" s="40">
        <v>6.4998305599725894</v>
      </c>
      <c r="F548" s="40">
        <v>8.9833329999999876</v>
      </c>
      <c r="G548" s="40">
        <v>4.8981811331215974</v>
      </c>
      <c r="H548" s="40">
        <v>8.9833340000000135</v>
      </c>
      <c r="I548" s="40">
        <v>3.8288246756645639</v>
      </c>
      <c r="J548" s="40">
        <v>8.9833298333334106</v>
      </c>
      <c r="K548" s="40">
        <v>4.3914786566204249</v>
      </c>
      <c r="L548" s="40"/>
      <c r="M548" s="40"/>
      <c r="N548" s="40"/>
    </row>
    <row r="549" spans="4:14" x14ac:dyDescent="0.25">
      <c r="D549" s="40">
        <v>9.016307000000408</v>
      </c>
      <c r="E549" s="40">
        <v>6.5093744707224372</v>
      </c>
      <c r="F549" s="40">
        <v>9</v>
      </c>
      <c r="G549" s="40">
        <v>4.9029363772116925</v>
      </c>
      <c r="H549" s="40">
        <v>9</v>
      </c>
      <c r="I549" s="40">
        <v>3.8354315380647597</v>
      </c>
      <c r="J549" s="40">
        <v>8.9999964940477</v>
      </c>
      <c r="K549" s="40">
        <v>4.3963297003296571</v>
      </c>
      <c r="L549" s="40"/>
      <c r="M549" s="40"/>
      <c r="N549" s="40"/>
    </row>
    <row r="550" spans="4:14" x14ac:dyDescent="0.25">
      <c r="D550" s="40">
        <v>9.0329730000004087</v>
      </c>
      <c r="E550" s="40">
        <v>6.5190608279014075</v>
      </c>
      <c r="F550" s="40">
        <v>9.0166669999999982</v>
      </c>
      <c r="G550" s="40">
        <v>4.9123070052718116</v>
      </c>
      <c r="H550" s="40">
        <v>9.0166670000000124</v>
      </c>
      <c r="I550" s="40">
        <v>3.8421370103512738</v>
      </c>
      <c r="J550" s="40">
        <v>9.0166631547619804</v>
      </c>
      <c r="K550" s="40">
        <v>4.4010380662827169</v>
      </c>
      <c r="L550" s="40"/>
      <c r="M550" s="40"/>
      <c r="N550" s="40"/>
    </row>
    <row r="551" spans="4:14" x14ac:dyDescent="0.25">
      <c r="D551" s="40">
        <v>9.0496390000004094</v>
      </c>
      <c r="E551" s="40">
        <v>6.5286047386513815</v>
      </c>
      <c r="F551" s="40">
        <v>9.0333329999999989</v>
      </c>
      <c r="G551" s="40">
        <v>4.9170622493620311</v>
      </c>
      <c r="H551" s="40">
        <v>9.0333340000000106</v>
      </c>
      <c r="I551" s="40">
        <v>3.8487438727514691</v>
      </c>
      <c r="J551" s="40">
        <v>9.0333298154762698</v>
      </c>
      <c r="K551" s="40">
        <v>4.4058891099918229</v>
      </c>
      <c r="L551" s="40"/>
      <c r="M551" s="40"/>
      <c r="N551" s="40"/>
    </row>
    <row r="552" spans="4:14" x14ac:dyDescent="0.25">
      <c r="D552" s="40">
        <v>9.0663050000004102</v>
      </c>
      <c r="E552" s="40">
        <v>6.5381486494012284</v>
      </c>
      <c r="F552" s="40">
        <v>9.0499999999999972</v>
      </c>
      <c r="G552" s="40">
        <v>4.9218174934521262</v>
      </c>
      <c r="H552" s="40">
        <v>9.0500000000000114</v>
      </c>
      <c r="I552" s="40">
        <v>3.8553507351514895</v>
      </c>
      <c r="J552" s="40">
        <v>9.0499964761905503</v>
      </c>
      <c r="K552" s="40">
        <v>4.4107401537010551</v>
      </c>
      <c r="L552" s="40"/>
      <c r="M552" s="40"/>
      <c r="N552" s="40"/>
    </row>
    <row r="553" spans="4:14" x14ac:dyDescent="0.25">
      <c r="D553" s="40">
        <v>9.0829710000004109</v>
      </c>
      <c r="E553" s="40">
        <v>6.5478350065803257</v>
      </c>
      <c r="F553" s="40">
        <v>9.0666669999999954</v>
      </c>
      <c r="G553" s="40">
        <v>4.9264328774220267</v>
      </c>
      <c r="H553" s="40">
        <v>9.0666670000000096</v>
      </c>
      <c r="I553" s="40">
        <v>3.862056207438004</v>
      </c>
      <c r="J553" s="40">
        <v>9.0666631369048396</v>
      </c>
      <c r="K553" s="40">
        <v>4.4202995633632209</v>
      </c>
      <c r="L553" s="40"/>
      <c r="M553" s="40"/>
      <c r="N553" s="40"/>
    </row>
    <row r="554" spans="4:14" x14ac:dyDescent="0.25">
      <c r="D554" s="40">
        <v>9.0996370000004116</v>
      </c>
      <c r="E554" s="40">
        <v>6.5573789173301726</v>
      </c>
      <c r="F554" s="40">
        <v>9.0833329999999961</v>
      </c>
      <c r="G554" s="40">
        <v>4.9359433656023413</v>
      </c>
      <c r="H554" s="40">
        <v>9.0833340000000078</v>
      </c>
      <c r="I554" s="40">
        <v>3.8686630698381994</v>
      </c>
      <c r="J554" s="40">
        <v>9.0833297976191307</v>
      </c>
      <c r="K554" s="40">
        <v>4.4251506070724531</v>
      </c>
      <c r="L554" s="40"/>
      <c r="M554" s="40"/>
      <c r="N554" s="40"/>
    </row>
    <row r="555" spans="4:14" x14ac:dyDescent="0.25">
      <c r="D555" s="40">
        <v>9.1163030000004124</v>
      </c>
      <c r="E555" s="40">
        <v>6.5717660066695682</v>
      </c>
      <c r="F555" s="40">
        <v>9.0999999999999943</v>
      </c>
      <c r="G555" s="40">
        <v>4.9405587495722409</v>
      </c>
      <c r="H555" s="40">
        <v>9.1000000000000085</v>
      </c>
      <c r="I555" s="40">
        <v>3.8720158059814564</v>
      </c>
      <c r="J555" s="40">
        <v>9.0999964583334094</v>
      </c>
      <c r="K555" s="40">
        <v>4.4298589730255129</v>
      </c>
      <c r="L555" s="40"/>
      <c r="M555" s="40"/>
      <c r="N555" s="40"/>
    </row>
    <row r="556" spans="4:14" x14ac:dyDescent="0.25">
      <c r="D556" s="40">
        <v>9.1329690000004131</v>
      </c>
      <c r="E556" s="40">
        <v>6.5813099174195422</v>
      </c>
      <c r="F556" s="40">
        <v>9.1166669999999925</v>
      </c>
      <c r="G556" s="40">
        <v>4.9500692377525555</v>
      </c>
      <c r="H556" s="40">
        <v>9.1166670000000067</v>
      </c>
      <c r="I556" s="40">
        <v>3.8786226683814768</v>
      </c>
      <c r="J556" s="40">
        <v>9.1166631190477005</v>
      </c>
      <c r="K556" s="40">
        <v>4.434710016734619</v>
      </c>
      <c r="L556" s="40"/>
      <c r="M556" s="40"/>
      <c r="N556" s="40"/>
    </row>
    <row r="557" spans="4:14" x14ac:dyDescent="0.25">
      <c r="D557" s="40">
        <v>9.1496350000004139</v>
      </c>
      <c r="E557" s="40">
        <v>6.5861530960089638</v>
      </c>
      <c r="F557" s="40">
        <v>9.1333329999999933</v>
      </c>
      <c r="G557" s="40">
        <v>4.9546846217224561</v>
      </c>
      <c r="H557" s="40">
        <v>9.1333340000000049</v>
      </c>
      <c r="I557" s="40">
        <v>3.8852295307814968</v>
      </c>
      <c r="J557" s="40">
        <v>9.1333297797619792</v>
      </c>
      <c r="K557" s="40">
        <v>4.4395610604438502</v>
      </c>
      <c r="L557" s="40"/>
      <c r="M557" s="40"/>
      <c r="N557" s="40"/>
    </row>
    <row r="558" spans="4:14" x14ac:dyDescent="0.25">
      <c r="D558" s="40">
        <v>9.1663010000004146</v>
      </c>
      <c r="E558" s="40">
        <v>6.5956970067589378</v>
      </c>
      <c r="F558" s="40">
        <v>9.1499999999999915</v>
      </c>
      <c r="G558" s="40">
        <v>4.9594398658126755</v>
      </c>
      <c r="H558" s="40">
        <v>9.1500000000000057</v>
      </c>
      <c r="I558" s="40">
        <v>3.8885822669249293</v>
      </c>
      <c r="J558" s="40">
        <v>9.1499964404762704</v>
      </c>
      <c r="K558" s="40">
        <v>4.4442694263969109</v>
      </c>
      <c r="L558" s="40"/>
      <c r="M558" s="40"/>
      <c r="N558" s="40"/>
    </row>
    <row r="559" spans="4:14" x14ac:dyDescent="0.25">
      <c r="D559" s="40">
        <v>9.1829670000004153</v>
      </c>
      <c r="E559" s="40">
        <v>6.605383363937908</v>
      </c>
      <c r="F559" s="40">
        <v>9.1666669999999897</v>
      </c>
      <c r="G559" s="40">
        <v>4.964195109902894</v>
      </c>
      <c r="H559" s="40">
        <v>9.1666670000000039</v>
      </c>
      <c r="I559" s="40">
        <v>3.8952877392114438</v>
      </c>
      <c r="J559" s="40">
        <v>9.1666631011905508</v>
      </c>
      <c r="K559" s="40">
        <v>4.4539715138152483</v>
      </c>
      <c r="L559" s="40"/>
      <c r="M559" s="40"/>
      <c r="N559" s="40"/>
    </row>
    <row r="560" spans="4:14" x14ac:dyDescent="0.25">
      <c r="D560" s="40">
        <v>9.1996330000004161</v>
      </c>
      <c r="E560" s="40">
        <v>6.6149272746877559</v>
      </c>
      <c r="F560" s="40">
        <v>9.1833329999999904</v>
      </c>
      <c r="G560" s="40">
        <v>4.9735657379628897</v>
      </c>
      <c r="H560" s="40">
        <v>9.1833340000000021</v>
      </c>
      <c r="I560" s="40">
        <v>3.9018946016116391</v>
      </c>
      <c r="J560" s="40">
        <v>9.1833297619048402</v>
      </c>
      <c r="K560" s="40">
        <v>4.4586798797683089</v>
      </c>
      <c r="L560" s="40"/>
      <c r="M560" s="40"/>
      <c r="N560" s="40"/>
    </row>
    <row r="561" spans="4:14" x14ac:dyDescent="0.25">
      <c r="D561" s="40">
        <v>9.2162990000004168</v>
      </c>
      <c r="E561" s="40">
        <v>6.6197704532773045</v>
      </c>
      <c r="F561" s="40">
        <v>9.1999999999999886</v>
      </c>
      <c r="G561" s="40">
        <v>4.9783209820531082</v>
      </c>
      <c r="H561" s="40">
        <v>9.2000000000000028</v>
      </c>
      <c r="I561" s="40">
        <v>3.9085014640116591</v>
      </c>
      <c r="J561" s="40">
        <v>9.1999964226191295</v>
      </c>
      <c r="K561" s="40">
        <v>4.4635309234775402</v>
      </c>
      <c r="L561" s="40"/>
      <c r="M561" s="40"/>
      <c r="N561" s="40"/>
    </row>
    <row r="562" spans="4:14" x14ac:dyDescent="0.25">
      <c r="D562" s="40">
        <v>9.2329650000004175</v>
      </c>
      <c r="E562" s="40">
        <v>6.6293143640272776</v>
      </c>
      <c r="F562" s="40">
        <v>9.2166670000000011</v>
      </c>
      <c r="G562" s="40">
        <v>4.9830762261432042</v>
      </c>
      <c r="H562" s="40">
        <v>9.2166670000000011</v>
      </c>
      <c r="I562" s="40">
        <v>3.9152069362983486</v>
      </c>
      <c r="J562" s="40">
        <v>9.21666308333341</v>
      </c>
      <c r="K562" s="40">
        <v>4.4730903331397069</v>
      </c>
      <c r="L562" s="40"/>
      <c r="M562" s="40"/>
      <c r="N562" s="40"/>
    </row>
    <row r="563" spans="4:14" x14ac:dyDescent="0.25">
      <c r="D563" s="40">
        <v>9.2496310000004183</v>
      </c>
      <c r="E563" s="40">
        <v>6.6390007212062487</v>
      </c>
      <c r="F563" s="40">
        <v>9.2333329999999876</v>
      </c>
      <c r="G563" s="40">
        <v>4.9876916101131039</v>
      </c>
      <c r="H563" s="40">
        <v>9.2333340000000135</v>
      </c>
      <c r="I563" s="40">
        <v>3.9218137986983694</v>
      </c>
      <c r="J563" s="40">
        <v>9.2333297440476994</v>
      </c>
      <c r="K563" s="40">
        <v>4.4779413768489382</v>
      </c>
      <c r="L563" s="40"/>
      <c r="M563" s="40"/>
      <c r="N563" s="40"/>
    </row>
    <row r="564" spans="4:14" x14ac:dyDescent="0.25">
      <c r="D564" s="40">
        <v>9.266297000000419</v>
      </c>
      <c r="E564" s="40">
        <v>6.6485446319560957</v>
      </c>
      <c r="F564" s="40">
        <v>9.25</v>
      </c>
      <c r="G564" s="40">
        <v>4.9924468542033233</v>
      </c>
      <c r="H564" s="40">
        <v>9.25</v>
      </c>
      <c r="I564" s="40">
        <v>3.9251665348416265</v>
      </c>
      <c r="J564" s="40">
        <v>9.2499964047619798</v>
      </c>
      <c r="K564" s="40">
        <v>4.4827924205580443</v>
      </c>
      <c r="L564" s="40"/>
      <c r="M564" s="40"/>
      <c r="N564" s="40"/>
    </row>
    <row r="565" spans="4:14" x14ac:dyDescent="0.25">
      <c r="D565" s="40">
        <v>9.2829630000004197</v>
      </c>
      <c r="E565" s="40">
        <v>6.6580885427060688</v>
      </c>
      <c r="F565" s="40">
        <v>9.2666669999999982</v>
      </c>
      <c r="G565" s="40">
        <v>4.9972020982934184</v>
      </c>
      <c r="H565" s="40">
        <v>9.2666670000000124</v>
      </c>
      <c r="I565" s="40">
        <v>3.9317733972416464</v>
      </c>
      <c r="J565" s="40">
        <v>9.2666630654762692</v>
      </c>
      <c r="K565" s="40">
        <v>4.4923518302203362</v>
      </c>
      <c r="L565" s="40"/>
      <c r="M565" s="40"/>
      <c r="N565" s="40"/>
    </row>
    <row r="566" spans="4:14" x14ac:dyDescent="0.25">
      <c r="D566" s="40">
        <v>9.2996290000004205</v>
      </c>
      <c r="E566" s="40">
        <v>6.667774899885039</v>
      </c>
      <c r="F566" s="40">
        <v>9.2833329999999989</v>
      </c>
      <c r="G566" s="40">
        <v>5.001817482263319</v>
      </c>
      <c r="H566" s="40">
        <v>9.2833340000000106</v>
      </c>
      <c r="I566" s="40">
        <v>3.9383802596418418</v>
      </c>
      <c r="J566" s="40">
        <v>9.2833297261905603</v>
      </c>
      <c r="K566" s="40">
        <v>4.4972028739294423</v>
      </c>
      <c r="L566" s="40"/>
      <c r="M566" s="40"/>
      <c r="N566" s="40"/>
    </row>
    <row r="567" spans="4:14" x14ac:dyDescent="0.25">
      <c r="D567" s="40">
        <v>9.3162950000004212</v>
      </c>
      <c r="E567" s="40">
        <v>6.677318810635013</v>
      </c>
      <c r="F567" s="40">
        <v>9.2999999999999972</v>
      </c>
      <c r="G567" s="40">
        <v>5.0065727263535384</v>
      </c>
      <c r="H567" s="40">
        <v>9.3000000000000114</v>
      </c>
      <c r="I567" s="40">
        <v>3.9417329957850993</v>
      </c>
      <c r="J567" s="40">
        <v>9.2999963869048408</v>
      </c>
      <c r="K567" s="40">
        <v>4.5019112398825021</v>
      </c>
      <c r="L567" s="40"/>
      <c r="M567" s="40"/>
      <c r="N567" s="40"/>
    </row>
    <row r="568" spans="4:14" x14ac:dyDescent="0.25">
      <c r="D568" s="40">
        <v>9.3329610000004219</v>
      </c>
      <c r="E568" s="40">
        <v>6.6868627213848608</v>
      </c>
      <c r="F568" s="40">
        <v>9.3166669999999954</v>
      </c>
      <c r="G568" s="40">
        <v>5.0159433544135332</v>
      </c>
      <c r="H568" s="40">
        <v>9.3166670000000096</v>
      </c>
      <c r="I568" s="40">
        <v>3.9483398581851197</v>
      </c>
      <c r="J568" s="40">
        <v>9.3166630476191301</v>
      </c>
      <c r="K568" s="40">
        <v>4.5067622835917343</v>
      </c>
      <c r="L568" s="40"/>
      <c r="M568" s="40"/>
      <c r="N568" s="40"/>
    </row>
    <row r="569" spans="4:14" x14ac:dyDescent="0.25">
      <c r="D569" s="40">
        <v>9.3496270000004227</v>
      </c>
      <c r="E569" s="40">
        <v>6.6965490785638302</v>
      </c>
      <c r="F569" s="40">
        <v>9.3333329999999961</v>
      </c>
      <c r="G569" s="40">
        <v>5.0206985985037536</v>
      </c>
      <c r="H569" s="40">
        <v>9.3333340000000078</v>
      </c>
      <c r="I569" s="40">
        <v>3.9550453304718087</v>
      </c>
      <c r="J569" s="40">
        <v>9.3333297083334106</v>
      </c>
      <c r="K569" s="40">
        <v>4.5116133273009673</v>
      </c>
      <c r="L569" s="40"/>
      <c r="M569" s="40"/>
      <c r="N569" s="40"/>
    </row>
    <row r="570" spans="4:14" x14ac:dyDescent="0.25">
      <c r="D570" s="40">
        <v>9.3662930000004234</v>
      </c>
      <c r="E570" s="40">
        <v>6.706092989313805</v>
      </c>
      <c r="F570" s="40">
        <v>9.3499999999999943</v>
      </c>
      <c r="G570" s="40">
        <v>5.0254538425939721</v>
      </c>
      <c r="H570" s="40">
        <v>9.3500000000000085</v>
      </c>
      <c r="I570" s="40">
        <v>3.9582994567285716</v>
      </c>
      <c r="J570" s="40">
        <v>9.3499963690476999</v>
      </c>
      <c r="K570" s="40">
        <v>4.5163216932539001</v>
      </c>
      <c r="L570" s="40"/>
      <c r="M570" s="40"/>
      <c r="N570" s="40"/>
    </row>
    <row r="571" spans="4:14" x14ac:dyDescent="0.25">
      <c r="D571" s="40">
        <v>9.3829590000004242</v>
      </c>
      <c r="E571" s="40">
        <v>6.7109361679032258</v>
      </c>
      <c r="F571" s="40">
        <v>9.3666669999999925</v>
      </c>
      <c r="G571" s="40">
        <v>5.0300692265637483</v>
      </c>
      <c r="H571" s="40">
        <v>9.3666670000000067</v>
      </c>
      <c r="I571" s="40">
        <v>3.9650049290150866</v>
      </c>
      <c r="J571" s="40">
        <v>9.3666630297619804</v>
      </c>
      <c r="K571" s="40">
        <v>4.5211727369631323</v>
      </c>
      <c r="L571" s="40"/>
      <c r="M571" s="40"/>
      <c r="N571" s="40"/>
    </row>
    <row r="572" spans="4:14" x14ac:dyDescent="0.25">
      <c r="D572" s="40">
        <v>9.3996250000004249</v>
      </c>
      <c r="E572" s="40">
        <v>6.7204800786532006</v>
      </c>
      <c r="F572" s="40">
        <v>9.3833329999999933</v>
      </c>
      <c r="G572" s="40">
        <v>5.0395797147441863</v>
      </c>
      <c r="H572" s="40">
        <v>9.3833340000000049</v>
      </c>
      <c r="I572" s="40">
        <v>3.9682590552718495</v>
      </c>
      <c r="J572" s="40">
        <v>9.3833296904762697</v>
      </c>
      <c r="K572" s="40">
        <v>4.5260237806723653</v>
      </c>
      <c r="L572" s="40"/>
      <c r="M572" s="40"/>
      <c r="N572" s="40"/>
    </row>
    <row r="573" spans="4:14" x14ac:dyDescent="0.25">
      <c r="D573" s="40">
        <v>9.4162910000004256</v>
      </c>
      <c r="E573" s="40">
        <v>6.7300239894030476</v>
      </c>
      <c r="F573" s="40">
        <v>9.3999999999999915</v>
      </c>
      <c r="G573" s="40">
        <v>5.0441950987140869</v>
      </c>
      <c r="H573" s="40">
        <v>9.4000000000000057</v>
      </c>
      <c r="I573" s="40">
        <v>3.9749645275585386</v>
      </c>
      <c r="J573" s="40">
        <v>9.3999963511905609</v>
      </c>
      <c r="K573" s="40">
        <v>4.5307321466252981</v>
      </c>
      <c r="L573" s="40"/>
      <c r="M573" s="40"/>
      <c r="N573" s="40"/>
    </row>
    <row r="574" spans="4:14" x14ac:dyDescent="0.25">
      <c r="D574" s="40">
        <v>9.4329570000004264</v>
      </c>
      <c r="E574" s="40">
        <v>6.7348671679925962</v>
      </c>
      <c r="F574" s="40">
        <v>9.4166669999999897</v>
      </c>
      <c r="G574" s="40">
        <v>5.048950342804182</v>
      </c>
      <c r="H574" s="40">
        <v>9.4166670000000039</v>
      </c>
      <c r="I574" s="40">
        <v>3.9782186538153019</v>
      </c>
      <c r="J574" s="40">
        <v>9.4166630119048396</v>
      </c>
      <c r="K574" s="40">
        <v>4.5355831903345303</v>
      </c>
      <c r="L574" s="40"/>
      <c r="M574" s="40"/>
      <c r="N574" s="40"/>
    </row>
    <row r="575" spans="4:14" x14ac:dyDescent="0.25">
      <c r="D575" s="40">
        <v>9.4496230000004271</v>
      </c>
      <c r="E575" s="40">
        <v>6.7444110787424432</v>
      </c>
      <c r="F575" s="40">
        <v>9.4333329999999904</v>
      </c>
      <c r="G575" s="40">
        <v>5.0537055868944014</v>
      </c>
      <c r="H575" s="40">
        <v>9.4333340000000021</v>
      </c>
      <c r="I575" s="40">
        <v>3.9849241261018165</v>
      </c>
      <c r="J575" s="40">
        <v>9.4333296726191307</v>
      </c>
      <c r="K575" s="40">
        <v>4.5404342340437625</v>
      </c>
      <c r="L575" s="40"/>
      <c r="M575" s="40"/>
      <c r="N575" s="40"/>
    </row>
    <row r="576" spans="4:14" x14ac:dyDescent="0.25">
      <c r="D576" s="40">
        <v>9.4662890000004278</v>
      </c>
      <c r="E576" s="40">
        <v>6.7540974359215395</v>
      </c>
      <c r="F576" s="40">
        <v>9.4499999999999886</v>
      </c>
      <c r="G576" s="40">
        <v>5.058320970864302</v>
      </c>
      <c r="H576" s="40">
        <v>9.4500000000000028</v>
      </c>
      <c r="I576" s="40">
        <v>3.9881782523585794</v>
      </c>
      <c r="J576" s="40">
        <v>9.44999633333342</v>
      </c>
      <c r="K576" s="40">
        <v>4.5452852777528676</v>
      </c>
      <c r="L576" s="40"/>
      <c r="M576" s="40"/>
      <c r="N576" s="40"/>
    </row>
    <row r="577" spans="4:14" x14ac:dyDescent="0.25">
      <c r="D577" s="40">
        <v>9.4829550000004286</v>
      </c>
      <c r="E577" s="40">
        <v>6.7587981680819649</v>
      </c>
      <c r="F577" s="40">
        <v>9.4666670000000011</v>
      </c>
      <c r="G577" s="40">
        <v>5.0630762149543971</v>
      </c>
      <c r="H577" s="40">
        <v>9.4666670000000011</v>
      </c>
      <c r="I577" s="40">
        <v>3.9915309885020123</v>
      </c>
      <c r="J577" s="40">
        <v>9.4666629940477005</v>
      </c>
      <c r="K577" s="40">
        <v>4.5499936437059274</v>
      </c>
      <c r="L577" s="40"/>
      <c r="M577" s="40"/>
      <c r="N577" s="40"/>
    </row>
    <row r="578" spans="4:14" x14ac:dyDescent="0.25">
      <c r="D578" s="40">
        <v>9.4996210000004293</v>
      </c>
      <c r="E578" s="40">
        <v>6.7636413466713865</v>
      </c>
      <c r="F578" s="40">
        <v>9.4833329999999876</v>
      </c>
      <c r="G578" s="40">
        <v>5.0678314590446156</v>
      </c>
      <c r="H578" s="40">
        <v>9.4833340000000135</v>
      </c>
      <c r="I578" s="40">
        <v>3.9981378509020318</v>
      </c>
      <c r="J578" s="40">
        <v>9.4833296547619899</v>
      </c>
      <c r="K578" s="40">
        <v>4.5548446874151605</v>
      </c>
      <c r="L578" s="40"/>
      <c r="M578" s="40"/>
      <c r="N578" s="40"/>
    </row>
    <row r="579" spans="4:14" x14ac:dyDescent="0.25">
      <c r="D579" s="40">
        <v>9.51628700000043</v>
      </c>
      <c r="E579" s="40">
        <v>6.7731852574213613</v>
      </c>
      <c r="F579" s="40">
        <v>9.5</v>
      </c>
      <c r="G579" s="40">
        <v>5.0724468430145162</v>
      </c>
      <c r="H579" s="40">
        <v>9.5</v>
      </c>
      <c r="I579" s="40">
        <v>4.0014905870452893</v>
      </c>
      <c r="J579" s="40">
        <v>9.4999963154762703</v>
      </c>
      <c r="K579" s="40">
        <v>4.5596957311243926</v>
      </c>
      <c r="L579" s="40"/>
      <c r="M579" s="40"/>
      <c r="N579" s="40"/>
    </row>
    <row r="580" spans="4:14" x14ac:dyDescent="0.25">
      <c r="D580" s="40">
        <v>9.5329530000004308</v>
      </c>
      <c r="E580" s="40">
        <v>6.7780284360107821</v>
      </c>
      <c r="F580" s="40">
        <v>9.5166669999999982</v>
      </c>
      <c r="G580" s="40">
        <v>5.0819573311948307</v>
      </c>
      <c r="H580" s="40">
        <v>9.5166670000000124</v>
      </c>
      <c r="I580" s="40">
        <v>4.0080974494453097</v>
      </c>
      <c r="J580" s="40">
        <v>9.5166629761905597</v>
      </c>
      <c r="K580" s="40">
        <v>4.5644040970773254</v>
      </c>
      <c r="L580" s="40"/>
      <c r="M580" s="40"/>
      <c r="N580" s="40"/>
    </row>
    <row r="581" spans="4:14" x14ac:dyDescent="0.25">
      <c r="D581" s="40">
        <v>9.5496190000004315</v>
      </c>
      <c r="E581" s="40">
        <v>6.7875723467607569</v>
      </c>
      <c r="F581" s="40">
        <v>9.5333329999999989</v>
      </c>
      <c r="G581" s="40">
        <v>5.0865727151647313</v>
      </c>
      <c r="H581" s="40">
        <v>9.5333340000000106</v>
      </c>
      <c r="I581" s="40">
        <v>4.0148029217319996</v>
      </c>
      <c r="J581" s="40">
        <v>9.5333296369048401</v>
      </c>
      <c r="K581" s="40">
        <v>4.5692551407865585</v>
      </c>
      <c r="L581" s="40"/>
      <c r="M581" s="40"/>
      <c r="N581" s="40"/>
    </row>
    <row r="582" spans="4:14" x14ac:dyDescent="0.25">
      <c r="D582" s="40">
        <v>9.5662850000004322</v>
      </c>
      <c r="E582" s="40">
        <v>6.7924155253501786</v>
      </c>
      <c r="F582" s="40">
        <v>9.5499999999999972</v>
      </c>
      <c r="G582" s="40">
        <v>5.0913279592548264</v>
      </c>
      <c r="H582" s="40">
        <v>9.5500000000000114</v>
      </c>
      <c r="I582" s="40">
        <v>4.0214097841320191</v>
      </c>
      <c r="J582" s="40">
        <v>9.5499962976191295</v>
      </c>
      <c r="K582" s="40">
        <v>4.5741061844957907</v>
      </c>
      <c r="L582" s="40"/>
      <c r="M582" s="40"/>
      <c r="N582" s="40"/>
    </row>
    <row r="583" spans="4:14" x14ac:dyDescent="0.25">
      <c r="D583" s="40">
        <v>9.582951000000433</v>
      </c>
      <c r="E583" s="40">
        <v>6.8019594361001525</v>
      </c>
      <c r="F583" s="40">
        <v>9.5666669999999954</v>
      </c>
      <c r="G583" s="40">
        <v>5.0960832033450449</v>
      </c>
      <c r="H583" s="40">
        <v>9.5666670000000096</v>
      </c>
      <c r="I583" s="40">
        <v>4.028115256418709</v>
      </c>
      <c r="J583" s="40">
        <v>9.5666629583334206</v>
      </c>
      <c r="K583" s="40">
        <v>4.5741061844957907</v>
      </c>
      <c r="L583" s="40"/>
      <c r="M583" s="40"/>
      <c r="N583" s="40"/>
    </row>
    <row r="584" spans="4:14" x14ac:dyDescent="0.25">
      <c r="D584" s="40">
        <v>9.5996170000004337</v>
      </c>
      <c r="E584" s="40">
        <v>6.8116457932791228</v>
      </c>
      <c r="F584" s="40">
        <v>9.5833329999999961</v>
      </c>
      <c r="G584" s="40">
        <v>5.1006985873149455</v>
      </c>
      <c r="H584" s="40">
        <v>9.5833340000000078</v>
      </c>
      <c r="I584" s="40">
        <v>4.0313693826754724</v>
      </c>
      <c r="J584" s="40">
        <v>9.5833296190476993</v>
      </c>
      <c r="K584" s="40">
        <v>4.5788145504487234</v>
      </c>
      <c r="L584" s="40"/>
      <c r="M584" s="40"/>
      <c r="N584" s="40"/>
    </row>
    <row r="585" spans="4:14" x14ac:dyDescent="0.25">
      <c r="D585" s="40">
        <v>9.6162830000004345</v>
      </c>
      <c r="E585" s="40">
        <v>6.8163465254395481</v>
      </c>
      <c r="F585" s="40">
        <v>9.5999999999999943</v>
      </c>
      <c r="G585" s="40">
        <v>5.1102090754952592</v>
      </c>
      <c r="H585" s="40">
        <v>9.6000000000000085</v>
      </c>
      <c r="I585" s="40">
        <v>4.0380748549621606</v>
      </c>
      <c r="J585" s="40">
        <v>9.5999962797619904</v>
      </c>
      <c r="K585" s="40">
        <v>4.5788145504487234</v>
      </c>
      <c r="L585" s="40"/>
      <c r="M585" s="40"/>
      <c r="N585" s="40"/>
    </row>
    <row r="586" spans="4:14" x14ac:dyDescent="0.25">
      <c r="D586" s="40">
        <v>9.6329490000004352</v>
      </c>
      <c r="E586" s="40">
        <v>6.8260328826185184</v>
      </c>
      <c r="F586" s="40">
        <v>9.6166669999999925</v>
      </c>
      <c r="G586" s="40">
        <v>5.1148244594651597</v>
      </c>
      <c r="H586" s="40">
        <v>9.6166670000000067</v>
      </c>
      <c r="I586" s="40">
        <v>4.0446817173621818</v>
      </c>
      <c r="J586" s="40">
        <v>9.6166629404762691</v>
      </c>
      <c r="K586" s="40">
        <v>4.5836655941579565</v>
      </c>
      <c r="L586" s="40"/>
      <c r="M586" s="40"/>
      <c r="N586" s="40"/>
    </row>
    <row r="587" spans="4:14" x14ac:dyDescent="0.25">
      <c r="D587" s="40">
        <v>9.6496150000004359</v>
      </c>
      <c r="E587" s="40">
        <v>6.8355767933684923</v>
      </c>
      <c r="F587" s="40">
        <v>9.6333329999999933</v>
      </c>
      <c r="G587" s="40">
        <v>5.1195797035553801</v>
      </c>
      <c r="H587" s="40">
        <v>9.6333340000000049</v>
      </c>
      <c r="I587" s="40">
        <v>4.0512885797622022</v>
      </c>
      <c r="J587" s="40">
        <v>9.6333296011905603</v>
      </c>
      <c r="K587" s="40">
        <v>4.5836655941579565</v>
      </c>
      <c r="L587" s="40"/>
      <c r="M587" s="40"/>
      <c r="N587" s="40"/>
    </row>
    <row r="588" spans="4:14" x14ac:dyDescent="0.25">
      <c r="D588" s="40">
        <v>9.6662810000004367</v>
      </c>
      <c r="E588" s="40">
        <v>6.840419971957914</v>
      </c>
      <c r="F588" s="40">
        <v>9.6499999999999915</v>
      </c>
      <c r="G588" s="40">
        <v>5.1243349476454743</v>
      </c>
      <c r="H588" s="40">
        <v>9.6500000000000057</v>
      </c>
      <c r="I588" s="40">
        <v>4.0579940520488922</v>
      </c>
      <c r="J588" s="40">
        <v>9.6499962619048407</v>
      </c>
      <c r="K588" s="40">
        <v>4.5885166378671887</v>
      </c>
      <c r="L588" s="40"/>
      <c r="M588" s="40"/>
      <c r="N588" s="40"/>
    </row>
    <row r="589" spans="4:14" x14ac:dyDescent="0.25">
      <c r="D589" s="40">
        <v>9.6829470000004374</v>
      </c>
      <c r="E589" s="40">
        <v>6.849963882707887</v>
      </c>
      <c r="F589" s="40">
        <v>9.6666669999999897</v>
      </c>
      <c r="G589" s="40">
        <v>5.1289503316153748</v>
      </c>
      <c r="H589" s="40">
        <v>9.6666670000000039</v>
      </c>
      <c r="I589" s="40">
        <v>4.0612481783056538</v>
      </c>
      <c r="J589" s="40">
        <v>9.6666629226191301</v>
      </c>
      <c r="K589" s="40">
        <v>4.5932250038202485</v>
      </c>
      <c r="L589" s="40"/>
      <c r="M589" s="40"/>
      <c r="N589" s="40"/>
    </row>
    <row r="590" spans="4:14" x14ac:dyDescent="0.25">
      <c r="D590" s="40">
        <v>9.6996130000004381</v>
      </c>
      <c r="E590" s="40">
        <v>6.8596502398868582</v>
      </c>
      <c r="F590" s="40">
        <v>9.6833329999999904</v>
      </c>
      <c r="G590" s="40">
        <v>5.1384608197956885</v>
      </c>
      <c r="H590" s="40">
        <v>9.6833340000000021</v>
      </c>
      <c r="I590" s="40">
        <v>4.0679536505921687</v>
      </c>
      <c r="J590" s="40">
        <v>9.6833295833334194</v>
      </c>
      <c r="K590" s="40">
        <v>4.5980760475293545</v>
      </c>
      <c r="L590" s="40"/>
      <c r="M590" s="40"/>
      <c r="N590" s="40"/>
    </row>
    <row r="591" spans="4:14" x14ac:dyDescent="0.25">
      <c r="D591" s="40">
        <v>9.7162790000004389</v>
      </c>
      <c r="E591" s="40">
        <v>6.8643509720472826</v>
      </c>
      <c r="F591" s="40">
        <v>9.6999999999999886</v>
      </c>
      <c r="G591" s="40">
        <v>5.1432160638859088</v>
      </c>
      <c r="H591" s="40">
        <v>9.7000000000000028</v>
      </c>
      <c r="I591" s="40">
        <v>4.0745605129921891</v>
      </c>
      <c r="J591" s="40">
        <v>9.6999962440476999</v>
      </c>
      <c r="K591" s="40">
        <v>4.6029270912385867</v>
      </c>
      <c r="L591" s="40"/>
      <c r="M591" s="40"/>
      <c r="N591" s="40"/>
    </row>
    <row r="592" spans="4:14" x14ac:dyDescent="0.25">
      <c r="D592" s="40">
        <v>9.7329450000004396</v>
      </c>
      <c r="E592" s="40">
        <v>6.8740373292262538</v>
      </c>
      <c r="F592" s="40">
        <v>9.7166670000000011</v>
      </c>
      <c r="G592" s="40">
        <v>5.1478314478558094</v>
      </c>
      <c r="H592" s="40">
        <v>9.7166670000000011</v>
      </c>
      <c r="I592" s="40">
        <v>4.0811673753923836</v>
      </c>
      <c r="J592" s="40">
        <v>9.7166629047619892</v>
      </c>
      <c r="K592" s="40">
        <v>4.6029270912385867</v>
      </c>
      <c r="L592" s="40"/>
      <c r="M592" s="40"/>
      <c r="N592" s="40"/>
    </row>
    <row r="593" spans="4:14" x14ac:dyDescent="0.25">
      <c r="D593" s="40">
        <v>9.7496110000004403</v>
      </c>
      <c r="E593" s="40">
        <v>6.8835812399762268</v>
      </c>
      <c r="F593" s="40">
        <v>9.7333329999999876</v>
      </c>
      <c r="G593" s="40">
        <v>5.157341936036123</v>
      </c>
      <c r="H593" s="40">
        <v>9.7333340000000135</v>
      </c>
      <c r="I593" s="40">
        <v>4.0845201115356415</v>
      </c>
      <c r="J593" s="40">
        <v>9.7333295654762697</v>
      </c>
      <c r="K593" s="40">
        <v>4.6076354571916465</v>
      </c>
      <c r="L593" s="40"/>
      <c r="M593" s="40"/>
      <c r="N593" s="40"/>
    </row>
    <row r="594" spans="4:14" x14ac:dyDescent="0.25">
      <c r="D594" s="40">
        <v>9.7662770000004411</v>
      </c>
      <c r="E594" s="40">
        <v>6.8884244185656494</v>
      </c>
      <c r="F594" s="40">
        <v>9.75</v>
      </c>
      <c r="G594" s="40">
        <v>5.1619573200060236</v>
      </c>
      <c r="H594" s="40">
        <v>9.75</v>
      </c>
      <c r="I594" s="40">
        <v>4.0911269739356619</v>
      </c>
      <c r="J594" s="40">
        <v>9.7499962261905608</v>
      </c>
      <c r="K594" s="40">
        <v>4.6124865009007525</v>
      </c>
      <c r="L594" s="40"/>
      <c r="M594" s="40"/>
      <c r="N594" s="40"/>
    </row>
    <row r="595" spans="4:14" x14ac:dyDescent="0.25">
      <c r="D595" s="40">
        <v>9.7829430000004418</v>
      </c>
      <c r="E595" s="40">
        <v>6.8979683293156233</v>
      </c>
      <c r="F595" s="40">
        <v>9.7666669999999982</v>
      </c>
      <c r="G595" s="40">
        <v>5.1667125640962421</v>
      </c>
      <c r="H595" s="40">
        <v>9.7666670000000124</v>
      </c>
      <c r="I595" s="40">
        <v>4.0978324462223519</v>
      </c>
      <c r="J595" s="40">
        <v>9.7666628869048502</v>
      </c>
      <c r="K595" s="40">
        <v>4.6173375446099838</v>
      </c>
      <c r="L595" s="40"/>
      <c r="M595" s="40"/>
      <c r="N595" s="40"/>
    </row>
    <row r="596" spans="4:14" x14ac:dyDescent="0.25">
      <c r="D596" s="40">
        <v>9.7996090000004425</v>
      </c>
      <c r="E596" s="40">
        <v>6.9075122400654703</v>
      </c>
      <c r="F596" s="40">
        <v>9.7833329999999989</v>
      </c>
      <c r="G596" s="40">
        <v>5.1760831921562378</v>
      </c>
      <c r="H596" s="40">
        <v>9.7833340000000106</v>
      </c>
      <c r="I596" s="40">
        <v>4.1044393086223714</v>
      </c>
      <c r="J596" s="40">
        <v>9.7833295476191307</v>
      </c>
      <c r="K596" s="40">
        <v>4.6220459105630445</v>
      </c>
      <c r="L596" s="40"/>
      <c r="M596" s="40"/>
      <c r="N596" s="40"/>
    </row>
    <row r="597" spans="4:14" x14ac:dyDescent="0.25">
      <c r="D597" s="40">
        <v>9.8162750000004433</v>
      </c>
      <c r="E597" s="40">
        <v>6.9123554186550189</v>
      </c>
      <c r="F597" s="40">
        <v>9.7999999999999972</v>
      </c>
      <c r="G597" s="40">
        <v>5.1808384362464572</v>
      </c>
      <c r="H597" s="40">
        <v>9.8000000000000114</v>
      </c>
      <c r="I597" s="40">
        <v>4.1110461710223918</v>
      </c>
      <c r="J597" s="40">
        <v>9.79999620833342</v>
      </c>
      <c r="K597" s="40">
        <v>4.6268969542721496</v>
      </c>
      <c r="L597" s="40"/>
      <c r="M597" s="40"/>
      <c r="N597" s="40"/>
    </row>
    <row r="598" spans="4:14" x14ac:dyDescent="0.25">
      <c r="D598" s="40">
        <v>9.832941000000444</v>
      </c>
      <c r="E598" s="40">
        <v>6.9218993294048659</v>
      </c>
      <c r="F598" s="40">
        <v>9.8166669999999954</v>
      </c>
      <c r="G598" s="40">
        <v>5.1855936803365523</v>
      </c>
      <c r="H598" s="40">
        <v>9.8166670000000096</v>
      </c>
      <c r="I598" s="40">
        <v>4.1143989071658247</v>
      </c>
      <c r="J598" s="40">
        <v>9.8166628690477005</v>
      </c>
      <c r="K598" s="40">
        <v>4.6317479979813818</v>
      </c>
      <c r="L598" s="40"/>
      <c r="M598" s="40"/>
      <c r="N598" s="40"/>
    </row>
    <row r="599" spans="4:14" x14ac:dyDescent="0.25">
      <c r="D599" s="40">
        <v>9.8496070000004448</v>
      </c>
      <c r="E599" s="40">
        <v>6.9267425079944145</v>
      </c>
      <c r="F599" s="40">
        <v>9.8333329999999961</v>
      </c>
      <c r="G599" s="40">
        <v>5.1902090643064529</v>
      </c>
      <c r="H599" s="40">
        <v>9.8333340000000078</v>
      </c>
      <c r="I599" s="40">
        <v>4.1210057695658451</v>
      </c>
      <c r="J599" s="40">
        <v>9.8333295297619898</v>
      </c>
      <c r="K599" s="40">
        <v>4.6364563639344425</v>
      </c>
      <c r="L599" s="40"/>
      <c r="M599" s="40"/>
      <c r="N599" s="40"/>
    </row>
    <row r="600" spans="4:14" x14ac:dyDescent="0.25">
      <c r="D600" s="40">
        <v>9.8662730000004455</v>
      </c>
      <c r="E600" s="40">
        <v>6.9362864187442614</v>
      </c>
      <c r="F600" s="40">
        <v>9.8499999999999943</v>
      </c>
      <c r="G600" s="40">
        <v>5.1949643083966714</v>
      </c>
      <c r="H600" s="40">
        <v>9.8500000000000085</v>
      </c>
      <c r="I600" s="40">
        <v>4.1277112418523583</v>
      </c>
      <c r="J600" s="40">
        <v>9.8499961904762703</v>
      </c>
      <c r="K600" s="40">
        <v>4.6413074076435477</v>
      </c>
      <c r="L600" s="40"/>
      <c r="M600" s="40"/>
      <c r="N600" s="40"/>
    </row>
    <row r="601" spans="4:14" x14ac:dyDescent="0.25">
      <c r="D601" s="40">
        <v>9.8829390000004462</v>
      </c>
      <c r="E601" s="40">
        <v>6.9411295973338101</v>
      </c>
      <c r="F601" s="40">
        <v>9.8666669999999925</v>
      </c>
      <c r="G601" s="40">
        <v>5.2043349364566671</v>
      </c>
      <c r="H601" s="40">
        <v>9.8666670000000067</v>
      </c>
      <c r="I601" s="40">
        <v>4.1343181042525545</v>
      </c>
      <c r="J601" s="40">
        <v>9.8666628511905596</v>
      </c>
      <c r="K601" s="40">
        <v>4.6461584513527798</v>
      </c>
      <c r="L601" s="40"/>
      <c r="M601" s="40"/>
      <c r="N601" s="40"/>
    </row>
    <row r="602" spans="4:14" x14ac:dyDescent="0.25">
      <c r="D602" s="40">
        <v>9.899605000000447</v>
      </c>
      <c r="E602" s="40">
        <v>6.9506735080837831</v>
      </c>
      <c r="F602" s="40">
        <v>9.8833329999999933</v>
      </c>
      <c r="G602" s="40">
        <v>5.2090901805468857</v>
      </c>
      <c r="H602" s="40">
        <v>9.8833340000000049</v>
      </c>
      <c r="I602" s="40">
        <v>4.1409249666525749</v>
      </c>
      <c r="J602" s="40">
        <v>9.8833295119048508</v>
      </c>
      <c r="K602" s="40">
        <v>4.6508668173058396</v>
      </c>
      <c r="L602" s="40"/>
      <c r="M602" s="40"/>
      <c r="N602" s="40"/>
    </row>
    <row r="603" spans="4:14" x14ac:dyDescent="0.25">
      <c r="D603" s="40">
        <v>9.9162710000004477</v>
      </c>
      <c r="E603" s="40">
        <v>6.9603598652627543</v>
      </c>
      <c r="F603" s="40">
        <v>9.8999999999999915</v>
      </c>
      <c r="G603" s="40">
        <v>5.213845424637106</v>
      </c>
      <c r="H603" s="40">
        <v>9.9000000000000057</v>
      </c>
      <c r="I603" s="40">
        <v>4.147630438939264</v>
      </c>
      <c r="J603" s="40">
        <v>9.8999961726191295</v>
      </c>
      <c r="K603" s="40">
        <v>4.6557178610150718</v>
      </c>
      <c r="L603" s="40"/>
      <c r="M603" s="40"/>
      <c r="N603" s="40"/>
    </row>
    <row r="604" spans="4:14" x14ac:dyDescent="0.25">
      <c r="D604" s="40">
        <v>9.9329370000004484</v>
      </c>
      <c r="E604" s="40">
        <v>6.9699037760126021</v>
      </c>
      <c r="F604" s="40">
        <v>9.9166669999999897</v>
      </c>
      <c r="G604" s="40">
        <v>5.2232160526971008</v>
      </c>
      <c r="H604" s="40">
        <v>9.9166670000000039</v>
      </c>
      <c r="I604" s="40">
        <v>4.1542373013392844</v>
      </c>
      <c r="J604" s="40">
        <v>9.9166628333334206</v>
      </c>
      <c r="K604" s="40">
        <v>4.6605689047241778</v>
      </c>
      <c r="L604" s="40"/>
      <c r="M604" s="40"/>
      <c r="N604" s="40"/>
    </row>
    <row r="605" spans="4:14" x14ac:dyDescent="0.25">
      <c r="D605" s="40">
        <v>9.9496030000004492</v>
      </c>
      <c r="E605" s="40">
        <v>6.9747469546021499</v>
      </c>
      <c r="F605" s="40">
        <v>9.9333329999999904</v>
      </c>
      <c r="G605" s="40">
        <v>5.2279712967873202</v>
      </c>
      <c r="H605" s="40">
        <v>9.9333340000000021</v>
      </c>
      <c r="I605" s="40">
        <v>4.1575900374825414</v>
      </c>
      <c r="J605" s="40">
        <v>9.9333294940476993</v>
      </c>
      <c r="K605" s="40">
        <v>4.6652772706772376</v>
      </c>
      <c r="L605" s="40"/>
      <c r="M605" s="40"/>
      <c r="N605" s="40"/>
    </row>
    <row r="606" spans="4:14" x14ac:dyDescent="0.25">
      <c r="D606" s="40">
        <v>9.9662690000004499</v>
      </c>
      <c r="E606" s="40">
        <v>6.9842908653519977</v>
      </c>
      <c r="F606" s="40">
        <v>9.9499999999999886</v>
      </c>
      <c r="G606" s="40">
        <v>5.2325866807572208</v>
      </c>
      <c r="H606" s="40">
        <v>9.9500000000000028</v>
      </c>
      <c r="I606" s="40">
        <v>4.1641968998825618</v>
      </c>
      <c r="J606" s="40">
        <v>9.9499961547619904</v>
      </c>
      <c r="K606" s="40">
        <v>4.6701283143864698</v>
      </c>
      <c r="L606" s="40"/>
      <c r="M606" s="40"/>
      <c r="N606" s="40"/>
    </row>
    <row r="607" spans="4:14" x14ac:dyDescent="0.25">
      <c r="D607" s="40">
        <v>9.9829350000004506</v>
      </c>
      <c r="E607" s="40">
        <v>6.9891340439415455</v>
      </c>
      <c r="F607" s="40">
        <v>9.9666670000000011</v>
      </c>
      <c r="G607" s="40">
        <v>5.2373419248473159</v>
      </c>
      <c r="H607" s="40">
        <v>9.9666670000000011</v>
      </c>
      <c r="I607" s="40">
        <v>4.1709023721692509</v>
      </c>
      <c r="J607" s="40">
        <v>9.9666628154762797</v>
      </c>
      <c r="K607" s="40">
        <v>4.6796877240486356</v>
      </c>
      <c r="L607" s="40"/>
      <c r="M607" s="40"/>
      <c r="N607" s="40"/>
    </row>
    <row r="608" spans="4:14" x14ac:dyDescent="0.25">
      <c r="D608" s="40">
        <v>9.9996010000004514</v>
      </c>
      <c r="E608" s="40">
        <v>6.9986779546913924</v>
      </c>
      <c r="F608" s="40">
        <v>9.9833329999999876</v>
      </c>
      <c r="G608" s="40">
        <v>5.2467125529074359</v>
      </c>
      <c r="H608" s="40">
        <v>9.9833340000000135</v>
      </c>
      <c r="I608" s="40">
        <v>4.1775092345692713</v>
      </c>
      <c r="J608" s="40">
        <v>9.9833294761905602</v>
      </c>
      <c r="K608" s="40">
        <v>4.6845387677578678</v>
      </c>
      <c r="L608" s="40"/>
      <c r="M608" s="40"/>
      <c r="N608" s="40"/>
    </row>
    <row r="609" spans="4:14" x14ac:dyDescent="0.25">
      <c r="D609" s="40">
        <v>10.016267000000452</v>
      </c>
      <c r="E609" s="40">
        <v>7.0035211332809411</v>
      </c>
      <c r="F609" s="40">
        <v>10</v>
      </c>
      <c r="G609" s="40">
        <v>5.251467796997531</v>
      </c>
      <c r="H609" s="40">
        <v>10</v>
      </c>
      <c r="I609" s="40">
        <v>4.1808619707127042</v>
      </c>
      <c r="J609" s="40">
        <v>9.9999961369048496</v>
      </c>
      <c r="K609" s="40">
        <v>4.6893898114669739</v>
      </c>
      <c r="L609" s="40"/>
      <c r="M609" s="40"/>
      <c r="N609" s="40"/>
    </row>
    <row r="610" spans="4:14" x14ac:dyDescent="0.25">
      <c r="D610" s="40">
        <v>10.032933000000453</v>
      </c>
      <c r="E610" s="40">
        <v>7.013065044030915</v>
      </c>
      <c r="F610" s="40">
        <v>10.016666999999998</v>
      </c>
      <c r="G610" s="40">
        <v>5.2562230410877495</v>
      </c>
      <c r="H610" s="40">
        <v>10.016667000000012</v>
      </c>
      <c r="I610" s="40">
        <v>4.1874688331127237</v>
      </c>
      <c r="J610" s="40">
        <v>10.0166627976191</v>
      </c>
      <c r="K610" s="40">
        <v>4.6940981774200337</v>
      </c>
      <c r="L610" s="40"/>
      <c r="M610" s="40"/>
      <c r="N610" s="40"/>
    </row>
    <row r="611" spans="4:14" x14ac:dyDescent="0.25">
      <c r="D611" s="40">
        <v>10.049599000000454</v>
      </c>
      <c r="E611" s="40">
        <v>7.0179082226203366</v>
      </c>
      <c r="F611" s="40">
        <v>10.033332999999999</v>
      </c>
      <c r="G611" s="40">
        <v>5.2608384250576501</v>
      </c>
      <c r="H611" s="40">
        <v>10.033334000000011</v>
      </c>
      <c r="I611" s="40">
        <v>4.1908215692559807</v>
      </c>
      <c r="J611" s="40">
        <v>10.0333294583334</v>
      </c>
      <c r="K611" s="40">
        <v>4.6989492211292658</v>
      </c>
      <c r="L611" s="40"/>
      <c r="M611" s="40"/>
      <c r="N611" s="40"/>
    </row>
    <row r="612" spans="4:14" x14ac:dyDescent="0.25">
      <c r="D612" s="40">
        <v>10.066265000000454</v>
      </c>
      <c r="E612" s="40">
        <v>7.0227514012098853</v>
      </c>
      <c r="F612" s="40">
        <v>10.049999999999997</v>
      </c>
      <c r="G612" s="40">
        <v>5.2703489132379637</v>
      </c>
      <c r="H612" s="40">
        <v>10.050000000000011</v>
      </c>
      <c r="I612" s="40">
        <v>4.1940756955127441</v>
      </c>
      <c r="J612" s="40">
        <v>10.0499961190477</v>
      </c>
      <c r="K612" s="40">
        <v>4.703800264838498</v>
      </c>
      <c r="L612" s="40"/>
      <c r="M612" s="40"/>
      <c r="N612" s="40"/>
    </row>
    <row r="613" spans="4:14" x14ac:dyDescent="0.25">
      <c r="D613" s="40">
        <v>10.082931000000455</v>
      </c>
      <c r="E613" s="40">
        <v>7.0274521333703106</v>
      </c>
      <c r="F613" s="40">
        <v>10.066666999999995</v>
      </c>
      <c r="G613" s="40">
        <v>5.2749642972078643</v>
      </c>
      <c r="H613" s="40">
        <v>10.06666700000001</v>
      </c>
      <c r="I613" s="40">
        <v>4.200781167799434</v>
      </c>
      <c r="J613" s="40">
        <v>10.066662779762</v>
      </c>
      <c r="K613" s="40">
        <v>4.7085086307914317</v>
      </c>
      <c r="L613" s="40"/>
      <c r="M613" s="40"/>
      <c r="N613" s="40"/>
    </row>
    <row r="614" spans="4:14" x14ac:dyDescent="0.25">
      <c r="D614" s="40">
        <v>10.099597000000456</v>
      </c>
      <c r="E614" s="40">
        <v>7.0322953119597322</v>
      </c>
      <c r="F614" s="40">
        <v>10.083332999999996</v>
      </c>
      <c r="G614" s="40">
        <v>5.2797195412979603</v>
      </c>
      <c r="H614" s="40">
        <v>10.083334000000008</v>
      </c>
      <c r="I614" s="40">
        <v>4.2040352940561974</v>
      </c>
      <c r="J614" s="40">
        <v>10.0833294404762</v>
      </c>
      <c r="K614" s="40">
        <v>4.7133596745006638</v>
      </c>
      <c r="L614" s="40"/>
      <c r="M614" s="40"/>
      <c r="N614" s="40"/>
    </row>
    <row r="615" spans="4:14" x14ac:dyDescent="0.25">
      <c r="D615" s="40">
        <v>10.116263000000457</v>
      </c>
      <c r="E615" s="40">
        <v>7.0418392227097062</v>
      </c>
      <c r="F615" s="40">
        <v>10.099999999999994</v>
      </c>
      <c r="G615" s="40">
        <v>5.2844747853881788</v>
      </c>
      <c r="H615" s="40">
        <v>10.100000000000009</v>
      </c>
      <c r="I615" s="40">
        <v>4.2107407663427106</v>
      </c>
      <c r="J615" s="40">
        <v>10.0999961011905</v>
      </c>
      <c r="K615" s="40">
        <v>4.718210718209896</v>
      </c>
      <c r="L615" s="40"/>
      <c r="M615" s="40"/>
      <c r="N615" s="40"/>
    </row>
    <row r="616" spans="4:14" x14ac:dyDescent="0.25">
      <c r="D616" s="40">
        <v>10.132929000000457</v>
      </c>
      <c r="E616" s="40">
        <v>7.0466824012991278</v>
      </c>
      <c r="F616" s="40">
        <v>10.116666999999993</v>
      </c>
      <c r="G616" s="40">
        <v>5.293845413448298</v>
      </c>
      <c r="H616" s="40">
        <v>10.116667000000007</v>
      </c>
      <c r="I616" s="40">
        <v>4.2173476287427309</v>
      </c>
      <c r="J616" s="40">
        <v>10.1166627619048</v>
      </c>
      <c r="K616" s="40">
        <v>4.7229190841628297</v>
      </c>
      <c r="L616" s="40"/>
      <c r="M616" s="40"/>
      <c r="N616" s="40"/>
    </row>
    <row r="617" spans="4:14" x14ac:dyDescent="0.25">
      <c r="D617" s="40">
        <v>10.149595000000458</v>
      </c>
      <c r="E617" s="40">
        <v>7.0515255798886765</v>
      </c>
      <c r="F617" s="40">
        <v>10.133332999999993</v>
      </c>
      <c r="G617" s="40">
        <v>5.298600657538393</v>
      </c>
      <c r="H617" s="40">
        <v>10.133334000000005</v>
      </c>
      <c r="I617" s="40">
        <v>4.2207003648861638</v>
      </c>
      <c r="J617" s="40">
        <v>10.1333294226191</v>
      </c>
      <c r="K617" s="40">
        <v>4.727770127872061</v>
      </c>
      <c r="L617" s="40"/>
      <c r="M617" s="40"/>
      <c r="N617" s="40"/>
    </row>
    <row r="618" spans="4:14" x14ac:dyDescent="0.25">
      <c r="D618" s="40">
        <v>10.166261000000459</v>
      </c>
      <c r="E618" s="40">
        <v>7.0562263120491018</v>
      </c>
      <c r="F618" s="40">
        <v>10.149999999999991</v>
      </c>
      <c r="G618" s="40">
        <v>5.3032160415082936</v>
      </c>
      <c r="H618" s="40">
        <v>10.150000000000006</v>
      </c>
      <c r="I618" s="40">
        <v>4.2273072272861842</v>
      </c>
      <c r="J618" s="40">
        <v>10.1499960833334</v>
      </c>
      <c r="K618" s="40">
        <v>4.732621171581294</v>
      </c>
      <c r="L618" s="40"/>
      <c r="M618" s="40"/>
      <c r="N618" s="40"/>
    </row>
    <row r="619" spans="4:14" x14ac:dyDescent="0.25">
      <c r="D619" s="40">
        <v>10.182927000000459</v>
      </c>
      <c r="E619" s="40">
        <v>7.0610694906386504</v>
      </c>
      <c r="F619" s="40">
        <v>10.16666699999999</v>
      </c>
      <c r="G619" s="40">
        <v>5.3079712855985131</v>
      </c>
      <c r="H619" s="40">
        <v>10.166667000000004</v>
      </c>
      <c r="I619" s="40">
        <v>4.2339140896862038</v>
      </c>
      <c r="J619" s="40">
        <v>10.1666627440477</v>
      </c>
      <c r="K619" s="40">
        <v>4.7374722152903992</v>
      </c>
      <c r="L619" s="40"/>
      <c r="M619" s="40"/>
      <c r="N619" s="40"/>
    </row>
    <row r="620" spans="4:14" x14ac:dyDescent="0.25">
      <c r="D620" s="40">
        <v>10.19959300000046</v>
      </c>
      <c r="E620" s="40">
        <v>7.065912669228072</v>
      </c>
      <c r="F620" s="40">
        <v>10.18333299999999</v>
      </c>
      <c r="G620" s="40">
        <v>5.3127265296886081</v>
      </c>
      <c r="H620" s="40">
        <v>10.183334000000002</v>
      </c>
      <c r="I620" s="40">
        <v>4.2406195619728937</v>
      </c>
      <c r="J620" s="40">
        <v>10.183329404762</v>
      </c>
      <c r="K620" s="40">
        <v>4.742180581243459</v>
      </c>
      <c r="L620" s="40"/>
      <c r="M620" s="40"/>
      <c r="N620" s="40"/>
    </row>
    <row r="621" spans="4:14" x14ac:dyDescent="0.25">
      <c r="D621" s="40">
        <v>10.216259000000461</v>
      </c>
      <c r="E621" s="40">
        <v>7.0754565799780451</v>
      </c>
      <c r="F621" s="40">
        <v>10.199999999999989</v>
      </c>
      <c r="G621" s="40">
        <v>5.3173419136585087</v>
      </c>
      <c r="H621" s="40">
        <v>10.200000000000003</v>
      </c>
      <c r="I621" s="40">
        <v>4.243873688229657</v>
      </c>
      <c r="J621" s="40">
        <v>10.199996065476199</v>
      </c>
      <c r="K621" s="40">
        <v>4.747031624952692</v>
      </c>
      <c r="L621" s="40"/>
      <c r="M621" s="40"/>
      <c r="N621" s="40"/>
    </row>
    <row r="622" spans="4:14" x14ac:dyDescent="0.25">
      <c r="D622" s="40">
        <v>10.232925000000462</v>
      </c>
      <c r="E622" s="40">
        <v>7.0802997585674676</v>
      </c>
      <c r="F622" s="40">
        <v>10.216667000000001</v>
      </c>
      <c r="G622" s="40">
        <v>5.3268524018388224</v>
      </c>
      <c r="H622" s="40">
        <v>10.216667000000001</v>
      </c>
      <c r="I622" s="40">
        <v>4.2505791605161711</v>
      </c>
      <c r="J622" s="40">
        <v>10.216662726190499</v>
      </c>
      <c r="K622" s="40">
        <v>4.7518826686619242</v>
      </c>
      <c r="L622" s="40"/>
      <c r="M622" s="40"/>
      <c r="N622" s="40"/>
    </row>
    <row r="623" spans="4:14" x14ac:dyDescent="0.25">
      <c r="D623" s="40">
        <v>10.249591000000462</v>
      </c>
      <c r="E623" s="40">
        <v>7.0898436693174416</v>
      </c>
      <c r="F623" s="40">
        <v>10.233332999999988</v>
      </c>
      <c r="G623" s="40">
        <v>5.3316076459290418</v>
      </c>
      <c r="H623" s="40">
        <v>10.233334000000013</v>
      </c>
      <c r="I623" s="40">
        <v>4.2571860229163665</v>
      </c>
      <c r="J623" s="40">
        <v>10.233329386904799</v>
      </c>
      <c r="K623" s="40">
        <v>4.756591034614857</v>
      </c>
      <c r="L623" s="40"/>
      <c r="M623" s="40"/>
      <c r="N623" s="40"/>
    </row>
    <row r="624" spans="4:14" x14ac:dyDescent="0.25">
      <c r="D624" s="40">
        <v>10.266257000000463</v>
      </c>
      <c r="E624" s="40">
        <v>7.0946868479068641</v>
      </c>
      <c r="F624" s="40">
        <v>10.25</v>
      </c>
      <c r="G624" s="40">
        <v>5.3362230298989424</v>
      </c>
      <c r="H624" s="40">
        <v>10.25</v>
      </c>
      <c r="I624" s="40">
        <v>4.2637928853163869</v>
      </c>
      <c r="J624" s="40">
        <v>10.249996047619099</v>
      </c>
      <c r="K624" s="40">
        <v>4.7614420783240901</v>
      </c>
      <c r="L624" s="40"/>
      <c r="M624" s="40"/>
      <c r="N624" s="40"/>
    </row>
    <row r="625" spans="4:14" x14ac:dyDescent="0.25">
      <c r="D625" s="40">
        <v>10.282923000000464</v>
      </c>
      <c r="E625" s="40">
        <v>7.1042307586568372</v>
      </c>
      <c r="F625" s="40">
        <v>10.266666999999998</v>
      </c>
      <c r="G625" s="40">
        <v>5.3409782739891618</v>
      </c>
      <c r="H625" s="40">
        <v>10.266667000000012</v>
      </c>
      <c r="I625" s="40">
        <v>4.2671456214596439</v>
      </c>
      <c r="J625" s="40">
        <v>10.266662708333399</v>
      </c>
      <c r="K625" s="40">
        <v>4.7662931220333222</v>
      </c>
      <c r="L625" s="40"/>
      <c r="M625" s="40"/>
      <c r="N625" s="40"/>
    </row>
    <row r="626" spans="4:14" x14ac:dyDescent="0.25">
      <c r="D626" s="40">
        <v>10.299589000000465</v>
      </c>
      <c r="E626" s="40">
        <v>7.1090739372463858</v>
      </c>
      <c r="F626" s="40">
        <v>10.283332999999999</v>
      </c>
      <c r="G626" s="40">
        <v>5.3457335180792569</v>
      </c>
      <c r="H626" s="40">
        <v>10.283334000000011</v>
      </c>
      <c r="I626" s="40">
        <v>4.2737524838596634</v>
      </c>
      <c r="J626" s="40">
        <v>10.283329369047699</v>
      </c>
      <c r="K626" s="40">
        <v>4.771001487986255</v>
      </c>
      <c r="L626" s="40"/>
      <c r="M626" s="40"/>
      <c r="N626" s="40"/>
    </row>
    <row r="627" spans="4:14" x14ac:dyDescent="0.25">
      <c r="D627" s="40">
        <v>10.316255000000465</v>
      </c>
      <c r="E627" s="40">
        <v>7.1186178479962328</v>
      </c>
      <c r="F627" s="40">
        <v>10.299999999999997</v>
      </c>
      <c r="G627" s="40">
        <v>5.3503489020491575</v>
      </c>
      <c r="H627" s="40">
        <v>10.300000000000011</v>
      </c>
      <c r="I627" s="40">
        <v>4.2771052200030963</v>
      </c>
      <c r="J627" s="40">
        <v>10.299996029761999</v>
      </c>
      <c r="K627" s="40">
        <v>4.7758525316954881</v>
      </c>
      <c r="L627" s="40"/>
      <c r="M627" s="40"/>
      <c r="N627" s="40"/>
    </row>
    <row r="628" spans="4:14" x14ac:dyDescent="0.25">
      <c r="D628" s="40">
        <v>10.332921000000466</v>
      </c>
      <c r="E628" s="40">
        <v>7.1281617587460797</v>
      </c>
      <c r="F628" s="40">
        <v>10.316666999999995</v>
      </c>
      <c r="G628" s="40">
        <v>5.355104146139376</v>
      </c>
      <c r="H628" s="40">
        <v>10.31666700000001</v>
      </c>
      <c r="I628" s="40">
        <v>4.2838106922896113</v>
      </c>
      <c r="J628" s="40">
        <v>10.3166626904762</v>
      </c>
      <c r="K628" s="40">
        <v>4.7807035754047194</v>
      </c>
      <c r="L628" s="40"/>
      <c r="M628" s="40"/>
      <c r="N628" s="40"/>
    </row>
    <row r="629" spans="4:14" x14ac:dyDescent="0.25">
      <c r="D629" s="40">
        <v>10.349587000000467</v>
      </c>
      <c r="E629" s="40">
        <v>7.137848115925177</v>
      </c>
      <c r="F629" s="40">
        <v>10.333332999999996</v>
      </c>
      <c r="G629" s="40">
        <v>5.3598593902294711</v>
      </c>
      <c r="H629" s="40">
        <v>10.333334000000008</v>
      </c>
      <c r="I629" s="40">
        <v>4.2870648185463738</v>
      </c>
      <c r="J629" s="40">
        <v>10.3333293511905</v>
      </c>
      <c r="K629" s="40">
        <v>4.78541194135778</v>
      </c>
      <c r="L629" s="40"/>
      <c r="M629" s="40"/>
      <c r="N629" s="40"/>
    </row>
    <row r="630" spans="4:14" x14ac:dyDescent="0.25">
      <c r="D630" s="40">
        <v>10.366253000000468</v>
      </c>
      <c r="E630" s="40">
        <v>7.1473920266750239</v>
      </c>
      <c r="F630" s="40">
        <v>10.349999999999994</v>
      </c>
      <c r="G630" s="40">
        <v>5.3644747741993717</v>
      </c>
      <c r="H630" s="40">
        <v>10.350000000000009</v>
      </c>
      <c r="I630" s="40">
        <v>4.2937702908330637</v>
      </c>
      <c r="J630" s="40">
        <v>10.3499960119048</v>
      </c>
      <c r="K630" s="40">
        <v>4.7902629850668852</v>
      </c>
      <c r="L630" s="40"/>
      <c r="M630" s="40"/>
      <c r="N630" s="40"/>
    </row>
    <row r="631" spans="4:14" x14ac:dyDescent="0.25">
      <c r="D631" s="40">
        <v>10.382919000000468</v>
      </c>
      <c r="E631" s="40">
        <v>7.1569359374249988</v>
      </c>
      <c r="F631" s="40">
        <v>10.366666999999993</v>
      </c>
      <c r="G631" s="40">
        <v>5.3692300182895911</v>
      </c>
      <c r="H631" s="40">
        <v>10.366667000000007</v>
      </c>
      <c r="I631" s="40">
        <v>4.2970244170898262</v>
      </c>
      <c r="J631" s="40">
        <v>10.3666626726191</v>
      </c>
      <c r="K631" s="40">
        <v>4.7951140287761174</v>
      </c>
      <c r="L631" s="40"/>
      <c r="M631" s="40"/>
      <c r="N631" s="40"/>
    </row>
    <row r="632" spans="4:14" x14ac:dyDescent="0.25">
      <c r="D632" s="40">
        <v>10.399585000000469</v>
      </c>
      <c r="E632" s="40">
        <v>7.1666222946039682</v>
      </c>
      <c r="F632" s="40">
        <v>10.383332999999993</v>
      </c>
      <c r="G632" s="40">
        <v>5.3739852623796862</v>
      </c>
      <c r="H632" s="40">
        <v>10.383334000000005</v>
      </c>
      <c r="I632" s="40">
        <v>4.3037298893765161</v>
      </c>
      <c r="J632" s="40">
        <v>10.3833293333334</v>
      </c>
      <c r="K632" s="40">
        <v>4.799822394729178</v>
      </c>
      <c r="L632" s="40"/>
      <c r="M632" s="40"/>
      <c r="N632" s="40"/>
    </row>
    <row r="633" spans="4:14" x14ac:dyDescent="0.25">
      <c r="D633" s="40">
        <v>10.41625100000047</v>
      </c>
      <c r="E633" s="40">
        <v>7.1713230267643944</v>
      </c>
      <c r="F633" s="40">
        <v>10.399999999999991</v>
      </c>
      <c r="G633" s="40">
        <v>5.3786006463495868</v>
      </c>
      <c r="H633" s="40">
        <v>10.400000000000006</v>
      </c>
      <c r="I633" s="40">
        <v>4.3069840156331036</v>
      </c>
      <c r="J633" s="40">
        <v>10.3999959940477</v>
      </c>
      <c r="K633" s="40">
        <v>4.799822394729178</v>
      </c>
      <c r="L633" s="40"/>
      <c r="M633" s="40"/>
      <c r="N633" s="40"/>
    </row>
    <row r="634" spans="4:14" x14ac:dyDescent="0.25">
      <c r="D634" s="40">
        <v>10.432917000000471</v>
      </c>
      <c r="E634" s="40">
        <v>7.1810093839433646</v>
      </c>
      <c r="F634" s="40">
        <v>10.41666699999999</v>
      </c>
      <c r="G634" s="40">
        <v>5.3881111345300248</v>
      </c>
      <c r="H634" s="40">
        <v>10.416667000000004</v>
      </c>
      <c r="I634" s="40">
        <v>4.3136894879197936</v>
      </c>
      <c r="J634" s="40">
        <v>10.416662654762</v>
      </c>
      <c r="K634" s="40">
        <v>4.8046734384382832</v>
      </c>
      <c r="L634" s="40"/>
      <c r="M634" s="40"/>
      <c r="N634" s="40"/>
    </row>
    <row r="635" spans="4:14" x14ac:dyDescent="0.25">
      <c r="D635" s="40">
        <v>10.449583000000471</v>
      </c>
      <c r="E635" s="40">
        <v>7.1905532946932116</v>
      </c>
      <c r="F635" s="40">
        <v>10.43333299999999</v>
      </c>
      <c r="G635" s="40">
        <v>5.392726518499801</v>
      </c>
      <c r="H635" s="40">
        <v>10.433334000000002</v>
      </c>
      <c r="I635" s="40">
        <v>4.3202963503198131</v>
      </c>
      <c r="J635" s="40">
        <v>10.4333293154762</v>
      </c>
      <c r="K635" s="40">
        <v>4.8095244821475154</v>
      </c>
      <c r="L635" s="40"/>
      <c r="M635" s="40"/>
      <c r="N635" s="40"/>
    </row>
    <row r="636" spans="4:14" x14ac:dyDescent="0.25">
      <c r="D636" s="40">
        <v>10.466249000000472</v>
      </c>
      <c r="E636" s="40">
        <v>7.2002396518723089</v>
      </c>
      <c r="F636" s="40">
        <v>10.449999999999989</v>
      </c>
      <c r="G636" s="40">
        <v>5.3974817625900195</v>
      </c>
      <c r="H636" s="40">
        <v>10.450000000000003</v>
      </c>
      <c r="I636" s="40">
        <v>4.3269032127200093</v>
      </c>
      <c r="J636" s="40">
        <v>10.4499959761905</v>
      </c>
      <c r="K636" s="40">
        <v>4.8142328481005752</v>
      </c>
      <c r="L636" s="40"/>
      <c r="M636" s="40"/>
      <c r="N636" s="40"/>
    </row>
    <row r="637" spans="4:14" x14ac:dyDescent="0.25">
      <c r="D637" s="40">
        <v>10.482915000000473</v>
      </c>
      <c r="E637" s="40">
        <v>7.2146267412117044</v>
      </c>
      <c r="F637" s="40">
        <v>10.466667000000001</v>
      </c>
      <c r="G637" s="40">
        <v>5.4022370066802399</v>
      </c>
      <c r="H637" s="40">
        <v>10.466667000000001</v>
      </c>
      <c r="I637" s="40">
        <v>4.3302559488632664</v>
      </c>
      <c r="J637" s="40">
        <v>10.4666626369048</v>
      </c>
      <c r="K637" s="40">
        <v>4.8190838918096812</v>
      </c>
      <c r="L637" s="40"/>
      <c r="M637" s="40"/>
      <c r="N637" s="40"/>
    </row>
    <row r="638" spans="4:14" x14ac:dyDescent="0.25">
      <c r="D638" s="40">
        <v>10.499581000000473</v>
      </c>
      <c r="E638" s="40">
        <v>7.2241706519615514</v>
      </c>
      <c r="F638" s="40">
        <v>10.483332999999988</v>
      </c>
      <c r="G638" s="40">
        <v>5.4068523906500152</v>
      </c>
      <c r="H638" s="40">
        <v>10.483334000000013</v>
      </c>
      <c r="I638" s="40">
        <v>4.3368628112632868</v>
      </c>
      <c r="J638" s="40">
        <v>10.4833292976191</v>
      </c>
      <c r="K638" s="40">
        <v>4.8239349355189134</v>
      </c>
      <c r="L638" s="40"/>
      <c r="M638" s="40"/>
      <c r="N638" s="40"/>
    </row>
    <row r="639" spans="4:14" x14ac:dyDescent="0.25">
      <c r="D639" s="40">
        <v>10.516247000000474</v>
      </c>
      <c r="E639" s="40">
        <v>7.2337145627115245</v>
      </c>
      <c r="F639" s="40">
        <v>10.5</v>
      </c>
      <c r="G639" s="40">
        <v>5.4116076347402347</v>
      </c>
      <c r="H639" s="40">
        <v>10.5</v>
      </c>
      <c r="I639" s="40">
        <v>4.3435682835499758</v>
      </c>
      <c r="J639" s="40">
        <v>10.4999959583334</v>
      </c>
      <c r="K639" s="40">
        <v>4.8286433014719732</v>
      </c>
      <c r="L639" s="40"/>
      <c r="M639" s="40"/>
      <c r="N639" s="40"/>
    </row>
    <row r="640" spans="4:14" x14ac:dyDescent="0.25">
      <c r="D640" s="40">
        <v>10.532913000000475</v>
      </c>
      <c r="E640" s="40">
        <v>7.2434009198904947</v>
      </c>
      <c r="F640" s="40">
        <v>10.516666999999998</v>
      </c>
      <c r="G640" s="40">
        <v>5.4163628788304541</v>
      </c>
      <c r="H640" s="40">
        <v>10.516667000000012</v>
      </c>
      <c r="I640" s="40">
        <v>4.3468224098067392</v>
      </c>
      <c r="J640" s="40">
        <v>10.5166626190477</v>
      </c>
      <c r="K640" s="40">
        <v>4.8334943451812054</v>
      </c>
      <c r="L640" s="40"/>
      <c r="M640" s="40"/>
      <c r="N640" s="40"/>
    </row>
    <row r="641" spans="4:14" x14ac:dyDescent="0.25">
      <c r="D641" s="40">
        <v>10.549579000000476</v>
      </c>
      <c r="E641" s="40">
        <v>7.2529448306404687</v>
      </c>
      <c r="F641" s="40">
        <v>10.533332999999999</v>
      </c>
      <c r="G641" s="40">
        <v>5.4209782628003547</v>
      </c>
      <c r="H641" s="40">
        <v>10.533334000000011</v>
      </c>
      <c r="I641" s="40">
        <v>4.3535278820932541</v>
      </c>
      <c r="J641" s="40">
        <v>10.533329279762</v>
      </c>
      <c r="K641" s="40">
        <v>4.8383453888903114</v>
      </c>
      <c r="L641" s="40"/>
      <c r="M641" s="40"/>
      <c r="N641" s="40"/>
    </row>
    <row r="642" spans="4:14" x14ac:dyDescent="0.25">
      <c r="D642" s="40">
        <v>10.566245000000476</v>
      </c>
      <c r="E642" s="40">
        <v>7.2624887413903165</v>
      </c>
      <c r="F642" s="40">
        <v>10.549999999999997</v>
      </c>
      <c r="G642" s="40">
        <v>5.4257335068904489</v>
      </c>
      <c r="H642" s="40">
        <v>10.550000000000011</v>
      </c>
      <c r="I642" s="40">
        <v>4.3567820083500166</v>
      </c>
      <c r="J642" s="40">
        <v>10.549995940476199</v>
      </c>
      <c r="K642" s="40">
        <v>4.8383453888903114</v>
      </c>
      <c r="L642" s="40"/>
      <c r="M642" s="40"/>
      <c r="N642" s="40"/>
    </row>
    <row r="643" spans="4:14" x14ac:dyDescent="0.25">
      <c r="D643" s="40">
        <v>10.582911000000477</v>
      </c>
      <c r="E643" s="40">
        <v>7.2721750985692859</v>
      </c>
      <c r="F643" s="40">
        <v>10.566666999999995</v>
      </c>
      <c r="G643" s="40">
        <v>5.4304887509806692</v>
      </c>
      <c r="H643" s="40">
        <v>10.56666700000001</v>
      </c>
      <c r="I643" s="40">
        <v>4.3634874806367057</v>
      </c>
      <c r="J643" s="40">
        <v>10.566662601190499</v>
      </c>
      <c r="K643" s="40">
        <v>4.8430537548433712</v>
      </c>
      <c r="L643" s="40"/>
      <c r="M643" s="40"/>
      <c r="N643" s="40"/>
    </row>
    <row r="644" spans="4:14" x14ac:dyDescent="0.25">
      <c r="D644" s="40">
        <v>10.599577000000478</v>
      </c>
      <c r="E644" s="40">
        <v>7.2817190093192607</v>
      </c>
      <c r="F644" s="40">
        <v>10.583332999999996</v>
      </c>
      <c r="G644" s="40">
        <v>5.439859379040664</v>
      </c>
      <c r="H644" s="40">
        <v>10.583334000000008</v>
      </c>
      <c r="I644" s="40">
        <v>4.366741606893469</v>
      </c>
      <c r="J644" s="40">
        <v>10.583329261904799</v>
      </c>
      <c r="K644" s="40">
        <v>4.8479047985526034</v>
      </c>
      <c r="L644" s="40"/>
      <c r="M644" s="40"/>
      <c r="N644" s="40"/>
    </row>
    <row r="645" spans="4:14" x14ac:dyDescent="0.25">
      <c r="D645" s="40">
        <v>10.616243000000479</v>
      </c>
      <c r="E645" s="40">
        <v>7.2865621879086824</v>
      </c>
      <c r="F645" s="40">
        <v>10.599999999999994</v>
      </c>
      <c r="G645" s="40">
        <v>5.4446146231308834</v>
      </c>
      <c r="H645" s="40">
        <v>10.600000000000009</v>
      </c>
      <c r="I645" s="40">
        <v>4.373447079179984</v>
      </c>
      <c r="J645" s="40">
        <v>10.599995922619099</v>
      </c>
      <c r="K645" s="40">
        <v>4.8479047985526034</v>
      </c>
      <c r="L645" s="40"/>
      <c r="M645" s="40"/>
      <c r="N645" s="40"/>
    </row>
    <row r="646" spans="4:14" x14ac:dyDescent="0.25">
      <c r="D646" s="40">
        <v>10.632909000000479</v>
      </c>
      <c r="E646" s="40">
        <v>7.2961060986586563</v>
      </c>
      <c r="F646" s="40">
        <v>10.616666999999993</v>
      </c>
      <c r="G646" s="40">
        <v>5.449230007100784</v>
      </c>
      <c r="H646" s="40">
        <v>10.616667000000007</v>
      </c>
      <c r="I646" s="40">
        <v>4.3767012054367465</v>
      </c>
      <c r="J646" s="40">
        <v>10.616662583333399</v>
      </c>
      <c r="K646" s="40">
        <v>4.8527558422617094</v>
      </c>
      <c r="L646" s="40"/>
      <c r="M646" s="40"/>
      <c r="N646" s="40"/>
    </row>
    <row r="647" spans="4:14" x14ac:dyDescent="0.25">
      <c r="D647" s="40">
        <v>10.64957500000048</v>
      </c>
      <c r="E647" s="40">
        <v>7.3056500094085033</v>
      </c>
      <c r="F647" s="40">
        <v>10.633332999999993</v>
      </c>
      <c r="G647" s="40">
        <v>5.4539852511908782</v>
      </c>
      <c r="H647" s="40">
        <v>10.633334000000005</v>
      </c>
      <c r="I647" s="40">
        <v>4.3834066777234355</v>
      </c>
      <c r="J647" s="40">
        <v>10.633329244047699</v>
      </c>
      <c r="K647" s="40">
        <v>4.8574642082147692</v>
      </c>
      <c r="L647" s="40"/>
      <c r="M647" s="40"/>
      <c r="N647" s="40"/>
    </row>
    <row r="648" spans="4:14" x14ac:dyDescent="0.25">
      <c r="D648" s="40">
        <v>10.666241000000481</v>
      </c>
      <c r="E648" s="40">
        <v>7.3104931879980519</v>
      </c>
      <c r="F648" s="40">
        <v>10.649999999999991</v>
      </c>
      <c r="G648" s="40">
        <v>5.4587404952810976</v>
      </c>
      <c r="H648" s="40">
        <v>10.650000000000006</v>
      </c>
      <c r="I648" s="40">
        <v>4.3900135401234559</v>
      </c>
      <c r="J648" s="40">
        <v>10.649995904761999</v>
      </c>
      <c r="K648" s="40">
        <v>4.8623152519240014</v>
      </c>
      <c r="L648" s="40"/>
      <c r="M648" s="40"/>
      <c r="N648" s="40"/>
    </row>
    <row r="649" spans="4:14" x14ac:dyDescent="0.25">
      <c r="D649" s="40">
        <v>10.682907000000482</v>
      </c>
      <c r="E649" s="40">
        <v>7.3200370987478989</v>
      </c>
      <c r="F649" s="40">
        <v>10.66666699999999</v>
      </c>
      <c r="G649" s="40">
        <v>5.4633558792509982</v>
      </c>
      <c r="H649" s="40">
        <v>10.666667000000004</v>
      </c>
      <c r="I649" s="40">
        <v>4.3933662762667138</v>
      </c>
      <c r="J649" s="40">
        <v>10.6666625654762</v>
      </c>
      <c r="K649" s="40">
        <v>4.8671662956331065</v>
      </c>
      <c r="L649" s="40"/>
      <c r="M649" s="40"/>
      <c r="N649" s="40"/>
    </row>
    <row r="650" spans="4:14" x14ac:dyDescent="0.25">
      <c r="D650" s="40">
        <v>10.699573000000482</v>
      </c>
      <c r="E650" s="40">
        <v>7.3248802773374466</v>
      </c>
      <c r="F650" s="40">
        <v>10.68333299999999</v>
      </c>
      <c r="G650" s="40">
        <v>5.4728663674313127</v>
      </c>
      <c r="H650" s="40">
        <v>10.683334000000002</v>
      </c>
      <c r="I650" s="40">
        <v>4.3966204025234763</v>
      </c>
      <c r="J650" s="40">
        <v>10.6833292261905</v>
      </c>
      <c r="K650" s="40">
        <v>4.8718746615861672</v>
      </c>
      <c r="L650" s="40"/>
      <c r="M650" s="40"/>
      <c r="N650" s="40"/>
    </row>
    <row r="651" spans="4:14" x14ac:dyDescent="0.25">
      <c r="D651" s="40">
        <v>10.716239000000483</v>
      </c>
      <c r="E651" s="40">
        <v>7.3344241880874215</v>
      </c>
      <c r="F651" s="40">
        <v>10.699999999999989</v>
      </c>
      <c r="G651" s="40">
        <v>5.4774817514012133</v>
      </c>
      <c r="H651" s="40">
        <v>10.700000000000003</v>
      </c>
      <c r="I651" s="40">
        <v>4.4033258748101654</v>
      </c>
      <c r="J651" s="40">
        <v>10.6999958869048</v>
      </c>
      <c r="K651" s="40">
        <v>4.8767257052953994</v>
      </c>
      <c r="L651" s="40"/>
      <c r="M651" s="40"/>
      <c r="N651" s="40"/>
    </row>
    <row r="652" spans="4:14" x14ac:dyDescent="0.25">
      <c r="D652" s="40">
        <v>10.732905000000484</v>
      </c>
      <c r="E652" s="40">
        <v>7.3392673666768422</v>
      </c>
      <c r="F652" s="40">
        <v>10.716667000000001</v>
      </c>
      <c r="G652" s="40">
        <v>5.4822369954914318</v>
      </c>
      <c r="H652" s="40">
        <v>10.716667000000001</v>
      </c>
      <c r="I652" s="40">
        <v>4.4066786109534233</v>
      </c>
      <c r="J652" s="40">
        <v>10.7166625476191</v>
      </c>
      <c r="K652" s="40">
        <v>4.8815767490045046</v>
      </c>
      <c r="L652" s="40"/>
      <c r="M652" s="40"/>
      <c r="N652" s="40"/>
    </row>
    <row r="653" spans="4:14" x14ac:dyDescent="0.25">
      <c r="D653" s="40">
        <v>10.749571000000484</v>
      </c>
      <c r="E653" s="40">
        <v>7.3441105452663908</v>
      </c>
      <c r="F653" s="40">
        <v>10.733332999999988</v>
      </c>
      <c r="G653" s="40">
        <v>5.4869922395815269</v>
      </c>
      <c r="H653" s="40">
        <v>10.733334000000013</v>
      </c>
      <c r="I653" s="40">
        <v>4.4132854733536186</v>
      </c>
      <c r="J653" s="40">
        <v>10.7333292083334</v>
      </c>
      <c r="K653" s="40">
        <v>4.8862851149575652</v>
      </c>
      <c r="L653" s="40"/>
      <c r="M653" s="40"/>
      <c r="N653" s="40"/>
    </row>
    <row r="654" spans="4:14" x14ac:dyDescent="0.25">
      <c r="D654" s="40">
        <v>10.766237000000485</v>
      </c>
      <c r="E654" s="40">
        <v>7.3488112774268171</v>
      </c>
      <c r="F654" s="40">
        <v>10.75</v>
      </c>
      <c r="G654" s="40">
        <v>5.4916076235514275</v>
      </c>
      <c r="H654" s="40">
        <v>10.75</v>
      </c>
      <c r="I654" s="40">
        <v>4.4166382094968757</v>
      </c>
      <c r="J654" s="40">
        <v>10.7499958690477</v>
      </c>
      <c r="K654" s="40">
        <v>4.8911361586667965</v>
      </c>
      <c r="L654" s="40"/>
      <c r="M654" s="40"/>
      <c r="N654" s="40"/>
    </row>
    <row r="655" spans="4:14" x14ac:dyDescent="0.25">
      <c r="D655" s="40">
        <v>10.782903000000486</v>
      </c>
      <c r="E655" s="40">
        <v>7.3584976346057864</v>
      </c>
      <c r="F655" s="40">
        <v>10.766666999999998</v>
      </c>
      <c r="G655" s="40">
        <v>5.4963628676416461</v>
      </c>
      <c r="H655" s="40">
        <v>10.766667000000012</v>
      </c>
      <c r="I655" s="40">
        <v>4.423245071896897</v>
      </c>
      <c r="J655" s="40">
        <v>10.766662529762</v>
      </c>
      <c r="K655" s="40">
        <v>4.8959872023760296</v>
      </c>
      <c r="L655" s="40"/>
      <c r="M655" s="40"/>
      <c r="N655" s="40"/>
    </row>
    <row r="656" spans="4:14" x14ac:dyDescent="0.25">
      <c r="D656" s="40">
        <v>10.799569000000487</v>
      </c>
      <c r="E656" s="40">
        <v>7.3631983667662126</v>
      </c>
      <c r="F656" s="40">
        <v>10.783332999999999</v>
      </c>
      <c r="G656" s="40">
        <v>5.5058733558219606</v>
      </c>
      <c r="H656" s="40">
        <v>10.783334000000011</v>
      </c>
      <c r="I656" s="40">
        <v>4.4265978080401531</v>
      </c>
      <c r="J656" s="40">
        <v>10.7833291904762</v>
      </c>
      <c r="K656" s="40">
        <v>4.9006955683289632</v>
      </c>
      <c r="L656" s="40"/>
      <c r="M656" s="40"/>
      <c r="N656" s="40"/>
    </row>
    <row r="657" spans="4:14" x14ac:dyDescent="0.25">
      <c r="D657" s="40">
        <v>10.816235000000487</v>
      </c>
      <c r="E657" s="40">
        <v>7.3680415453556343</v>
      </c>
      <c r="F657" s="40">
        <v>10.799999999999997</v>
      </c>
      <c r="G657" s="40">
        <v>5.5104887397918612</v>
      </c>
      <c r="H657" s="40">
        <v>10.800000000000011</v>
      </c>
      <c r="I657" s="40">
        <v>4.4332046704403485</v>
      </c>
      <c r="J657" s="40">
        <v>10.7999958511905</v>
      </c>
      <c r="K657" s="40">
        <v>4.9103976557474276</v>
      </c>
      <c r="L657" s="40"/>
      <c r="M657" s="40"/>
      <c r="N657" s="40"/>
    </row>
    <row r="658" spans="4:14" x14ac:dyDescent="0.25">
      <c r="D658" s="40">
        <v>10.832901000000488</v>
      </c>
      <c r="E658" s="40">
        <v>7.3728847239451829</v>
      </c>
      <c r="F658" s="40">
        <v>10.816666999999995</v>
      </c>
      <c r="G658" s="40">
        <v>5.5152439838819562</v>
      </c>
      <c r="H658" s="40">
        <v>10.81666700000001</v>
      </c>
      <c r="I658" s="40">
        <v>4.4365574065836064</v>
      </c>
      <c r="J658" s="40">
        <v>10.8166625119048</v>
      </c>
      <c r="K658" s="40">
        <v>4.9151060217003604</v>
      </c>
      <c r="L658" s="40"/>
      <c r="M658" s="40"/>
      <c r="N658" s="40"/>
    </row>
    <row r="659" spans="4:14" x14ac:dyDescent="0.25">
      <c r="D659" s="40">
        <v>10.849567000000489</v>
      </c>
      <c r="E659" s="40">
        <v>7.3777279025347307</v>
      </c>
      <c r="F659" s="40">
        <v>10.833332999999996</v>
      </c>
      <c r="G659" s="40">
        <v>5.5199992279721757</v>
      </c>
      <c r="H659" s="40">
        <v>10.833334000000008</v>
      </c>
      <c r="I659" s="40">
        <v>4.4431642689836268</v>
      </c>
      <c r="J659" s="40">
        <v>10.8333291726191</v>
      </c>
      <c r="K659" s="40">
        <v>4.9199570654095925</v>
      </c>
      <c r="L659" s="40"/>
      <c r="M659" s="40"/>
      <c r="N659" s="40"/>
    </row>
    <row r="660" spans="4:14" x14ac:dyDescent="0.25">
      <c r="D660" s="40">
        <v>10.86623300000049</v>
      </c>
      <c r="E660" s="40">
        <v>7.3872718132845785</v>
      </c>
      <c r="F660" s="40">
        <v>10.849999999999994</v>
      </c>
      <c r="G660" s="40">
        <v>5.5246146119420754</v>
      </c>
      <c r="H660" s="40">
        <v>10.850000000000009</v>
      </c>
      <c r="I660" s="40">
        <v>4.4465170051270579</v>
      </c>
      <c r="J660" s="40">
        <v>10.8499958333334</v>
      </c>
      <c r="K660" s="40">
        <v>4.9248081091188256</v>
      </c>
      <c r="L660" s="40"/>
      <c r="M660" s="40"/>
      <c r="N660" s="40"/>
    </row>
    <row r="661" spans="4:14" x14ac:dyDescent="0.25">
      <c r="D661" s="40">
        <v>10.88289900000049</v>
      </c>
      <c r="E661" s="40">
        <v>7.3921149918741271</v>
      </c>
      <c r="F661" s="40">
        <v>10.866666999999993</v>
      </c>
      <c r="G661" s="40">
        <v>5.5293698560322957</v>
      </c>
      <c r="H661" s="40">
        <v>10.866667000000007</v>
      </c>
      <c r="I661" s="40">
        <v>4.4531238675270783</v>
      </c>
      <c r="J661" s="40">
        <v>10.8666624940477</v>
      </c>
      <c r="K661" s="40">
        <v>4.9296591528279308</v>
      </c>
      <c r="L661" s="40"/>
      <c r="M661" s="40"/>
      <c r="N661" s="40"/>
    </row>
    <row r="662" spans="4:14" x14ac:dyDescent="0.25">
      <c r="D662" s="40">
        <v>10.899565000000491</v>
      </c>
      <c r="E662" s="40">
        <v>7.3968157240345525</v>
      </c>
      <c r="F662" s="40">
        <v>10.883332999999993</v>
      </c>
      <c r="G662" s="40">
        <v>5.5341251001223908</v>
      </c>
      <c r="H662" s="40">
        <v>10.883334000000005</v>
      </c>
      <c r="I662" s="40">
        <v>4.4564766036703363</v>
      </c>
      <c r="J662" s="40">
        <v>10.883329154762</v>
      </c>
      <c r="K662" s="40">
        <v>4.9392185624902236</v>
      </c>
      <c r="L662" s="40"/>
      <c r="M662" s="40"/>
      <c r="N662" s="40"/>
    </row>
    <row r="663" spans="4:14" x14ac:dyDescent="0.25">
      <c r="D663" s="40">
        <v>10.916231000000492</v>
      </c>
      <c r="E663" s="40">
        <v>7.4016589026239741</v>
      </c>
      <c r="F663" s="40">
        <v>10.899999999999991</v>
      </c>
      <c r="G663" s="40">
        <v>5.5434957281825099</v>
      </c>
      <c r="H663" s="40">
        <v>10.900000000000006</v>
      </c>
      <c r="I663" s="40">
        <v>4.4630834660703567</v>
      </c>
      <c r="J663" s="40">
        <v>10.899995815476199</v>
      </c>
      <c r="K663" s="40">
        <v>4.9440696061994549</v>
      </c>
      <c r="L663" s="40"/>
      <c r="M663" s="40"/>
      <c r="N663" s="40"/>
    </row>
    <row r="664" spans="4:14" x14ac:dyDescent="0.25">
      <c r="D664" s="40">
        <v>10.932897000000493</v>
      </c>
      <c r="E664" s="40">
        <v>7.4065020812135227</v>
      </c>
      <c r="F664" s="40">
        <v>10.91666699999999</v>
      </c>
      <c r="G664" s="40">
        <v>5.548250972272605</v>
      </c>
      <c r="H664" s="40">
        <v>10.916667000000004</v>
      </c>
      <c r="I664" s="40">
        <v>4.4696903284705511</v>
      </c>
      <c r="J664" s="40">
        <v>10.916662476190499</v>
      </c>
      <c r="K664" s="40">
        <v>4.9487779721523886</v>
      </c>
      <c r="L664" s="40"/>
      <c r="M664" s="40"/>
      <c r="N664" s="40"/>
    </row>
    <row r="665" spans="4:14" x14ac:dyDescent="0.25">
      <c r="D665" s="40">
        <v>10.949563000000493</v>
      </c>
      <c r="E665" s="40">
        <v>7.4065020812135227</v>
      </c>
      <c r="F665" s="40">
        <v>10.93333299999999</v>
      </c>
      <c r="G665" s="40">
        <v>5.5528663562425056</v>
      </c>
      <c r="H665" s="40">
        <v>10.933334000000002</v>
      </c>
      <c r="I665" s="40">
        <v>4.4730430646138082</v>
      </c>
      <c r="J665" s="40">
        <v>10.933329136904799</v>
      </c>
      <c r="K665" s="40">
        <v>4.9584800595708529</v>
      </c>
      <c r="L665" s="40"/>
      <c r="M665" s="40"/>
      <c r="N665" s="40"/>
    </row>
    <row r="666" spans="4:14" x14ac:dyDescent="0.25">
      <c r="D666" s="40">
        <v>10.966229000000494</v>
      </c>
      <c r="E666" s="40">
        <v>7.411202813373948</v>
      </c>
      <c r="F666" s="40">
        <v>10.949999999999989</v>
      </c>
      <c r="G666" s="40">
        <v>5.5623768444228192</v>
      </c>
      <c r="H666" s="40">
        <v>10.950000000000003</v>
      </c>
      <c r="I666" s="40">
        <v>4.4796499270138295</v>
      </c>
      <c r="J666" s="40">
        <v>10.949995797619099</v>
      </c>
      <c r="K666" s="40">
        <v>4.9631884255237866</v>
      </c>
      <c r="L666" s="40"/>
      <c r="M666" s="40"/>
      <c r="N666" s="40"/>
    </row>
    <row r="667" spans="4:14" x14ac:dyDescent="0.25">
      <c r="D667" s="40">
        <v>10.982895000000495</v>
      </c>
      <c r="E667" s="40">
        <v>7.4160459919633697</v>
      </c>
      <c r="F667" s="40">
        <v>10.966667000000001</v>
      </c>
      <c r="G667" s="40">
        <v>5.5669922283927198</v>
      </c>
      <c r="H667" s="40">
        <v>10.966667000000001</v>
      </c>
      <c r="I667" s="40">
        <v>4.4863553993005185</v>
      </c>
      <c r="J667" s="40">
        <v>10.966662458333399</v>
      </c>
      <c r="K667" s="40">
        <v>4.9680394692330188</v>
      </c>
      <c r="L667" s="40"/>
      <c r="M667" s="40"/>
      <c r="N667" s="40"/>
    </row>
    <row r="668" spans="4:14" x14ac:dyDescent="0.25">
      <c r="D668" s="40">
        <v>10.999561000000496</v>
      </c>
      <c r="E668" s="40">
        <v>7.4255899027133427</v>
      </c>
      <c r="F668" s="40">
        <v>10.983332999999988</v>
      </c>
      <c r="G668" s="40">
        <v>5.5717474724829392</v>
      </c>
      <c r="H668" s="40">
        <v>10.983334000000013</v>
      </c>
      <c r="I668" s="40">
        <v>4.489609525557281</v>
      </c>
      <c r="J668" s="40">
        <v>10.983329119047699</v>
      </c>
      <c r="K668" s="40">
        <v>4.9728905129422509</v>
      </c>
      <c r="L668" s="40"/>
      <c r="M668" s="40"/>
      <c r="N668" s="40"/>
    </row>
    <row r="669" spans="4:14" x14ac:dyDescent="0.25">
      <c r="D669" s="40">
        <v>11.016227000000496</v>
      </c>
      <c r="E669" s="40">
        <v>7.4304330813027653</v>
      </c>
      <c r="F669" s="40">
        <v>11</v>
      </c>
      <c r="G669" s="40">
        <v>5.5765027165731578</v>
      </c>
      <c r="H669" s="40">
        <v>11</v>
      </c>
      <c r="I669" s="40">
        <v>4.496314997843796</v>
      </c>
      <c r="J669" s="40">
        <v>10.999995779761999</v>
      </c>
      <c r="K669" s="40">
        <v>4.9775988788953116</v>
      </c>
      <c r="L669" s="40"/>
      <c r="M669" s="40"/>
      <c r="N669" s="40"/>
    </row>
    <row r="670" spans="4:14" x14ac:dyDescent="0.25">
      <c r="D670" s="40">
        <v>11.032893000000497</v>
      </c>
      <c r="E670" s="40">
        <v>7.4399769920527392</v>
      </c>
      <c r="F670" s="40">
        <v>11.016666999999998</v>
      </c>
      <c r="G670" s="40">
        <v>5.5858733446331534</v>
      </c>
      <c r="H670" s="40">
        <v>11.016667000000012</v>
      </c>
      <c r="I670" s="40">
        <v>4.5029218602439913</v>
      </c>
      <c r="J670" s="40">
        <v>11.0166624404762</v>
      </c>
      <c r="K670" s="40">
        <v>4.9824499226044168</v>
      </c>
      <c r="L670" s="40"/>
      <c r="M670" s="40"/>
      <c r="N670" s="40"/>
    </row>
    <row r="671" spans="4:14" x14ac:dyDescent="0.25">
      <c r="D671" s="40">
        <v>11.049559000000498</v>
      </c>
      <c r="E671" s="40">
        <v>7.4496633492317095</v>
      </c>
      <c r="F671" s="40">
        <v>11.033332999999999</v>
      </c>
      <c r="G671" s="40">
        <v>5.5906285887233729</v>
      </c>
      <c r="H671" s="40">
        <v>11.033334000000011</v>
      </c>
      <c r="I671" s="40">
        <v>4.5062745963872493</v>
      </c>
      <c r="J671" s="40">
        <v>11.0333291011905</v>
      </c>
      <c r="K671" s="40">
        <v>4.9873009663136489</v>
      </c>
      <c r="L671" s="40"/>
      <c r="M671" s="40"/>
      <c r="N671" s="40"/>
    </row>
    <row r="672" spans="4:14" x14ac:dyDescent="0.25">
      <c r="D672" s="40">
        <v>11.066225000000498</v>
      </c>
      <c r="E672" s="40">
        <v>7.4592072599816834</v>
      </c>
      <c r="F672" s="40">
        <v>11.049999999999997</v>
      </c>
      <c r="G672" s="40">
        <v>5.5952439726931491</v>
      </c>
      <c r="H672" s="40">
        <v>11.050000000000011</v>
      </c>
      <c r="I672" s="40">
        <v>4.5128814587872688</v>
      </c>
      <c r="J672" s="40">
        <v>11.0499957619048</v>
      </c>
      <c r="K672" s="40">
        <v>4.9920093322667087</v>
      </c>
      <c r="L672" s="40"/>
      <c r="M672" s="40"/>
      <c r="N672" s="40"/>
    </row>
    <row r="673" spans="4:14" x14ac:dyDescent="0.25">
      <c r="D673" s="40">
        <v>11.082891000000499</v>
      </c>
      <c r="E673" s="40">
        <v>7.4687511707315304</v>
      </c>
      <c r="F673" s="40">
        <v>11.066666999999995</v>
      </c>
      <c r="G673" s="40">
        <v>5.5999992167833685</v>
      </c>
      <c r="H673" s="40">
        <v>11.06666700000001</v>
      </c>
      <c r="I673" s="40">
        <v>4.5162341949305258</v>
      </c>
      <c r="J673" s="40">
        <v>11.0666624226191</v>
      </c>
      <c r="K673" s="40">
        <v>4.9968603759758148</v>
      </c>
      <c r="L673" s="40"/>
      <c r="M673" s="40"/>
      <c r="N673" s="40"/>
    </row>
    <row r="674" spans="4:14" x14ac:dyDescent="0.25">
      <c r="D674" s="40">
        <v>11.0995570000005</v>
      </c>
      <c r="E674" s="40">
        <v>7.473594349321079</v>
      </c>
      <c r="F674" s="40">
        <v>11.083332999999996</v>
      </c>
      <c r="G674" s="40">
        <v>5.604754460873588</v>
      </c>
      <c r="H674" s="40">
        <v>11.083334000000008</v>
      </c>
      <c r="I674" s="40">
        <v>4.5228410573307212</v>
      </c>
      <c r="J674" s="40">
        <v>11.0833290833334</v>
      </c>
      <c r="K674" s="40">
        <v>5.001711419685047</v>
      </c>
      <c r="L674" s="40"/>
      <c r="M674" s="40"/>
      <c r="N674" s="40"/>
    </row>
    <row r="675" spans="4:14" x14ac:dyDescent="0.25">
      <c r="D675" s="40">
        <v>11.116223000000501</v>
      </c>
      <c r="E675" s="40">
        <v>7.4879814386604746</v>
      </c>
      <c r="F675" s="40">
        <v>11.099999999999994</v>
      </c>
      <c r="G675" s="40">
        <v>5.6141250889335828</v>
      </c>
      <c r="H675" s="40">
        <v>11.100000000000009</v>
      </c>
      <c r="I675" s="40">
        <v>4.5294479197307416</v>
      </c>
      <c r="J675" s="40">
        <v>11.0999957440477</v>
      </c>
      <c r="K675" s="40">
        <v>5.0064197856381067</v>
      </c>
      <c r="L675" s="40"/>
      <c r="M675" s="40"/>
      <c r="N675" s="40"/>
    </row>
    <row r="676" spans="4:14" x14ac:dyDescent="0.25">
      <c r="D676" s="40">
        <v>11.132889000000501</v>
      </c>
      <c r="E676" s="40">
        <v>7.4928246172500232</v>
      </c>
      <c r="F676" s="40">
        <v>11.116666999999993</v>
      </c>
      <c r="G676" s="40">
        <v>5.6188803330238022</v>
      </c>
      <c r="H676" s="40">
        <v>11.116667000000007</v>
      </c>
      <c r="I676" s="40">
        <v>4.5328006558739986</v>
      </c>
      <c r="J676" s="40">
        <v>11.116662404762</v>
      </c>
      <c r="K676" s="40">
        <v>5.0112708293472128</v>
      </c>
      <c r="L676" s="40"/>
      <c r="M676" s="40"/>
      <c r="N676" s="40"/>
    </row>
    <row r="677" spans="4:14" x14ac:dyDescent="0.25">
      <c r="D677" s="40">
        <v>11.149555000000502</v>
      </c>
      <c r="E677" s="40">
        <v>7.5023685279998702</v>
      </c>
      <c r="F677" s="40">
        <v>11.133332999999993</v>
      </c>
      <c r="G677" s="40">
        <v>5.6234957169937019</v>
      </c>
      <c r="H677" s="40">
        <v>11.133334000000005</v>
      </c>
      <c r="I677" s="40">
        <v>4.5395061281606885</v>
      </c>
      <c r="J677" s="40">
        <v>11.1333290654762</v>
      </c>
      <c r="K677" s="40">
        <v>5.016121873056445</v>
      </c>
      <c r="L677" s="40"/>
      <c r="M677" s="40"/>
      <c r="N677" s="40"/>
    </row>
    <row r="678" spans="4:14" x14ac:dyDescent="0.25">
      <c r="D678" s="40">
        <v>11.166221000000503</v>
      </c>
      <c r="E678" s="40">
        <v>7.511912438749718</v>
      </c>
      <c r="F678" s="40">
        <v>11.149999999999991</v>
      </c>
      <c r="G678" s="40">
        <v>5.628250961083797</v>
      </c>
      <c r="H678" s="40">
        <v>11.150000000000006</v>
      </c>
      <c r="I678" s="40">
        <v>4.542760254417451</v>
      </c>
      <c r="J678" s="40">
        <v>11.1499957261905</v>
      </c>
      <c r="K678" s="40">
        <v>5.0208302390095048</v>
      </c>
      <c r="L678" s="40"/>
      <c r="M678" s="40"/>
      <c r="N678" s="40"/>
    </row>
    <row r="679" spans="4:14" x14ac:dyDescent="0.25">
      <c r="D679" s="40">
        <v>11.182887000000504</v>
      </c>
      <c r="E679" s="40">
        <v>7.5215987959288144</v>
      </c>
      <c r="F679" s="40">
        <v>11.16666699999999</v>
      </c>
      <c r="G679" s="40">
        <v>5.6330062051740173</v>
      </c>
      <c r="H679" s="40">
        <v>11.166667000000004</v>
      </c>
      <c r="I679" s="40">
        <v>4.549465726703966</v>
      </c>
      <c r="J679" s="40">
        <v>11.1666623869048</v>
      </c>
      <c r="K679" s="40">
        <v>5.0305323264278421</v>
      </c>
      <c r="L679" s="40"/>
      <c r="M679" s="40"/>
      <c r="N679" s="40"/>
    </row>
    <row r="680" spans="4:14" x14ac:dyDescent="0.25">
      <c r="D680" s="40">
        <v>11.199553000000504</v>
      </c>
      <c r="E680" s="40">
        <v>7.5311427066786623</v>
      </c>
      <c r="F680" s="40">
        <v>11.18333299999999</v>
      </c>
      <c r="G680" s="40">
        <v>5.6423768332340121</v>
      </c>
      <c r="H680" s="40">
        <v>11.183334000000002</v>
      </c>
      <c r="I680" s="40">
        <v>4.5560725891041605</v>
      </c>
      <c r="J680" s="40">
        <v>11.1833290476191</v>
      </c>
      <c r="K680" s="40">
        <v>5.0352406923809028</v>
      </c>
      <c r="L680" s="40"/>
      <c r="M680" s="40"/>
      <c r="N680" s="40"/>
    </row>
    <row r="681" spans="4:14" x14ac:dyDescent="0.25">
      <c r="D681" s="40">
        <v>11.216219000000505</v>
      </c>
      <c r="E681" s="40">
        <v>7.5406866174286353</v>
      </c>
      <c r="F681" s="40">
        <v>11.199999999999989</v>
      </c>
      <c r="G681" s="40">
        <v>5.6471320773242315</v>
      </c>
      <c r="H681" s="40">
        <v>11.200000000000003</v>
      </c>
      <c r="I681" s="40">
        <v>4.5626794515041809</v>
      </c>
      <c r="J681" s="40">
        <v>11.1999957083334</v>
      </c>
      <c r="K681" s="40">
        <v>5.0400917360901349</v>
      </c>
      <c r="L681" s="40"/>
      <c r="M681" s="40"/>
      <c r="N681" s="40"/>
    </row>
    <row r="682" spans="4:14" x14ac:dyDescent="0.25">
      <c r="D682" s="40">
        <v>11.232885000000506</v>
      </c>
      <c r="E682" s="40">
        <v>7.5455297960180578</v>
      </c>
      <c r="F682" s="40">
        <v>11.216667000000001</v>
      </c>
      <c r="G682" s="40">
        <v>5.6565027053843506</v>
      </c>
      <c r="H682" s="40">
        <v>11.216667000000001</v>
      </c>
      <c r="I682" s="40">
        <v>4.5660321876474388</v>
      </c>
      <c r="J682" s="40">
        <v>11.2166623690477</v>
      </c>
      <c r="K682" s="40">
        <v>5.0449427797992401</v>
      </c>
      <c r="L682" s="40"/>
      <c r="M682" s="40"/>
      <c r="N682" s="40"/>
    </row>
    <row r="683" spans="4:14" x14ac:dyDescent="0.25">
      <c r="D683" s="40">
        <v>11.249551000000507</v>
      </c>
      <c r="E683" s="40">
        <v>7.5550737067680309</v>
      </c>
      <c r="F683" s="40">
        <v>11.233332999999988</v>
      </c>
      <c r="G683" s="40">
        <v>5.6612579494744466</v>
      </c>
      <c r="H683" s="40">
        <v>11.233334000000013</v>
      </c>
      <c r="I683" s="40">
        <v>4.5726390500474592</v>
      </c>
      <c r="J683" s="40">
        <v>11.233329029762</v>
      </c>
      <c r="K683" s="40">
        <v>5.0496511457523008</v>
      </c>
      <c r="L683" s="40"/>
      <c r="M683" s="40"/>
      <c r="N683" s="40"/>
    </row>
    <row r="684" spans="4:14" x14ac:dyDescent="0.25">
      <c r="D684" s="40">
        <v>11.266217000000507</v>
      </c>
      <c r="E684" s="40">
        <v>7.5647600639470012</v>
      </c>
      <c r="F684" s="40">
        <v>11.25</v>
      </c>
      <c r="G684" s="40">
        <v>5.6658733334443463</v>
      </c>
      <c r="H684" s="40">
        <v>11.25</v>
      </c>
      <c r="I684" s="40">
        <v>4.5793445223341482</v>
      </c>
      <c r="J684" s="40">
        <v>11.249995690476201</v>
      </c>
      <c r="K684" s="40">
        <v>5.0593532331706381</v>
      </c>
      <c r="L684" s="40"/>
      <c r="M684" s="40"/>
      <c r="N684" s="40"/>
    </row>
    <row r="685" spans="4:14" x14ac:dyDescent="0.25">
      <c r="D685" s="40">
        <v>11.282883000000508</v>
      </c>
      <c r="E685" s="40">
        <v>7.5696032425365489</v>
      </c>
      <c r="F685" s="40">
        <v>11.266666999999998</v>
      </c>
      <c r="G685" s="40">
        <v>5.6753838216246608</v>
      </c>
      <c r="H685" s="40">
        <v>11.266667000000012</v>
      </c>
      <c r="I685" s="40">
        <v>4.5859513847341686</v>
      </c>
      <c r="J685" s="40">
        <v>11.266662351190501</v>
      </c>
      <c r="K685" s="40">
        <v>5.0640615991236988</v>
      </c>
      <c r="L685" s="40"/>
      <c r="M685" s="40"/>
      <c r="N685" s="40"/>
    </row>
    <row r="686" spans="4:14" x14ac:dyDescent="0.25">
      <c r="D686" s="40">
        <v>11.299549000000509</v>
      </c>
      <c r="E686" s="40">
        <v>7.5791471532863968</v>
      </c>
      <c r="F686" s="40">
        <v>11.283332999999999</v>
      </c>
      <c r="G686" s="40">
        <v>5.6799992055945614</v>
      </c>
      <c r="H686" s="40">
        <v>11.283334000000011</v>
      </c>
      <c r="I686" s="40">
        <v>4.5893041208776015</v>
      </c>
      <c r="J686" s="40">
        <v>11.283329011904801</v>
      </c>
      <c r="K686" s="40">
        <v>5.0689126428329301</v>
      </c>
      <c r="L686" s="40"/>
      <c r="M686" s="40"/>
      <c r="N686" s="40"/>
    </row>
    <row r="687" spans="4:14" x14ac:dyDescent="0.25">
      <c r="D687" s="40">
        <v>11.31621500000051</v>
      </c>
      <c r="E687" s="40">
        <v>7.5886910640363707</v>
      </c>
      <c r="F687" s="40">
        <v>11.299999999999997</v>
      </c>
      <c r="G687" s="40">
        <v>5.6847544496847799</v>
      </c>
      <c r="H687" s="40">
        <v>11.300000000000011</v>
      </c>
      <c r="I687" s="40">
        <v>4.5959109832776219</v>
      </c>
      <c r="J687" s="40">
        <v>11.299995672619101</v>
      </c>
      <c r="K687" s="40">
        <v>5.0689126428329301</v>
      </c>
      <c r="L687" s="40"/>
      <c r="M687" s="40"/>
      <c r="N687" s="40"/>
    </row>
    <row r="688" spans="4:14" x14ac:dyDescent="0.25">
      <c r="D688" s="40">
        <v>11.33288100000051</v>
      </c>
      <c r="E688" s="40">
        <v>7.598377421215341</v>
      </c>
      <c r="F688" s="40">
        <v>11.316666999999995</v>
      </c>
      <c r="G688" s="40">
        <v>5.689509693774875</v>
      </c>
      <c r="H688" s="40">
        <v>11.31666700000001</v>
      </c>
      <c r="I688" s="40">
        <v>4.5992637194208781</v>
      </c>
      <c r="J688" s="40">
        <v>11.316662333333401</v>
      </c>
      <c r="K688" s="40">
        <v>5.0737636865420361</v>
      </c>
      <c r="L688" s="40"/>
      <c r="M688" s="40"/>
      <c r="N688" s="40"/>
    </row>
    <row r="689" spans="4:14" x14ac:dyDescent="0.25">
      <c r="D689" s="40">
        <v>11.349547000000511</v>
      </c>
      <c r="E689" s="40">
        <v>7.6079213319651879</v>
      </c>
      <c r="F689" s="40">
        <v>11.333332999999996</v>
      </c>
      <c r="G689" s="40">
        <v>5.6942649378650945</v>
      </c>
      <c r="H689" s="40">
        <v>11.333334000000008</v>
      </c>
      <c r="I689" s="40">
        <v>4.6025178456776414</v>
      </c>
      <c r="J689" s="40">
        <v>11.333328994047701</v>
      </c>
      <c r="K689" s="40">
        <v>5.0737636865420361</v>
      </c>
      <c r="L689" s="40"/>
      <c r="M689" s="40"/>
      <c r="N689" s="40"/>
    </row>
    <row r="690" spans="4:14" x14ac:dyDescent="0.25">
      <c r="D690" s="40">
        <v>11.366213000000512</v>
      </c>
      <c r="E690" s="40">
        <v>7.6174652427151619</v>
      </c>
      <c r="F690" s="40">
        <v>11.349999999999994</v>
      </c>
      <c r="G690" s="40">
        <v>5.7036355659250901</v>
      </c>
      <c r="H690" s="40">
        <v>11.350000000000009</v>
      </c>
      <c r="I690" s="40">
        <v>4.6092233179643314</v>
      </c>
      <c r="J690" s="40">
        <v>11.349995654761999</v>
      </c>
      <c r="K690" s="40">
        <v>5.0784720524950959</v>
      </c>
      <c r="L690" s="40"/>
      <c r="M690" s="40"/>
      <c r="N690" s="40"/>
    </row>
    <row r="691" spans="4:14" x14ac:dyDescent="0.25">
      <c r="D691" s="40">
        <v>11.382879000000512</v>
      </c>
      <c r="E691" s="40">
        <v>7.6271515998941322</v>
      </c>
      <c r="F691" s="40">
        <v>11.366666999999993</v>
      </c>
      <c r="G691" s="40">
        <v>5.7083908100153087</v>
      </c>
      <c r="H691" s="40">
        <v>11.366667000000007</v>
      </c>
      <c r="I691" s="40">
        <v>4.6124774442210938</v>
      </c>
      <c r="J691" s="40">
        <v>11.3666623154762</v>
      </c>
      <c r="K691" s="40">
        <v>5.0833230962043281</v>
      </c>
      <c r="L691" s="40"/>
      <c r="M691" s="40"/>
      <c r="N691" s="40"/>
    </row>
    <row r="692" spans="4:14" x14ac:dyDescent="0.25">
      <c r="D692" s="40">
        <v>11.399545000000513</v>
      </c>
      <c r="E692" s="40">
        <v>7.6366955106441061</v>
      </c>
      <c r="F692" s="40">
        <v>11.383332999999993</v>
      </c>
      <c r="G692" s="40">
        <v>5.7130061939852093</v>
      </c>
      <c r="H692" s="40">
        <v>11.383334000000005</v>
      </c>
      <c r="I692" s="40">
        <v>4.6191829165076079</v>
      </c>
      <c r="J692" s="40">
        <v>11.3833289761905</v>
      </c>
      <c r="K692" s="40">
        <v>5.0881741399135612</v>
      </c>
      <c r="L692" s="40"/>
      <c r="M692" s="40"/>
      <c r="N692" s="40"/>
    </row>
    <row r="693" spans="4:14" x14ac:dyDescent="0.25">
      <c r="D693" s="40">
        <v>11.416211000000514</v>
      </c>
      <c r="E693" s="40">
        <v>7.6415386892335277</v>
      </c>
      <c r="F693" s="40">
        <v>11.399999999999991</v>
      </c>
      <c r="G693" s="40">
        <v>5.7177614380754287</v>
      </c>
      <c r="H693" s="40">
        <v>11.400000000000006</v>
      </c>
      <c r="I693" s="40">
        <v>4.6224370427643713</v>
      </c>
      <c r="J693" s="40">
        <v>11.3999956369048</v>
      </c>
      <c r="K693" s="40">
        <v>5.0928825058664939</v>
      </c>
      <c r="L693" s="40"/>
      <c r="M693" s="40"/>
      <c r="N693" s="40"/>
    </row>
    <row r="694" spans="4:14" x14ac:dyDescent="0.25">
      <c r="D694" s="40">
        <v>11.432877000000515</v>
      </c>
      <c r="E694" s="40">
        <v>7.646239421393954</v>
      </c>
      <c r="F694" s="40">
        <v>11.41666699999999</v>
      </c>
      <c r="G694" s="40">
        <v>5.7225166821655238</v>
      </c>
      <c r="H694" s="40">
        <v>11.416667000000004</v>
      </c>
      <c r="I694" s="40">
        <v>4.6291425150510612</v>
      </c>
      <c r="J694" s="40">
        <v>11.4166622976191</v>
      </c>
      <c r="K694" s="40">
        <v>5.0977335495757261</v>
      </c>
      <c r="L694" s="40"/>
      <c r="M694" s="40"/>
      <c r="N694" s="40"/>
    </row>
    <row r="695" spans="4:14" x14ac:dyDescent="0.25">
      <c r="D695" s="40">
        <v>11.449543000000515</v>
      </c>
      <c r="E695" s="40">
        <v>7.6510825999835017</v>
      </c>
      <c r="F695" s="40">
        <v>11.43333299999999</v>
      </c>
      <c r="G695" s="40">
        <v>5.7271320661354235</v>
      </c>
      <c r="H695" s="40">
        <v>11.433334000000002</v>
      </c>
      <c r="I695" s="40">
        <v>4.6323966413078237</v>
      </c>
      <c r="J695" s="40">
        <v>11.4333289583334</v>
      </c>
      <c r="K695" s="40">
        <v>5.1025845932849592</v>
      </c>
      <c r="L695" s="40"/>
      <c r="M695" s="40"/>
      <c r="N695" s="40"/>
    </row>
    <row r="696" spans="4:14" x14ac:dyDescent="0.25">
      <c r="D696" s="40">
        <v>11.466209000000516</v>
      </c>
      <c r="E696" s="40">
        <v>7.6559257785729242</v>
      </c>
      <c r="F696" s="40">
        <v>11.449999999999989</v>
      </c>
      <c r="G696" s="40">
        <v>5.736642554315738</v>
      </c>
      <c r="H696" s="40">
        <v>11.450000000000003</v>
      </c>
      <c r="I696" s="40">
        <v>4.6391021135943387</v>
      </c>
      <c r="J696" s="40">
        <v>11.4499956190477</v>
      </c>
      <c r="K696" s="40">
        <v>5.1121440029471241</v>
      </c>
      <c r="L696" s="40"/>
      <c r="M696" s="40"/>
      <c r="N696" s="40"/>
    </row>
    <row r="697" spans="4:14" x14ac:dyDescent="0.25">
      <c r="D697" s="40">
        <v>11.482875000000517</v>
      </c>
      <c r="E697" s="40">
        <v>7.6606265107333487</v>
      </c>
      <c r="F697" s="40">
        <v>11.466667000000001</v>
      </c>
      <c r="G697" s="40">
        <v>5.7412579382856386</v>
      </c>
      <c r="H697" s="40">
        <v>11.466667000000001</v>
      </c>
      <c r="I697" s="40">
        <v>4.645708975994534</v>
      </c>
      <c r="J697" s="40">
        <v>11.466662279762</v>
      </c>
      <c r="K697" s="40">
        <v>5.1121440029471241</v>
      </c>
      <c r="L697" s="40"/>
      <c r="M697" s="40"/>
      <c r="N697" s="40"/>
    </row>
    <row r="698" spans="4:14" x14ac:dyDescent="0.25">
      <c r="D698" s="40">
        <v>11.499541000000518</v>
      </c>
      <c r="E698" s="40">
        <v>7.6606265107333487</v>
      </c>
      <c r="F698" s="40">
        <v>11.483332999999988</v>
      </c>
      <c r="G698" s="40">
        <v>5.746013182375858</v>
      </c>
      <c r="H698" s="40">
        <v>11.483334000000013</v>
      </c>
      <c r="I698" s="40">
        <v>4.6490617121377911</v>
      </c>
      <c r="J698" s="40">
        <v>11.4833289404762</v>
      </c>
      <c r="K698" s="40">
        <v>5.1169950466563572</v>
      </c>
      <c r="L698" s="40"/>
      <c r="M698" s="40"/>
      <c r="N698" s="40"/>
    </row>
    <row r="699" spans="4:14" x14ac:dyDescent="0.25">
      <c r="D699" s="40">
        <v>11.516207000000518</v>
      </c>
      <c r="E699" s="40">
        <v>7.6654696893228973</v>
      </c>
      <c r="F699" s="40">
        <v>11.5</v>
      </c>
      <c r="G699" s="40">
        <v>5.7507684264659531</v>
      </c>
      <c r="H699" s="40">
        <v>11.5</v>
      </c>
      <c r="I699" s="40">
        <v>4.6523158383945544</v>
      </c>
      <c r="J699" s="40">
        <v>11.4999956011905</v>
      </c>
      <c r="K699" s="40">
        <v>5.1218460903654615</v>
      </c>
      <c r="L699" s="40"/>
      <c r="M699" s="40"/>
      <c r="N699" s="40"/>
    </row>
    <row r="700" spans="4:14" x14ac:dyDescent="0.25">
      <c r="D700" s="40">
        <v>11.532873000000519</v>
      </c>
      <c r="E700" s="40">
        <v>7.6703128679123198</v>
      </c>
      <c r="F700" s="40">
        <v>11.516666999999998</v>
      </c>
      <c r="G700" s="40">
        <v>5.7601390545260731</v>
      </c>
      <c r="H700" s="40">
        <v>11.516667000000012</v>
      </c>
      <c r="I700" s="40">
        <v>4.6590213106812435</v>
      </c>
      <c r="J700" s="40">
        <v>11.5166622619048</v>
      </c>
      <c r="K700" s="40">
        <v>5.1265544563185221</v>
      </c>
      <c r="L700" s="40"/>
      <c r="M700" s="40"/>
      <c r="N700" s="40"/>
    </row>
    <row r="701" spans="4:14" x14ac:dyDescent="0.25">
      <c r="D701" s="40">
        <v>11.54953900000052</v>
      </c>
      <c r="E701" s="40">
        <v>7.6750136000727442</v>
      </c>
      <c r="F701" s="40">
        <v>11.533332999999999</v>
      </c>
      <c r="G701" s="40">
        <v>5.7648942986162917</v>
      </c>
      <c r="H701" s="40">
        <v>11.533334000000011</v>
      </c>
      <c r="I701" s="40">
        <v>4.6623740468245005</v>
      </c>
      <c r="J701" s="40">
        <v>11.5333289226191</v>
      </c>
      <c r="K701" s="40">
        <v>5.1314055000277543</v>
      </c>
      <c r="L701" s="40"/>
      <c r="M701" s="40"/>
      <c r="N701" s="40"/>
    </row>
    <row r="702" spans="4:14" x14ac:dyDescent="0.25">
      <c r="D702" s="40">
        <v>11.566205000000521</v>
      </c>
      <c r="E702" s="40">
        <v>7.6798567786622929</v>
      </c>
      <c r="F702" s="40">
        <v>11.549999999999997</v>
      </c>
      <c r="G702" s="40">
        <v>5.7695096825860679</v>
      </c>
      <c r="H702" s="40">
        <v>11.550000000000011</v>
      </c>
      <c r="I702" s="40">
        <v>4.6689809092245209</v>
      </c>
      <c r="J702" s="40">
        <v>11.5499955833334</v>
      </c>
      <c r="K702" s="40">
        <v>5.1362565437369865</v>
      </c>
      <c r="L702" s="40"/>
      <c r="M702" s="40"/>
      <c r="N702" s="40"/>
    </row>
    <row r="703" spans="4:14" x14ac:dyDescent="0.25">
      <c r="D703" s="40">
        <v>11.582871000000521</v>
      </c>
      <c r="E703" s="40">
        <v>7.6798567786622929</v>
      </c>
      <c r="F703" s="40">
        <v>11.566666999999995</v>
      </c>
      <c r="G703" s="40">
        <v>5.7742649266762873</v>
      </c>
      <c r="H703" s="40">
        <v>11.56666700000001</v>
      </c>
      <c r="I703" s="40">
        <v>4.672333645367778</v>
      </c>
      <c r="J703" s="40">
        <v>11.5666622440477</v>
      </c>
      <c r="K703" s="40">
        <v>5.1362565437369865</v>
      </c>
      <c r="L703" s="40"/>
      <c r="M703" s="40"/>
      <c r="N703" s="40"/>
    </row>
    <row r="704" spans="4:14" x14ac:dyDescent="0.25">
      <c r="D704" s="40">
        <v>11.599537000000522</v>
      </c>
      <c r="E704" s="40">
        <v>7.6846999572518415</v>
      </c>
      <c r="F704" s="40">
        <v>11.583332999999996</v>
      </c>
      <c r="G704" s="40">
        <v>5.7790201707665059</v>
      </c>
      <c r="H704" s="40">
        <v>11.583334000000008</v>
      </c>
      <c r="I704" s="40">
        <v>4.6789405077679742</v>
      </c>
      <c r="J704" s="40">
        <v>11.583328904762</v>
      </c>
      <c r="K704" s="40">
        <v>5.1362565437369865</v>
      </c>
      <c r="L704" s="40"/>
      <c r="M704" s="40"/>
      <c r="N704" s="40"/>
    </row>
    <row r="705" spans="4:14" x14ac:dyDescent="0.25">
      <c r="D705" s="40">
        <v>11.616203000000523</v>
      </c>
      <c r="E705" s="40">
        <v>7.6894006894121398</v>
      </c>
      <c r="F705" s="40">
        <v>11.599999999999994</v>
      </c>
      <c r="G705" s="40">
        <v>5.7883907988265015</v>
      </c>
      <c r="H705" s="40">
        <v>11.600000000000009</v>
      </c>
      <c r="I705" s="40">
        <v>4.6822932439112313</v>
      </c>
      <c r="J705" s="40">
        <v>11.599995565476201</v>
      </c>
      <c r="K705" s="40">
        <v>5.1362565437369865</v>
      </c>
      <c r="L705" s="40"/>
      <c r="M705" s="40"/>
      <c r="N705" s="40"/>
    </row>
    <row r="706" spans="4:14" x14ac:dyDescent="0.25">
      <c r="D706" s="40">
        <v>11.632869000000523</v>
      </c>
      <c r="E706" s="40">
        <v>7.6942438680016885</v>
      </c>
      <c r="F706" s="40">
        <v>11.616666999999993</v>
      </c>
      <c r="G706" s="40">
        <v>5.793146042916721</v>
      </c>
      <c r="H706" s="40">
        <v>11.616667000000007</v>
      </c>
      <c r="I706" s="40">
        <v>4.6855473701679937</v>
      </c>
      <c r="J706" s="40">
        <v>11.616662226190501</v>
      </c>
      <c r="K706" s="40">
        <v>5.1362565437369865</v>
      </c>
      <c r="L706" s="40"/>
      <c r="M706" s="40"/>
      <c r="N706" s="40"/>
    </row>
    <row r="707" spans="4:14" x14ac:dyDescent="0.25">
      <c r="D707" s="40">
        <v>11.649535000000524</v>
      </c>
      <c r="E707" s="40">
        <v>7.6990870465912371</v>
      </c>
      <c r="F707" s="40">
        <v>11.633332999999993</v>
      </c>
      <c r="G707" s="40">
        <v>5.7977614268866215</v>
      </c>
      <c r="H707" s="40">
        <v>11.633334000000005</v>
      </c>
      <c r="I707" s="40">
        <v>4.6889001063112508</v>
      </c>
      <c r="J707" s="40">
        <v>11.633328886904801</v>
      </c>
      <c r="K707" s="40">
        <v>5.1362565437369865</v>
      </c>
      <c r="L707" s="40"/>
      <c r="M707" s="40"/>
      <c r="N707" s="40"/>
    </row>
    <row r="708" spans="4:14" x14ac:dyDescent="0.25">
      <c r="D708" s="40">
        <v>11.666201000000525</v>
      </c>
      <c r="E708" s="40">
        <v>7.7037877787515363</v>
      </c>
      <c r="F708" s="40">
        <v>11.649999999999991</v>
      </c>
      <c r="G708" s="40">
        <v>5.8025166709767166</v>
      </c>
      <c r="H708" s="40">
        <v>11.650000000000006</v>
      </c>
      <c r="I708" s="40">
        <v>4.6922528424545078</v>
      </c>
      <c r="J708" s="40">
        <v>11.649995547619101</v>
      </c>
      <c r="K708" s="40">
        <v>5.1409649096899201</v>
      </c>
      <c r="L708" s="40"/>
      <c r="M708" s="40"/>
      <c r="N708" s="40"/>
    </row>
    <row r="709" spans="4:14" x14ac:dyDescent="0.25">
      <c r="D709" s="40">
        <v>11.682867000000526</v>
      </c>
      <c r="E709" s="40">
        <v>7.7086309573410841</v>
      </c>
      <c r="F709" s="40">
        <v>11.66666699999999</v>
      </c>
      <c r="G709" s="40">
        <v>5.8072719150669352</v>
      </c>
      <c r="H709" s="40">
        <v>11.666667000000004</v>
      </c>
      <c r="I709" s="40">
        <v>4.6955069687112712</v>
      </c>
      <c r="J709" s="40">
        <v>11.666662208333401</v>
      </c>
      <c r="K709" s="40">
        <v>5.1409649096899201</v>
      </c>
      <c r="L709" s="40"/>
      <c r="M709" s="40"/>
      <c r="N709" s="40"/>
    </row>
    <row r="710" spans="4:14" x14ac:dyDescent="0.25">
      <c r="D710" s="40">
        <v>11.699533000000526</v>
      </c>
      <c r="E710" s="40">
        <v>7.7134741359306327</v>
      </c>
      <c r="F710" s="40">
        <v>11.68333299999999</v>
      </c>
      <c r="G710" s="40">
        <v>5.8118872990368358</v>
      </c>
      <c r="H710" s="40">
        <v>11.683334000000002</v>
      </c>
      <c r="I710" s="40">
        <v>4.7022124409979611</v>
      </c>
      <c r="J710" s="40">
        <v>11.683328869047701</v>
      </c>
      <c r="K710" s="40">
        <v>5.1458159533991523</v>
      </c>
      <c r="L710" s="40"/>
      <c r="M710" s="40"/>
      <c r="N710" s="40"/>
    </row>
    <row r="711" spans="4:14" x14ac:dyDescent="0.25">
      <c r="D711" s="40">
        <v>11.716199000000527</v>
      </c>
      <c r="E711" s="40">
        <v>7.7181748680910589</v>
      </c>
      <c r="F711" s="40">
        <v>11.699999999999989</v>
      </c>
      <c r="G711" s="40">
        <v>5.8166425431269309</v>
      </c>
      <c r="H711" s="40">
        <v>11.700000000000003</v>
      </c>
      <c r="I711" s="40">
        <v>4.7054665672547236</v>
      </c>
      <c r="J711" s="40">
        <v>11.699995529762001</v>
      </c>
      <c r="K711" s="40">
        <v>5.1506669971083845</v>
      </c>
      <c r="L711" s="40"/>
      <c r="M711" s="40"/>
      <c r="N711" s="40"/>
    </row>
    <row r="712" spans="4:14" x14ac:dyDescent="0.25">
      <c r="D712" s="40">
        <v>11.732865000000528</v>
      </c>
      <c r="E712" s="40">
        <v>7.7230180466804805</v>
      </c>
      <c r="F712" s="40">
        <v>11.716667000000001</v>
      </c>
      <c r="G712" s="40">
        <v>5.8213977872171503</v>
      </c>
      <c r="H712" s="40">
        <v>11.716667000000001</v>
      </c>
      <c r="I712" s="40">
        <v>4.7121720395414135</v>
      </c>
      <c r="J712" s="40">
        <v>11.7166621904762</v>
      </c>
      <c r="K712" s="40">
        <v>5.1506669971083845</v>
      </c>
      <c r="L712" s="40"/>
      <c r="M712" s="40"/>
      <c r="N712" s="40"/>
    </row>
    <row r="713" spans="4:14" x14ac:dyDescent="0.25">
      <c r="D713" s="40">
        <v>11.749531000000529</v>
      </c>
      <c r="E713" s="40">
        <v>7.7278612252700283</v>
      </c>
      <c r="F713" s="40">
        <v>11.733332999999988</v>
      </c>
      <c r="G713" s="40">
        <v>5.82601317118705</v>
      </c>
      <c r="H713" s="40">
        <v>11.733334000000013</v>
      </c>
      <c r="I713" s="40">
        <v>4.715426165798001</v>
      </c>
      <c r="J713" s="40">
        <v>11.7333288511905</v>
      </c>
      <c r="K713" s="40">
        <v>5.1553753630613173</v>
      </c>
      <c r="L713" s="40"/>
      <c r="M713" s="40"/>
      <c r="N713" s="40"/>
    </row>
    <row r="714" spans="4:14" x14ac:dyDescent="0.25">
      <c r="D714" s="40">
        <v>11.766197000000529</v>
      </c>
      <c r="E714" s="40">
        <v>7.7325619574304545</v>
      </c>
      <c r="F714" s="40">
        <v>11.75</v>
      </c>
      <c r="G714" s="40">
        <v>5.830768415277146</v>
      </c>
      <c r="H714" s="40">
        <v>11.75</v>
      </c>
      <c r="I714" s="40">
        <v>4.7221316380846909</v>
      </c>
      <c r="J714" s="40">
        <v>11.7499955119048</v>
      </c>
      <c r="K714" s="40">
        <v>5.1602264067705503</v>
      </c>
      <c r="L714" s="40"/>
      <c r="M714" s="40"/>
      <c r="N714" s="40"/>
    </row>
    <row r="715" spans="4:14" x14ac:dyDescent="0.25">
      <c r="D715" s="40">
        <v>11.78286300000053</v>
      </c>
      <c r="E715" s="40">
        <v>7.7374051360198761</v>
      </c>
      <c r="F715" s="40">
        <v>11.766666999999998</v>
      </c>
      <c r="G715" s="40">
        <v>5.8355236593673654</v>
      </c>
      <c r="H715" s="40">
        <v>11.766667000000012</v>
      </c>
      <c r="I715" s="40">
        <v>4.7253857643414534</v>
      </c>
      <c r="J715" s="40">
        <v>11.7666621726191</v>
      </c>
      <c r="K715" s="40">
        <v>5.1650774504797825</v>
      </c>
      <c r="L715" s="40"/>
      <c r="M715" s="40"/>
      <c r="N715" s="40"/>
    </row>
    <row r="716" spans="4:14" x14ac:dyDescent="0.25">
      <c r="D716" s="40">
        <v>11.799529000000531</v>
      </c>
      <c r="E716" s="40">
        <v>7.7470914931989725</v>
      </c>
      <c r="F716" s="40">
        <v>11.783332999999999</v>
      </c>
      <c r="G716" s="40">
        <v>5.8401390433372651</v>
      </c>
      <c r="H716" s="40">
        <v>11.783334000000011</v>
      </c>
      <c r="I716" s="40">
        <v>4.7320912366281433</v>
      </c>
      <c r="J716" s="40">
        <v>11.7833288333334</v>
      </c>
      <c r="K716" s="40">
        <v>5.1697858164328423</v>
      </c>
      <c r="L716" s="40"/>
      <c r="M716" s="40"/>
      <c r="N716" s="40"/>
    </row>
    <row r="717" spans="4:14" x14ac:dyDescent="0.25">
      <c r="D717" s="40">
        <v>11.816195000000532</v>
      </c>
      <c r="E717" s="40">
        <v>7.7517922253592717</v>
      </c>
      <c r="F717" s="40">
        <v>11.799999999999997</v>
      </c>
      <c r="G717" s="40">
        <v>5.8448942874274845</v>
      </c>
      <c r="H717" s="40">
        <v>11.800000000000011</v>
      </c>
      <c r="I717" s="40">
        <v>4.7353453628849067</v>
      </c>
      <c r="J717" s="40">
        <v>11.7999954940477</v>
      </c>
      <c r="K717" s="40">
        <v>5.1794879038511805</v>
      </c>
      <c r="L717" s="40"/>
      <c r="M717" s="40"/>
      <c r="N717" s="40"/>
    </row>
    <row r="718" spans="4:14" x14ac:dyDescent="0.25">
      <c r="D718" s="40">
        <v>11.832861000000532</v>
      </c>
      <c r="E718" s="40">
        <v>7.761478582538369</v>
      </c>
      <c r="F718" s="40">
        <v>11.816666999999995</v>
      </c>
      <c r="G718" s="40">
        <v>5.8496495315175796</v>
      </c>
      <c r="H718" s="40">
        <v>11.81666700000001</v>
      </c>
      <c r="I718" s="40">
        <v>4.7420508351714208</v>
      </c>
      <c r="J718" s="40">
        <v>11.816662154762</v>
      </c>
      <c r="K718" s="40">
        <v>5.1841962698042403</v>
      </c>
      <c r="L718" s="40"/>
      <c r="M718" s="40"/>
      <c r="N718" s="40"/>
    </row>
    <row r="719" spans="4:14" x14ac:dyDescent="0.25">
      <c r="D719" s="40">
        <v>11.849527000000533</v>
      </c>
      <c r="E719" s="40">
        <v>7.7661793146987934</v>
      </c>
      <c r="F719" s="40">
        <v>11.833332999999996</v>
      </c>
      <c r="G719" s="40">
        <v>5.8542649154874802</v>
      </c>
      <c r="H719" s="40">
        <v>11.833334000000008</v>
      </c>
      <c r="I719" s="40">
        <v>4.7453049614281841</v>
      </c>
      <c r="J719" s="40">
        <v>11.8333288154762</v>
      </c>
      <c r="K719" s="40">
        <v>5.1890473135133464</v>
      </c>
      <c r="L719" s="40"/>
      <c r="M719" s="40"/>
      <c r="N719" s="40"/>
    </row>
    <row r="720" spans="4:14" x14ac:dyDescent="0.25">
      <c r="D720" s="40">
        <v>11.866193000000534</v>
      </c>
      <c r="E720" s="40">
        <v>7.7758656718777646</v>
      </c>
      <c r="F720" s="40">
        <v>11.849999999999994</v>
      </c>
      <c r="G720" s="40">
        <v>5.8590201595776996</v>
      </c>
      <c r="H720" s="40">
        <v>11.850000000000009</v>
      </c>
      <c r="I720" s="40">
        <v>4.7520104337148732</v>
      </c>
      <c r="J720" s="40">
        <v>11.8499954761905</v>
      </c>
      <c r="K720" s="40">
        <v>5.1890473135133464</v>
      </c>
      <c r="L720" s="40"/>
      <c r="M720" s="40"/>
      <c r="N720" s="40"/>
    </row>
    <row r="721" spans="4:14" x14ac:dyDescent="0.25">
      <c r="D721" s="40">
        <v>11.882859000000535</v>
      </c>
      <c r="E721" s="40">
        <v>7.7854095826276115</v>
      </c>
      <c r="F721" s="40">
        <v>11.866666999999993</v>
      </c>
      <c r="G721" s="40">
        <v>5.8637754036677947</v>
      </c>
      <c r="H721" s="40">
        <v>11.866667000000007</v>
      </c>
      <c r="I721" s="40">
        <v>4.7552645599716366</v>
      </c>
      <c r="J721" s="40">
        <v>11.8666621369048</v>
      </c>
      <c r="K721" s="40">
        <v>5.1938983572225785</v>
      </c>
      <c r="L721" s="40"/>
      <c r="M721" s="40"/>
      <c r="N721" s="40"/>
    </row>
    <row r="722" spans="4:14" x14ac:dyDescent="0.25">
      <c r="D722" s="40">
        <v>11.899525000000535</v>
      </c>
      <c r="E722" s="40">
        <v>7.7902527612171601</v>
      </c>
      <c r="F722" s="40">
        <v>11.883332999999993</v>
      </c>
      <c r="G722" s="40">
        <v>5.8731460317279138</v>
      </c>
      <c r="H722" s="40">
        <v>11.883334000000005</v>
      </c>
      <c r="I722" s="40">
        <v>4.7619700322581506</v>
      </c>
      <c r="J722" s="40">
        <v>11.8833287976191</v>
      </c>
      <c r="K722" s="40">
        <v>5.1986067231756383</v>
      </c>
      <c r="L722" s="40"/>
      <c r="M722" s="40"/>
      <c r="N722" s="40"/>
    </row>
    <row r="723" spans="4:14" x14ac:dyDescent="0.25">
      <c r="D723" s="40">
        <v>11.916191000000536</v>
      </c>
      <c r="E723" s="40">
        <v>7.7997966719670071</v>
      </c>
      <c r="F723" s="40">
        <v>11.899999999999991</v>
      </c>
      <c r="G723" s="40">
        <v>5.8779012758180089</v>
      </c>
      <c r="H723" s="40">
        <v>11.900000000000006</v>
      </c>
      <c r="I723" s="40">
        <v>4.765224158514914</v>
      </c>
      <c r="J723" s="40">
        <v>11.8999954583334</v>
      </c>
      <c r="K723" s="40">
        <v>5.2083088105939757</v>
      </c>
      <c r="L723" s="40"/>
      <c r="M723" s="40"/>
      <c r="N723" s="40"/>
    </row>
    <row r="724" spans="4:14" x14ac:dyDescent="0.25">
      <c r="D724" s="40">
        <v>11.932857000000537</v>
      </c>
      <c r="E724" s="40">
        <v>7.8093405827169811</v>
      </c>
      <c r="F724" s="40">
        <v>11.91666699999999</v>
      </c>
      <c r="G724" s="40">
        <v>5.8826565199082284</v>
      </c>
      <c r="H724" s="40">
        <v>11.916667000000004</v>
      </c>
      <c r="I724" s="40">
        <v>4.771929630801603</v>
      </c>
      <c r="J724" s="40">
        <v>11.9166621190477</v>
      </c>
      <c r="K724" s="40">
        <v>5.2130171765470363</v>
      </c>
      <c r="L724" s="40"/>
      <c r="M724" s="40"/>
      <c r="N724" s="40"/>
    </row>
    <row r="725" spans="4:14" x14ac:dyDescent="0.25">
      <c r="D725" s="40">
        <v>11.949523000000537</v>
      </c>
      <c r="E725" s="40">
        <v>7.8141837613065288</v>
      </c>
      <c r="F725" s="40">
        <v>11.93333299999999</v>
      </c>
      <c r="G725" s="40">
        <v>5.887271903878128</v>
      </c>
      <c r="H725" s="40">
        <v>11.933334000000002</v>
      </c>
      <c r="I725" s="40">
        <v>4.7751837570583664</v>
      </c>
      <c r="J725" s="40">
        <v>11.933328779762</v>
      </c>
      <c r="K725" s="40">
        <v>5.2178682202562685</v>
      </c>
      <c r="L725" s="40"/>
      <c r="M725" s="40"/>
      <c r="N725" s="40"/>
    </row>
    <row r="726" spans="4:14" x14ac:dyDescent="0.25">
      <c r="D726" s="40">
        <v>11.966189000000538</v>
      </c>
      <c r="E726" s="40">
        <v>7.8237276720563766</v>
      </c>
      <c r="F726" s="40">
        <v>11.949999999999989</v>
      </c>
      <c r="G726" s="40">
        <v>5.8920271479683475</v>
      </c>
      <c r="H726" s="40">
        <v>11.950000000000003</v>
      </c>
      <c r="I726" s="40">
        <v>4.7818892293448805</v>
      </c>
      <c r="J726" s="40">
        <v>11.9499954404763</v>
      </c>
      <c r="K726" s="40">
        <v>5.2227192639653737</v>
      </c>
      <c r="L726" s="40"/>
      <c r="M726" s="40"/>
      <c r="N726" s="40"/>
    </row>
    <row r="727" spans="4:14" x14ac:dyDescent="0.25">
      <c r="D727" s="40">
        <v>11.982855000000539</v>
      </c>
      <c r="E727" s="40">
        <v>7.8334140292353469</v>
      </c>
      <c r="F727" s="40">
        <v>11.966667000000001</v>
      </c>
      <c r="G727" s="40">
        <v>5.9013977760283431</v>
      </c>
      <c r="H727" s="40">
        <v>11.966667000000001</v>
      </c>
      <c r="I727" s="40">
        <v>4.7851433556016438</v>
      </c>
      <c r="J727" s="40">
        <v>11.966662101190501</v>
      </c>
      <c r="K727" s="40">
        <v>5.2274276299184343</v>
      </c>
      <c r="L727" s="40"/>
      <c r="M727" s="40"/>
      <c r="N727" s="40"/>
    </row>
    <row r="728" spans="4:14" x14ac:dyDescent="0.25">
      <c r="D728" s="40">
        <v>11.99952100000054</v>
      </c>
      <c r="E728" s="40">
        <v>7.84295793998532</v>
      </c>
      <c r="F728" s="40">
        <v>11.983332999999988</v>
      </c>
      <c r="G728" s="40">
        <v>5.9061530201185617</v>
      </c>
      <c r="H728" s="40">
        <v>11.983334000000013</v>
      </c>
      <c r="I728" s="40">
        <v>4.7884960917450767</v>
      </c>
      <c r="J728" s="40">
        <v>11.983328761904801</v>
      </c>
      <c r="K728" s="40">
        <v>5.2322786736276656</v>
      </c>
      <c r="L728" s="40"/>
      <c r="M728" s="40"/>
      <c r="N728" s="40"/>
    </row>
    <row r="729" spans="4:14" x14ac:dyDescent="0.25">
      <c r="D729" s="40">
        <v>12.01618700000054</v>
      </c>
      <c r="E729" s="40">
        <v>7.8478011185747416</v>
      </c>
      <c r="F729" s="40">
        <v>12</v>
      </c>
      <c r="G729" s="40">
        <v>5.9109082642086568</v>
      </c>
      <c r="H729" s="40">
        <v>12</v>
      </c>
      <c r="I729" s="40">
        <v>4.7952015640315899</v>
      </c>
      <c r="J729" s="40">
        <v>11.999995422619101</v>
      </c>
      <c r="K729" s="40">
        <v>5.2371297173367717</v>
      </c>
      <c r="L729" s="40"/>
      <c r="M729" s="40"/>
      <c r="N729" s="40"/>
    </row>
    <row r="730" spans="4:14" x14ac:dyDescent="0.25">
      <c r="D730" s="40">
        <v>12.032853000000541</v>
      </c>
      <c r="E730" s="40">
        <v>7.8573450293247165</v>
      </c>
      <c r="F730" s="40">
        <v>12.016666999999998</v>
      </c>
      <c r="G730" s="40">
        <v>5.9155236481785574</v>
      </c>
      <c r="H730" s="40">
        <v>12.016667000000012</v>
      </c>
      <c r="I730" s="40">
        <v>4.7984556902883533</v>
      </c>
      <c r="J730" s="40">
        <v>12.016662083333401</v>
      </c>
      <c r="K730" s="40">
        <v>5.2466891269990636</v>
      </c>
      <c r="L730" s="40"/>
      <c r="M730" s="40"/>
      <c r="N730" s="40"/>
    </row>
    <row r="731" spans="4:14" x14ac:dyDescent="0.25">
      <c r="D731" s="40">
        <v>12.049519000000542</v>
      </c>
      <c r="E731" s="40">
        <v>7.8668889400745643</v>
      </c>
      <c r="F731" s="40">
        <v>12.033332999999999</v>
      </c>
      <c r="G731" s="40">
        <v>5.9202788922687777</v>
      </c>
      <c r="H731" s="40">
        <v>12.033334000000011</v>
      </c>
      <c r="I731" s="40">
        <v>4.8051611625750432</v>
      </c>
      <c r="J731" s="40">
        <v>12.033328744047701</v>
      </c>
      <c r="K731" s="40">
        <v>5.2515401707081697</v>
      </c>
      <c r="L731" s="40"/>
      <c r="M731" s="40"/>
      <c r="N731" s="40"/>
    </row>
    <row r="732" spans="4:14" x14ac:dyDescent="0.25">
      <c r="D732" s="40">
        <v>12.066185000000543</v>
      </c>
      <c r="E732" s="40">
        <v>7.8717321186641129</v>
      </c>
      <c r="F732" s="40">
        <v>12.049999999999997</v>
      </c>
      <c r="G732" s="40">
        <v>5.9250341363588719</v>
      </c>
      <c r="H732" s="40">
        <v>12.050000000000011</v>
      </c>
      <c r="I732" s="40">
        <v>4.8084152888318066</v>
      </c>
      <c r="J732" s="40">
        <v>12.049995404762001</v>
      </c>
      <c r="K732" s="40">
        <v>5.2562485366612295</v>
      </c>
      <c r="L732" s="40"/>
      <c r="M732" s="40"/>
      <c r="N732" s="40"/>
    </row>
    <row r="733" spans="4:14" x14ac:dyDescent="0.25">
      <c r="D733" s="40">
        <v>12.082851000000543</v>
      </c>
      <c r="E733" s="40">
        <v>7.8765752972536598</v>
      </c>
      <c r="F733" s="40">
        <v>12.066666999999995</v>
      </c>
      <c r="G733" s="40">
        <v>5.9296495203287725</v>
      </c>
      <c r="H733" s="40">
        <v>12.06666700000001</v>
      </c>
      <c r="I733" s="40">
        <v>4.8151207611183207</v>
      </c>
      <c r="J733" s="40">
        <v>12.066662065476301</v>
      </c>
      <c r="K733" s="40">
        <v>5.2610995803704617</v>
      </c>
      <c r="L733" s="40"/>
      <c r="M733" s="40"/>
      <c r="N733" s="40"/>
    </row>
    <row r="734" spans="4:14" x14ac:dyDescent="0.25">
      <c r="D734" s="40">
        <v>12.099517000000544</v>
      </c>
      <c r="E734" s="40">
        <v>7.8861192080035076</v>
      </c>
      <c r="F734" s="40">
        <v>12.083332999999996</v>
      </c>
      <c r="G734" s="40">
        <v>5.9344047644189919</v>
      </c>
      <c r="H734" s="40">
        <v>12.083334000000008</v>
      </c>
      <c r="I734" s="40">
        <v>4.8183748873750831</v>
      </c>
      <c r="J734" s="40">
        <v>12.0833287261905</v>
      </c>
      <c r="K734" s="40">
        <v>5.2706589900326275</v>
      </c>
      <c r="L734" s="40"/>
      <c r="M734" s="40"/>
      <c r="N734" s="40"/>
    </row>
    <row r="735" spans="4:14" x14ac:dyDescent="0.25">
      <c r="D735" s="40">
        <v>12.116183000000545</v>
      </c>
      <c r="E735" s="40">
        <v>7.8909623865930554</v>
      </c>
      <c r="F735" s="40">
        <v>12.099999999999994</v>
      </c>
      <c r="G735" s="40">
        <v>5.9391600085090861</v>
      </c>
      <c r="H735" s="40">
        <v>12.100000000000009</v>
      </c>
      <c r="I735" s="40">
        <v>4.8250803596617731</v>
      </c>
      <c r="J735" s="40">
        <v>12.0999953869048</v>
      </c>
      <c r="K735" s="40">
        <v>5.2706589900326275</v>
      </c>
      <c r="L735" s="40"/>
      <c r="M735" s="40"/>
      <c r="N735" s="40"/>
    </row>
    <row r="736" spans="4:14" x14ac:dyDescent="0.25">
      <c r="D736" s="40">
        <v>12.132849000000546</v>
      </c>
      <c r="E736" s="40">
        <v>7.9005062973429032</v>
      </c>
      <c r="F736" s="40">
        <v>12.116666999999993</v>
      </c>
      <c r="G736" s="40">
        <v>5.9437753924789867</v>
      </c>
      <c r="H736" s="40">
        <v>12.116667000000007</v>
      </c>
      <c r="I736" s="40">
        <v>4.8283344859185364</v>
      </c>
      <c r="J736" s="40">
        <v>12.1166620476191</v>
      </c>
      <c r="K736" s="40">
        <v>5.2755100337418597</v>
      </c>
      <c r="L736" s="40"/>
      <c r="M736" s="40"/>
      <c r="N736" s="40"/>
    </row>
    <row r="737" spans="4:14" x14ac:dyDescent="0.25">
      <c r="D737" s="40">
        <v>12.149515000000546</v>
      </c>
      <c r="E737" s="40">
        <v>7.9053494759324519</v>
      </c>
      <c r="F737" s="40">
        <v>12.133332999999993</v>
      </c>
      <c r="G737" s="40">
        <v>5.9485306365692061</v>
      </c>
      <c r="H737" s="40">
        <v>12.133334000000005</v>
      </c>
      <c r="I737" s="40">
        <v>4.8350399582052255</v>
      </c>
      <c r="J737" s="40">
        <v>12.1333287083334</v>
      </c>
      <c r="K737" s="40">
        <v>5.2850694434040255</v>
      </c>
      <c r="L737" s="40"/>
      <c r="M737" s="40"/>
      <c r="N737" s="40"/>
    </row>
    <row r="738" spans="4:14" x14ac:dyDescent="0.25">
      <c r="D738" s="40">
        <v>12.166181000000547</v>
      </c>
      <c r="E738" s="40">
        <v>7.9148933866822979</v>
      </c>
      <c r="F738" s="40">
        <v>12.149999999999991</v>
      </c>
      <c r="G738" s="40">
        <v>5.9532858806594255</v>
      </c>
      <c r="H738" s="40">
        <v>12.150000000000006</v>
      </c>
      <c r="I738" s="40">
        <v>4.838294084461813</v>
      </c>
      <c r="J738" s="40">
        <v>12.1499953690477</v>
      </c>
      <c r="K738" s="40">
        <v>5.2899204871132577</v>
      </c>
      <c r="L738" s="40"/>
      <c r="M738" s="40"/>
      <c r="N738" s="40"/>
    </row>
    <row r="739" spans="4:14" x14ac:dyDescent="0.25">
      <c r="D739" s="40">
        <v>12.182847000000548</v>
      </c>
      <c r="E739" s="40">
        <v>7.9197365652718466</v>
      </c>
      <c r="F739" s="40">
        <v>12.16666699999999</v>
      </c>
      <c r="G739" s="40">
        <v>5.9579012646292009</v>
      </c>
      <c r="H739" s="40">
        <v>12.166667000000004</v>
      </c>
      <c r="I739" s="40">
        <v>4.8449995567485029</v>
      </c>
      <c r="J739" s="40">
        <v>12.166662029762</v>
      </c>
      <c r="K739" s="40">
        <v>5.2947715308224907</v>
      </c>
      <c r="L739" s="40"/>
      <c r="M739" s="40"/>
      <c r="N739" s="40"/>
    </row>
    <row r="740" spans="4:14" x14ac:dyDescent="0.25">
      <c r="D740" s="40">
        <v>12.199513000000549</v>
      </c>
      <c r="E740" s="40">
        <v>7.9244372974322728</v>
      </c>
      <c r="F740" s="40">
        <v>12.18333299999999</v>
      </c>
      <c r="G740" s="40">
        <v>5.9626565087194212</v>
      </c>
      <c r="H740" s="40">
        <v>12.183334000000002</v>
      </c>
      <c r="I740" s="40">
        <v>4.8482536830052663</v>
      </c>
      <c r="J740" s="40">
        <v>12.1833286904763</v>
      </c>
      <c r="K740" s="40">
        <v>5.299622574531595</v>
      </c>
      <c r="L740" s="40"/>
      <c r="M740" s="40"/>
      <c r="N740" s="40"/>
    </row>
    <row r="741" spans="4:14" x14ac:dyDescent="0.25">
      <c r="D741" s="40">
        <v>12.216179000000549</v>
      </c>
      <c r="E741" s="40">
        <v>7.934123654611243</v>
      </c>
      <c r="F741" s="40">
        <v>12.199999999999989</v>
      </c>
      <c r="G741" s="40">
        <v>5.9674117528096398</v>
      </c>
      <c r="H741" s="40">
        <v>12.200000000000003</v>
      </c>
      <c r="I741" s="40">
        <v>4.8516064191485233</v>
      </c>
      <c r="J741" s="40">
        <v>12.1999953511905</v>
      </c>
      <c r="K741" s="40">
        <v>5.299622574531595</v>
      </c>
      <c r="L741" s="40"/>
      <c r="M741" s="40"/>
      <c r="N741" s="40"/>
    </row>
    <row r="742" spans="4:14" x14ac:dyDescent="0.25">
      <c r="D742" s="40">
        <v>12.23284500000055</v>
      </c>
      <c r="E742" s="40">
        <v>7.9389668332007917</v>
      </c>
      <c r="F742" s="40">
        <v>12.216667000000001</v>
      </c>
      <c r="G742" s="40">
        <v>5.972027136779416</v>
      </c>
      <c r="H742" s="40">
        <v>12.216667000000001</v>
      </c>
      <c r="I742" s="40">
        <v>4.8582132815487187</v>
      </c>
      <c r="J742" s="40">
        <v>12.2166620119048</v>
      </c>
      <c r="K742" s="40">
        <v>5.3043309404846557</v>
      </c>
      <c r="L742" s="40"/>
      <c r="M742" s="40"/>
      <c r="N742" s="40"/>
    </row>
    <row r="743" spans="4:14" x14ac:dyDescent="0.25">
      <c r="D743" s="40">
        <v>12.249511000000551</v>
      </c>
      <c r="E743" s="40">
        <v>7.9436675653610891</v>
      </c>
      <c r="F743" s="40">
        <v>12.233332999999988</v>
      </c>
      <c r="G743" s="40">
        <v>5.9767823808696354</v>
      </c>
      <c r="H743" s="40">
        <v>12.233334000000013</v>
      </c>
      <c r="I743" s="40">
        <v>4.8615660176919757</v>
      </c>
      <c r="J743" s="40">
        <v>12.2333286726191</v>
      </c>
      <c r="K743" s="40">
        <v>5.3043309404846557</v>
      </c>
      <c r="L743" s="40"/>
      <c r="M743" s="40"/>
      <c r="N743" s="40"/>
    </row>
    <row r="744" spans="4:14" x14ac:dyDescent="0.25">
      <c r="D744" s="40">
        <v>12.266177000000551</v>
      </c>
      <c r="E744" s="40">
        <v>7.9533539225401864</v>
      </c>
      <c r="F744" s="40">
        <v>12.25</v>
      </c>
      <c r="G744" s="40">
        <v>5.9861530089297545</v>
      </c>
      <c r="H744" s="40">
        <v>12.25</v>
      </c>
      <c r="I744" s="40">
        <v>4.8681728800919961</v>
      </c>
      <c r="J744" s="40">
        <v>12.2499953333334</v>
      </c>
      <c r="K744" s="40">
        <v>5.3091819841938879</v>
      </c>
      <c r="L744" s="40"/>
      <c r="M744" s="40"/>
      <c r="N744" s="40"/>
    </row>
    <row r="745" spans="4:14" x14ac:dyDescent="0.25">
      <c r="D745" s="40">
        <v>12.282843000000552</v>
      </c>
      <c r="E745" s="40">
        <v>7.9580546547006126</v>
      </c>
      <c r="F745" s="40">
        <v>12.266666999999998</v>
      </c>
      <c r="G745" s="40">
        <v>5.9909082530198505</v>
      </c>
      <c r="H745" s="40">
        <v>12.266667000000012</v>
      </c>
      <c r="I745" s="40">
        <v>4.871525616235254</v>
      </c>
      <c r="J745" s="40">
        <v>12.2666619940477</v>
      </c>
      <c r="K745" s="40">
        <v>5.314033027902993</v>
      </c>
      <c r="L745" s="40"/>
      <c r="M745" s="40"/>
      <c r="N745" s="40"/>
    </row>
    <row r="746" spans="4:14" x14ac:dyDescent="0.25">
      <c r="D746" s="40">
        <v>12.299509000000553</v>
      </c>
      <c r="E746" s="40">
        <v>7.9628978332900342</v>
      </c>
      <c r="F746" s="40">
        <v>12.283332999999999</v>
      </c>
      <c r="G746" s="40">
        <v>5.9956634971100691</v>
      </c>
      <c r="H746" s="40">
        <v>12.283334000000011</v>
      </c>
      <c r="I746" s="40">
        <v>4.8781324786354485</v>
      </c>
      <c r="J746" s="40">
        <v>12.283328654762</v>
      </c>
      <c r="K746" s="40">
        <v>5.3187413938560528</v>
      </c>
      <c r="L746" s="40"/>
      <c r="M746" s="40"/>
      <c r="N746" s="40"/>
    </row>
    <row r="747" spans="4:14" x14ac:dyDescent="0.25">
      <c r="D747" s="40">
        <v>12.316175000000554</v>
      </c>
      <c r="E747" s="40">
        <v>7.972441744040009</v>
      </c>
      <c r="F747" s="40">
        <v>12.299999999999997</v>
      </c>
      <c r="G747" s="40">
        <v>6.0002788810799697</v>
      </c>
      <c r="H747" s="40">
        <v>12.300000000000011</v>
      </c>
      <c r="I747" s="40">
        <v>4.8814852147787056</v>
      </c>
      <c r="J747" s="40">
        <v>12.2999953154763</v>
      </c>
      <c r="K747" s="40">
        <v>5.3235924375652859</v>
      </c>
      <c r="L747" s="40"/>
      <c r="M747" s="40"/>
      <c r="N747" s="40"/>
    </row>
    <row r="748" spans="4:14" x14ac:dyDescent="0.25">
      <c r="D748" s="40">
        <v>12.332841000000554</v>
      </c>
      <c r="E748" s="40">
        <v>7.9772849226294307</v>
      </c>
      <c r="F748" s="40">
        <v>12.316666999999995</v>
      </c>
      <c r="G748" s="40">
        <v>6.0050341251700647</v>
      </c>
      <c r="H748" s="40">
        <v>12.31666700000001</v>
      </c>
      <c r="I748" s="40">
        <v>4.888092077178726</v>
      </c>
      <c r="J748" s="40">
        <v>12.316661976190501</v>
      </c>
      <c r="K748" s="40">
        <v>5.3235924375652859</v>
      </c>
      <c r="L748" s="40"/>
      <c r="M748" s="40"/>
      <c r="N748" s="40"/>
    </row>
    <row r="749" spans="4:14" x14ac:dyDescent="0.25">
      <c r="D749" s="40">
        <v>12.349507000000555</v>
      </c>
      <c r="E749" s="40">
        <v>7.9821281012189775</v>
      </c>
      <c r="F749" s="40">
        <v>12.333332999999996</v>
      </c>
      <c r="G749" s="40">
        <v>6.0097893692602833</v>
      </c>
      <c r="H749" s="40">
        <v>12.333334000000008</v>
      </c>
      <c r="I749" s="40">
        <v>4.8914448133221589</v>
      </c>
      <c r="J749" s="40">
        <v>12.333328636904801</v>
      </c>
      <c r="K749" s="40">
        <v>5.3284434812745181</v>
      </c>
      <c r="L749" s="40"/>
      <c r="M749" s="40"/>
      <c r="N749" s="40"/>
    </row>
    <row r="750" spans="4:14" x14ac:dyDescent="0.25">
      <c r="D750" s="40">
        <v>12.366173000000556</v>
      </c>
      <c r="E750" s="40">
        <v>7.9868288333794037</v>
      </c>
      <c r="F750" s="40">
        <v>12.349999999999994</v>
      </c>
      <c r="G750" s="40">
        <v>6.0144047532301839</v>
      </c>
      <c r="H750" s="40">
        <v>12.350000000000009</v>
      </c>
      <c r="I750" s="40">
        <v>4.8980516757221784</v>
      </c>
      <c r="J750" s="40">
        <v>12.349995297619101</v>
      </c>
      <c r="K750" s="40">
        <v>5.3331518472274508</v>
      </c>
      <c r="L750" s="40"/>
      <c r="M750" s="40"/>
      <c r="N750" s="40"/>
    </row>
    <row r="751" spans="4:14" x14ac:dyDescent="0.25">
      <c r="D751" s="40">
        <v>12.382839000000557</v>
      </c>
      <c r="E751" s="40">
        <v>7.9916720119688254</v>
      </c>
      <c r="F751" s="40">
        <v>12.366666999999993</v>
      </c>
      <c r="G751" s="40">
        <v>6.0144047532301839</v>
      </c>
      <c r="H751" s="40">
        <v>12.366667000000007</v>
      </c>
      <c r="I751" s="40">
        <v>4.9014044118654354</v>
      </c>
      <c r="J751" s="40">
        <v>12.366661958333401</v>
      </c>
      <c r="K751" s="40">
        <v>5.3380028909366839</v>
      </c>
      <c r="L751" s="40"/>
      <c r="M751" s="40"/>
      <c r="N751" s="40"/>
    </row>
    <row r="752" spans="4:14" x14ac:dyDescent="0.25">
      <c r="D752" s="40">
        <v>12.399505000000557</v>
      </c>
      <c r="E752" s="40">
        <v>7.996515190558374</v>
      </c>
      <c r="F752" s="40">
        <v>12.383332999999993</v>
      </c>
      <c r="G752" s="40">
        <v>6.019159997320279</v>
      </c>
      <c r="H752" s="40">
        <v>12.383334000000005</v>
      </c>
      <c r="I752" s="40">
        <v>4.9080112742654558</v>
      </c>
      <c r="J752" s="40">
        <v>12.383328619047701</v>
      </c>
      <c r="K752" s="40">
        <v>5.3428539346459161</v>
      </c>
      <c r="L752" s="40"/>
      <c r="M752" s="40"/>
      <c r="N752" s="40"/>
    </row>
    <row r="753" spans="4:14" x14ac:dyDescent="0.25">
      <c r="D753" s="40">
        <v>12.416171000000558</v>
      </c>
      <c r="E753" s="40">
        <v>8.0012159227187993</v>
      </c>
      <c r="F753" s="40">
        <v>12.399999999999991</v>
      </c>
      <c r="G753" s="40">
        <v>6.0239152414104984</v>
      </c>
      <c r="H753" s="40">
        <v>12.400000000000006</v>
      </c>
      <c r="I753" s="40">
        <v>4.9147167465521457</v>
      </c>
      <c r="J753" s="40">
        <v>12.399995279762001</v>
      </c>
      <c r="K753" s="40">
        <v>5.3475623005988489</v>
      </c>
      <c r="L753" s="40"/>
      <c r="M753" s="40"/>
      <c r="N753" s="40"/>
    </row>
    <row r="754" spans="4:14" x14ac:dyDescent="0.25">
      <c r="D754" s="40">
        <v>12.432837000000559</v>
      </c>
      <c r="E754" s="40">
        <v>8.0109022798977705</v>
      </c>
      <c r="F754" s="40">
        <v>12.41666699999999</v>
      </c>
      <c r="G754" s="40">
        <v>6.0332858694706184</v>
      </c>
      <c r="H754" s="40">
        <v>12.416667000000004</v>
      </c>
      <c r="I754" s="40">
        <v>4.9180694826954037</v>
      </c>
      <c r="J754" s="40">
        <v>12.416661940476301</v>
      </c>
      <c r="K754" s="40">
        <v>5.3475623005988489</v>
      </c>
      <c r="L754" s="40"/>
      <c r="M754" s="40"/>
      <c r="N754" s="40"/>
    </row>
    <row r="755" spans="4:14" x14ac:dyDescent="0.25">
      <c r="D755" s="40">
        <v>12.44950300000056</v>
      </c>
      <c r="E755" s="40">
        <v>8.0156030120581949</v>
      </c>
      <c r="F755" s="40">
        <v>12.43333299999999</v>
      </c>
      <c r="G755" s="40">
        <v>6.0380411135607126</v>
      </c>
      <c r="H755" s="40">
        <v>12.433334000000002</v>
      </c>
      <c r="I755" s="40">
        <v>4.9246763450955982</v>
      </c>
      <c r="J755" s="40">
        <v>12.4333286011905</v>
      </c>
      <c r="K755" s="40">
        <v>5.3524133443080819</v>
      </c>
      <c r="L755" s="40"/>
      <c r="M755" s="40"/>
      <c r="N755" s="40"/>
    </row>
    <row r="756" spans="4:14" x14ac:dyDescent="0.25">
      <c r="D756" s="40">
        <v>12.46616900000056</v>
      </c>
      <c r="E756" s="40">
        <v>8.0204461906477427</v>
      </c>
      <c r="F756" s="40">
        <v>12.449999999999989</v>
      </c>
      <c r="G756" s="40">
        <v>6.0426564975306132</v>
      </c>
      <c r="H756" s="40">
        <v>12.450000000000003</v>
      </c>
      <c r="I756" s="40">
        <v>4.9280290812388552</v>
      </c>
      <c r="J756" s="40">
        <v>12.4499952619048</v>
      </c>
      <c r="K756" s="40">
        <v>5.3572643880173141</v>
      </c>
      <c r="L756" s="40"/>
      <c r="M756" s="40"/>
      <c r="N756" s="40"/>
    </row>
    <row r="757" spans="4:14" x14ac:dyDescent="0.25">
      <c r="D757" s="40">
        <v>12.482835000000561</v>
      </c>
      <c r="E757" s="40">
        <v>8.0252893692371643</v>
      </c>
      <c r="F757" s="40">
        <v>12.466667000000001</v>
      </c>
      <c r="G757" s="40">
        <v>6.0474117416208326</v>
      </c>
      <c r="H757" s="40">
        <v>12.466667000000001</v>
      </c>
      <c r="I757" s="40">
        <v>4.9346359436388756</v>
      </c>
      <c r="J757" s="40">
        <v>12.4666619226191</v>
      </c>
      <c r="K757" s="40">
        <v>5.3572643880173141</v>
      </c>
      <c r="L757" s="40"/>
      <c r="M757" s="40"/>
      <c r="N757" s="40"/>
    </row>
    <row r="758" spans="4:14" x14ac:dyDescent="0.25">
      <c r="D758" s="40">
        <v>12.499501000000562</v>
      </c>
      <c r="E758" s="40">
        <v>8.0299901013975905</v>
      </c>
      <c r="F758" s="40">
        <v>12.483332999999988</v>
      </c>
      <c r="G758" s="40">
        <v>6.0569222298011471</v>
      </c>
      <c r="H758" s="40">
        <v>12.483334000000013</v>
      </c>
      <c r="I758" s="40">
        <v>4.9379886797821335</v>
      </c>
      <c r="J758" s="40">
        <v>12.4833285833334</v>
      </c>
      <c r="K758" s="40">
        <v>5.3619727539703739</v>
      </c>
      <c r="L758" s="40"/>
      <c r="M758" s="40"/>
      <c r="N758" s="40"/>
    </row>
    <row r="759" spans="4:14" x14ac:dyDescent="0.25">
      <c r="D759" s="40">
        <v>12.516167000000562</v>
      </c>
      <c r="E759" s="40">
        <v>8.0396764585765617</v>
      </c>
      <c r="F759" s="40">
        <v>12.5</v>
      </c>
      <c r="G759" s="40">
        <v>6.0615376137710477</v>
      </c>
      <c r="H759" s="40">
        <v>12.5</v>
      </c>
      <c r="I759" s="40">
        <v>4.944595542182328</v>
      </c>
      <c r="J759" s="40">
        <v>12.4999952440477</v>
      </c>
      <c r="K759" s="40">
        <v>5.3619727539703739</v>
      </c>
      <c r="L759" s="40"/>
      <c r="M759" s="40"/>
      <c r="N759" s="40"/>
    </row>
    <row r="760" spans="4:14" x14ac:dyDescent="0.25">
      <c r="D760" s="40">
        <v>12.532833000000563</v>
      </c>
      <c r="E760" s="40">
        <v>8.0443771907369879</v>
      </c>
      <c r="F760" s="40">
        <v>12.516666999999998</v>
      </c>
      <c r="G760" s="40">
        <v>6.0662928578611428</v>
      </c>
      <c r="H760" s="40">
        <v>12.516667000000012</v>
      </c>
      <c r="I760" s="40">
        <v>4.947948278325585</v>
      </c>
      <c r="J760" s="40">
        <v>12.516661904762</v>
      </c>
      <c r="K760" s="40">
        <v>5.3668237976794799</v>
      </c>
      <c r="L760" s="40"/>
      <c r="M760" s="40"/>
      <c r="N760" s="40"/>
    </row>
    <row r="761" spans="4:14" x14ac:dyDescent="0.25">
      <c r="D761" s="40">
        <v>12.549499000000564</v>
      </c>
      <c r="E761" s="40">
        <v>8.0492203693265338</v>
      </c>
      <c r="F761" s="40">
        <v>12.533332999999999</v>
      </c>
      <c r="G761" s="40">
        <v>6.0710481019513614</v>
      </c>
      <c r="H761" s="40">
        <v>12.533334000000011</v>
      </c>
      <c r="I761" s="40">
        <v>4.9512024045823484</v>
      </c>
      <c r="J761" s="40">
        <v>12.5333285654763</v>
      </c>
      <c r="K761" s="40">
        <v>5.3716748413887112</v>
      </c>
      <c r="L761" s="40"/>
      <c r="M761" s="40"/>
      <c r="N761" s="40"/>
    </row>
    <row r="762" spans="4:14" x14ac:dyDescent="0.25">
      <c r="D762" s="40">
        <v>12.566165000000565</v>
      </c>
      <c r="E762" s="40">
        <v>8.0540635479159555</v>
      </c>
      <c r="F762" s="40">
        <v>12.549999999999997</v>
      </c>
      <c r="G762" s="40">
        <v>6.0756634859212619</v>
      </c>
      <c r="H762" s="40">
        <v>12.550000000000011</v>
      </c>
      <c r="I762" s="40">
        <v>4.9545551407256063</v>
      </c>
      <c r="J762" s="40">
        <v>12.5499952261905</v>
      </c>
      <c r="K762" s="40">
        <v>5.3763832073417719</v>
      </c>
      <c r="L762" s="40"/>
      <c r="M762" s="40"/>
      <c r="N762" s="40"/>
    </row>
    <row r="763" spans="4:14" x14ac:dyDescent="0.25">
      <c r="D763" s="40">
        <v>12.582831000000565</v>
      </c>
      <c r="E763" s="40">
        <v>8.0587642800763817</v>
      </c>
      <c r="F763" s="40">
        <v>12.566666999999995</v>
      </c>
      <c r="G763" s="40">
        <v>6.0804187300114814</v>
      </c>
      <c r="H763" s="40">
        <v>12.56666700000001</v>
      </c>
      <c r="I763" s="40">
        <v>4.9611620031256267</v>
      </c>
      <c r="J763" s="40">
        <v>12.5666618869048</v>
      </c>
      <c r="K763" s="40">
        <v>5.3812342510508779</v>
      </c>
      <c r="L763" s="40"/>
      <c r="M763" s="40"/>
      <c r="N763" s="40"/>
    </row>
    <row r="764" spans="4:14" x14ac:dyDescent="0.25">
      <c r="D764" s="40">
        <v>12.599497000000566</v>
      </c>
      <c r="E764" s="40">
        <v>8.0636074586659294</v>
      </c>
      <c r="F764" s="40">
        <v>12.583332999999996</v>
      </c>
      <c r="G764" s="40">
        <v>6.0851739741015765</v>
      </c>
      <c r="H764" s="40">
        <v>12.583334000000008</v>
      </c>
      <c r="I764" s="40">
        <v>4.9645147392690578</v>
      </c>
      <c r="J764" s="40">
        <v>12.5833285476191</v>
      </c>
      <c r="K764" s="40">
        <v>5.3860852947601092</v>
      </c>
      <c r="L764" s="40"/>
      <c r="M764" s="40"/>
      <c r="N764" s="40"/>
    </row>
    <row r="765" spans="4:14" x14ac:dyDescent="0.25">
      <c r="D765" s="40">
        <v>12.616163000000567</v>
      </c>
      <c r="E765" s="40">
        <v>8.068450637255479</v>
      </c>
      <c r="F765" s="40">
        <v>12.599999999999994</v>
      </c>
      <c r="G765" s="40">
        <v>6.089789358071477</v>
      </c>
      <c r="H765" s="40">
        <v>12.600000000000009</v>
      </c>
      <c r="I765" s="40">
        <v>4.9678674754123158</v>
      </c>
      <c r="J765" s="40">
        <v>12.5999952083334</v>
      </c>
      <c r="K765" s="40">
        <v>5.3907936607131699</v>
      </c>
      <c r="L765" s="40"/>
      <c r="M765" s="40"/>
      <c r="N765" s="40"/>
    </row>
    <row r="766" spans="4:14" x14ac:dyDescent="0.25">
      <c r="D766" s="40">
        <v>12.632829000000568</v>
      </c>
      <c r="E766" s="40">
        <v>8.0731513694157773</v>
      </c>
      <c r="F766" s="40">
        <v>12.616666999999993</v>
      </c>
      <c r="G766" s="40">
        <v>6.0992998462517907</v>
      </c>
      <c r="H766" s="40">
        <v>12.616667000000007</v>
      </c>
      <c r="I766" s="40">
        <v>4.9744743378123362</v>
      </c>
      <c r="J766" s="40">
        <v>12.6166618690477</v>
      </c>
      <c r="K766" s="40">
        <v>5.3956447044222751</v>
      </c>
      <c r="L766" s="40"/>
      <c r="M766" s="40"/>
      <c r="N766" s="40"/>
    </row>
    <row r="767" spans="4:14" x14ac:dyDescent="0.25">
      <c r="D767" s="40">
        <v>12.649495000000568</v>
      </c>
      <c r="E767" s="40">
        <v>8.0779945480053268</v>
      </c>
      <c r="F767" s="40">
        <v>12.633332999999993</v>
      </c>
      <c r="G767" s="40">
        <v>6.1039152302216912</v>
      </c>
      <c r="H767" s="40">
        <v>12.633334000000005</v>
      </c>
      <c r="I767" s="40">
        <v>4.9778270739557682</v>
      </c>
      <c r="J767" s="40">
        <v>12.633328529762</v>
      </c>
      <c r="K767" s="40">
        <v>5.4004957481315072</v>
      </c>
      <c r="L767" s="40"/>
      <c r="M767" s="40"/>
      <c r="N767" s="40"/>
    </row>
    <row r="768" spans="4:14" x14ac:dyDescent="0.25">
      <c r="D768" s="40">
        <v>12.666161000000569</v>
      </c>
      <c r="E768" s="40">
        <v>8.0828377265948745</v>
      </c>
      <c r="F768" s="40">
        <v>12.649999999999991</v>
      </c>
      <c r="G768" s="40">
        <v>6.1086704743119098</v>
      </c>
      <c r="H768" s="40">
        <v>12.650000000000006</v>
      </c>
      <c r="I768" s="40">
        <v>4.9810812002125315</v>
      </c>
      <c r="J768" s="40">
        <v>12.6499951904763</v>
      </c>
      <c r="K768" s="40">
        <v>5.4052041140845679</v>
      </c>
      <c r="L768" s="40"/>
      <c r="M768" s="40"/>
      <c r="N768" s="40"/>
    </row>
    <row r="769" spans="4:14" x14ac:dyDescent="0.25">
      <c r="D769" s="40">
        <v>12.68282700000057</v>
      </c>
      <c r="E769" s="40">
        <v>8.087538458755299</v>
      </c>
      <c r="F769" s="40">
        <v>12.66666699999999</v>
      </c>
      <c r="G769" s="40">
        <v>6.1134257184020058</v>
      </c>
      <c r="H769" s="40">
        <v>12.666667000000004</v>
      </c>
      <c r="I769" s="40">
        <v>4.9844339363557877</v>
      </c>
      <c r="J769" s="40">
        <v>12.666661851190501</v>
      </c>
      <c r="K769" s="40">
        <v>5.4052041140845679</v>
      </c>
      <c r="L769" s="40"/>
      <c r="M769" s="40"/>
      <c r="N769" s="40"/>
    </row>
    <row r="770" spans="4:14" x14ac:dyDescent="0.25">
      <c r="D770" s="40">
        <v>12.699493000000571</v>
      </c>
      <c r="E770" s="40">
        <v>8.0923816373447206</v>
      </c>
      <c r="F770" s="40">
        <v>12.68333299999999</v>
      </c>
      <c r="G770" s="40">
        <v>6.1180411023719055</v>
      </c>
      <c r="H770" s="40">
        <v>12.683334000000002</v>
      </c>
      <c r="I770" s="40">
        <v>4.9877866724990456</v>
      </c>
      <c r="J770" s="40">
        <v>12.683328511904801</v>
      </c>
      <c r="K770" s="40">
        <v>5.4100551577937992</v>
      </c>
      <c r="L770" s="40"/>
      <c r="M770" s="40"/>
      <c r="N770" s="40"/>
    </row>
    <row r="771" spans="4:14" x14ac:dyDescent="0.25">
      <c r="D771" s="40">
        <v>12.716159000000571</v>
      </c>
      <c r="E771" s="40">
        <v>8.0972248159342701</v>
      </c>
      <c r="F771" s="40">
        <v>12.699999999999989</v>
      </c>
      <c r="G771" s="40">
        <v>6.1227963464621249</v>
      </c>
      <c r="H771" s="40">
        <v>12.700000000000003</v>
      </c>
      <c r="I771" s="40">
        <v>4.9910407987558081</v>
      </c>
      <c r="J771" s="40">
        <v>12.699995172619101</v>
      </c>
      <c r="K771" s="40">
        <v>5.4149062015029052</v>
      </c>
      <c r="L771" s="40"/>
      <c r="M771" s="40"/>
      <c r="N771" s="40"/>
    </row>
    <row r="772" spans="4:14" x14ac:dyDescent="0.25">
      <c r="D772" s="40">
        <v>12.732825000000572</v>
      </c>
      <c r="E772" s="40">
        <v>8.1019255480946963</v>
      </c>
      <c r="F772" s="40">
        <v>12.716667000000001</v>
      </c>
      <c r="G772" s="40">
        <v>6.12755159055222</v>
      </c>
      <c r="H772" s="40">
        <v>12.716667000000001</v>
      </c>
      <c r="I772" s="40">
        <v>4.997746271042498</v>
      </c>
      <c r="J772" s="40">
        <v>12.716661833333401</v>
      </c>
      <c r="K772" s="40">
        <v>5.4149062015029052</v>
      </c>
      <c r="L772" s="40"/>
      <c r="M772" s="40"/>
      <c r="N772" s="40"/>
    </row>
    <row r="773" spans="4:14" x14ac:dyDescent="0.25">
      <c r="D773" s="40">
        <v>12.749491000000573</v>
      </c>
      <c r="E773" s="40">
        <v>8.106768726684118</v>
      </c>
      <c r="F773" s="40">
        <v>12.733332999999988</v>
      </c>
      <c r="G773" s="40">
        <v>6.12755159055222</v>
      </c>
      <c r="H773" s="40">
        <v>12.733334000000013</v>
      </c>
      <c r="I773" s="40">
        <v>5.0010003972992614</v>
      </c>
      <c r="J773" s="40">
        <v>12.733328494047701</v>
      </c>
      <c r="K773" s="40">
        <v>5.419614567455965</v>
      </c>
      <c r="L773" s="40"/>
      <c r="M773" s="40"/>
      <c r="N773" s="40"/>
    </row>
    <row r="774" spans="4:14" x14ac:dyDescent="0.25">
      <c r="D774" s="40">
        <v>12.766157000000574</v>
      </c>
      <c r="E774" s="40">
        <v>8.1163126374340901</v>
      </c>
      <c r="F774" s="40">
        <v>12.75</v>
      </c>
      <c r="G774" s="40">
        <v>6.1321669745221206</v>
      </c>
      <c r="H774" s="40">
        <v>12.75</v>
      </c>
      <c r="I774" s="40">
        <v>5.0043531334425184</v>
      </c>
      <c r="J774" s="40">
        <v>12.749995154762001</v>
      </c>
      <c r="K774" s="40">
        <v>5.4244656111651972</v>
      </c>
      <c r="L774" s="40"/>
      <c r="M774" s="40"/>
      <c r="N774" s="40"/>
    </row>
    <row r="775" spans="4:14" x14ac:dyDescent="0.25">
      <c r="D775" s="40">
        <v>12.782823000000574</v>
      </c>
      <c r="E775" s="40">
        <v>8.1211558160235118</v>
      </c>
      <c r="F775" s="40">
        <v>12.766666999999998</v>
      </c>
      <c r="G775" s="40">
        <v>6.1416774627025594</v>
      </c>
      <c r="H775" s="40">
        <v>12.766667000000012</v>
      </c>
      <c r="I775" s="40">
        <v>5.0077058695857755</v>
      </c>
      <c r="J775" s="40">
        <v>12.766661815476301</v>
      </c>
      <c r="K775" s="40">
        <v>5.4244656111651972</v>
      </c>
      <c r="L775" s="40"/>
      <c r="M775" s="40"/>
      <c r="N775" s="40"/>
    </row>
    <row r="776" spans="4:14" x14ac:dyDescent="0.25">
      <c r="D776" s="40">
        <v>12.799489000000575</v>
      </c>
      <c r="E776" s="40">
        <v>8.1259989946130613</v>
      </c>
      <c r="F776" s="40">
        <v>12.783332999999999</v>
      </c>
      <c r="G776" s="40">
        <v>6.1462928466723348</v>
      </c>
      <c r="H776" s="40">
        <v>12.783334000000011</v>
      </c>
      <c r="I776" s="40">
        <v>5.0109599958425379</v>
      </c>
      <c r="J776" s="40">
        <v>12.7833284761905</v>
      </c>
      <c r="K776" s="40">
        <v>5.4293166548743033</v>
      </c>
      <c r="L776" s="40"/>
      <c r="M776" s="40"/>
      <c r="N776" s="40"/>
    </row>
    <row r="777" spans="4:14" x14ac:dyDescent="0.25">
      <c r="D777" s="40">
        <v>12.816155000000576</v>
      </c>
      <c r="E777" s="40">
        <v>8.130842173202609</v>
      </c>
      <c r="F777" s="40">
        <v>12.799999999999997</v>
      </c>
      <c r="G777" s="40">
        <v>6.1510480907625551</v>
      </c>
      <c r="H777" s="40">
        <v>12.800000000000011</v>
      </c>
      <c r="I777" s="40">
        <v>5.0143127319857959</v>
      </c>
      <c r="J777" s="40">
        <v>12.7999951369048</v>
      </c>
      <c r="K777" s="40">
        <v>5.4340250208273631</v>
      </c>
      <c r="L777" s="40"/>
      <c r="M777" s="40"/>
      <c r="N777" s="40"/>
    </row>
    <row r="778" spans="4:14" x14ac:dyDescent="0.25">
      <c r="D778" s="40">
        <v>12.832821000000576</v>
      </c>
      <c r="E778" s="40">
        <v>8.1355429053629091</v>
      </c>
      <c r="F778" s="40">
        <v>12.816666999999995</v>
      </c>
      <c r="G778" s="40">
        <v>6.1558033348527736</v>
      </c>
      <c r="H778" s="40">
        <v>12.81666700000001</v>
      </c>
      <c r="I778" s="40">
        <v>5.0176654681292279</v>
      </c>
      <c r="J778" s="40">
        <v>12.8166617976191</v>
      </c>
      <c r="K778" s="40">
        <v>5.4340250208273631</v>
      </c>
      <c r="L778" s="40"/>
      <c r="M778" s="40"/>
      <c r="N778" s="40"/>
    </row>
    <row r="779" spans="4:14" x14ac:dyDescent="0.25">
      <c r="D779" s="40">
        <v>12.849487000000577</v>
      </c>
      <c r="E779" s="40">
        <v>8.1452292625420064</v>
      </c>
      <c r="F779" s="40">
        <v>12.833332999999996</v>
      </c>
      <c r="G779" s="40">
        <v>6.1604187188226742</v>
      </c>
      <c r="H779" s="40">
        <v>12.833334000000008</v>
      </c>
      <c r="I779" s="40">
        <v>5.0242723305292483</v>
      </c>
      <c r="J779" s="40">
        <v>12.8333284583334</v>
      </c>
      <c r="K779" s="40">
        <v>5.4388760645365952</v>
      </c>
      <c r="L779" s="40"/>
      <c r="M779" s="40"/>
      <c r="N779" s="40"/>
    </row>
    <row r="780" spans="4:14" x14ac:dyDescent="0.25">
      <c r="D780" s="40">
        <v>12.866153000000578</v>
      </c>
      <c r="E780" s="40">
        <v>8.1499299947024326</v>
      </c>
      <c r="F780" s="40">
        <v>12.849999999999994</v>
      </c>
      <c r="G780" s="40">
        <v>6.1651739629127693</v>
      </c>
      <c r="H780" s="40">
        <v>12.850000000000009</v>
      </c>
      <c r="I780" s="40">
        <v>5.0276250666725062</v>
      </c>
      <c r="J780" s="40">
        <v>12.8499951190477</v>
      </c>
      <c r="K780" s="40">
        <v>5.4437271082457013</v>
      </c>
      <c r="L780" s="40"/>
      <c r="M780" s="40"/>
      <c r="N780" s="40"/>
    </row>
    <row r="781" spans="4:14" x14ac:dyDescent="0.25">
      <c r="D781" s="40">
        <v>12.882819000000579</v>
      </c>
      <c r="E781" s="40">
        <v>8.1547731732918542</v>
      </c>
      <c r="F781" s="40">
        <v>12.866666999999993</v>
      </c>
      <c r="G781" s="40">
        <v>6.1699292070029879</v>
      </c>
      <c r="H781" s="40">
        <v>12.866667000000007</v>
      </c>
      <c r="I781" s="40">
        <v>5.0308791929292687</v>
      </c>
      <c r="J781" s="40">
        <v>12.866661779762</v>
      </c>
      <c r="K781" s="40">
        <v>5.4484354741987611</v>
      </c>
      <c r="L781" s="40"/>
      <c r="M781" s="40"/>
      <c r="N781" s="40"/>
    </row>
    <row r="782" spans="4:14" x14ac:dyDescent="0.25">
      <c r="D782" s="40">
        <v>12.899485000000579</v>
      </c>
      <c r="E782" s="40">
        <v>8.1643170840418264</v>
      </c>
      <c r="F782" s="40">
        <v>12.883332999999993</v>
      </c>
      <c r="G782" s="40">
        <v>6.1745445909728884</v>
      </c>
      <c r="H782" s="40">
        <v>12.883334000000005</v>
      </c>
      <c r="I782" s="40">
        <v>5.0375846652159586</v>
      </c>
      <c r="J782" s="40">
        <v>12.8833284404763</v>
      </c>
      <c r="K782" s="40">
        <v>5.4532865179079932</v>
      </c>
      <c r="L782" s="40"/>
      <c r="M782" s="40"/>
      <c r="N782" s="40"/>
    </row>
    <row r="783" spans="4:14" x14ac:dyDescent="0.25">
      <c r="D783" s="40">
        <v>12.91615100000058</v>
      </c>
      <c r="E783" s="40">
        <v>8.1691602626312481</v>
      </c>
      <c r="F783" s="40">
        <v>12.899999999999991</v>
      </c>
      <c r="G783" s="40">
        <v>6.184055079153203</v>
      </c>
      <c r="H783" s="40">
        <v>12.900000000000006</v>
      </c>
      <c r="I783" s="40">
        <v>5.044191527615979</v>
      </c>
      <c r="J783" s="40">
        <v>12.8999951011905</v>
      </c>
      <c r="K783" s="40">
        <v>5.4581375616172263</v>
      </c>
      <c r="L783" s="40"/>
      <c r="M783" s="40"/>
      <c r="N783" s="40"/>
    </row>
    <row r="784" spans="4:14" x14ac:dyDescent="0.25">
      <c r="D784" s="40">
        <v>12.932817000000581</v>
      </c>
      <c r="E784" s="40">
        <v>8.178704173381222</v>
      </c>
      <c r="F784" s="40">
        <v>12.91666699999999</v>
      </c>
      <c r="G784" s="40">
        <v>6.1886704631231035</v>
      </c>
      <c r="H784" s="40">
        <v>12.916667000000004</v>
      </c>
      <c r="I784" s="40">
        <v>5.047544263759236</v>
      </c>
      <c r="J784" s="40">
        <v>12.9166617619048</v>
      </c>
      <c r="K784" s="40">
        <v>5.4628459275701591</v>
      </c>
      <c r="L784" s="40"/>
      <c r="M784" s="40"/>
      <c r="N784" s="40"/>
    </row>
    <row r="785" spans="4:14" x14ac:dyDescent="0.25">
      <c r="D785" s="40">
        <v>12.949483000000582</v>
      </c>
      <c r="E785" s="40">
        <v>8.1835473519706454</v>
      </c>
      <c r="F785" s="40">
        <v>12.93333299999999</v>
      </c>
      <c r="G785" s="40">
        <v>6.1934257072131986</v>
      </c>
      <c r="H785" s="40">
        <v>12.933334000000002</v>
      </c>
      <c r="I785" s="40">
        <v>5.0541511261594305</v>
      </c>
      <c r="J785" s="40">
        <v>12.9333284226191</v>
      </c>
      <c r="K785" s="40">
        <v>5.4676969712793912</v>
      </c>
      <c r="L785" s="40"/>
      <c r="M785" s="40"/>
      <c r="N785" s="40"/>
    </row>
    <row r="786" spans="4:14" x14ac:dyDescent="0.25">
      <c r="D786" s="40">
        <v>12.966149000000582</v>
      </c>
      <c r="E786" s="40">
        <v>8.1883905305601932</v>
      </c>
      <c r="F786" s="40">
        <v>12.949999999999989</v>
      </c>
      <c r="G786" s="40">
        <v>6.1981809513034172</v>
      </c>
      <c r="H786" s="40">
        <v>12.950000000000003</v>
      </c>
      <c r="I786" s="40">
        <v>5.0575038623026884</v>
      </c>
      <c r="J786" s="40">
        <v>12.9499950833334</v>
      </c>
      <c r="K786" s="40">
        <v>5.4725480149886234</v>
      </c>
      <c r="L786" s="40"/>
      <c r="M786" s="40"/>
      <c r="N786" s="40"/>
    </row>
    <row r="787" spans="4:14" x14ac:dyDescent="0.25">
      <c r="D787" s="40">
        <v>12.982815000000583</v>
      </c>
      <c r="E787" s="40">
        <v>8.1979344413101654</v>
      </c>
      <c r="F787" s="40">
        <v>12.966667000000001</v>
      </c>
      <c r="G787" s="40">
        <v>6.2027963352733178</v>
      </c>
      <c r="H787" s="40">
        <v>12.966667000000001</v>
      </c>
      <c r="I787" s="40">
        <v>5.0641107247027088</v>
      </c>
      <c r="J787" s="40">
        <v>12.9666617440477</v>
      </c>
      <c r="K787" s="40">
        <v>5.4773990586977286</v>
      </c>
      <c r="L787" s="40"/>
      <c r="M787" s="40"/>
      <c r="N787" s="40"/>
    </row>
    <row r="788" spans="4:14" x14ac:dyDescent="0.25">
      <c r="D788" s="40">
        <v>12.999481000000584</v>
      </c>
      <c r="E788" s="40">
        <v>8.2074783520600132</v>
      </c>
      <c r="F788" s="40">
        <v>12.983332999999988</v>
      </c>
      <c r="G788" s="40">
        <v>6.2075515793634128</v>
      </c>
      <c r="H788" s="40">
        <v>12.983334000000013</v>
      </c>
      <c r="I788" s="40">
        <v>5.0674634608461409</v>
      </c>
      <c r="J788" s="40">
        <v>12.983328404762</v>
      </c>
      <c r="K788" s="40">
        <v>5.4821074246507884</v>
      </c>
      <c r="L788" s="40"/>
      <c r="M788" s="40"/>
      <c r="N788" s="40"/>
    </row>
    <row r="789" spans="4:14" x14ac:dyDescent="0.25">
      <c r="D789" s="40">
        <v>13.016147000000585</v>
      </c>
      <c r="E789" s="40">
        <v>8.2123215306495627</v>
      </c>
      <c r="F789" s="40">
        <v>13</v>
      </c>
      <c r="G789" s="40">
        <v>6.216922207423532</v>
      </c>
      <c r="H789" s="40">
        <v>13</v>
      </c>
      <c r="I789" s="40">
        <v>5.0740703232461604</v>
      </c>
      <c r="J789" s="40">
        <v>12.9999950654763</v>
      </c>
      <c r="K789" s="40">
        <v>5.4869584683600214</v>
      </c>
      <c r="L789" s="40"/>
      <c r="M789" s="40"/>
      <c r="N789" s="40"/>
    </row>
    <row r="790" spans="4:14" x14ac:dyDescent="0.25">
      <c r="D790" s="40">
        <v>13.032813000000585</v>
      </c>
      <c r="E790" s="40">
        <v>8.2218654413994106</v>
      </c>
      <c r="F790" s="40">
        <v>13.016666999999998</v>
      </c>
      <c r="G790" s="40">
        <v>6.2216774515137523</v>
      </c>
      <c r="H790" s="40">
        <v>13.016667000000012</v>
      </c>
      <c r="I790" s="40">
        <v>5.0774230593894183</v>
      </c>
      <c r="J790" s="40">
        <v>13.016661726190501</v>
      </c>
      <c r="K790" s="40">
        <v>5.4918095120691266</v>
      </c>
      <c r="L790" s="40"/>
      <c r="M790" s="40"/>
      <c r="N790" s="40"/>
    </row>
    <row r="791" spans="4:14" x14ac:dyDescent="0.25">
      <c r="D791" s="40">
        <v>13.049479000000586</v>
      </c>
      <c r="E791" s="40">
        <v>8.2315517985783782</v>
      </c>
      <c r="F791" s="40">
        <v>13.033332999999999</v>
      </c>
      <c r="G791" s="40">
        <v>6.2264326956038465</v>
      </c>
      <c r="H791" s="40">
        <v>13.033334000000011</v>
      </c>
      <c r="I791" s="40">
        <v>5.0840299217894387</v>
      </c>
      <c r="J791" s="40">
        <v>13.033328386904801</v>
      </c>
      <c r="K791" s="40">
        <v>5.4918095120691266</v>
      </c>
      <c r="L791" s="40"/>
      <c r="M791" s="40"/>
      <c r="N791" s="40"/>
    </row>
    <row r="792" spans="4:14" x14ac:dyDescent="0.25">
      <c r="D792" s="40">
        <v>13.066145000000587</v>
      </c>
      <c r="E792" s="40">
        <v>8.2362525307388044</v>
      </c>
      <c r="F792" s="40">
        <v>13.049999999999997</v>
      </c>
      <c r="G792" s="40">
        <v>6.2358033236639665</v>
      </c>
      <c r="H792" s="40">
        <v>13.050000000000011</v>
      </c>
      <c r="I792" s="40">
        <v>5.0873826579328707</v>
      </c>
      <c r="J792" s="40">
        <v>13.049995047619101</v>
      </c>
      <c r="K792" s="40">
        <v>5.4965178780221864</v>
      </c>
      <c r="L792" s="40"/>
      <c r="M792" s="40"/>
      <c r="N792" s="40"/>
    </row>
    <row r="793" spans="4:14" x14ac:dyDescent="0.25">
      <c r="D793" s="40">
        <v>13.082811000000587</v>
      </c>
      <c r="E793" s="40">
        <v>8.2459388879177755</v>
      </c>
      <c r="F793" s="40">
        <v>13.066666999999995</v>
      </c>
      <c r="G793" s="40">
        <v>6.2405585677540607</v>
      </c>
      <c r="H793" s="40">
        <v>13.06666700000001</v>
      </c>
      <c r="I793" s="40">
        <v>5.0939895203328902</v>
      </c>
      <c r="J793" s="40">
        <v>13.066661708333401</v>
      </c>
      <c r="K793" s="40">
        <v>5.5013689217314194</v>
      </c>
      <c r="L793" s="40"/>
      <c r="M793" s="40"/>
      <c r="N793" s="40"/>
    </row>
    <row r="794" spans="4:14" x14ac:dyDescent="0.25">
      <c r="D794" s="40">
        <v>13.099477000000588</v>
      </c>
      <c r="E794" s="40">
        <v>8.2506396200782017</v>
      </c>
      <c r="F794" s="40">
        <v>13.083332999999996</v>
      </c>
      <c r="G794" s="40">
        <v>6.245313811844281</v>
      </c>
      <c r="H794" s="40">
        <v>13.083334000000008</v>
      </c>
      <c r="I794" s="40">
        <v>5.0973422564761481</v>
      </c>
      <c r="J794" s="40">
        <v>13.083328369047701</v>
      </c>
      <c r="K794" s="40">
        <v>5.5062199654405246</v>
      </c>
      <c r="L794" s="40"/>
      <c r="M794" s="40"/>
      <c r="N794" s="40"/>
    </row>
    <row r="795" spans="4:14" x14ac:dyDescent="0.25">
      <c r="D795" s="40">
        <v>13.116143000000589</v>
      </c>
      <c r="E795" s="40">
        <v>8.2603259772572972</v>
      </c>
      <c r="F795" s="40">
        <v>13.099999999999994</v>
      </c>
      <c r="G795" s="40">
        <v>6.2546844399042758</v>
      </c>
      <c r="H795" s="40">
        <v>13.100000000000009</v>
      </c>
      <c r="I795" s="40">
        <v>5.1039491188761685</v>
      </c>
      <c r="J795" s="40">
        <v>13.099995029762001</v>
      </c>
      <c r="K795" s="40">
        <v>5.5109283313935844</v>
      </c>
      <c r="L795" s="40"/>
      <c r="M795" s="40"/>
      <c r="N795" s="40"/>
    </row>
    <row r="796" spans="4:14" x14ac:dyDescent="0.25">
      <c r="D796" s="40">
        <v>13.13280900000059</v>
      </c>
      <c r="E796" s="40">
        <v>8.2650267094175955</v>
      </c>
      <c r="F796" s="40">
        <v>13.116666999999993</v>
      </c>
      <c r="G796" s="40">
        <v>6.2594396839944952</v>
      </c>
      <c r="H796" s="40">
        <v>13.116667000000007</v>
      </c>
      <c r="I796" s="40">
        <v>5.1106545911628585</v>
      </c>
      <c r="J796" s="40">
        <v>13.116661690476301</v>
      </c>
      <c r="K796" s="40">
        <v>5.5157793751028175</v>
      </c>
      <c r="L796" s="40"/>
      <c r="M796" s="40"/>
      <c r="N796" s="40"/>
    </row>
    <row r="797" spans="4:14" x14ac:dyDescent="0.25">
      <c r="D797" s="40">
        <v>13.14947500000059</v>
      </c>
      <c r="E797" s="40">
        <v>8.2698698880071451</v>
      </c>
      <c r="F797" s="40">
        <v>13.133332999999993</v>
      </c>
      <c r="G797" s="40">
        <v>6.2640550679643958</v>
      </c>
      <c r="H797" s="40">
        <v>13.133334000000005</v>
      </c>
      <c r="I797" s="40">
        <v>5.1139087174196209</v>
      </c>
      <c r="J797" s="40">
        <v>13.133328351190499</v>
      </c>
      <c r="K797" s="40">
        <v>5.5206304188120496</v>
      </c>
      <c r="L797" s="40"/>
      <c r="M797" s="40"/>
      <c r="N797" s="40"/>
    </row>
    <row r="798" spans="4:14" x14ac:dyDescent="0.25">
      <c r="D798" s="40">
        <v>13.166141000000591</v>
      </c>
      <c r="E798" s="40">
        <v>8.279413798757119</v>
      </c>
      <c r="F798" s="40">
        <v>13.149999999999991</v>
      </c>
      <c r="G798" s="40">
        <v>6.2735655561447103</v>
      </c>
      <c r="H798" s="40">
        <v>13.150000000000006</v>
      </c>
      <c r="I798" s="40">
        <v>5.1206141897063109</v>
      </c>
      <c r="J798" s="40">
        <v>13.149995011904799</v>
      </c>
      <c r="K798" s="40">
        <v>5.5253387847649824</v>
      </c>
      <c r="L798" s="40"/>
      <c r="M798" s="40"/>
      <c r="N798" s="40"/>
    </row>
    <row r="799" spans="4:14" x14ac:dyDescent="0.25">
      <c r="D799" s="40">
        <v>13.182807000000592</v>
      </c>
      <c r="E799" s="40">
        <v>8.2842569773465407</v>
      </c>
      <c r="F799" s="40">
        <v>13.16666699999999</v>
      </c>
      <c r="G799" s="40">
        <v>6.27818094011461</v>
      </c>
      <c r="H799" s="40">
        <v>13.166667000000004</v>
      </c>
      <c r="I799" s="40">
        <v>5.1238683159630733</v>
      </c>
      <c r="J799" s="40">
        <v>13.166661672619099</v>
      </c>
      <c r="K799" s="40">
        <v>5.5301898284742155</v>
      </c>
      <c r="L799" s="40"/>
      <c r="M799" s="40"/>
      <c r="N799" s="40"/>
    </row>
    <row r="800" spans="4:14" x14ac:dyDescent="0.25">
      <c r="D800" s="40">
        <v>13.199473000000593</v>
      </c>
      <c r="E800" s="40">
        <v>8.2891001559360902</v>
      </c>
      <c r="F800" s="40">
        <v>13.18333299999999</v>
      </c>
      <c r="G800" s="40">
        <v>6.2829361842048295</v>
      </c>
      <c r="H800" s="40">
        <v>13.183334000000002</v>
      </c>
      <c r="I800" s="40">
        <v>5.1305737882495883</v>
      </c>
      <c r="J800" s="40">
        <v>13.183328333333399</v>
      </c>
      <c r="K800" s="40">
        <v>5.5350408721834476</v>
      </c>
      <c r="L800" s="40"/>
      <c r="M800" s="40"/>
      <c r="N800" s="40"/>
    </row>
    <row r="801" spans="4:14" x14ac:dyDescent="0.25">
      <c r="D801" s="40">
        <v>13.216139000000593</v>
      </c>
      <c r="E801" s="40">
        <v>8.2986440666859362</v>
      </c>
      <c r="F801" s="40">
        <v>13.199999999999989</v>
      </c>
      <c r="G801" s="40">
        <v>6.2876914282949246</v>
      </c>
      <c r="H801" s="40">
        <v>13.200000000000003</v>
      </c>
      <c r="I801" s="40">
        <v>5.1338279145063517</v>
      </c>
      <c r="J801" s="40">
        <v>13.199994994047699</v>
      </c>
      <c r="K801" s="40">
        <v>5.5350408721834476</v>
      </c>
      <c r="L801" s="40"/>
      <c r="M801" s="40"/>
      <c r="N801" s="40"/>
    </row>
    <row r="802" spans="4:14" x14ac:dyDescent="0.25">
      <c r="D802" s="40">
        <v>13.232805000000594</v>
      </c>
      <c r="E802" s="40">
        <v>8.303487245275484</v>
      </c>
      <c r="F802" s="40">
        <v>13.216667000000001</v>
      </c>
      <c r="G802" s="40">
        <v>6.2970620563550437</v>
      </c>
      <c r="H802" s="40">
        <v>13.216667000000001</v>
      </c>
      <c r="I802" s="40">
        <v>5.1405333867930407</v>
      </c>
      <c r="J802" s="40">
        <v>13.216661654762</v>
      </c>
      <c r="K802" s="40">
        <v>5.5397492381363804</v>
      </c>
      <c r="L802" s="40"/>
      <c r="M802" s="40"/>
      <c r="N802" s="40"/>
    </row>
    <row r="803" spans="4:14" x14ac:dyDescent="0.25">
      <c r="D803" s="40">
        <v>13.249471000000595</v>
      </c>
      <c r="E803" s="40">
        <v>8.3130311560253318</v>
      </c>
      <c r="F803" s="40">
        <v>13.233332999999988</v>
      </c>
      <c r="G803" s="40">
        <v>6.2970620563550437</v>
      </c>
      <c r="H803" s="40">
        <v>13.233334000000013</v>
      </c>
      <c r="I803" s="40">
        <v>5.1437875130498032</v>
      </c>
      <c r="J803" s="40">
        <v>13.2333283154763</v>
      </c>
      <c r="K803" s="40">
        <v>5.5446002818456126</v>
      </c>
      <c r="L803" s="40"/>
      <c r="M803" s="40"/>
      <c r="N803" s="40"/>
    </row>
    <row r="804" spans="4:14" x14ac:dyDescent="0.25">
      <c r="D804" s="40">
        <v>13.266137000000596</v>
      </c>
      <c r="E804" s="40">
        <v>8.3178743346148796</v>
      </c>
      <c r="F804" s="40">
        <v>13.25</v>
      </c>
      <c r="G804" s="40">
        <v>6.3018173004451388</v>
      </c>
      <c r="H804" s="40">
        <v>13.25</v>
      </c>
      <c r="I804" s="40">
        <v>5.1504929853363182</v>
      </c>
      <c r="J804" s="40">
        <v>13.2499949761905</v>
      </c>
      <c r="K804" s="40">
        <v>5.5494513255548448</v>
      </c>
      <c r="L804" s="40"/>
      <c r="M804" s="40"/>
      <c r="N804" s="40"/>
    </row>
    <row r="805" spans="4:14" x14ac:dyDescent="0.25">
      <c r="D805" s="40">
        <v>13.282803000000596</v>
      </c>
      <c r="E805" s="40">
        <v>8.3227175132044291</v>
      </c>
      <c r="F805" s="40">
        <v>13.266666999999998</v>
      </c>
      <c r="G805" s="40">
        <v>6.3064326844150393</v>
      </c>
      <c r="H805" s="40">
        <v>13.266667000000012</v>
      </c>
      <c r="I805" s="40">
        <v>5.1537471115930815</v>
      </c>
      <c r="J805" s="40">
        <v>13.2666616369048</v>
      </c>
      <c r="K805" s="40">
        <v>5.5541596915079054</v>
      </c>
      <c r="L805" s="40"/>
      <c r="M805" s="40"/>
      <c r="N805" s="40"/>
    </row>
    <row r="806" spans="4:14" x14ac:dyDescent="0.25">
      <c r="D806" s="40">
        <v>13.299469000000597</v>
      </c>
      <c r="E806" s="40">
        <v>8.3322614239542752</v>
      </c>
      <c r="F806" s="40">
        <v>13.283332999999999</v>
      </c>
      <c r="G806" s="40">
        <v>6.3111879285052588</v>
      </c>
      <c r="H806" s="40">
        <v>13.283334000000011</v>
      </c>
      <c r="I806" s="40">
        <v>5.1570998477365126</v>
      </c>
      <c r="J806" s="40">
        <v>13.2833282976191</v>
      </c>
      <c r="K806" s="40">
        <v>5.5541596915079054</v>
      </c>
      <c r="L806" s="40"/>
      <c r="M806" s="40"/>
      <c r="N806" s="40"/>
    </row>
    <row r="807" spans="4:14" x14ac:dyDescent="0.25">
      <c r="D807" s="40">
        <v>13.316135000000598</v>
      </c>
      <c r="E807" s="40">
        <v>8.3371046025438229</v>
      </c>
      <c r="F807" s="40">
        <v>13.299999999999997</v>
      </c>
      <c r="G807" s="40">
        <v>6.3159431725953539</v>
      </c>
      <c r="H807" s="40">
        <v>13.300000000000011</v>
      </c>
      <c r="I807" s="40">
        <v>5.1604525838797706</v>
      </c>
      <c r="J807" s="40">
        <v>13.2999949583334</v>
      </c>
      <c r="K807" s="40">
        <v>5.5590107352170106</v>
      </c>
      <c r="L807" s="40"/>
      <c r="M807" s="40"/>
      <c r="N807" s="40"/>
    </row>
    <row r="808" spans="4:14" x14ac:dyDescent="0.25">
      <c r="D808" s="40">
        <v>13.332801000000599</v>
      </c>
      <c r="E808" s="40">
        <v>8.3466485132936707</v>
      </c>
      <c r="F808" s="40">
        <v>13.316666999999995</v>
      </c>
      <c r="G808" s="40">
        <v>6.3205585565652544</v>
      </c>
      <c r="H808" s="40">
        <v>13.31666700000001</v>
      </c>
      <c r="I808" s="40">
        <v>5.163706710136533</v>
      </c>
      <c r="J808" s="40">
        <v>13.3166616190477</v>
      </c>
      <c r="K808" s="40">
        <v>5.5638617789262428</v>
      </c>
      <c r="L808" s="40"/>
      <c r="M808" s="40"/>
      <c r="N808" s="40"/>
    </row>
    <row r="809" spans="4:14" x14ac:dyDescent="0.25">
      <c r="D809" s="40">
        <v>13.349467000000599</v>
      </c>
      <c r="E809" s="40">
        <v>8.3514916918832203</v>
      </c>
      <c r="F809" s="40">
        <v>13.333332999999996</v>
      </c>
      <c r="G809" s="40">
        <v>6.325313800655473</v>
      </c>
      <c r="H809" s="40">
        <v>13.333334000000008</v>
      </c>
      <c r="I809" s="40">
        <v>5.167059446279791</v>
      </c>
      <c r="J809" s="40">
        <v>13.333328279762</v>
      </c>
      <c r="K809" s="40">
        <v>5.5685701448793035</v>
      </c>
      <c r="L809" s="40"/>
      <c r="M809" s="40"/>
      <c r="N809" s="40"/>
    </row>
    <row r="810" spans="4:14" x14ac:dyDescent="0.25">
      <c r="D810" s="40">
        <v>13.3661330000006</v>
      </c>
      <c r="E810" s="40">
        <v>8.3561924240436465</v>
      </c>
      <c r="F810" s="40">
        <v>13.349999999999994</v>
      </c>
      <c r="G810" s="40">
        <v>6.3300690447456924</v>
      </c>
      <c r="H810" s="40">
        <v>13.350000000000009</v>
      </c>
      <c r="I810" s="40">
        <v>5.1736663086798114</v>
      </c>
      <c r="J810" s="40">
        <v>13.3499949404763</v>
      </c>
      <c r="K810" s="40">
        <v>5.5734211885884086</v>
      </c>
      <c r="L810" s="40"/>
      <c r="M810" s="40"/>
      <c r="N810" s="40"/>
    </row>
    <row r="811" spans="4:14" x14ac:dyDescent="0.25">
      <c r="D811" s="40">
        <v>13.382799000000601</v>
      </c>
      <c r="E811" s="40">
        <v>8.3658787812226159</v>
      </c>
      <c r="F811" s="40">
        <v>13.366666999999993</v>
      </c>
      <c r="G811" s="40">
        <v>6.3346844287154687</v>
      </c>
      <c r="H811" s="40">
        <v>13.366667000000007</v>
      </c>
      <c r="I811" s="40">
        <v>5.1770190448232434</v>
      </c>
      <c r="J811" s="40">
        <v>13.366661601190501</v>
      </c>
      <c r="K811" s="40">
        <v>5.5782722322976408</v>
      </c>
      <c r="L811" s="40"/>
      <c r="M811" s="40"/>
      <c r="N811" s="40"/>
    </row>
    <row r="812" spans="4:14" x14ac:dyDescent="0.25">
      <c r="D812" s="40">
        <v>13.399465000000601</v>
      </c>
      <c r="E812" s="40">
        <v>8.3705795133830403</v>
      </c>
      <c r="F812" s="40">
        <v>13.383332999999993</v>
      </c>
      <c r="G812" s="40">
        <v>6.3394396728056872</v>
      </c>
      <c r="H812" s="40">
        <v>13.383334000000005</v>
      </c>
      <c r="I812" s="40">
        <v>5.1803717809665004</v>
      </c>
      <c r="J812" s="40">
        <v>13.383328261904801</v>
      </c>
      <c r="K812" s="40">
        <v>5.5829805982507006</v>
      </c>
      <c r="L812" s="40"/>
      <c r="M812" s="40"/>
      <c r="N812" s="40"/>
    </row>
    <row r="813" spans="4:14" x14ac:dyDescent="0.25">
      <c r="D813" s="40">
        <v>13.416131000000602</v>
      </c>
      <c r="E813" s="40">
        <v>8.3754226919724619</v>
      </c>
      <c r="F813" s="40">
        <v>13.399999999999991</v>
      </c>
      <c r="G813" s="40">
        <v>6.3441949168959075</v>
      </c>
      <c r="H813" s="40">
        <v>13.400000000000006</v>
      </c>
      <c r="I813" s="40">
        <v>5.1869786433665208</v>
      </c>
      <c r="J813" s="40">
        <v>13.399994922619101</v>
      </c>
      <c r="K813" s="40">
        <v>5.5829805982507006</v>
      </c>
      <c r="L813" s="40"/>
      <c r="M813" s="40"/>
      <c r="N813" s="40"/>
    </row>
    <row r="814" spans="4:14" x14ac:dyDescent="0.25">
      <c r="D814" s="40">
        <v>13.432797000000603</v>
      </c>
      <c r="E814" s="40">
        <v>8.3802658705620114</v>
      </c>
      <c r="F814" s="40">
        <v>13.41666699999999</v>
      </c>
      <c r="G814" s="40">
        <v>6.3488103008658081</v>
      </c>
      <c r="H814" s="40">
        <v>13.416667000000004</v>
      </c>
      <c r="I814" s="40">
        <v>5.1903313795099528</v>
      </c>
      <c r="J814" s="40">
        <v>13.416661583333401</v>
      </c>
      <c r="K814" s="40">
        <v>5.5878316419598058</v>
      </c>
      <c r="L814" s="40"/>
      <c r="M814" s="40"/>
      <c r="N814" s="40"/>
    </row>
    <row r="815" spans="4:14" x14ac:dyDescent="0.25">
      <c r="D815" s="40">
        <v>13.449463000000604</v>
      </c>
      <c r="E815" s="40">
        <v>8.3898097813119854</v>
      </c>
      <c r="F815" s="40">
        <v>13.43333299999999</v>
      </c>
      <c r="G815" s="40">
        <v>6.3535655449559023</v>
      </c>
      <c r="H815" s="40">
        <v>13.433334000000002</v>
      </c>
      <c r="I815" s="40">
        <v>5.1936841156532108</v>
      </c>
      <c r="J815" s="40">
        <v>13.433328244047701</v>
      </c>
      <c r="K815" s="40">
        <v>5.5926826856690388</v>
      </c>
      <c r="L815" s="40"/>
      <c r="M815" s="40"/>
      <c r="N815" s="40"/>
    </row>
    <row r="816" spans="4:14" x14ac:dyDescent="0.25">
      <c r="D816" s="40">
        <v>13.466129000000604</v>
      </c>
      <c r="E816" s="40">
        <v>8.3898097813119854</v>
      </c>
      <c r="F816" s="40">
        <v>13.449999999999989</v>
      </c>
      <c r="G816" s="40">
        <v>6.3535655449559023</v>
      </c>
      <c r="H816" s="40">
        <v>13.450000000000003</v>
      </c>
      <c r="I816" s="40">
        <v>5.1969382419099741</v>
      </c>
      <c r="J816" s="40">
        <v>13.449994904762001</v>
      </c>
      <c r="K816" s="40">
        <v>5.5973910516220986</v>
      </c>
      <c r="L816" s="40"/>
      <c r="M816" s="40"/>
      <c r="N816" s="40"/>
    </row>
    <row r="817" spans="4:14" x14ac:dyDescent="0.25">
      <c r="D817" s="40">
        <v>13.482795000000605</v>
      </c>
      <c r="E817" s="40">
        <v>8.394652959901407</v>
      </c>
      <c r="F817" s="40">
        <v>13.466667000000001</v>
      </c>
      <c r="G817" s="40">
        <v>6.3583207890461217</v>
      </c>
      <c r="H817" s="40">
        <v>13.466667000000001</v>
      </c>
      <c r="I817" s="40">
        <v>5.2002909780532303</v>
      </c>
      <c r="J817" s="40">
        <v>13.466661565476301</v>
      </c>
      <c r="K817" s="40">
        <v>5.6022420953313308</v>
      </c>
      <c r="L817" s="40"/>
      <c r="M817" s="40"/>
      <c r="N817" s="40"/>
    </row>
    <row r="818" spans="4:14" x14ac:dyDescent="0.25">
      <c r="D818" s="40">
        <v>13.499461000000606</v>
      </c>
      <c r="E818" s="40">
        <v>8.4041968706513792</v>
      </c>
      <c r="F818" s="40">
        <v>13.483332999999988</v>
      </c>
      <c r="G818" s="40">
        <v>6.3629361730160223</v>
      </c>
      <c r="H818" s="40">
        <v>13.483334000000013</v>
      </c>
      <c r="I818" s="40">
        <v>5.2068978404532507</v>
      </c>
      <c r="J818" s="40">
        <v>13.483328226190499</v>
      </c>
      <c r="K818" s="40">
        <v>5.6070931390404368</v>
      </c>
      <c r="L818" s="40"/>
      <c r="M818" s="40"/>
      <c r="N818" s="40"/>
    </row>
    <row r="819" spans="4:14" x14ac:dyDescent="0.25">
      <c r="D819" s="40">
        <v>13.516127000000607</v>
      </c>
      <c r="E819" s="40">
        <v>8.4090400492408026</v>
      </c>
      <c r="F819" s="40">
        <v>13.5</v>
      </c>
      <c r="G819" s="40">
        <v>6.3676914171061174</v>
      </c>
      <c r="H819" s="40">
        <v>13.5</v>
      </c>
      <c r="I819" s="40">
        <v>5.2102505765966836</v>
      </c>
      <c r="J819" s="40">
        <v>13.499994886904799</v>
      </c>
      <c r="K819" s="40">
        <v>5.6118015049934966</v>
      </c>
      <c r="L819" s="40"/>
      <c r="M819" s="40"/>
      <c r="N819" s="40"/>
    </row>
    <row r="820" spans="4:14" x14ac:dyDescent="0.25">
      <c r="D820" s="40">
        <v>13.532793000000607</v>
      </c>
      <c r="E820" s="40">
        <v>8.4137407814012271</v>
      </c>
      <c r="F820" s="40">
        <v>13.516666999999998</v>
      </c>
      <c r="G820" s="40">
        <v>6.3724466611963368</v>
      </c>
      <c r="H820" s="40">
        <v>13.516667000000012</v>
      </c>
      <c r="I820" s="40">
        <v>5.2136033127399406</v>
      </c>
      <c r="J820" s="40">
        <v>13.516661547619099</v>
      </c>
      <c r="K820" s="40">
        <v>5.6166525487027288</v>
      </c>
      <c r="L820" s="40"/>
      <c r="M820" s="40"/>
      <c r="N820" s="40"/>
    </row>
    <row r="821" spans="4:14" x14ac:dyDescent="0.25">
      <c r="D821" s="40">
        <v>13.549459000000608</v>
      </c>
      <c r="E821" s="40">
        <v>8.4185839599907766</v>
      </c>
      <c r="F821" s="40">
        <v>13.533332999999999</v>
      </c>
      <c r="G821" s="40">
        <v>6.3770620451662374</v>
      </c>
      <c r="H821" s="40">
        <v>13.533334000000011</v>
      </c>
      <c r="I821" s="40">
        <v>5.216857438996704</v>
      </c>
      <c r="J821" s="40">
        <v>13.533328208333399</v>
      </c>
      <c r="K821" s="40">
        <v>5.6166525487027288</v>
      </c>
      <c r="L821" s="40"/>
      <c r="M821" s="40"/>
      <c r="N821" s="40"/>
    </row>
    <row r="822" spans="4:14" x14ac:dyDescent="0.25">
      <c r="D822" s="40">
        <v>13.566125000000609</v>
      </c>
      <c r="E822" s="40">
        <v>8.4234271385801982</v>
      </c>
      <c r="F822" s="40">
        <v>13.549999999999997</v>
      </c>
      <c r="G822" s="40">
        <v>6.3770620451662374</v>
      </c>
      <c r="H822" s="40">
        <v>13.550000000000011</v>
      </c>
      <c r="I822" s="40">
        <v>5.220210175139961</v>
      </c>
      <c r="J822" s="40">
        <v>13.549994869047699</v>
      </c>
      <c r="K822" s="40">
        <v>5.6215035924118348</v>
      </c>
      <c r="L822" s="40"/>
      <c r="M822" s="40"/>
      <c r="N822" s="40"/>
    </row>
    <row r="823" spans="4:14" x14ac:dyDescent="0.25">
      <c r="D823" s="40">
        <v>13.58279100000061</v>
      </c>
      <c r="E823" s="40">
        <v>8.4329710493301722</v>
      </c>
      <c r="F823" s="40">
        <v>13.566666999999995</v>
      </c>
      <c r="G823" s="40">
        <v>6.3818172892563325</v>
      </c>
      <c r="H823" s="40">
        <v>13.56666700000001</v>
      </c>
      <c r="I823" s="40">
        <v>5.2268170375399805</v>
      </c>
      <c r="J823" s="40">
        <v>13.566661529761999</v>
      </c>
      <c r="K823" s="40">
        <v>5.6262119583648946</v>
      </c>
      <c r="L823" s="40"/>
      <c r="M823" s="40"/>
      <c r="N823" s="40"/>
    </row>
    <row r="824" spans="4:14" x14ac:dyDescent="0.25">
      <c r="D824" s="40">
        <v>13.59945700000061</v>
      </c>
      <c r="E824" s="40">
        <v>8.4378142279197199</v>
      </c>
      <c r="F824" s="40">
        <v>13.583332999999996</v>
      </c>
      <c r="G824" s="40">
        <v>6.3865725333465511</v>
      </c>
      <c r="H824" s="40">
        <v>13.583334000000008</v>
      </c>
      <c r="I824" s="40">
        <v>5.2301697736834134</v>
      </c>
      <c r="J824" s="40">
        <v>13.583328190476299</v>
      </c>
      <c r="K824" s="40">
        <v>5.6310630020741268</v>
      </c>
      <c r="L824" s="40"/>
      <c r="M824" s="40"/>
      <c r="N824" s="40"/>
    </row>
    <row r="825" spans="4:14" x14ac:dyDescent="0.25">
      <c r="D825" s="40">
        <v>13.616123000000611</v>
      </c>
      <c r="E825" s="40">
        <v>8.4473581386695678</v>
      </c>
      <c r="F825" s="40">
        <v>13.599999999999994</v>
      </c>
      <c r="G825" s="40">
        <v>6.3911879173164516</v>
      </c>
      <c r="H825" s="40">
        <v>13.600000000000009</v>
      </c>
      <c r="I825" s="40">
        <v>5.2335225098266704</v>
      </c>
      <c r="J825" s="40">
        <v>13.5999948511905</v>
      </c>
      <c r="K825" s="40">
        <v>5.635914045783232</v>
      </c>
      <c r="L825" s="40"/>
      <c r="M825" s="40"/>
      <c r="N825" s="40"/>
    </row>
    <row r="826" spans="4:14" x14ac:dyDescent="0.25">
      <c r="D826" s="40">
        <v>13.632789000000612</v>
      </c>
      <c r="E826" s="40">
        <v>8.4522013172591155</v>
      </c>
      <c r="F826" s="40">
        <v>13.616666999999993</v>
      </c>
      <c r="G826" s="40">
        <v>6.3959431614065467</v>
      </c>
      <c r="H826" s="40">
        <v>13.616667000000007</v>
      </c>
      <c r="I826" s="40">
        <v>5.2367766360834338</v>
      </c>
      <c r="J826" s="40">
        <v>13.6166615119048</v>
      </c>
      <c r="K826" s="40">
        <v>5.6406224117362926</v>
      </c>
      <c r="L826" s="40"/>
      <c r="M826" s="40"/>
      <c r="N826" s="40"/>
    </row>
    <row r="827" spans="4:14" x14ac:dyDescent="0.25">
      <c r="D827" s="40">
        <v>13.649455000000613</v>
      </c>
      <c r="E827" s="40">
        <v>8.4617452280089633</v>
      </c>
      <c r="F827" s="40">
        <v>13.633332999999993</v>
      </c>
      <c r="G827" s="40">
        <v>6.4006984054967653</v>
      </c>
      <c r="H827" s="40">
        <v>13.633334000000005</v>
      </c>
      <c r="I827" s="40">
        <v>5.2401293722266908</v>
      </c>
      <c r="J827" s="40">
        <v>13.6333281726191</v>
      </c>
      <c r="K827" s="40">
        <v>5.6454734554455248</v>
      </c>
      <c r="L827" s="40"/>
      <c r="M827" s="40"/>
      <c r="N827" s="40"/>
    </row>
    <row r="828" spans="4:14" x14ac:dyDescent="0.25">
      <c r="D828" s="40">
        <v>13.666121000000613</v>
      </c>
      <c r="E828" s="40">
        <v>8.4665884065985129</v>
      </c>
      <c r="F828" s="40">
        <v>13.649999999999991</v>
      </c>
      <c r="G828" s="40">
        <v>6.4053137894666659</v>
      </c>
      <c r="H828" s="40">
        <v>13.650000000000006</v>
      </c>
      <c r="I828" s="40">
        <v>5.2467362346268853</v>
      </c>
      <c r="J828" s="40">
        <v>13.6499948333334</v>
      </c>
      <c r="K828" s="40">
        <v>5.650324499154757</v>
      </c>
      <c r="L828" s="40"/>
      <c r="M828" s="40"/>
      <c r="N828" s="40"/>
    </row>
    <row r="829" spans="4:14" x14ac:dyDescent="0.25">
      <c r="D829" s="40">
        <v>13.682787000000614</v>
      </c>
      <c r="E829" s="40">
        <v>8.4712891387589373</v>
      </c>
      <c r="F829" s="40">
        <v>13.66666699999999</v>
      </c>
      <c r="G829" s="40">
        <v>6.4100690335568853</v>
      </c>
      <c r="H829" s="40">
        <v>13.666667000000004</v>
      </c>
      <c r="I829" s="40">
        <v>5.2500889707701432</v>
      </c>
      <c r="J829" s="40">
        <v>13.6666614940477</v>
      </c>
      <c r="K829" s="40">
        <v>5.6550328651076907</v>
      </c>
      <c r="L829" s="40"/>
      <c r="M829" s="40"/>
      <c r="N829" s="40"/>
    </row>
    <row r="830" spans="4:14" x14ac:dyDescent="0.25">
      <c r="D830" s="40">
        <v>13.699453000000615</v>
      </c>
      <c r="E830" s="40">
        <v>8.4761323173483589</v>
      </c>
      <c r="F830" s="40">
        <v>13.68333299999999</v>
      </c>
      <c r="G830" s="40">
        <v>6.4148242776469804</v>
      </c>
      <c r="H830" s="40">
        <v>13.683334000000002</v>
      </c>
      <c r="I830" s="40">
        <v>5.2566958331701636</v>
      </c>
      <c r="J830" s="40">
        <v>13.683328154762</v>
      </c>
      <c r="K830" s="40">
        <v>5.6598839088169219</v>
      </c>
      <c r="L830" s="40"/>
      <c r="M830" s="40"/>
      <c r="N830" s="40"/>
    </row>
    <row r="831" spans="4:14" x14ac:dyDescent="0.25">
      <c r="D831" s="40">
        <v>13.716119000000615</v>
      </c>
      <c r="E831" s="40">
        <v>8.4809754959379067</v>
      </c>
      <c r="F831" s="40">
        <v>13.699999999999989</v>
      </c>
      <c r="G831" s="40">
        <v>6.4195795217371989</v>
      </c>
      <c r="H831" s="40">
        <v>13.700000000000003</v>
      </c>
      <c r="I831" s="40">
        <v>5.2600485693134207</v>
      </c>
      <c r="J831" s="40">
        <v>13.6999948154763</v>
      </c>
      <c r="K831" s="40">
        <v>5.6598839088169219</v>
      </c>
      <c r="L831" s="40"/>
      <c r="M831" s="40"/>
      <c r="N831" s="40"/>
    </row>
    <row r="832" spans="4:14" x14ac:dyDescent="0.25">
      <c r="D832" s="40">
        <v>13.732785000000616</v>
      </c>
      <c r="E832" s="40">
        <v>8.4905194066877545</v>
      </c>
      <c r="F832" s="40">
        <v>13.716667000000001</v>
      </c>
      <c r="G832" s="40">
        <v>6.4241949057070995</v>
      </c>
      <c r="H832" s="40">
        <v>13.716667000000001</v>
      </c>
      <c r="I832" s="40">
        <v>5.2634013054568536</v>
      </c>
      <c r="J832" s="40">
        <v>13.7166614761906</v>
      </c>
      <c r="K832" s="40">
        <v>5.664734952526155</v>
      </c>
      <c r="L832" s="40"/>
      <c r="M832" s="40"/>
      <c r="N832" s="40"/>
    </row>
    <row r="833" spans="4:14" x14ac:dyDescent="0.25">
      <c r="D833" s="40">
        <v>13.749451000000617</v>
      </c>
      <c r="E833" s="40">
        <v>8.495362585277304</v>
      </c>
      <c r="F833" s="40">
        <v>13.733332999999988</v>
      </c>
      <c r="G833" s="40">
        <v>6.4289501497971946</v>
      </c>
      <c r="H833" s="40">
        <v>13.733334000000013</v>
      </c>
      <c r="I833" s="40">
        <v>5.2700081678568731</v>
      </c>
      <c r="J833" s="40">
        <v>13.733328136904801</v>
      </c>
      <c r="K833" s="40">
        <v>5.664734952526155</v>
      </c>
      <c r="L833" s="40"/>
      <c r="M833" s="40"/>
      <c r="N833" s="40"/>
    </row>
    <row r="834" spans="4:14" x14ac:dyDescent="0.25">
      <c r="D834" s="40">
        <v>13.766117000000618</v>
      </c>
      <c r="E834" s="40">
        <v>8.5002057638668518</v>
      </c>
      <c r="F834" s="40">
        <v>13.75</v>
      </c>
      <c r="G834" s="40">
        <v>6.4383207778573137</v>
      </c>
      <c r="H834" s="40">
        <v>13.75</v>
      </c>
      <c r="I834" s="40">
        <v>5.2733609040001301</v>
      </c>
      <c r="J834" s="40">
        <v>13.749994797619101</v>
      </c>
      <c r="K834" s="40">
        <v>5.6695859962352602</v>
      </c>
      <c r="L834" s="40"/>
      <c r="M834" s="40"/>
      <c r="N834" s="40"/>
    </row>
    <row r="835" spans="4:14" x14ac:dyDescent="0.25">
      <c r="D835" s="40">
        <v>13.782783000000618</v>
      </c>
      <c r="E835" s="40">
        <v>8.5097496746166978</v>
      </c>
      <c r="F835" s="40">
        <v>13.766666999999998</v>
      </c>
      <c r="G835" s="40">
        <v>6.4430760219474097</v>
      </c>
      <c r="H835" s="40">
        <v>13.766667000000012</v>
      </c>
      <c r="I835" s="40">
        <v>5.2799677664003264</v>
      </c>
      <c r="J835" s="40">
        <v>13.766661458333401</v>
      </c>
      <c r="K835" s="40">
        <v>5.6695859962352602</v>
      </c>
      <c r="L835" s="40"/>
      <c r="M835" s="40"/>
      <c r="N835" s="40"/>
    </row>
    <row r="836" spans="4:14" x14ac:dyDescent="0.25">
      <c r="D836" s="40">
        <v>13.799449000000619</v>
      </c>
      <c r="E836" s="40">
        <v>8.5145928532062474</v>
      </c>
      <c r="F836" s="40">
        <v>13.783332999999999</v>
      </c>
      <c r="G836" s="40">
        <v>6.4478312660376291</v>
      </c>
      <c r="H836" s="40">
        <v>13.783334000000011</v>
      </c>
      <c r="I836" s="40">
        <v>5.2833205025435834</v>
      </c>
      <c r="J836" s="40">
        <v>13.783328119047701</v>
      </c>
      <c r="K836" s="40">
        <v>5.67429436218832</v>
      </c>
      <c r="L836" s="40"/>
      <c r="M836" s="40"/>
      <c r="N836" s="40"/>
    </row>
    <row r="837" spans="4:14" x14ac:dyDescent="0.25">
      <c r="D837" s="40">
        <v>13.81611500000062</v>
      </c>
      <c r="E837" s="40">
        <v>8.5192935853665457</v>
      </c>
      <c r="F837" s="40">
        <v>13.799999999999997</v>
      </c>
      <c r="G837" s="40">
        <v>6.4524466500075297</v>
      </c>
      <c r="H837" s="40">
        <v>13.800000000000011</v>
      </c>
      <c r="I837" s="40">
        <v>5.2865746288003459</v>
      </c>
      <c r="J837" s="40">
        <v>13.799994779762001</v>
      </c>
      <c r="K837" s="40">
        <v>5.679145405897553</v>
      </c>
      <c r="L837" s="40"/>
      <c r="M837" s="40"/>
      <c r="N837" s="40"/>
    </row>
    <row r="838" spans="4:14" x14ac:dyDescent="0.25">
      <c r="D838" s="40">
        <v>13.832781000000621</v>
      </c>
      <c r="E838" s="40">
        <v>8.5241367639560952</v>
      </c>
      <c r="F838" s="40">
        <v>13.816666999999995</v>
      </c>
      <c r="G838" s="40">
        <v>6.4572018940977483</v>
      </c>
      <c r="H838" s="40">
        <v>13.81666700000001</v>
      </c>
      <c r="I838" s="40">
        <v>5.29328010108686</v>
      </c>
      <c r="J838" s="40">
        <v>13.816661440476301</v>
      </c>
      <c r="K838" s="40">
        <v>5.6839964496066582</v>
      </c>
      <c r="L838" s="40"/>
      <c r="M838" s="40"/>
      <c r="N838" s="40"/>
    </row>
    <row r="839" spans="4:14" x14ac:dyDescent="0.25">
      <c r="D839" s="40">
        <v>13.849447000000621</v>
      </c>
      <c r="E839" s="40">
        <v>8.5336806747060692</v>
      </c>
      <c r="F839" s="40">
        <v>13.833332999999996</v>
      </c>
      <c r="G839" s="40">
        <v>6.4619571381878433</v>
      </c>
      <c r="H839" s="40">
        <v>13.833334000000008</v>
      </c>
      <c r="I839" s="40">
        <v>5.2965342273436233</v>
      </c>
      <c r="J839" s="40">
        <v>13.833328101190601</v>
      </c>
      <c r="K839" s="40">
        <v>5.6839964496066582</v>
      </c>
      <c r="L839" s="40"/>
      <c r="M839" s="40"/>
      <c r="N839" s="40"/>
    </row>
    <row r="840" spans="4:14" x14ac:dyDescent="0.25">
      <c r="D840" s="40">
        <v>13.866113000000622</v>
      </c>
      <c r="E840" s="40">
        <v>8.5385238532954908</v>
      </c>
      <c r="F840" s="40">
        <v>13.849999999999994</v>
      </c>
      <c r="G840" s="40">
        <v>6.4665725221577439</v>
      </c>
      <c r="H840" s="40">
        <v>13.850000000000009</v>
      </c>
      <c r="I840" s="40">
        <v>5.2998869634870562</v>
      </c>
      <c r="J840" s="40">
        <v>13.849994761904799</v>
      </c>
      <c r="K840" s="40">
        <v>5.688704815559718</v>
      </c>
      <c r="L840" s="40"/>
      <c r="M840" s="40"/>
      <c r="N840" s="40"/>
    </row>
    <row r="841" spans="4:14" x14ac:dyDescent="0.25">
      <c r="D841" s="40">
        <v>13.882779000000623</v>
      </c>
      <c r="E841" s="40">
        <v>8.5433670318850368</v>
      </c>
      <c r="F841" s="40">
        <v>13.866666999999993</v>
      </c>
      <c r="G841" s="40">
        <v>6.4713277662479634</v>
      </c>
      <c r="H841" s="40">
        <v>13.866667000000007</v>
      </c>
      <c r="I841" s="40">
        <v>5.3032396996303133</v>
      </c>
      <c r="J841" s="40">
        <v>13.866661422619099</v>
      </c>
      <c r="K841" s="40">
        <v>5.693555859268951</v>
      </c>
      <c r="L841" s="40"/>
      <c r="M841" s="40"/>
      <c r="N841" s="40"/>
    </row>
    <row r="842" spans="4:14" x14ac:dyDescent="0.25">
      <c r="D842" s="40">
        <v>13.899445000000624</v>
      </c>
      <c r="E842" s="40">
        <v>8.548067764045463</v>
      </c>
      <c r="F842" s="40">
        <v>13.883332999999993</v>
      </c>
      <c r="G842" s="40">
        <v>6.4760830103380584</v>
      </c>
      <c r="H842" s="40">
        <v>13.883334000000005</v>
      </c>
      <c r="I842" s="40">
        <v>5.3098465620303328</v>
      </c>
      <c r="J842" s="40">
        <v>13.883328083333399</v>
      </c>
      <c r="K842" s="40">
        <v>5.6984069029780553</v>
      </c>
      <c r="L842" s="40"/>
      <c r="M842" s="40"/>
      <c r="N842" s="40"/>
    </row>
    <row r="843" spans="4:14" x14ac:dyDescent="0.25">
      <c r="D843" s="40">
        <v>13.916111000000624</v>
      </c>
      <c r="E843" s="40">
        <v>8.5577541212244341</v>
      </c>
      <c r="F843" s="40">
        <v>13.899999999999991</v>
      </c>
      <c r="G843" s="40">
        <v>6.4854536383981776</v>
      </c>
      <c r="H843" s="40">
        <v>13.900000000000006</v>
      </c>
      <c r="I843" s="40">
        <v>5.3131992981735898</v>
      </c>
      <c r="J843" s="40">
        <v>13.899994744047699</v>
      </c>
      <c r="K843" s="40">
        <v>5.703115268931116</v>
      </c>
      <c r="L843" s="40"/>
      <c r="M843" s="40"/>
      <c r="N843" s="40"/>
    </row>
    <row r="844" spans="4:14" x14ac:dyDescent="0.25">
      <c r="D844" s="40">
        <v>13.932777000000625</v>
      </c>
      <c r="E844" s="40">
        <v>8.5624548533848603</v>
      </c>
      <c r="F844" s="40">
        <v>13.91666699999999</v>
      </c>
      <c r="G844" s="40">
        <v>6.4902088824882727</v>
      </c>
      <c r="H844" s="40">
        <v>13.916667000000004</v>
      </c>
      <c r="I844" s="40">
        <v>5.3165520343170227</v>
      </c>
      <c r="J844" s="40">
        <v>13.916661404761999</v>
      </c>
      <c r="K844" s="40">
        <v>5.7079663126403481</v>
      </c>
      <c r="L844" s="40"/>
      <c r="M844" s="40"/>
      <c r="N844" s="40"/>
    </row>
    <row r="845" spans="4:14" x14ac:dyDescent="0.25">
      <c r="D845" s="40">
        <v>13.949443000000626</v>
      </c>
      <c r="E845" s="40">
        <v>8.5721412105638297</v>
      </c>
      <c r="F845" s="40">
        <v>13.93333299999999</v>
      </c>
      <c r="G845" s="40">
        <v>6.4948242664581732</v>
      </c>
      <c r="H845" s="40">
        <v>13.933334000000002</v>
      </c>
      <c r="I845" s="40">
        <v>5.3231588967170431</v>
      </c>
      <c r="J845" s="40">
        <v>13.933328065476299</v>
      </c>
      <c r="K845" s="40">
        <v>5.7128173563495803</v>
      </c>
      <c r="L845" s="40"/>
      <c r="M845" s="40"/>
      <c r="N845" s="40"/>
    </row>
    <row r="846" spans="4:14" x14ac:dyDescent="0.25">
      <c r="D846" s="40">
        <v>13.966109000000626</v>
      </c>
      <c r="E846" s="40">
        <v>8.5768419427242542</v>
      </c>
      <c r="F846" s="40">
        <v>13.949999999999989</v>
      </c>
      <c r="G846" s="40">
        <v>6.5043347546386112</v>
      </c>
      <c r="H846" s="40">
        <v>13.950000000000003</v>
      </c>
      <c r="I846" s="40">
        <v>5.3265116328603002</v>
      </c>
      <c r="J846" s="40">
        <v>13.949994726190599</v>
      </c>
      <c r="K846" s="40">
        <v>5.717525722302514</v>
      </c>
      <c r="L846" s="40"/>
      <c r="M846" s="40"/>
      <c r="N846" s="40"/>
    </row>
    <row r="847" spans="4:14" x14ac:dyDescent="0.25">
      <c r="D847" s="40">
        <v>13.982775000000627</v>
      </c>
      <c r="E847" s="40">
        <v>8.5865282999032253</v>
      </c>
      <c r="F847" s="40">
        <v>13.966667000000001</v>
      </c>
      <c r="G847" s="40">
        <v>6.5089501386083883</v>
      </c>
      <c r="H847" s="40">
        <v>13.966667000000001</v>
      </c>
      <c r="I847" s="40">
        <v>5.3331184952604955</v>
      </c>
      <c r="J847" s="40">
        <v>13.9666613869048</v>
      </c>
      <c r="K847" s="40">
        <v>5.7223767660117462</v>
      </c>
      <c r="L847" s="40"/>
      <c r="M847" s="40"/>
      <c r="N847" s="40"/>
    </row>
    <row r="848" spans="4:14" x14ac:dyDescent="0.25">
      <c r="D848" s="40">
        <v>13.999441000000628</v>
      </c>
      <c r="E848" s="40">
        <v>8.5912290320636515</v>
      </c>
      <c r="F848" s="40">
        <v>13.983332999999988</v>
      </c>
      <c r="G848" s="40">
        <v>6.5137053826986069</v>
      </c>
      <c r="H848" s="40">
        <v>13.983334000000013</v>
      </c>
      <c r="I848" s="40">
        <v>5.3364712314037526</v>
      </c>
      <c r="J848" s="40">
        <v>13.9833280476191</v>
      </c>
      <c r="K848" s="40">
        <v>5.7272278097209783</v>
      </c>
      <c r="L848" s="40"/>
      <c r="M848" s="40"/>
      <c r="N848" s="40"/>
    </row>
    <row r="849" spans="4:14" x14ac:dyDescent="0.25">
      <c r="D849" s="40">
        <v>14.016107000000629</v>
      </c>
      <c r="E849" s="40">
        <v>8.6009153892426209</v>
      </c>
      <c r="F849" s="40">
        <v>14</v>
      </c>
      <c r="G849" s="40">
        <v>6.5184606267888263</v>
      </c>
      <c r="H849" s="40">
        <v>14</v>
      </c>
      <c r="I849" s="40">
        <v>5.3397253576605159</v>
      </c>
      <c r="J849" s="40">
        <v>13.9999947083334</v>
      </c>
      <c r="K849" s="40">
        <v>5.7272278097209783</v>
      </c>
      <c r="L849" s="40"/>
      <c r="M849" s="40"/>
      <c r="N849" s="40"/>
    </row>
    <row r="850" spans="4:14" x14ac:dyDescent="0.25">
      <c r="D850" s="40">
        <v>14.032773000000629</v>
      </c>
      <c r="E850" s="40">
        <v>8.6056161214030471</v>
      </c>
      <c r="F850" s="40">
        <v>14.016666999999998</v>
      </c>
      <c r="G850" s="40">
        <v>6.5230760107586025</v>
      </c>
      <c r="H850" s="40">
        <v>14.016667000000012</v>
      </c>
      <c r="I850" s="40">
        <v>5.3464308299470309</v>
      </c>
      <c r="J850" s="40">
        <v>14.0166613690477</v>
      </c>
      <c r="K850" s="40">
        <v>5.731936175674039</v>
      </c>
      <c r="L850" s="40"/>
      <c r="M850" s="40"/>
      <c r="N850" s="40"/>
    </row>
    <row r="851" spans="4:14" x14ac:dyDescent="0.25">
      <c r="D851" s="40">
        <v>14.04943900000063</v>
      </c>
      <c r="E851" s="40">
        <v>8.6153024785820165</v>
      </c>
      <c r="F851" s="40">
        <v>14.033332999999999</v>
      </c>
      <c r="G851" s="40">
        <v>6.5278312548488211</v>
      </c>
      <c r="H851" s="40">
        <v>14.033334000000011</v>
      </c>
      <c r="I851" s="40">
        <v>5.3496849562037934</v>
      </c>
      <c r="J851" s="40">
        <v>14.033328029762</v>
      </c>
      <c r="K851" s="40">
        <v>5.7367872193831442</v>
      </c>
      <c r="L851" s="40"/>
      <c r="M851" s="40"/>
      <c r="N851" s="40"/>
    </row>
    <row r="852" spans="4:14" x14ac:dyDescent="0.25">
      <c r="D852" s="40">
        <v>14.066105000000631</v>
      </c>
      <c r="E852" s="40">
        <v>8.6200032107424427</v>
      </c>
      <c r="F852" s="40">
        <v>14.049999999999997</v>
      </c>
      <c r="G852" s="40">
        <v>6.5325864989390414</v>
      </c>
      <c r="H852" s="40">
        <v>14.050000000000011</v>
      </c>
      <c r="I852" s="40">
        <v>5.3530376923472254</v>
      </c>
      <c r="J852" s="40">
        <v>14.0499946904763</v>
      </c>
      <c r="K852" s="40">
        <v>5.7416382630923763</v>
      </c>
      <c r="L852" s="40"/>
      <c r="M852" s="40"/>
      <c r="N852" s="40"/>
    </row>
    <row r="853" spans="4:14" x14ac:dyDescent="0.25">
      <c r="D853" s="40">
        <v>14.082771000000632</v>
      </c>
      <c r="E853" s="40">
        <v>8.6248463893319904</v>
      </c>
      <c r="F853" s="40">
        <v>14.066666999999995</v>
      </c>
      <c r="G853" s="40">
        <v>6.537201882908942</v>
      </c>
      <c r="H853" s="40">
        <v>14.06666700000001</v>
      </c>
      <c r="I853" s="40">
        <v>5.3596445547472458</v>
      </c>
      <c r="J853" s="40">
        <v>14.0666613511906</v>
      </c>
      <c r="K853" s="40">
        <v>5.7463466290454361</v>
      </c>
      <c r="L853" s="40"/>
      <c r="M853" s="40"/>
      <c r="N853" s="40"/>
    </row>
    <row r="854" spans="4:14" x14ac:dyDescent="0.25">
      <c r="D854" s="40">
        <v>14.099437000000632</v>
      </c>
      <c r="E854" s="40">
        <v>8.6343903000818383</v>
      </c>
      <c r="F854" s="40">
        <v>14.083332999999996</v>
      </c>
      <c r="G854" s="40">
        <v>6.5467123710892556</v>
      </c>
      <c r="H854" s="40">
        <v>14.083334000000008</v>
      </c>
      <c r="I854" s="40">
        <v>5.3629972908905028</v>
      </c>
      <c r="J854" s="40">
        <v>14.083328011904801</v>
      </c>
      <c r="K854" s="40">
        <v>5.7511976727545413</v>
      </c>
      <c r="L854" s="40"/>
      <c r="M854" s="40"/>
      <c r="N854" s="40"/>
    </row>
    <row r="855" spans="4:14" x14ac:dyDescent="0.25">
      <c r="D855" s="40">
        <v>14.116103000000633</v>
      </c>
      <c r="E855" s="40">
        <v>8.639233478671386</v>
      </c>
      <c r="F855" s="40">
        <v>14.099999999999994</v>
      </c>
      <c r="G855" s="40">
        <v>6.5513277550591562</v>
      </c>
      <c r="H855" s="40">
        <v>14.100000000000009</v>
      </c>
      <c r="I855" s="40">
        <v>5.3696041532905232</v>
      </c>
      <c r="J855" s="40">
        <v>14.099994672619101</v>
      </c>
      <c r="K855" s="40">
        <v>5.7560487164637744</v>
      </c>
      <c r="L855" s="40"/>
      <c r="M855" s="40"/>
      <c r="N855" s="40"/>
    </row>
    <row r="856" spans="4:14" x14ac:dyDescent="0.25">
      <c r="D856" s="40">
        <v>14.132769000000634</v>
      </c>
      <c r="E856" s="40">
        <v>8.6440766572609355</v>
      </c>
      <c r="F856" s="40">
        <v>14.116666999999993</v>
      </c>
      <c r="G856" s="40">
        <v>6.5560829991492504</v>
      </c>
      <c r="H856" s="40">
        <v>14.116667000000007</v>
      </c>
      <c r="I856" s="40">
        <v>5.3729568894339552</v>
      </c>
      <c r="J856" s="40">
        <v>14.116661333333401</v>
      </c>
      <c r="K856" s="40">
        <v>5.7607570824168342</v>
      </c>
      <c r="L856" s="40"/>
      <c r="M856" s="40"/>
      <c r="N856" s="40"/>
    </row>
    <row r="857" spans="4:14" x14ac:dyDescent="0.25">
      <c r="D857" s="40">
        <v>14.149435000000635</v>
      </c>
      <c r="E857" s="40">
        <v>8.6536205680107816</v>
      </c>
      <c r="F857" s="40">
        <v>14.133332999999993</v>
      </c>
      <c r="G857" s="40">
        <v>6.5608382432394698</v>
      </c>
      <c r="H857" s="40">
        <v>14.133334000000005</v>
      </c>
      <c r="I857" s="40">
        <v>5.3763096255772123</v>
      </c>
      <c r="J857" s="40">
        <v>14.133327994047701</v>
      </c>
      <c r="K857" s="40">
        <v>5.7656081261259393</v>
      </c>
      <c r="L857" s="40"/>
      <c r="M857" s="40"/>
      <c r="N857" s="40"/>
    </row>
    <row r="858" spans="4:14" x14ac:dyDescent="0.25">
      <c r="D858" s="40">
        <v>14.166101000000635</v>
      </c>
      <c r="E858" s="40">
        <v>8.6584637466003294</v>
      </c>
      <c r="F858" s="40">
        <v>14.149999999999991</v>
      </c>
      <c r="G858" s="40">
        <v>6.5654536272093704</v>
      </c>
      <c r="H858" s="40">
        <v>14.150000000000006</v>
      </c>
      <c r="I858" s="40">
        <v>5.3795637518339756</v>
      </c>
      <c r="J858" s="40">
        <v>14.149994654762001</v>
      </c>
      <c r="K858" s="40">
        <v>5.7751675357882322</v>
      </c>
      <c r="L858" s="40"/>
      <c r="M858" s="40"/>
      <c r="N858" s="40"/>
    </row>
    <row r="859" spans="4:14" x14ac:dyDescent="0.25">
      <c r="D859" s="40">
        <v>14.182767000000636</v>
      </c>
      <c r="E859" s="40">
        <v>8.6631644787607556</v>
      </c>
      <c r="F859" s="40">
        <v>14.16666699999999</v>
      </c>
      <c r="G859" s="40">
        <v>6.5702088712994646</v>
      </c>
      <c r="H859" s="40">
        <v>14.166667000000004</v>
      </c>
      <c r="I859" s="40">
        <v>5.3862692241206656</v>
      </c>
      <c r="J859" s="40">
        <v>14.166661315476301</v>
      </c>
      <c r="K859" s="40">
        <v>5.7800185794973373</v>
      </c>
      <c r="L859" s="40"/>
      <c r="M859" s="40"/>
      <c r="N859" s="40"/>
    </row>
    <row r="860" spans="4:14" x14ac:dyDescent="0.25">
      <c r="D860" s="40">
        <v>14.199433000000637</v>
      </c>
      <c r="E860" s="40">
        <v>8.6680076573501772</v>
      </c>
      <c r="F860" s="40">
        <v>14.18333299999999</v>
      </c>
      <c r="G860" s="40">
        <v>6.5749641153896849</v>
      </c>
      <c r="H860" s="40">
        <v>14.183334000000002</v>
      </c>
      <c r="I860" s="40">
        <v>5.3895233503774289</v>
      </c>
      <c r="J860" s="40">
        <v>14.183327976190601</v>
      </c>
      <c r="K860" s="40">
        <v>5.7848696232065704</v>
      </c>
      <c r="L860" s="40"/>
      <c r="M860" s="40"/>
      <c r="N860" s="40"/>
    </row>
    <row r="861" spans="4:14" x14ac:dyDescent="0.25">
      <c r="D861" s="40">
        <v>14.216099000000638</v>
      </c>
      <c r="E861" s="40">
        <v>8.6776940145291483</v>
      </c>
      <c r="F861" s="40">
        <v>14.199999999999989</v>
      </c>
      <c r="G861" s="40">
        <v>6.5795794993595855</v>
      </c>
      <c r="H861" s="40">
        <v>14.200000000000003</v>
      </c>
      <c r="I861" s="40">
        <v>5.3928760865206851</v>
      </c>
      <c r="J861" s="40">
        <v>14.199994636904799</v>
      </c>
      <c r="K861" s="40">
        <v>5.7895779891596302</v>
      </c>
      <c r="L861" s="40"/>
      <c r="M861" s="40"/>
      <c r="N861" s="40"/>
    </row>
    <row r="862" spans="4:14" x14ac:dyDescent="0.25">
      <c r="D862" s="40">
        <v>14.232765000000638</v>
      </c>
      <c r="E862" s="40">
        <v>8.6872379252791205</v>
      </c>
      <c r="F862" s="40">
        <v>14.216667000000001</v>
      </c>
      <c r="G862" s="40">
        <v>6.5843347434496797</v>
      </c>
      <c r="H862" s="40">
        <v>14.216667000000001</v>
      </c>
      <c r="I862" s="40">
        <v>5.3994829489207055</v>
      </c>
      <c r="J862" s="40">
        <v>14.216661297619099</v>
      </c>
      <c r="K862" s="40">
        <v>5.7895779891596302</v>
      </c>
      <c r="L862" s="40"/>
      <c r="M862" s="40"/>
      <c r="N862" s="40"/>
    </row>
    <row r="863" spans="4:14" x14ac:dyDescent="0.25">
      <c r="D863" s="40">
        <v>14.249431000000639</v>
      </c>
      <c r="E863" s="40">
        <v>8.6920811038686701</v>
      </c>
      <c r="F863" s="40">
        <v>14.233332999999988</v>
      </c>
      <c r="G863" s="40">
        <v>6.5890899875398992</v>
      </c>
      <c r="H863" s="40">
        <v>14.233334000000013</v>
      </c>
      <c r="I863" s="40">
        <v>5.4028356850639634</v>
      </c>
      <c r="J863" s="40">
        <v>14.233327958333399</v>
      </c>
      <c r="K863" s="40">
        <v>5.7944290328688624</v>
      </c>
      <c r="L863" s="40"/>
      <c r="M863" s="40"/>
      <c r="N863" s="40"/>
    </row>
    <row r="864" spans="4:14" x14ac:dyDescent="0.25">
      <c r="D864" s="40">
        <v>14.26609700000064</v>
      </c>
      <c r="E864" s="40">
        <v>8.7016250146185179</v>
      </c>
      <c r="F864" s="40">
        <v>14.25</v>
      </c>
      <c r="G864" s="40">
        <v>6.5937053715097997</v>
      </c>
      <c r="H864" s="40">
        <v>14.25</v>
      </c>
      <c r="I864" s="40">
        <v>5.4094425474641588</v>
      </c>
      <c r="J864" s="40">
        <v>14.249994619047699</v>
      </c>
      <c r="K864" s="40">
        <v>5.7992800765779675</v>
      </c>
      <c r="L864" s="40"/>
      <c r="M864" s="40"/>
      <c r="N864" s="40"/>
    </row>
    <row r="865" spans="4:14" x14ac:dyDescent="0.25">
      <c r="D865" s="40">
        <v>14.28276300000064</v>
      </c>
      <c r="E865" s="40">
        <v>8.7111689253684919</v>
      </c>
      <c r="F865" s="40">
        <v>14.266666999999998</v>
      </c>
      <c r="G865" s="40">
        <v>6.5984606156000192</v>
      </c>
      <c r="H865" s="40">
        <v>14.266667000000012</v>
      </c>
      <c r="I865" s="40">
        <v>5.4127952836074158</v>
      </c>
      <c r="J865" s="40">
        <v>14.266661279761999</v>
      </c>
      <c r="K865" s="40">
        <v>5.7992800765779675</v>
      </c>
      <c r="L865" s="40"/>
      <c r="M865" s="40"/>
      <c r="N865" s="40"/>
    </row>
    <row r="866" spans="4:14" x14ac:dyDescent="0.25">
      <c r="D866" s="40">
        <v>14.299429000000641</v>
      </c>
      <c r="E866" s="40">
        <v>8.7160121039579135</v>
      </c>
      <c r="F866" s="40">
        <v>14.283332999999999</v>
      </c>
      <c r="G866" s="40">
        <v>6.6032158596901143</v>
      </c>
      <c r="H866" s="40">
        <v>14.283334000000011</v>
      </c>
      <c r="I866" s="40">
        <v>5.4161480197506728</v>
      </c>
      <c r="J866" s="40">
        <v>14.283327940476299</v>
      </c>
      <c r="K866" s="40">
        <v>5.8039884425310282</v>
      </c>
      <c r="L866" s="40"/>
      <c r="M866" s="40"/>
      <c r="N866" s="40"/>
    </row>
    <row r="867" spans="4:14" x14ac:dyDescent="0.25">
      <c r="D867" s="40">
        <v>14.316095000000642</v>
      </c>
      <c r="E867" s="40">
        <v>8.7255560147078874</v>
      </c>
      <c r="F867" s="40">
        <v>14.299999999999997</v>
      </c>
      <c r="G867" s="40">
        <v>6.6079711037803328</v>
      </c>
      <c r="H867" s="40">
        <v>14.300000000000011</v>
      </c>
      <c r="I867" s="40">
        <v>5.4194021460074353</v>
      </c>
      <c r="J867" s="40">
        <v>14.299994601190599</v>
      </c>
      <c r="K867" s="40">
        <v>5.8088394862402604</v>
      </c>
      <c r="L867" s="40"/>
      <c r="M867" s="40"/>
      <c r="N867" s="40"/>
    </row>
    <row r="868" spans="4:14" x14ac:dyDescent="0.25">
      <c r="D868" s="40">
        <v>14.332761000000643</v>
      </c>
      <c r="E868" s="40">
        <v>8.7303991932973091</v>
      </c>
      <c r="F868" s="40">
        <v>14.316666999999995</v>
      </c>
      <c r="G868" s="40">
        <v>6.6125864877502334</v>
      </c>
      <c r="H868" s="40">
        <v>14.31666700000001</v>
      </c>
      <c r="I868" s="40">
        <v>5.4227548821508682</v>
      </c>
      <c r="J868" s="40">
        <v>14.3166612619048</v>
      </c>
      <c r="K868" s="40">
        <v>5.8088394862402604</v>
      </c>
      <c r="L868" s="40"/>
      <c r="M868" s="40"/>
      <c r="N868" s="40"/>
    </row>
    <row r="869" spans="4:14" x14ac:dyDescent="0.25">
      <c r="D869" s="40">
        <v>14.349427000000643</v>
      </c>
      <c r="E869" s="40">
        <v>8.7352423718868568</v>
      </c>
      <c r="F869" s="40">
        <v>14.333332999999996</v>
      </c>
      <c r="G869" s="40">
        <v>6.6125864877502334</v>
      </c>
      <c r="H869" s="40">
        <v>14.333334000000008</v>
      </c>
      <c r="I869" s="40">
        <v>5.4293617445508886</v>
      </c>
      <c r="J869" s="40">
        <v>14.3333279226191</v>
      </c>
      <c r="K869" s="40">
        <v>5.8136905299493655</v>
      </c>
      <c r="L869" s="40"/>
      <c r="M869" s="40"/>
      <c r="N869" s="40"/>
    </row>
    <row r="870" spans="4:14" x14ac:dyDescent="0.25">
      <c r="D870" s="40">
        <v>14.366093000000644</v>
      </c>
      <c r="E870" s="40">
        <v>8.7447862826367047</v>
      </c>
      <c r="F870" s="40">
        <v>14.349999999999994</v>
      </c>
      <c r="G870" s="40">
        <v>6.6173417318403285</v>
      </c>
      <c r="H870" s="40">
        <v>14.350000000000009</v>
      </c>
      <c r="I870" s="40">
        <v>5.4327144806941456</v>
      </c>
      <c r="J870" s="40">
        <v>14.3499945833334</v>
      </c>
      <c r="K870" s="40">
        <v>5.8183988959024262</v>
      </c>
      <c r="L870" s="40"/>
      <c r="M870" s="40"/>
      <c r="N870" s="40"/>
    </row>
    <row r="871" spans="4:14" x14ac:dyDescent="0.25">
      <c r="D871" s="40">
        <v>14.382759000000645</v>
      </c>
      <c r="E871" s="40">
        <v>8.7496294612262542</v>
      </c>
      <c r="F871" s="40">
        <v>14.366666999999993</v>
      </c>
      <c r="G871" s="40">
        <v>6.622096975930547</v>
      </c>
      <c r="H871" s="40">
        <v>14.366667000000007</v>
      </c>
      <c r="I871" s="40">
        <v>5.4394199529808347</v>
      </c>
      <c r="J871" s="40">
        <v>14.3666612440477</v>
      </c>
      <c r="K871" s="40">
        <v>5.8183988959024262</v>
      </c>
      <c r="L871" s="40"/>
      <c r="M871" s="40"/>
      <c r="N871" s="40"/>
    </row>
    <row r="872" spans="4:14" x14ac:dyDescent="0.25">
      <c r="D872" s="40">
        <v>14.399425000000646</v>
      </c>
      <c r="E872" s="40">
        <v>8.7591733719761002</v>
      </c>
      <c r="F872" s="40">
        <v>14.383332999999993</v>
      </c>
      <c r="G872" s="40">
        <v>6.6267123599004476</v>
      </c>
      <c r="H872" s="40">
        <v>14.383334000000005</v>
      </c>
      <c r="I872" s="40">
        <v>5.4426740792375981</v>
      </c>
      <c r="J872" s="40">
        <v>14.383327904762</v>
      </c>
      <c r="K872" s="40">
        <v>5.8232499396116575</v>
      </c>
      <c r="L872" s="40"/>
      <c r="M872" s="40"/>
      <c r="N872" s="40"/>
    </row>
    <row r="873" spans="4:14" x14ac:dyDescent="0.25">
      <c r="D873" s="40">
        <v>14.416091000000646</v>
      </c>
      <c r="E873" s="40">
        <v>8.764016550565648</v>
      </c>
      <c r="F873" s="40">
        <v>14.399999999999991</v>
      </c>
      <c r="G873" s="40">
        <v>6.6314676039905427</v>
      </c>
      <c r="H873" s="40">
        <v>14.400000000000006</v>
      </c>
      <c r="I873" s="40">
        <v>5.4460268153808551</v>
      </c>
      <c r="J873" s="40">
        <v>14.3999945654763</v>
      </c>
      <c r="K873" s="40">
        <v>5.8281009833207635</v>
      </c>
      <c r="L873" s="40"/>
      <c r="M873" s="40"/>
      <c r="N873" s="40"/>
    </row>
    <row r="874" spans="4:14" x14ac:dyDescent="0.25">
      <c r="D874" s="40">
        <v>14.432757000000647</v>
      </c>
      <c r="E874" s="40">
        <v>8.7687172827260742</v>
      </c>
      <c r="F874" s="40">
        <v>14.41666699999999</v>
      </c>
      <c r="G874" s="40">
        <v>6.6362228480807621</v>
      </c>
      <c r="H874" s="40">
        <v>14.416667000000004</v>
      </c>
      <c r="I874" s="40">
        <v>5.449379551524113</v>
      </c>
      <c r="J874" s="40">
        <v>14.4166612261906</v>
      </c>
      <c r="K874" s="40">
        <v>5.8281009833207635</v>
      </c>
      <c r="L874" s="40"/>
      <c r="M874" s="40"/>
      <c r="N874" s="40"/>
    </row>
    <row r="875" spans="4:14" x14ac:dyDescent="0.25">
      <c r="D875" s="40">
        <v>14.449423000000648</v>
      </c>
      <c r="E875" s="40">
        <v>8.773560461315622</v>
      </c>
      <c r="F875" s="40">
        <v>14.43333299999999</v>
      </c>
      <c r="G875" s="40">
        <v>6.6408382320506627</v>
      </c>
      <c r="H875" s="40">
        <v>14.433334000000002</v>
      </c>
      <c r="I875" s="40">
        <v>5.4559864139243084</v>
      </c>
      <c r="J875" s="40">
        <v>14.433327886904801</v>
      </c>
      <c r="K875" s="40">
        <v>5.8328093492738242</v>
      </c>
      <c r="L875" s="40"/>
      <c r="M875" s="40"/>
      <c r="N875" s="40"/>
    </row>
    <row r="876" spans="4:14" x14ac:dyDescent="0.25">
      <c r="D876" s="40">
        <v>14.466089000000649</v>
      </c>
      <c r="E876" s="40">
        <v>8.773560461315622</v>
      </c>
      <c r="F876" s="40">
        <v>14.449999999999989</v>
      </c>
      <c r="G876" s="40">
        <v>6.6503487202309772</v>
      </c>
      <c r="H876" s="40">
        <v>14.450000000000003</v>
      </c>
      <c r="I876" s="40">
        <v>5.4593391500675645</v>
      </c>
      <c r="J876" s="40">
        <v>14.449994547619101</v>
      </c>
      <c r="K876" s="40">
        <v>5.8376603929830555</v>
      </c>
      <c r="L876" s="40"/>
      <c r="M876" s="40"/>
      <c r="N876" s="40"/>
    </row>
    <row r="877" spans="4:14" x14ac:dyDescent="0.25">
      <c r="D877" s="40">
        <v>14.482755000000649</v>
      </c>
      <c r="E877" s="40">
        <v>8.7784036399050454</v>
      </c>
      <c r="F877" s="40">
        <v>14.466667000000001</v>
      </c>
      <c r="G877" s="40">
        <v>6.6549641042008769</v>
      </c>
      <c r="H877" s="40">
        <v>14.466667000000001</v>
      </c>
      <c r="I877" s="40">
        <v>5.4659460124675849</v>
      </c>
      <c r="J877" s="40">
        <v>14.466661208333401</v>
      </c>
      <c r="K877" s="40">
        <v>5.8425114366922877</v>
      </c>
      <c r="L877" s="40"/>
      <c r="M877" s="40"/>
      <c r="N877" s="40"/>
    </row>
    <row r="878" spans="4:14" x14ac:dyDescent="0.25">
      <c r="D878" s="40">
        <v>14.49942100000065</v>
      </c>
      <c r="E878" s="40">
        <v>8.783104372065468</v>
      </c>
      <c r="F878" s="40">
        <v>14.483332999999988</v>
      </c>
      <c r="G878" s="40">
        <v>6.6597193482910972</v>
      </c>
      <c r="H878" s="40">
        <v>14.483334000000013</v>
      </c>
      <c r="I878" s="40">
        <v>5.4692987486108429</v>
      </c>
      <c r="J878" s="40">
        <v>14.483327869047701</v>
      </c>
      <c r="K878" s="40">
        <v>5.8473624804013937</v>
      </c>
      <c r="L878" s="40"/>
      <c r="M878" s="40"/>
      <c r="N878" s="40"/>
    </row>
    <row r="879" spans="4:14" x14ac:dyDescent="0.25">
      <c r="D879" s="40">
        <v>14.516087000000651</v>
      </c>
      <c r="E879" s="40">
        <v>8.7927907292444392</v>
      </c>
      <c r="F879" s="40">
        <v>14.5</v>
      </c>
      <c r="G879" s="40">
        <v>6.6644745923811923</v>
      </c>
      <c r="H879" s="40">
        <v>14.5</v>
      </c>
      <c r="I879" s="40">
        <v>5.4725528748676053</v>
      </c>
      <c r="J879" s="40">
        <v>14.499994529762001</v>
      </c>
      <c r="K879" s="40">
        <v>5.8473624804013937</v>
      </c>
      <c r="L879" s="40"/>
      <c r="M879" s="40"/>
      <c r="N879" s="40"/>
    </row>
    <row r="880" spans="4:14" x14ac:dyDescent="0.25">
      <c r="D880" s="40">
        <v>14.532753000000652</v>
      </c>
      <c r="E880" s="40">
        <v>8.7974914614048654</v>
      </c>
      <c r="F880" s="40">
        <v>14.516666999999998</v>
      </c>
      <c r="G880" s="40">
        <v>6.669089976351092</v>
      </c>
      <c r="H880" s="40">
        <v>14.516667000000012</v>
      </c>
      <c r="I880" s="40">
        <v>5.4759056110110382</v>
      </c>
      <c r="J880" s="40">
        <v>14.516661190476301</v>
      </c>
      <c r="K880" s="40">
        <v>5.8520708463544535</v>
      </c>
      <c r="L880" s="40"/>
      <c r="M880" s="40"/>
      <c r="N880" s="40"/>
    </row>
    <row r="881" spans="4:14" x14ac:dyDescent="0.25">
      <c r="D881" s="40">
        <v>14.549419000000652</v>
      </c>
      <c r="E881" s="40">
        <v>8.8071778185838347</v>
      </c>
      <c r="F881" s="40">
        <v>14.533332999999999</v>
      </c>
      <c r="G881" s="40">
        <v>6.6738452204413115</v>
      </c>
      <c r="H881" s="40">
        <v>14.533334000000011</v>
      </c>
      <c r="I881" s="40">
        <v>5.4825124734110577</v>
      </c>
      <c r="J881" s="40">
        <v>14.533327851190601</v>
      </c>
      <c r="K881" s="40">
        <v>5.8520708463544535</v>
      </c>
      <c r="L881" s="40"/>
      <c r="M881" s="40"/>
      <c r="N881" s="40"/>
    </row>
    <row r="882" spans="4:14" x14ac:dyDescent="0.25">
      <c r="D882" s="40">
        <v>14.566085000000653</v>
      </c>
      <c r="E882" s="40">
        <v>8.8167217293338105</v>
      </c>
      <c r="F882" s="40">
        <v>14.549999999999997</v>
      </c>
      <c r="G882" s="40">
        <v>6.6786004645314065</v>
      </c>
      <c r="H882" s="40">
        <v>14.550000000000011</v>
      </c>
      <c r="I882" s="40">
        <v>5.4858652095543157</v>
      </c>
      <c r="J882" s="40">
        <v>14.549994511904799</v>
      </c>
      <c r="K882" s="40">
        <v>5.8569218900636857</v>
      </c>
      <c r="L882" s="40"/>
      <c r="M882" s="40"/>
      <c r="N882" s="40"/>
    </row>
    <row r="883" spans="4:14" x14ac:dyDescent="0.25">
      <c r="D883" s="40">
        <v>14.582751000000654</v>
      </c>
      <c r="E883" s="40">
        <v>8.8215649079233565</v>
      </c>
      <c r="F883" s="40">
        <v>14.566666999999995</v>
      </c>
      <c r="G883" s="40">
        <v>6.6832158485013071</v>
      </c>
      <c r="H883" s="40">
        <v>14.56666700000001</v>
      </c>
      <c r="I883" s="40">
        <v>5.4892179456977477</v>
      </c>
      <c r="J883" s="40">
        <v>14.566661172619099</v>
      </c>
      <c r="K883" s="40">
        <v>5.8617729337727917</v>
      </c>
      <c r="L883" s="40"/>
      <c r="M883" s="40"/>
      <c r="N883" s="40"/>
    </row>
    <row r="884" spans="4:14" x14ac:dyDescent="0.25">
      <c r="D884" s="40">
        <v>14.599417000000654</v>
      </c>
      <c r="E884" s="40">
        <v>8.8311088186732043</v>
      </c>
      <c r="F884" s="40">
        <v>14.583332999999996</v>
      </c>
      <c r="G884" s="40">
        <v>6.6879710925915257</v>
      </c>
      <c r="H884" s="40">
        <v>14.583334000000008</v>
      </c>
      <c r="I884" s="40">
        <v>5.4924720719543361</v>
      </c>
      <c r="J884" s="40">
        <v>14.583327833333399</v>
      </c>
      <c r="K884" s="40">
        <v>5.8664812997258515</v>
      </c>
      <c r="L884" s="40"/>
      <c r="M884" s="40"/>
      <c r="N884" s="40"/>
    </row>
    <row r="885" spans="4:14" x14ac:dyDescent="0.25">
      <c r="D885" s="40">
        <v>14.616083000000655</v>
      </c>
      <c r="E885" s="40">
        <v>8.8359519972627538</v>
      </c>
      <c r="F885" s="40">
        <v>14.599999999999994</v>
      </c>
      <c r="G885" s="40">
        <v>6.6927263366817451</v>
      </c>
      <c r="H885" s="40">
        <v>14.600000000000009</v>
      </c>
      <c r="I885" s="40">
        <v>5.499177544241026</v>
      </c>
      <c r="J885" s="40">
        <v>14.599994494047699</v>
      </c>
      <c r="K885" s="40">
        <v>5.8713323434350837</v>
      </c>
      <c r="L885" s="40"/>
      <c r="M885" s="40"/>
      <c r="N885" s="40"/>
    </row>
    <row r="886" spans="4:14" x14ac:dyDescent="0.25">
      <c r="D886" s="40">
        <v>14.632749000000656</v>
      </c>
      <c r="E886" s="40">
        <v>8.8406527294230521</v>
      </c>
      <c r="F886" s="40">
        <v>14.616666999999993</v>
      </c>
      <c r="G886" s="40">
        <v>6.6973417206515213</v>
      </c>
      <c r="H886" s="40">
        <v>14.616667000000007</v>
      </c>
      <c r="I886" s="40">
        <v>5.5024316704977876</v>
      </c>
      <c r="J886" s="40">
        <v>14.616661154761999</v>
      </c>
      <c r="K886" s="40">
        <v>5.8761833871441889</v>
      </c>
      <c r="L886" s="40"/>
      <c r="M886" s="40"/>
      <c r="N886" s="40"/>
    </row>
    <row r="887" spans="4:14" x14ac:dyDescent="0.25">
      <c r="D887" s="40">
        <v>14.649415000000657</v>
      </c>
      <c r="E887" s="40">
        <v>8.8454959080126017</v>
      </c>
      <c r="F887" s="40">
        <v>14.633332999999993</v>
      </c>
      <c r="G887" s="40">
        <v>6.7068522088319593</v>
      </c>
      <c r="H887" s="40">
        <v>14.633334000000005</v>
      </c>
      <c r="I887" s="40">
        <v>5.5057844066410455</v>
      </c>
      <c r="J887" s="40">
        <v>14.633327815476299</v>
      </c>
      <c r="K887" s="40">
        <v>5.8808917530972495</v>
      </c>
      <c r="L887" s="40"/>
      <c r="M887" s="40"/>
      <c r="N887" s="40"/>
    </row>
    <row r="888" spans="4:14" x14ac:dyDescent="0.25">
      <c r="D888" s="40">
        <v>14.666081000000657</v>
      </c>
      <c r="E888" s="40">
        <v>8.8503390866021494</v>
      </c>
      <c r="F888" s="40">
        <v>14.649999999999991</v>
      </c>
      <c r="G888" s="40">
        <v>6.7114675928017364</v>
      </c>
      <c r="H888" s="40">
        <v>14.650000000000006</v>
      </c>
      <c r="I888" s="40">
        <v>5.5091371427844775</v>
      </c>
      <c r="J888" s="40">
        <v>14.649994476190599</v>
      </c>
      <c r="K888" s="40">
        <v>5.8857427968064817</v>
      </c>
      <c r="L888" s="40"/>
      <c r="M888" s="40"/>
      <c r="N888" s="40"/>
    </row>
    <row r="889" spans="4:14" x14ac:dyDescent="0.25">
      <c r="D889" s="40">
        <v>14.682747000000658</v>
      </c>
      <c r="E889" s="40">
        <v>8.8550398187625738</v>
      </c>
      <c r="F889" s="40">
        <v>14.66666699999999</v>
      </c>
      <c r="G889" s="40">
        <v>6.716222836891955</v>
      </c>
      <c r="H889" s="40">
        <v>14.666667000000004</v>
      </c>
      <c r="I889" s="40">
        <v>5.5157440051844979</v>
      </c>
      <c r="J889" s="40">
        <v>14.6666611369048</v>
      </c>
      <c r="K889" s="40">
        <v>5.8905938405157139</v>
      </c>
      <c r="L889" s="40"/>
      <c r="M889" s="40"/>
      <c r="N889" s="40"/>
    </row>
    <row r="890" spans="4:14" x14ac:dyDescent="0.25">
      <c r="D890" s="40">
        <v>14.699413000000659</v>
      </c>
      <c r="E890" s="40">
        <v>8.8598829973519955</v>
      </c>
      <c r="F890" s="40">
        <v>14.68333299999999</v>
      </c>
      <c r="G890" s="40">
        <v>6.7209780809821735</v>
      </c>
      <c r="H890" s="40">
        <v>14.683334000000002</v>
      </c>
      <c r="I890" s="40">
        <v>5.5190967413277559</v>
      </c>
      <c r="J890" s="40">
        <v>14.6833277976191</v>
      </c>
      <c r="K890" s="40">
        <v>5.8953022064686476</v>
      </c>
      <c r="L890" s="40"/>
      <c r="M890" s="40"/>
      <c r="N890" s="40"/>
    </row>
    <row r="891" spans="4:14" x14ac:dyDescent="0.25">
      <c r="D891" s="40">
        <v>14.71607900000066</v>
      </c>
      <c r="E891" s="40">
        <v>8.8695693545310927</v>
      </c>
      <c r="F891" s="40">
        <v>14.699999999999989</v>
      </c>
      <c r="G891" s="40">
        <v>6.7255934649520741</v>
      </c>
      <c r="H891" s="40">
        <v>14.700000000000003</v>
      </c>
      <c r="I891" s="40">
        <v>5.5223508675845174</v>
      </c>
      <c r="J891" s="40">
        <v>14.6999944583334</v>
      </c>
      <c r="K891" s="40">
        <v>5.9001532501778788</v>
      </c>
      <c r="L891" s="40"/>
      <c r="M891" s="40"/>
      <c r="N891" s="40"/>
    </row>
    <row r="892" spans="4:14" x14ac:dyDescent="0.25">
      <c r="D892" s="40">
        <v>14.73274500000066</v>
      </c>
      <c r="E892" s="40">
        <v>8.8742700866913928</v>
      </c>
      <c r="F892" s="40">
        <v>14.716667000000001</v>
      </c>
      <c r="G892" s="40">
        <v>6.7303487090421701</v>
      </c>
      <c r="H892" s="40">
        <v>14.716667000000001</v>
      </c>
      <c r="I892" s="40">
        <v>5.5290563398712074</v>
      </c>
      <c r="J892" s="40">
        <v>14.7166611190477</v>
      </c>
      <c r="K892" s="40">
        <v>5.9050042938871119</v>
      </c>
      <c r="L892" s="40"/>
      <c r="M892" s="40"/>
      <c r="N892" s="40"/>
    </row>
    <row r="893" spans="4:14" x14ac:dyDescent="0.25">
      <c r="D893" s="40">
        <v>14.749411000000661</v>
      </c>
      <c r="E893" s="40">
        <v>8.8791132652809406</v>
      </c>
      <c r="F893" s="40">
        <v>14.733332999999988</v>
      </c>
      <c r="G893" s="40">
        <v>6.7351039531323895</v>
      </c>
      <c r="H893" s="40">
        <v>14.733334000000013</v>
      </c>
      <c r="I893" s="40">
        <v>5.5356632022712278</v>
      </c>
      <c r="J893" s="40">
        <v>14.733327779762</v>
      </c>
      <c r="K893" s="40">
        <v>5.9097126598400447</v>
      </c>
      <c r="L893" s="40"/>
      <c r="M893" s="40"/>
      <c r="N893" s="40"/>
    </row>
    <row r="894" spans="4:14" x14ac:dyDescent="0.25">
      <c r="D894" s="40">
        <v>14.766077000000662</v>
      </c>
      <c r="E894" s="40">
        <v>8.8886571760307884</v>
      </c>
      <c r="F894" s="40">
        <v>14.75</v>
      </c>
      <c r="G894" s="40">
        <v>6.7397193371022892</v>
      </c>
      <c r="H894" s="40">
        <v>14.75</v>
      </c>
      <c r="I894" s="40">
        <v>5.5390159384144857</v>
      </c>
      <c r="J894" s="40">
        <v>14.7499944404763</v>
      </c>
      <c r="K894" s="40">
        <v>5.9145637035492769</v>
      </c>
      <c r="L894" s="40"/>
      <c r="M894" s="40"/>
      <c r="N894" s="40"/>
    </row>
    <row r="895" spans="4:14" x14ac:dyDescent="0.25">
      <c r="D895" s="40">
        <v>14.782743000000663</v>
      </c>
      <c r="E895" s="40">
        <v>8.8935003546203344</v>
      </c>
      <c r="F895" s="40">
        <v>14.766666999999998</v>
      </c>
      <c r="G895" s="40">
        <v>6.7444745811923843</v>
      </c>
      <c r="H895" s="40">
        <v>14.766667000000012</v>
      </c>
      <c r="I895" s="40">
        <v>5.5422700646712482</v>
      </c>
      <c r="J895" s="40">
        <v>14.7666611011906</v>
      </c>
      <c r="K895" s="40">
        <v>5.9194147472585099</v>
      </c>
      <c r="L895" s="40"/>
      <c r="M895" s="40"/>
      <c r="N895" s="40"/>
    </row>
    <row r="896" spans="4:14" x14ac:dyDescent="0.25">
      <c r="D896" s="40">
        <v>14.799409000000663</v>
      </c>
      <c r="E896" s="40">
        <v>8.8983435332098839</v>
      </c>
      <c r="F896" s="40">
        <v>14.783332999999999</v>
      </c>
      <c r="G896" s="40">
        <v>6.7492298252826037</v>
      </c>
      <c r="H896" s="40">
        <v>14.783334000000011</v>
      </c>
      <c r="I896" s="40">
        <v>5.5456228008146802</v>
      </c>
      <c r="J896" s="40">
        <v>14.7833277619048</v>
      </c>
      <c r="K896" s="40">
        <v>5.9241231132115697</v>
      </c>
      <c r="L896" s="40"/>
      <c r="M896" s="40"/>
      <c r="N896" s="40"/>
    </row>
    <row r="897" spans="4:14" x14ac:dyDescent="0.25">
      <c r="D897" s="40">
        <v>14.816075000000664</v>
      </c>
      <c r="E897" s="40">
        <v>8.9030442653703101</v>
      </c>
      <c r="F897" s="40">
        <v>14.799999999999997</v>
      </c>
      <c r="G897" s="40">
        <v>6.7538452092525034</v>
      </c>
      <c r="H897" s="40">
        <v>14.800000000000011</v>
      </c>
      <c r="I897" s="40">
        <v>5.5522296632147006</v>
      </c>
      <c r="J897" s="40">
        <v>14.7999944226191</v>
      </c>
      <c r="K897" s="40">
        <v>5.9289741569206749</v>
      </c>
      <c r="L897" s="40"/>
      <c r="M897" s="40"/>
      <c r="N897" s="40"/>
    </row>
    <row r="898" spans="4:14" x14ac:dyDescent="0.25">
      <c r="D898" s="40">
        <v>14.832741000000665</v>
      </c>
      <c r="E898" s="40">
        <v>8.9127306225492795</v>
      </c>
      <c r="F898" s="40">
        <v>14.816666999999995</v>
      </c>
      <c r="G898" s="40">
        <v>6.7586004533425985</v>
      </c>
      <c r="H898" s="40">
        <v>14.81666700000001</v>
      </c>
      <c r="I898" s="40">
        <v>5.5555823993579576</v>
      </c>
      <c r="J898" s="40">
        <v>14.8166610833334</v>
      </c>
      <c r="K898" s="40">
        <v>5.9289741569206749</v>
      </c>
      <c r="L898" s="40"/>
      <c r="M898" s="40"/>
      <c r="N898" s="40"/>
    </row>
    <row r="899" spans="4:14" x14ac:dyDescent="0.25">
      <c r="D899" s="40">
        <v>14.849407000000665</v>
      </c>
      <c r="E899" s="40">
        <v>8.9174313547097057</v>
      </c>
      <c r="F899" s="40">
        <v>14.833332999999996</v>
      </c>
      <c r="G899" s="40">
        <v>6.7633556974328188</v>
      </c>
      <c r="H899" s="40">
        <v>14.833334000000008</v>
      </c>
      <c r="I899" s="40">
        <v>5.5622878716446476</v>
      </c>
      <c r="J899" s="40">
        <v>14.8333277440477</v>
      </c>
      <c r="K899" s="40">
        <v>5.9338252006299079</v>
      </c>
      <c r="L899" s="40"/>
      <c r="M899" s="40"/>
      <c r="N899" s="40"/>
    </row>
    <row r="900" spans="4:14" x14ac:dyDescent="0.25">
      <c r="D900" s="40">
        <v>14.866073000000666</v>
      </c>
      <c r="E900" s="40">
        <v>8.9271177118886769</v>
      </c>
      <c r="F900" s="40">
        <v>14.849999999999994</v>
      </c>
      <c r="G900" s="40">
        <v>6.7679710814027194</v>
      </c>
      <c r="H900" s="40">
        <v>14.850000000000009</v>
      </c>
      <c r="I900" s="40">
        <v>5.56554199790141</v>
      </c>
      <c r="J900" s="40">
        <v>14.849994404762</v>
      </c>
      <c r="K900" s="40">
        <v>5.9385335665829677</v>
      </c>
      <c r="L900" s="40"/>
      <c r="M900" s="40"/>
      <c r="N900" s="40"/>
    </row>
    <row r="901" spans="4:14" x14ac:dyDescent="0.25">
      <c r="D901" s="40">
        <v>14.882739000000667</v>
      </c>
      <c r="E901" s="40">
        <v>8.9318184440491013</v>
      </c>
      <c r="F901" s="40">
        <v>14.866666999999993</v>
      </c>
      <c r="G901" s="40">
        <v>6.772726325492938</v>
      </c>
      <c r="H901" s="40">
        <v>14.866667000000007</v>
      </c>
      <c r="I901" s="40">
        <v>5.5688947340446679</v>
      </c>
      <c r="J901" s="40">
        <v>14.866661065476301</v>
      </c>
      <c r="K901" s="40">
        <v>5.9433846102920729</v>
      </c>
      <c r="L901" s="40"/>
      <c r="M901" s="40"/>
      <c r="N901" s="40"/>
    </row>
    <row r="902" spans="4:14" x14ac:dyDescent="0.25">
      <c r="D902" s="40">
        <v>14.899405000000668</v>
      </c>
      <c r="E902" s="40">
        <v>8.9415048012280707</v>
      </c>
      <c r="F902" s="40">
        <v>14.883332999999993</v>
      </c>
      <c r="G902" s="40">
        <v>6.777481569583033</v>
      </c>
      <c r="H902" s="40">
        <v>14.883334000000005</v>
      </c>
      <c r="I902" s="40">
        <v>5.572247470187925</v>
      </c>
      <c r="J902" s="40">
        <v>14.883327726190601</v>
      </c>
      <c r="K902" s="40">
        <v>5.9482356540013059</v>
      </c>
      <c r="L902" s="40"/>
      <c r="M902" s="40"/>
      <c r="N902" s="40"/>
    </row>
    <row r="903" spans="4:14" x14ac:dyDescent="0.25">
      <c r="D903" s="40">
        <v>14.916071000000668</v>
      </c>
      <c r="E903" s="40">
        <v>8.9510487119779185</v>
      </c>
      <c r="F903" s="40">
        <v>14.899999999999991</v>
      </c>
      <c r="G903" s="40">
        <v>6.7822368136732516</v>
      </c>
      <c r="H903" s="40">
        <v>14.900000000000006</v>
      </c>
      <c r="I903" s="40">
        <v>5.5755015964446883</v>
      </c>
      <c r="J903" s="40">
        <v>14.899994386904799</v>
      </c>
      <c r="K903" s="40">
        <v>5.9529440199543657</v>
      </c>
      <c r="L903" s="40"/>
      <c r="M903" s="40"/>
      <c r="N903" s="40"/>
    </row>
    <row r="904" spans="4:14" x14ac:dyDescent="0.25">
      <c r="D904" s="40">
        <v>14.932737000000669</v>
      </c>
      <c r="E904" s="40">
        <v>8.9605926227278925</v>
      </c>
      <c r="F904" s="40">
        <v>14.91666699999999</v>
      </c>
      <c r="G904" s="40">
        <v>6.7868521976431522</v>
      </c>
      <c r="H904" s="40">
        <v>14.916667000000004</v>
      </c>
      <c r="I904" s="40">
        <v>5.5822070687313783</v>
      </c>
      <c r="J904" s="40">
        <v>14.916661047619099</v>
      </c>
      <c r="K904" s="40">
        <v>5.9577950636634709</v>
      </c>
      <c r="L904" s="40"/>
      <c r="M904" s="40"/>
      <c r="N904" s="40"/>
    </row>
    <row r="905" spans="4:14" x14ac:dyDescent="0.25">
      <c r="D905" s="40">
        <v>14.94940300000067</v>
      </c>
      <c r="E905" s="40">
        <v>8.9654358013174402</v>
      </c>
      <c r="F905" s="40">
        <v>14.93333299999999</v>
      </c>
      <c r="G905" s="40">
        <v>6.7916074417332473</v>
      </c>
      <c r="H905" s="40">
        <v>14.933334000000002</v>
      </c>
      <c r="I905" s="40">
        <v>5.5854611949881408</v>
      </c>
      <c r="J905" s="40">
        <v>14.933327708333399</v>
      </c>
      <c r="K905" s="40">
        <v>5.9577950636634709</v>
      </c>
      <c r="L905" s="40"/>
      <c r="M905" s="40"/>
      <c r="N905" s="40"/>
    </row>
    <row r="906" spans="4:14" x14ac:dyDescent="0.25">
      <c r="D906" s="40">
        <v>14.966069000000671</v>
      </c>
      <c r="E906" s="40">
        <v>8.9702789799068618</v>
      </c>
      <c r="F906" s="40">
        <v>14.949999999999989</v>
      </c>
      <c r="G906" s="40">
        <v>6.7963626858234667</v>
      </c>
      <c r="H906" s="40">
        <v>14.950000000000003</v>
      </c>
      <c r="I906" s="40">
        <v>5.5888139311313978</v>
      </c>
      <c r="J906" s="40">
        <v>14.949994369047699</v>
      </c>
      <c r="K906" s="40">
        <v>5.9626461073727031</v>
      </c>
      <c r="L906" s="40"/>
      <c r="M906" s="40"/>
      <c r="N906" s="40"/>
    </row>
    <row r="907" spans="4:14" x14ac:dyDescent="0.25">
      <c r="D907" s="40">
        <v>14.982735000000671</v>
      </c>
      <c r="E907" s="40">
        <v>8.9749797120672881</v>
      </c>
      <c r="F907" s="40">
        <v>14.966667000000001</v>
      </c>
      <c r="G907" s="40">
        <v>6.8009780697933673</v>
      </c>
      <c r="H907" s="40">
        <v>14.966667000000001</v>
      </c>
      <c r="I907" s="40">
        <v>5.5921666672746548</v>
      </c>
      <c r="J907" s="40">
        <v>14.966661029761999</v>
      </c>
      <c r="K907" s="40">
        <v>5.9673544733257637</v>
      </c>
      <c r="L907" s="40"/>
      <c r="M907" s="40"/>
      <c r="N907" s="40"/>
    </row>
    <row r="908" spans="4:14" x14ac:dyDescent="0.25">
      <c r="D908" s="40">
        <v>14.999401000000672</v>
      </c>
      <c r="E908" s="40">
        <v>8.9798228906568358</v>
      </c>
      <c r="F908" s="40">
        <v>14.983332999999988</v>
      </c>
      <c r="G908" s="40">
        <v>6.8104885579736809</v>
      </c>
      <c r="H908" s="40">
        <v>14.983334000000013</v>
      </c>
      <c r="I908" s="40">
        <v>5.5987735296748502</v>
      </c>
      <c r="J908" s="40">
        <v>14.983327690476299</v>
      </c>
      <c r="K908" s="40">
        <v>5.9673544733257637</v>
      </c>
      <c r="L908" s="40"/>
      <c r="M908" s="40"/>
      <c r="N908" s="40"/>
    </row>
    <row r="909" spans="4:14" x14ac:dyDescent="0.25">
      <c r="D909" s="40">
        <v>15.016067000000673</v>
      </c>
      <c r="E909" s="40">
        <v>8.9846660692462592</v>
      </c>
      <c r="F909" s="40">
        <v>15</v>
      </c>
      <c r="G909" s="40">
        <v>6.8151039419435815</v>
      </c>
      <c r="H909" s="40">
        <v>15</v>
      </c>
      <c r="I909" s="40">
        <v>5.6021262658181081</v>
      </c>
      <c r="J909" s="40">
        <v>14.999994351190599</v>
      </c>
      <c r="K909" s="40">
        <v>5.9722055170348689</v>
      </c>
      <c r="L909" s="40"/>
      <c r="M909" s="40"/>
      <c r="N909" s="40"/>
    </row>
    <row r="910" spans="4:14" x14ac:dyDescent="0.25">
      <c r="D910" s="40">
        <v>15.032733000000674</v>
      </c>
      <c r="E910" s="40">
        <v>8.9893668014066836</v>
      </c>
      <c r="F910" s="40">
        <v>15.016666999999998</v>
      </c>
      <c r="G910" s="40">
        <v>6.8198591860336766</v>
      </c>
      <c r="H910" s="40">
        <v>15.016667000000012</v>
      </c>
      <c r="I910" s="40">
        <v>5.6087331282181276</v>
      </c>
      <c r="J910" s="40">
        <v>15.0166610119048</v>
      </c>
      <c r="K910" s="40">
        <v>5.9722055170348689</v>
      </c>
      <c r="L910" s="40"/>
      <c r="M910" s="40"/>
      <c r="N910" s="40"/>
    </row>
    <row r="911" spans="4:14" x14ac:dyDescent="0.25">
      <c r="D911" s="40">
        <v>15.049399000000674</v>
      </c>
      <c r="E911" s="40">
        <v>8.9942099799962332</v>
      </c>
      <c r="F911" s="40">
        <v>15.033332999999999</v>
      </c>
      <c r="G911" s="40">
        <v>6.824614430123896</v>
      </c>
      <c r="H911" s="40">
        <v>15.033334000000011</v>
      </c>
      <c r="I911" s="40">
        <v>5.6120858643613847</v>
      </c>
      <c r="J911" s="40">
        <v>15.0333276726191</v>
      </c>
      <c r="K911" s="40">
        <v>5.9770565607441011</v>
      </c>
      <c r="L911" s="40"/>
      <c r="M911" s="40"/>
      <c r="N911" s="40"/>
    </row>
    <row r="912" spans="4:14" x14ac:dyDescent="0.25">
      <c r="D912" s="40">
        <v>15.066065000000675</v>
      </c>
      <c r="E912" s="40">
        <v>8.999053158585653</v>
      </c>
      <c r="F912" s="40">
        <v>15.049999999999997</v>
      </c>
      <c r="G912" s="40">
        <v>6.8292298140937966</v>
      </c>
      <c r="H912" s="40">
        <v>15.050000000000011</v>
      </c>
      <c r="I912" s="40">
        <v>5.615339990618148</v>
      </c>
      <c r="J912" s="40">
        <v>15.0499943333334</v>
      </c>
      <c r="K912" s="40">
        <v>5.9817649266971618</v>
      </c>
      <c r="L912" s="40"/>
      <c r="M912" s="40"/>
      <c r="N912" s="40"/>
    </row>
    <row r="913" spans="4:14" x14ac:dyDescent="0.25">
      <c r="D913" s="40">
        <v>15.082731000000676</v>
      </c>
      <c r="E913" s="40">
        <v>9.0037538907460792</v>
      </c>
      <c r="F913" s="40">
        <v>15.066666999999995</v>
      </c>
      <c r="G913" s="40">
        <v>6.833985058184016</v>
      </c>
      <c r="H913" s="40">
        <v>15.06666700000001</v>
      </c>
      <c r="I913" s="40">
        <v>5.61869272676158</v>
      </c>
      <c r="J913" s="40">
        <v>15.0666609940477</v>
      </c>
      <c r="K913" s="40">
        <v>5.9817649266971618</v>
      </c>
      <c r="L913" s="40"/>
      <c r="M913" s="40"/>
      <c r="N913" s="40"/>
    </row>
    <row r="914" spans="4:14" x14ac:dyDescent="0.25">
      <c r="D914" s="40">
        <v>15.099397000000677</v>
      </c>
      <c r="E914" s="40">
        <v>9.0134402479251765</v>
      </c>
      <c r="F914" s="40">
        <v>15.083332999999996</v>
      </c>
      <c r="G914" s="40">
        <v>6.8387403022741102</v>
      </c>
      <c r="H914" s="40">
        <v>15.083334000000008</v>
      </c>
      <c r="I914" s="40">
        <v>5.622045462904838</v>
      </c>
      <c r="J914" s="40">
        <v>15.083327654762</v>
      </c>
      <c r="K914" s="40">
        <v>5.986615970406393</v>
      </c>
      <c r="L914" s="40"/>
      <c r="M914" s="40"/>
      <c r="N914" s="40"/>
    </row>
    <row r="915" spans="4:14" x14ac:dyDescent="0.25">
      <c r="D915" s="40">
        <v>15.116063000000677</v>
      </c>
      <c r="E915" s="40">
        <v>9.0181409800854748</v>
      </c>
      <c r="F915" s="40">
        <v>15.099999999999994</v>
      </c>
      <c r="G915" s="40">
        <v>6.8433556862440108</v>
      </c>
      <c r="H915" s="40">
        <v>15.100000000000009</v>
      </c>
      <c r="I915" s="40">
        <v>5.6252995891616004</v>
      </c>
      <c r="J915" s="40">
        <v>15.0999943154763</v>
      </c>
      <c r="K915" s="40">
        <v>5.986615970406393</v>
      </c>
      <c r="L915" s="40"/>
      <c r="M915" s="40"/>
      <c r="N915" s="40"/>
    </row>
    <row r="916" spans="4:14" x14ac:dyDescent="0.25">
      <c r="D916" s="40">
        <v>15.132729000000678</v>
      </c>
      <c r="E916" s="40">
        <v>9.0229841586750243</v>
      </c>
      <c r="F916" s="40">
        <v>15.116666999999993</v>
      </c>
      <c r="G916" s="40">
        <v>6.8481109303342302</v>
      </c>
      <c r="H916" s="40">
        <v>15.116667000000007</v>
      </c>
      <c r="I916" s="40">
        <v>5.6320050614482895</v>
      </c>
      <c r="J916" s="40">
        <v>15.1166609761906</v>
      </c>
      <c r="K916" s="40">
        <v>5.9914670141154991</v>
      </c>
      <c r="L916" s="40"/>
      <c r="M916" s="40"/>
      <c r="N916" s="40"/>
    </row>
    <row r="917" spans="4:14" x14ac:dyDescent="0.25">
      <c r="D917" s="40">
        <v>15.149395000000679</v>
      </c>
      <c r="E917" s="40">
        <v>9.0278273372645721</v>
      </c>
      <c r="F917" s="40">
        <v>15.133332999999993</v>
      </c>
      <c r="G917" s="40">
        <v>6.8528661744243244</v>
      </c>
      <c r="H917" s="40">
        <v>15.133334000000005</v>
      </c>
      <c r="I917" s="40">
        <v>5.6352591877048779</v>
      </c>
      <c r="J917" s="40">
        <v>15.1333276369048</v>
      </c>
      <c r="K917" s="40">
        <v>5.9914670141154991</v>
      </c>
      <c r="L917" s="40"/>
      <c r="M917" s="40"/>
      <c r="N917" s="40"/>
    </row>
    <row r="918" spans="4:14" x14ac:dyDescent="0.25">
      <c r="D918" s="40">
        <v>15.166061000000679</v>
      </c>
      <c r="E918" s="40">
        <v>9.0373712480144182</v>
      </c>
      <c r="F918" s="40">
        <v>15.149999999999991</v>
      </c>
      <c r="G918" s="40">
        <v>6.857481558394225</v>
      </c>
      <c r="H918" s="40">
        <v>15.150000000000006</v>
      </c>
      <c r="I918" s="40">
        <v>5.6386119238483099</v>
      </c>
      <c r="J918" s="40">
        <v>15.1499942976191</v>
      </c>
      <c r="K918" s="40">
        <v>5.9961753800685598</v>
      </c>
      <c r="L918" s="40"/>
      <c r="M918" s="40"/>
      <c r="N918" s="40"/>
    </row>
    <row r="919" spans="4:14" x14ac:dyDescent="0.25">
      <c r="D919" s="40">
        <v>15.18272700000068</v>
      </c>
      <c r="E919" s="40">
        <v>9.0422144266039677</v>
      </c>
      <c r="F919" s="40">
        <v>15.16666699999999</v>
      </c>
      <c r="G919" s="40">
        <v>6.8622368024844453</v>
      </c>
      <c r="H919" s="40">
        <v>15.166667000000004</v>
      </c>
      <c r="I919" s="40">
        <v>5.6419646599915678</v>
      </c>
      <c r="J919" s="40">
        <v>15.1666609583334</v>
      </c>
      <c r="K919" s="40">
        <v>6.0010264237777911</v>
      </c>
      <c r="L919" s="40"/>
      <c r="M919" s="40"/>
      <c r="N919" s="40"/>
    </row>
    <row r="920" spans="4:14" x14ac:dyDescent="0.25">
      <c r="D920" s="40">
        <v>15.199393000000681</v>
      </c>
      <c r="E920" s="40">
        <v>9.0470576051933893</v>
      </c>
      <c r="F920" s="40">
        <v>15.18333299999999</v>
      </c>
      <c r="G920" s="40">
        <v>6.8716074305444401</v>
      </c>
      <c r="H920" s="40">
        <v>15.183334000000002</v>
      </c>
      <c r="I920" s="40">
        <v>5.6452187862483312</v>
      </c>
      <c r="J920" s="40">
        <v>15.1833276190477</v>
      </c>
      <c r="K920" s="40">
        <v>6.0010264237777911</v>
      </c>
      <c r="L920" s="40"/>
      <c r="M920" s="40"/>
      <c r="N920" s="40"/>
    </row>
    <row r="921" spans="4:14" x14ac:dyDescent="0.25">
      <c r="D921" s="40">
        <v>15.216059000000682</v>
      </c>
      <c r="E921" s="40">
        <v>9.0517583373538155</v>
      </c>
      <c r="F921" s="40">
        <v>15.199999999999989</v>
      </c>
      <c r="G921" s="40">
        <v>6.8763626746346596</v>
      </c>
      <c r="H921" s="40">
        <v>15.200000000000003</v>
      </c>
      <c r="I921" s="40">
        <v>5.6485715223915882</v>
      </c>
      <c r="J921" s="40">
        <v>15.199994279762</v>
      </c>
      <c r="K921" s="40">
        <v>6.0058774674868971</v>
      </c>
      <c r="L921" s="40"/>
      <c r="M921" s="40"/>
      <c r="N921" s="40"/>
    </row>
    <row r="922" spans="4:14" x14ac:dyDescent="0.25">
      <c r="D922" s="40">
        <v>15.232725000000682</v>
      </c>
      <c r="E922" s="40">
        <v>9.0614446945329128</v>
      </c>
      <c r="F922" s="40">
        <v>15.216667000000001</v>
      </c>
      <c r="G922" s="40">
        <v>6.8857333026946543</v>
      </c>
      <c r="H922" s="40">
        <v>15.216667000000001</v>
      </c>
      <c r="I922" s="40">
        <v>5.6519242585350202</v>
      </c>
      <c r="J922" s="40">
        <v>15.2166609404763</v>
      </c>
      <c r="K922" s="40">
        <v>6.0105858334399569</v>
      </c>
      <c r="L922" s="40"/>
      <c r="M922" s="40"/>
      <c r="N922" s="40"/>
    </row>
    <row r="923" spans="4:14" x14ac:dyDescent="0.25">
      <c r="D923" s="40">
        <v>15.249391000000683</v>
      </c>
      <c r="E923" s="40">
        <v>9.0661454266932093</v>
      </c>
      <c r="F923" s="40">
        <v>15.233332999999988</v>
      </c>
      <c r="G923" s="40">
        <v>6.8904885467848747</v>
      </c>
      <c r="H923" s="40">
        <v>15.233334000000013</v>
      </c>
      <c r="I923" s="40">
        <v>5.6551783847917827</v>
      </c>
      <c r="J923" s="40">
        <v>15.2333276011906</v>
      </c>
      <c r="K923" s="40">
        <v>6.0154368771491891</v>
      </c>
      <c r="L923" s="40"/>
      <c r="M923" s="40"/>
      <c r="N923" s="40"/>
    </row>
    <row r="924" spans="4:14" x14ac:dyDescent="0.25">
      <c r="D924" s="40">
        <v>15.266057000000684</v>
      </c>
      <c r="E924" s="40">
        <v>9.0709886052827589</v>
      </c>
      <c r="F924" s="40">
        <v>15.25</v>
      </c>
      <c r="G924" s="40">
        <v>6.8952437908750932</v>
      </c>
      <c r="H924" s="40">
        <v>15.25</v>
      </c>
      <c r="I924" s="40">
        <v>5.6585311209350406</v>
      </c>
      <c r="J924" s="40">
        <v>15.249994261904799</v>
      </c>
      <c r="K924" s="40">
        <v>6.0202879208582951</v>
      </c>
      <c r="L924" s="40"/>
      <c r="M924" s="40"/>
      <c r="N924" s="40"/>
    </row>
    <row r="925" spans="4:14" x14ac:dyDescent="0.25">
      <c r="D925" s="40">
        <v>15.282723000000685</v>
      </c>
      <c r="E925" s="40">
        <v>9.0805325160326067</v>
      </c>
      <c r="F925" s="40">
        <v>15.266666999999998</v>
      </c>
      <c r="G925" s="40">
        <v>6.8998591748448694</v>
      </c>
      <c r="H925" s="40">
        <v>15.266667000000012</v>
      </c>
      <c r="I925" s="40">
        <v>5.6618838570782977</v>
      </c>
      <c r="J925" s="40">
        <v>15.266660922619099</v>
      </c>
      <c r="K925" s="40">
        <v>6.0202879208582951</v>
      </c>
      <c r="L925" s="40"/>
      <c r="M925" s="40"/>
      <c r="N925" s="40"/>
    </row>
    <row r="926" spans="4:14" x14ac:dyDescent="0.25">
      <c r="D926" s="40">
        <v>15.299389000000685</v>
      </c>
      <c r="E926" s="40">
        <v>9.0853756946221544</v>
      </c>
      <c r="F926" s="40">
        <v>15.283332999999999</v>
      </c>
      <c r="G926" s="40">
        <v>6.9046144189350889</v>
      </c>
      <c r="H926" s="40">
        <v>15.283334000000011</v>
      </c>
      <c r="I926" s="40">
        <v>5.665137983335061</v>
      </c>
      <c r="J926" s="40">
        <v>15.283327583333399</v>
      </c>
      <c r="K926" s="40">
        <v>6.0249962868113549</v>
      </c>
      <c r="L926" s="40"/>
      <c r="M926" s="40"/>
      <c r="N926" s="40"/>
    </row>
    <row r="927" spans="4:14" x14ac:dyDescent="0.25">
      <c r="D927" s="40">
        <v>15.316055000000686</v>
      </c>
      <c r="E927" s="40">
        <v>9.090218873211704</v>
      </c>
      <c r="F927" s="40">
        <v>15.299999999999997</v>
      </c>
      <c r="G927" s="40">
        <v>6.9093696630253074</v>
      </c>
      <c r="H927" s="40">
        <v>15.300000000000011</v>
      </c>
      <c r="I927" s="40">
        <v>5.6684907194783181</v>
      </c>
      <c r="J927" s="40">
        <v>15.299994244047699</v>
      </c>
      <c r="K927" s="40">
        <v>6.0249962868113549</v>
      </c>
      <c r="L927" s="40"/>
      <c r="M927" s="40"/>
      <c r="N927" s="40"/>
    </row>
    <row r="928" spans="4:14" x14ac:dyDescent="0.25">
      <c r="D928" s="40">
        <v>15.332721000000687</v>
      </c>
      <c r="E928" s="40">
        <v>9.0949196053721284</v>
      </c>
      <c r="F928" s="40">
        <v>15.316666999999995</v>
      </c>
      <c r="G928" s="40">
        <v>6.913985046995208</v>
      </c>
      <c r="H928" s="40">
        <v>15.31666700000001</v>
      </c>
      <c r="I928" s="40">
        <v>5.671843455621751</v>
      </c>
      <c r="J928" s="40">
        <v>15.316660904761999</v>
      </c>
      <c r="K928" s="40">
        <v>6.0298473305205871</v>
      </c>
      <c r="L928" s="40"/>
      <c r="M928" s="40"/>
      <c r="N928" s="40"/>
    </row>
    <row r="929" spans="4:14" x14ac:dyDescent="0.25">
      <c r="D929" s="40">
        <v>15.349387000000688</v>
      </c>
      <c r="E929" s="40">
        <v>9.0997627839615518</v>
      </c>
      <c r="F929" s="40">
        <v>15.333332999999996</v>
      </c>
      <c r="G929" s="40">
        <v>6.9187402910853031</v>
      </c>
      <c r="H929" s="40">
        <v>15.333334000000008</v>
      </c>
      <c r="I929" s="40">
        <v>5.6750975818785125</v>
      </c>
      <c r="J929" s="40">
        <v>15.333327565476299</v>
      </c>
      <c r="K929" s="40">
        <v>6.0346983742298193</v>
      </c>
      <c r="L929" s="40"/>
      <c r="M929" s="40"/>
      <c r="N929" s="40"/>
    </row>
    <row r="930" spans="4:14" x14ac:dyDescent="0.25">
      <c r="D930" s="40">
        <v>15.366053000000688</v>
      </c>
      <c r="E930" s="40">
        <v>9.1046059625510978</v>
      </c>
      <c r="F930" s="40">
        <v>15.349999999999994</v>
      </c>
      <c r="G930" s="40">
        <v>6.9234955351755225</v>
      </c>
      <c r="H930" s="40">
        <v>15.350000000000009</v>
      </c>
      <c r="I930" s="40">
        <v>5.6784503180217705</v>
      </c>
      <c r="J930" s="40">
        <v>15.349994226190599</v>
      </c>
      <c r="K930" s="40">
        <v>6.0395494179389244</v>
      </c>
      <c r="L930" s="40"/>
      <c r="M930" s="40"/>
      <c r="N930" s="40"/>
    </row>
    <row r="931" spans="4:14" x14ac:dyDescent="0.25">
      <c r="D931" s="40">
        <v>15.382719000000689</v>
      </c>
      <c r="E931" s="40">
        <v>9.1141498733009456</v>
      </c>
      <c r="F931" s="40">
        <v>15.366666999999993</v>
      </c>
      <c r="G931" s="40">
        <v>6.9281109191454231</v>
      </c>
      <c r="H931" s="40">
        <v>15.366667000000007</v>
      </c>
      <c r="I931" s="40">
        <v>5.6818030541650275</v>
      </c>
      <c r="J931" s="40">
        <v>15.3666608869048</v>
      </c>
      <c r="K931" s="40">
        <v>6.0395494179389244</v>
      </c>
      <c r="L931" s="40"/>
      <c r="M931" s="40"/>
      <c r="N931" s="40"/>
    </row>
    <row r="932" spans="4:14" x14ac:dyDescent="0.25">
      <c r="D932" s="40">
        <v>15.39938500000069</v>
      </c>
      <c r="E932" s="40">
        <v>9.1189930518904934</v>
      </c>
      <c r="F932" s="40">
        <v>15.383332999999993</v>
      </c>
      <c r="G932" s="40">
        <v>6.9328661632355182</v>
      </c>
      <c r="H932" s="40">
        <v>15.383334000000005</v>
      </c>
      <c r="I932" s="40">
        <v>5.6884099165652229</v>
      </c>
      <c r="J932" s="40">
        <v>15.3833275476191</v>
      </c>
      <c r="K932" s="40">
        <v>6.0442577838919851</v>
      </c>
      <c r="L932" s="40"/>
      <c r="M932" s="40"/>
      <c r="N932" s="40"/>
    </row>
    <row r="933" spans="4:14" x14ac:dyDescent="0.25">
      <c r="D933" s="40">
        <v>15.416051000000691</v>
      </c>
      <c r="E933" s="40">
        <v>9.1236937840509196</v>
      </c>
      <c r="F933" s="40">
        <v>15.399999999999991</v>
      </c>
      <c r="G933" s="40">
        <v>6.9376214073257367</v>
      </c>
      <c r="H933" s="40">
        <v>15.400000000000006</v>
      </c>
      <c r="I933" s="40">
        <v>5.6917626527084808</v>
      </c>
      <c r="J933" s="40">
        <v>15.3999942083334</v>
      </c>
      <c r="K933" s="40">
        <v>6.0491088276012173</v>
      </c>
      <c r="L933" s="40"/>
      <c r="M933" s="40"/>
      <c r="N933" s="40"/>
    </row>
    <row r="934" spans="4:14" x14ac:dyDescent="0.25">
      <c r="D934" s="40">
        <v>15.432717000000691</v>
      </c>
      <c r="E934" s="40">
        <v>9.1285369626403412</v>
      </c>
      <c r="F934" s="40">
        <v>15.41666699999999</v>
      </c>
      <c r="G934" s="40">
        <v>6.9422367912956373</v>
      </c>
      <c r="H934" s="40">
        <v>15.416667000000004</v>
      </c>
      <c r="I934" s="40">
        <v>5.6951153888517378</v>
      </c>
      <c r="J934" s="40">
        <v>15.4166608690477</v>
      </c>
      <c r="K934" s="40">
        <v>6.0491088276012173</v>
      </c>
      <c r="L934" s="40"/>
      <c r="M934" s="40"/>
      <c r="N934" s="40"/>
    </row>
    <row r="935" spans="4:14" x14ac:dyDescent="0.25">
      <c r="D935" s="40">
        <v>15.449383000000692</v>
      </c>
      <c r="E935" s="40">
        <v>9.1333801412298907</v>
      </c>
      <c r="F935" s="40">
        <v>15.43333299999999</v>
      </c>
      <c r="G935" s="40">
        <v>6.9422367912956373</v>
      </c>
      <c r="H935" s="40">
        <v>15.433334000000002</v>
      </c>
      <c r="I935" s="40">
        <v>5.6983695151085003</v>
      </c>
      <c r="J935" s="40">
        <v>15.433327529762</v>
      </c>
      <c r="K935" s="40">
        <v>6.0539598713103224</v>
      </c>
      <c r="L935" s="40"/>
      <c r="M935" s="40"/>
      <c r="N935" s="40"/>
    </row>
    <row r="936" spans="4:14" x14ac:dyDescent="0.25">
      <c r="D936" s="40">
        <v>15.466049000000693</v>
      </c>
      <c r="E936" s="40">
        <v>9.1380808733903152</v>
      </c>
      <c r="F936" s="40">
        <v>15.449999999999989</v>
      </c>
      <c r="G936" s="40">
        <v>6.9469920353857324</v>
      </c>
      <c r="H936" s="40">
        <v>15.450000000000003</v>
      </c>
      <c r="I936" s="40">
        <v>5.7017222512517574</v>
      </c>
      <c r="J936" s="40">
        <v>15.4499941904763</v>
      </c>
      <c r="K936" s="40">
        <v>6.0586682372633831</v>
      </c>
      <c r="L936" s="40"/>
      <c r="M936" s="40"/>
      <c r="N936" s="40"/>
    </row>
    <row r="937" spans="4:14" x14ac:dyDescent="0.25">
      <c r="D937" s="40">
        <v>15.482715000000693</v>
      </c>
      <c r="E937" s="40">
        <v>9.1477672305692845</v>
      </c>
      <c r="F937" s="40">
        <v>15.466667000000001</v>
      </c>
      <c r="G937" s="40">
        <v>6.9517472794759518</v>
      </c>
      <c r="H937" s="40">
        <v>15.466667000000001</v>
      </c>
      <c r="I937" s="40">
        <v>5.7050749873951903</v>
      </c>
      <c r="J937" s="40">
        <v>15.4666608511906</v>
      </c>
      <c r="K937" s="40">
        <v>6.0586682372633831</v>
      </c>
      <c r="L937" s="40"/>
      <c r="M937" s="40"/>
      <c r="N937" s="40"/>
    </row>
    <row r="938" spans="4:14" x14ac:dyDescent="0.25">
      <c r="D938" s="40">
        <v>15.499381000000694</v>
      </c>
      <c r="E938" s="40">
        <v>9.1524679627297107</v>
      </c>
      <c r="F938" s="40">
        <v>15.483332999999988</v>
      </c>
      <c r="G938" s="40">
        <v>6.9563626634458515</v>
      </c>
      <c r="H938" s="40">
        <v>15.483334000000013</v>
      </c>
      <c r="I938" s="40">
        <v>5.7083291136519527</v>
      </c>
      <c r="J938" s="40">
        <v>15.4833275119048</v>
      </c>
      <c r="K938" s="40">
        <v>6.0635192809726144</v>
      </c>
      <c r="L938" s="40"/>
      <c r="M938" s="40"/>
      <c r="N938" s="40"/>
    </row>
    <row r="939" spans="4:14" x14ac:dyDescent="0.25">
      <c r="D939" s="40">
        <v>15.516047000000695</v>
      </c>
      <c r="E939" s="40">
        <v>9.1524679627297107</v>
      </c>
      <c r="F939" s="40">
        <v>15.5</v>
      </c>
      <c r="G939" s="40">
        <v>6.9611179075360718</v>
      </c>
      <c r="H939" s="40">
        <v>15.5</v>
      </c>
      <c r="I939" s="40">
        <v>5.7116818497952107</v>
      </c>
      <c r="J939" s="40">
        <v>15.4999941726191</v>
      </c>
      <c r="K939" s="40">
        <v>6.0683703246817204</v>
      </c>
      <c r="L939" s="40"/>
      <c r="M939" s="40"/>
      <c r="N939" s="40"/>
    </row>
    <row r="940" spans="4:14" x14ac:dyDescent="0.25">
      <c r="D940" s="40">
        <v>15.532713000000696</v>
      </c>
      <c r="E940" s="40">
        <v>9.1573111413192603</v>
      </c>
      <c r="F940" s="40">
        <v>15.516666999999998</v>
      </c>
      <c r="G940" s="40">
        <v>6.9658731516261669</v>
      </c>
      <c r="H940" s="40">
        <v>15.516667000000012</v>
      </c>
      <c r="I940" s="40">
        <v>5.7150345859384677</v>
      </c>
      <c r="J940" s="40">
        <v>15.5166608333334</v>
      </c>
      <c r="K940" s="40">
        <v>6.0730786906347811</v>
      </c>
      <c r="L940" s="40"/>
      <c r="M940" s="40"/>
      <c r="N940" s="40"/>
    </row>
    <row r="941" spans="4:14" x14ac:dyDescent="0.25">
      <c r="D941" s="40">
        <v>15.549379000000696</v>
      </c>
      <c r="E941" s="40">
        <v>9.1621543199086819</v>
      </c>
      <c r="F941" s="40">
        <v>15.533332999999999</v>
      </c>
      <c r="G941" s="40">
        <v>6.9752437796862861</v>
      </c>
      <c r="H941" s="40">
        <v>15.533334000000011</v>
      </c>
      <c r="I941" s="40">
        <v>5.7216414483386622</v>
      </c>
      <c r="J941" s="40">
        <v>15.5333274940477</v>
      </c>
      <c r="K941" s="40">
        <v>6.0779297343440124</v>
      </c>
      <c r="L941" s="40"/>
      <c r="M941" s="40"/>
      <c r="N941" s="40"/>
    </row>
    <row r="942" spans="4:14" x14ac:dyDescent="0.25">
      <c r="D942" s="40">
        <v>15.566045000000697</v>
      </c>
      <c r="E942" s="40">
        <v>9.1716982306586541</v>
      </c>
      <c r="F942" s="40">
        <v>15.549999999999997</v>
      </c>
      <c r="G942" s="40">
        <v>6.9799990237763812</v>
      </c>
      <c r="H942" s="40">
        <v>15.550000000000011</v>
      </c>
      <c r="I942" s="40">
        <v>5.7249941844819201</v>
      </c>
      <c r="J942" s="40">
        <v>15.549994154762</v>
      </c>
      <c r="K942" s="40">
        <v>6.0779297343440124</v>
      </c>
      <c r="L942" s="40"/>
      <c r="M942" s="40"/>
      <c r="N942" s="40"/>
    </row>
    <row r="943" spans="4:14" x14ac:dyDescent="0.25">
      <c r="D943" s="40">
        <v>15.582711000000698</v>
      </c>
      <c r="E943" s="40">
        <v>9.1765414092480757</v>
      </c>
      <c r="F943" s="40">
        <v>15.566666999999995</v>
      </c>
      <c r="G943" s="40">
        <v>6.9799990237763812</v>
      </c>
      <c r="H943" s="40">
        <v>15.56666700000001</v>
      </c>
      <c r="I943" s="40">
        <v>5.7316010468819405</v>
      </c>
      <c r="J943" s="40">
        <v>15.5666608154763</v>
      </c>
      <c r="K943" s="40">
        <v>6.0827807780532455</v>
      </c>
      <c r="L943" s="40"/>
      <c r="M943" s="40"/>
      <c r="N943" s="40"/>
    </row>
    <row r="944" spans="4:14" x14ac:dyDescent="0.25">
      <c r="D944" s="40">
        <v>15.599377000000699</v>
      </c>
      <c r="E944" s="40">
        <v>9.1812421414085019</v>
      </c>
      <c r="F944" s="40">
        <v>15.583332999999996</v>
      </c>
      <c r="G944" s="40">
        <v>6.9847542678666006</v>
      </c>
      <c r="H944" s="40">
        <v>15.583334000000008</v>
      </c>
      <c r="I944" s="40">
        <v>5.7349537830251975</v>
      </c>
      <c r="J944" s="40">
        <v>15.5833274761906</v>
      </c>
      <c r="K944" s="40">
        <v>6.0874891440061782</v>
      </c>
      <c r="L944" s="40"/>
      <c r="M944" s="40"/>
      <c r="N944" s="40"/>
    </row>
    <row r="945" spans="4:14" x14ac:dyDescent="0.25">
      <c r="D945" s="40">
        <v>15.616043000000699</v>
      </c>
      <c r="E945" s="40">
        <v>9.1860853199980514</v>
      </c>
      <c r="F945" s="40">
        <v>15.599999999999994</v>
      </c>
      <c r="G945" s="40">
        <v>6.9893696518365012</v>
      </c>
      <c r="H945" s="40">
        <v>15.600000000000009</v>
      </c>
      <c r="I945" s="40">
        <v>5.7415606454253929</v>
      </c>
      <c r="J945" s="40">
        <v>15.5999941369049</v>
      </c>
      <c r="K945" s="40">
        <v>6.0874891440061782</v>
      </c>
      <c r="L945" s="40"/>
      <c r="M945" s="40"/>
      <c r="N945" s="40"/>
    </row>
    <row r="946" spans="4:14" x14ac:dyDescent="0.25">
      <c r="D946" s="40">
        <v>15.6327090000007</v>
      </c>
      <c r="E946" s="40">
        <v>9.1956292307478993</v>
      </c>
      <c r="F946" s="40">
        <v>15.616666999999993</v>
      </c>
      <c r="G946" s="40">
        <v>6.9893696518365012</v>
      </c>
      <c r="H946" s="40">
        <v>15.616667000000007</v>
      </c>
      <c r="I946" s="40">
        <v>5.7449133815686499</v>
      </c>
      <c r="J946" s="40">
        <v>15.616660797619099</v>
      </c>
      <c r="K946" s="40">
        <v>6.0874891440061782</v>
      </c>
      <c r="L946" s="40"/>
      <c r="M946" s="40"/>
      <c r="N946" s="40"/>
    </row>
    <row r="947" spans="4:14" x14ac:dyDescent="0.25">
      <c r="D947" s="40">
        <v>15.649375000000701</v>
      </c>
      <c r="E947" s="40">
        <v>9.200472409337447</v>
      </c>
      <c r="F947" s="40">
        <v>15.633332999999993</v>
      </c>
      <c r="G947" s="40">
        <v>6.9941248959265963</v>
      </c>
      <c r="H947" s="40">
        <v>15.633334000000005</v>
      </c>
      <c r="I947" s="40">
        <v>5.7515202439686703</v>
      </c>
      <c r="J947" s="40">
        <v>15.633327458333399</v>
      </c>
      <c r="K947" s="40">
        <v>6.0923401877154104</v>
      </c>
      <c r="L947" s="40"/>
      <c r="M947" s="40"/>
      <c r="N947" s="40"/>
    </row>
    <row r="948" spans="4:14" x14ac:dyDescent="0.25">
      <c r="D948" s="40">
        <v>15.666041000000702</v>
      </c>
      <c r="E948" s="40">
        <v>9.2053155879269948</v>
      </c>
      <c r="F948" s="40">
        <v>15.649999999999991</v>
      </c>
      <c r="G948" s="40">
        <v>6.9988801400168148</v>
      </c>
      <c r="H948" s="40">
        <v>15.650000000000006</v>
      </c>
      <c r="I948" s="40">
        <v>5.7548729801121032</v>
      </c>
      <c r="J948" s="40">
        <v>15.649994119047699</v>
      </c>
      <c r="K948" s="40">
        <v>6.0971912314246435</v>
      </c>
      <c r="L948" s="40"/>
      <c r="M948" s="40"/>
      <c r="N948" s="40"/>
    </row>
    <row r="949" spans="4:14" x14ac:dyDescent="0.25">
      <c r="D949" s="40">
        <v>15.682707000000702</v>
      </c>
      <c r="E949" s="40">
        <v>9.2053155879269948</v>
      </c>
      <c r="F949" s="40">
        <v>15.66666699999999</v>
      </c>
      <c r="G949" s="40">
        <v>7.0034955239867154</v>
      </c>
      <c r="H949" s="40">
        <v>15.666667000000004</v>
      </c>
      <c r="I949" s="40">
        <v>5.7614798425121228</v>
      </c>
      <c r="J949" s="40">
        <v>15.666660779761999</v>
      </c>
      <c r="K949" s="40">
        <v>6.0971912314246435</v>
      </c>
      <c r="L949" s="40"/>
      <c r="M949" s="40"/>
      <c r="N949" s="40"/>
    </row>
    <row r="950" spans="4:14" x14ac:dyDescent="0.25">
      <c r="D950" s="40">
        <v>15.699373000000703</v>
      </c>
      <c r="E950" s="40">
        <v>9.2100163200872931</v>
      </c>
      <c r="F950" s="40">
        <v>15.68333299999999</v>
      </c>
      <c r="G950" s="40">
        <v>7.0082507680768105</v>
      </c>
      <c r="H950" s="40">
        <v>15.683334000000002</v>
      </c>
      <c r="I950" s="40">
        <v>5.7648325786553798</v>
      </c>
      <c r="J950" s="40">
        <v>15.683327440476299</v>
      </c>
      <c r="K950" s="40">
        <v>6.1018995973775763</v>
      </c>
      <c r="L950" s="40"/>
      <c r="M950" s="40"/>
      <c r="N950" s="40"/>
    </row>
    <row r="951" spans="4:14" x14ac:dyDescent="0.25">
      <c r="D951" s="40">
        <v>15.716039000000704</v>
      </c>
      <c r="E951" s="40">
        <v>9.2148594986768408</v>
      </c>
      <c r="F951" s="40">
        <v>15.699999999999989</v>
      </c>
      <c r="G951" s="40">
        <v>7.013006012167029</v>
      </c>
      <c r="H951" s="40">
        <v>15.700000000000003</v>
      </c>
      <c r="I951" s="40">
        <v>5.7680867049121431</v>
      </c>
      <c r="J951" s="40">
        <v>15.699994101190599</v>
      </c>
      <c r="K951" s="40">
        <v>6.1067506410868084</v>
      </c>
      <c r="L951" s="40"/>
      <c r="M951" s="40"/>
      <c r="N951" s="40"/>
    </row>
    <row r="952" spans="4:14" x14ac:dyDescent="0.25">
      <c r="D952" s="40">
        <v>15.732705000000704</v>
      </c>
      <c r="E952" s="40">
        <v>9.2197026772663904</v>
      </c>
      <c r="F952" s="40">
        <v>15.716667000000001</v>
      </c>
      <c r="G952" s="40">
        <v>7.0176213961369296</v>
      </c>
      <c r="H952" s="40">
        <v>15.716667000000001</v>
      </c>
      <c r="I952" s="40">
        <v>5.7747921771988331</v>
      </c>
      <c r="J952" s="40">
        <v>15.716660761904899</v>
      </c>
      <c r="K952" s="40">
        <v>6.1067506410868084</v>
      </c>
      <c r="L952" s="40"/>
      <c r="M952" s="40"/>
      <c r="N952" s="40"/>
    </row>
    <row r="953" spans="4:14" x14ac:dyDescent="0.25">
      <c r="D953" s="40">
        <v>15.749371000000705</v>
      </c>
      <c r="E953" s="40">
        <v>9.2244034094266887</v>
      </c>
      <c r="F953" s="40">
        <v>15.733332999999988</v>
      </c>
      <c r="G953" s="40">
        <v>7.022376640227149</v>
      </c>
      <c r="H953" s="40">
        <v>15.733334000000013</v>
      </c>
      <c r="I953" s="40">
        <v>5.7780463034555956</v>
      </c>
      <c r="J953" s="40">
        <v>15.7333274226191</v>
      </c>
      <c r="K953" s="40">
        <v>6.1116016847960415</v>
      </c>
      <c r="L953" s="40"/>
      <c r="M953" s="40"/>
      <c r="N953" s="40"/>
    </row>
    <row r="954" spans="4:14" x14ac:dyDescent="0.25">
      <c r="D954" s="40">
        <v>15.766037000000706</v>
      </c>
      <c r="E954" s="40">
        <v>9.2292465880162382</v>
      </c>
      <c r="F954" s="40">
        <v>15.75</v>
      </c>
      <c r="G954" s="40">
        <v>7.0271318843172441</v>
      </c>
      <c r="H954" s="40">
        <v>15.75</v>
      </c>
      <c r="I954" s="40">
        <v>5.7847517757421096</v>
      </c>
      <c r="J954" s="40">
        <v>15.7499940833334</v>
      </c>
      <c r="K954" s="40">
        <v>6.1163100507491013</v>
      </c>
      <c r="L954" s="40"/>
      <c r="M954" s="40"/>
      <c r="N954" s="40"/>
    </row>
    <row r="955" spans="4:14" x14ac:dyDescent="0.25">
      <c r="D955" s="40">
        <v>15.782703000000707</v>
      </c>
      <c r="E955" s="40">
        <v>9.234089766605786</v>
      </c>
      <c r="F955" s="40">
        <v>15.766666999999998</v>
      </c>
      <c r="G955" s="40">
        <v>7.0317472682871447</v>
      </c>
      <c r="H955" s="40">
        <v>15.766667000000012</v>
      </c>
      <c r="I955" s="40">
        <v>5.788005901998873</v>
      </c>
      <c r="J955" s="40">
        <v>15.7666607440477</v>
      </c>
      <c r="K955" s="40">
        <v>6.1211610944582064</v>
      </c>
      <c r="L955" s="40"/>
      <c r="M955" s="40"/>
      <c r="N955" s="40"/>
    </row>
    <row r="956" spans="4:14" x14ac:dyDescent="0.25">
      <c r="D956" s="40">
        <v>15.799369000000707</v>
      </c>
      <c r="E956" s="40">
        <v>9.2389329451952094</v>
      </c>
      <c r="F956" s="40">
        <v>15.783332999999999</v>
      </c>
      <c r="G956" s="40">
        <v>7.0412577564674583</v>
      </c>
      <c r="H956" s="40">
        <v>15.783334000000011</v>
      </c>
      <c r="I956" s="40">
        <v>5.7947113742855629</v>
      </c>
      <c r="J956" s="40">
        <v>15.783327404762</v>
      </c>
      <c r="K956" s="40">
        <v>6.1260121381674395</v>
      </c>
      <c r="L956" s="40"/>
      <c r="M956" s="40"/>
      <c r="N956" s="40"/>
    </row>
    <row r="957" spans="4:14" x14ac:dyDescent="0.25">
      <c r="D957" s="40">
        <v>15.816035000000708</v>
      </c>
      <c r="E957" s="40">
        <v>9.243633677355632</v>
      </c>
      <c r="F957" s="40">
        <v>15.799999999999997</v>
      </c>
      <c r="G957" s="40">
        <v>7.0458731404373589</v>
      </c>
      <c r="H957" s="40">
        <v>15.800000000000011</v>
      </c>
      <c r="I957" s="40">
        <v>5.7979655005423263</v>
      </c>
      <c r="J957" s="40">
        <v>15.7999940654763</v>
      </c>
      <c r="K957" s="40">
        <v>6.1307205041204993</v>
      </c>
      <c r="L957" s="40"/>
      <c r="M957" s="40"/>
      <c r="N957" s="40"/>
    </row>
    <row r="958" spans="4:14" x14ac:dyDescent="0.25">
      <c r="D958" s="40">
        <v>15.832701000000709</v>
      </c>
      <c r="E958" s="40">
        <v>9.2533200345347293</v>
      </c>
      <c r="F958" s="40">
        <v>15.816666999999995</v>
      </c>
      <c r="G958" s="40">
        <v>7.0506283845275792</v>
      </c>
      <c r="H958" s="40">
        <v>15.81666700000001</v>
      </c>
      <c r="I958" s="40">
        <v>5.8013182366855833</v>
      </c>
      <c r="J958" s="40">
        <v>15.8166607261906</v>
      </c>
      <c r="K958" s="40">
        <v>6.1355715478296045</v>
      </c>
      <c r="L958" s="40"/>
      <c r="M958" s="40"/>
      <c r="N958" s="40"/>
    </row>
    <row r="959" spans="4:14" x14ac:dyDescent="0.25">
      <c r="D959" s="40">
        <v>15.84936700000071</v>
      </c>
      <c r="E959" s="40">
        <v>9.2580207666950294</v>
      </c>
      <c r="F959" s="40">
        <v>15.833332999999996</v>
      </c>
      <c r="G959" s="40">
        <v>7.0553836286176734</v>
      </c>
      <c r="H959" s="40">
        <v>15.833334000000008</v>
      </c>
      <c r="I959" s="40">
        <v>5.8079250990856028</v>
      </c>
      <c r="J959" s="40">
        <v>15.8333273869049</v>
      </c>
      <c r="K959" s="40">
        <v>6.1355715478296045</v>
      </c>
      <c r="L959" s="40"/>
      <c r="M959" s="40"/>
      <c r="N959" s="40"/>
    </row>
    <row r="960" spans="4:14" x14ac:dyDescent="0.25">
      <c r="D960" s="40">
        <v>15.86603300000071</v>
      </c>
      <c r="E960" s="40">
        <v>9.2628639452845771</v>
      </c>
      <c r="F960" s="40">
        <v>15.849999999999994</v>
      </c>
      <c r="G960" s="40">
        <v>7.0647542566777934</v>
      </c>
      <c r="H960" s="40">
        <v>15.850000000000009</v>
      </c>
      <c r="I960" s="40">
        <v>5.8112778352290357</v>
      </c>
      <c r="J960" s="40">
        <v>15.8499940476191</v>
      </c>
      <c r="K960" s="40">
        <v>6.1404225915388366</v>
      </c>
      <c r="L960" s="40"/>
      <c r="M960" s="40"/>
      <c r="N960" s="40"/>
    </row>
    <row r="961" spans="4:14" x14ac:dyDescent="0.25">
      <c r="D961" s="40">
        <v>15.882699000000711</v>
      </c>
      <c r="E961" s="40">
        <v>9.2677071238741267</v>
      </c>
      <c r="F961" s="40">
        <v>15.866666999999993</v>
      </c>
      <c r="G961" s="40">
        <v>7.069509500768012</v>
      </c>
      <c r="H961" s="40">
        <v>15.866667000000007</v>
      </c>
      <c r="I961" s="40">
        <v>5.8146305713722928</v>
      </c>
      <c r="J961" s="40">
        <v>15.8666607083334</v>
      </c>
      <c r="K961" s="40">
        <v>6.1451309574918973</v>
      </c>
      <c r="L961" s="40"/>
      <c r="M961" s="40"/>
      <c r="N961" s="40"/>
    </row>
    <row r="962" spans="4:14" x14ac:dyDescent="0.25">
      <c r="D962" s="40">
        <v>15.899365000000712</v>
      </c>
      <c r="E962" s="40">
        <v>9.272407856034425</v>
      </c>
      <c r="F962" s="40">
        <v>15.883332999999993</v>
      </c>
      <c r="G962" s="40">
        <v>7.069509500768012</v>
      </c>
      <c r="H962" s="40">
        <v>15.883334000000005</v>
      </c>
      <c r="I962" s="40">
        <v>5.8179833075155498</v>
      </c>
      <c r="J962" s="40">
        <v>15.8833273690477</v>
      </c>
      <c r="K962" s="40">
        <v>6.1499820012010016</v>
      </c>
      <c r="L962" s="40"/>
      <c r="M962" s="40"/>
      <c r="N962" s="40"/>
    </row>
    <row r="963" spans="4:14" x14ac:dyDescent="0.25">
      <c r="D963" s="40">
        <v>15.916031000000713</v>
      </c>
      <c r="E963" s="40">
        <v>9.2820942132135205</v>
      </c>
      <c r="F963" s="40">
        <v>15.899999999999991</v>
      </c>
      <c r="G963" s="40">
        <v>7.0741248847377882</v>
      </c>
      <c r="H963" s="40">
        <v>15.900000000000006</v>
      </c>
      <c r="I963" s="40">
        <v>5.8245901699155693</v>
      </c>
      <c r="J963" s="40">
        <v>15.899994029762</v>
      </c>
      <c r="K963" s="40">
        <v>6.1499820012010016</v>
      </c>
      <c r="L963" s="40"/>
      <c r="M963" s="40"/>
      <c r="N963" s="40"/>
    </row>
    <row r="964" spans="4:14" x14ac:dyDescent="0.25">
      <c r="D964" s="40">
        <v>15.932697000000713</v>
      </c>
      <c r="E964" s="40">
        <v>9.2867949453739467</v>
      </c>
      <c r="F964" s="40">
        <v>15.91666699999999</v>
      </c>
      <c r="G964" s="40">
        <v>7.0788801288280077</v>
      </c>
      <c r="H964" s="40">
        <v>15.916667000000004</v>
      </c>
      <c r="I964" s="40">
        <v>5.8279429060590022</v>
      </c>
      <c r="J964" s="40">
        <v>15.9166606904763</v>
      </c>
      <c r="K964" s="40">
        <v>6.1548330449102346</v>
      </c>
      <c r="L964" s="40"/>
      <c r="M964" s="40"/>
      <c r="N964" s="40"/>
    </row>
    <row r="965" spans="4:14" x14ac:dyDescent="0.25">
      <c r="D965" s="40">
        <v>15.949363000000714</v>
      </c>
      <c r="E965" s="40">
        <v>9.2916381239633683</v>
      </c>
      <c r="F965" s="40">
        <v>15.93333299999999</v>
      </c>
      <c r="G965" s="40">
        <v>7.0836353729182271</v>
      </c>
      <c r="H965" s="40">
        <v>15.933334000000002</v>
      </c>
      <c r="I965" s="40">
        <v>5.8345497684590226</v>
      </c>
      <c r="J965" s="40">
        <v>15.9333273511906</v>
      </c>
      <c r="K965" s="40">
        <v>6.1595414108632953</v>
      </c>
      <c r="L965" s="40"/>
      <c r="M965" s="40"/>
      <c r="N965" s="40"/>
    </row>
    <row r="966" spans="4:14" x14ac:dyDescent="0.25">
      <c r="D966" s="40">
        <v>15.966029000000715</v>
      </c>
      <c r="E966" s="40">
        <v>9.2964813025529178</v>
      </c>
      <c r="F966" s="40">
        <v>15.949999999999989</v>
      </c>
      <c r="G966" s="40">
        <v>7.0930060009782228</v>
      </c>
      <c r="H966" s="40">
        <v>15.950000000000003</v>
      </c>
      <c r="I966" s="40">
        <v>5.8379025046022797</v>
      </c>
      <c r="J966" s="40">
        <v>15.9499940119049</v>
      </c>
      <c r="K966" s="40">
        <v>6.1643924545725266</v>
      </c>
      <c r="L966" s="40"/>
      <c r="M966" s="40"/>
      <c r="N966" s="40"/>
    </row>
    <row r="967" spans="4:14" x14ac:dyDescent="0.25">
      <c r="D967" s="40">
        <v>15.982695000000716</v>
      </c>
      <c r="E967" s="40">
        <v>9.301182034713344</v>
      </c>
      <c r="F967" s="40">
        <v>15.966667000000001</v>
      </c>
      <c r="G967" s="40">
        <v>7.0977612450684413</v>
      </c>
      <c r="H967" s="40">
        <v>15.966667000000001</v>
      </c>
      <c r="I967" s="40">
        <v>5.841156630859043</v>
      </c>
      <c r="J967" s="40">
        <v>15.966660672619099</v>
      </c>
      <c r="K967" s="40">
        <v>6.1643924545725266</v>
      </c>
      <c r="L967" s="40"/>
      <c r="M967" s="40"/>
      <c r="N967" s="40"/>
    </row>
    <row r="968" spans="4:14" x14ac:dyDescent="0.25">
      <c r="D968" s="40">
        <v>15.999361000000716</v>
      </c>
      <c r="E968" s="40">
        <v>9.3060252133027657</v>
      </c>
      <c r="F968" s="40">
        <v>15.983332999999988</v>
      </c>
      <c r="G968" s="40">
        <v>7.1023766290383419</v>
      </c>
      <c r="H968" s="40">
        <v>15.983334000000013</v>
      </c>
      <c r="I968" s="40">
        <v>5.8478621031457321</v>
      </c>
      <c r="J968" s="40">
        <v>15.983327333333399</v>
      </c>
      <c r="K968" s="40">
        <v>6.1692434982816327</v>
      </c>
      <c r="L968" s="40"/>
      <c r="M968" s="40"/>
      <c r="N968" s="40"/>
    </row>
    <row r="969" spans="4:14" x14ac:dyDescent="0.25">
      <c r="D969" s="40">
        <v>16.016027000000715</v>
      </c>
      <c r="E969" s="40">
        <v>9.3108683918923134</v>
      </c>
      <c r="F969" s="40">
        <v>16</v>
      </c>
      <c r="G969" s="40">
        <v>7.107131873128437</v>
      </c>
      <c r="H969" s="40">
        <v>16</v>
      </c>
      <c r="I969" s="40">
        <v>5.8511162294024954</v>
      </c>
      <c r="J969" s="40">
        <v>15.999993994047699</v>
      </c>
      <c r="K969" s="40">
        <v>6.1739518642346924</v>
      </c>
      <c r="L969" s="40"/>
      <c r="M969" s="40"/>
      <c r="N969" s="40"/>
    </row>
    <row r="970" spans="4:14" x14ac:dyDescent="0.25">
      <c r="D970" s="40">
        <v>16.032693000000716</v>
      </c>
      <c r="E970" s="40">
        <v>9.3204123026421595</v>
      </c>
      <c r="F970" s="40">
        <v>16.016666999999998</v>
      </c>
      <c r="G970" s="40">
        <v>7.1118871172186564</v>
      </c>
      <c r="H970" s="40">
        <v>16.016667000000012</v>
      </c>
      <c r="I970" s="40">
        <v>5.8544689655457525</v>
      </c>
      <c r="J970" s="40">
        <v>16.016660654761999</v>
      </c>
      <c r="K970" s="40">
        <v>6.1788029079439246</v>
      </c>
      <c r="L970" s="40"/>
      <c r="M970" s="40"/>
      <c r="N970" s="40"/>
    </row>
    <row r="971" spans="4:14" x14ac:dyDescent="0.25">
      <c r="D971" s="40">
        <v>16.049359000000717</v>
      </c>
      <c r="E971" s="40">
        <v>9.325255481231709</v>
      </c>
      <c r="F971" s="40">
        <v>16.033332999999999</v>
      </c>
      <c r="G971" s="40">
        <v>7.1212577452786521</v>
      </c>
      <c r="H971" s="40">
        <v>16.033334000000011</v>
      </c>
      <c r="I971" s="40">
        <v>5.8578217016890095</v>
      </c>
      <c r="J971" s="40">
        <v>16.033327315476299</v>
      </c>
      <c r="K971" s="40">
        <v>6.1836539516530307</v>
      </c>
      <c r="L971" s="40"/>
      <c r="M971" s="40"/>
      <c r="N971" s="40"/>
    </row>
    <row r="972" spans="4:14" x14ac:dyDescent="0.25">
      <c r="D972" s="40">
        <v>16.066025000000717</v>
      </c>
      <c r="E972" s="40">
        <v>9.3299562133921334</v>
      </c>
      <c r="F972" s="40">
        <v>16.049999999999997</v>
      </c>
      <c r="G972" s="40">
        <v>7.1260129893688706</v>
      </c>
      <c r="H972" s="40">
        <v>16.050000000000011</v>
      </c>
      <c r="I972" s="40">
        <v>5.8610758279457729</v>
      </c>
      <c r="J972" s="40">
        <v>16.049993976190599</v>
      </c>
      <c r="K972" s="40">
        <v>6.1836539516530307</v>
      </c>
      <c r="L972" s="40"/>
      <c r="M972" s="40"/>
      <c r="N972" s="40"/>
    </row>
    <row r="973" spans="4:14" x14ac:dyDescent="0.25">
      <c r="D973" s="40">
        <v>16.082691000000718</v>
      </c>
      <c r="E973" s="40">
        <v>9.3396425705711046</v>
      </c>
      <c r="F973" s="40">
        <v>16.066666999999995</v>
      </c>
      <c r="G973" s="40">
        <v>7.1306283733387712</v>
      </c>
      <c r="H973" s="40">
        <v>16.06666700000001</v>
      </c>
      <c r="I973" s="40">
        <v>5.8644285640892058</v>
      </c>
      <c r="J973" s="40">
        <v>16.066660636904899</v>
      </c>
      <c r="K973" s="40">
        <v>6.1883623176060905</v>
      </c>
      <c r="L973" s="40"/>
      <c r="M973" s="40"/>
      <c r="N973" s="40"/>
    </row>
    <row r="974" spans="4:14" x14ac:dyDescent="0.25">
      <c r="D974" s="40">
        <v>16.099357000000719</v>
      </c>
      <c r="E974" s="40">
        <v>9.344343302731529</v>
      </c>
      <c r="F974" s="40">
        <v>16.083332999999996</v>
      </c>
      <c r="G974" s="40">
        <v>7.1353836174288663</v>
      </c>
      <c r="H974" s="40">
        <v>16.083334000000008</v>
      </c>
      <c r="I974" s="40">
        <v>5.8677813002324619</v>
      </c>
      <c r="J974" s="40">
        <v>16.0833272976191</v>
      </c>
      <c r="K974" s="40">
        <v>6.1932133613153226</v>
      </c>
      <c r="L974" s="40"/>
      <c r="M974" s="40"/>
      <c r="N974" s="40"/>
    </row>
    <row r="975" spans="4:14" x14ac:dyDescent="0.25">
      <c r="D975" s="40">
        <v>16.11602300000072</v>
      </c>
      <c r="E975" s="40">
        <v>9.3540296599105002</v>
      </c>
      <c r="F975" s="40">
        <v>16.099999999999994</v>
      </c>
      <c r="G975" s="40">
        <v>7.1401388615190848</v>
      </c>
      <c r="H975" s="40">
        <v>16.100000000000009</v>
      </c>
      <c r="I975" s="40">
        <v>5.8743881626324823</v>
      </c>
      <c r="J975" s="40">
        <v>16.0999939583334</v>
      </c>
      <c r="K975" s="40">
        <v>6.1980644050244287</v>
      </c>
      <c r="L975" s="40"/>
      <c r="M975" s="40"/>
      <c r="N975" s="40"/>
    </row>
    <row r="976" spans="4:14" x14ac:dyDescent="0.25">
      <c r="D976" s="40">
        <v>16.13268900000072</v>
      </c>
      <c r="E976" s="40">
        <v>9.3587303920709246</v>
      </c>
      <c r="F976" s="40">
        <v>16.116666999999993</v>
      </c>
      <c r="G976" s="40">
        <v>7.1447542454889854</v>
      </c>
      <c r="H976" s="40">
        <v>16.116667000000007</v>
      </c>
      <c r="I976" s="40">
        <v>5.8777408987757402</v>
      </c>
      <c r="J976" s="40">
        <v>16.1166606190477</v>
      </c>
      <c r="K976" s="40">
        <v>6.1980644050244287</v>
      </c>
      <c r="L976" s="40"/>
      <c r="M976" s="40"/>
      <c r="N976" s="40"/>
    </row>
    <row r="977" spans="4:14" x14ac:dyDescent="0.25">
      <c r="D977" s="40">
        <v>16.149355000000721</v>
      </c>
      <c r="E977" s="40">
        <v>9.3684167492498958</v>
      </c>
      <c r="F977" s="40">
        <v>16.133332999999993</v>
      </c>
      <c r="G977" s="40">
        <v>7.1495094895792057</v>
      </c>
      <c r="H977" s="40">
        <v>16.133334000000005</v>
      </c>
      <c r="I977" s="40">
        <v>5.8809950250325027</v>
      </c>
      <c r="J977" s="40">
        <v>16.133327279762</v>
      </c>
      <c r="K977" s="40">
        <v>6.2027727709774885</v>
      </c>
      <c r="L977" s="40"/>
      <c r="M977" s="40"/>
      <c r="N977" s="40"/>
    </row>
    <row r="978" spans="4:14" x14ac:dyDescent="0.25">
      <c r="D978" s="40">
        <v>16.166021000000722</v>
      </c>
      <c r="E978" s="40">
        <v>9.373117481410322</v>
      </c>
      <c r="F978" s="40">
        <v>16.149999999999991</v>
      </c>
      <c r="G978" s="40">
        <v>7.1542647336692999</v>
      </c>
      <c r="H978" s="40">
        <v>16.150000000000006</v>
      </c>
      <c r="I978" s="40">
        <v>5.8877004973191926</v>
      </c>
      <c r="J978" s="40">
        <v>16.1499939404763</v>
      </c>
      <c r="K978" s="40">
        <v>6.2076238146867206</v>
      </c>
      <c r="L978" s="40"/>
      <c r="M978" s="40"/>
      <c r="N978" s="40"/>
    </row>
    <row r="979" spans="4:14" x14ac:dyDescent="0.25">
      <c r="D979" s="40">
        <v>16.182687000000723</v>
      </c>
      <c r="E979" s="40">
        <v>9.3828038385892913</v>
      </c>
      <c r="F979" s="40">
        <v>16.16666699999999</v>
      </c>
      <c r="G979" s="40">
        <v>7.1590199777595194</v>
      </c>
      <c r="H979" s="40">
        <v>16.166667000000004</v>
      </c>
      <c r="I979" s="40">
        <v>5.8909546235759551</v>
      </c>
      <c r="J979" s="40">
        <v>16.1666606011906</v>
      </c>
      <c r="K979" s="40">
        <v>6.2124748583958267</v>
      </c>
      <c r="L979" s="40"/>
      <c r="M979" s="40"/>
      <c r="N979" s="40"/>
    </row>
    <row r="980" spans="4:14" x14ac:dyDescent="0.25">
      <c r="D980" s="40">
        <v>16.199353000000723</v>
      </c>
      <c r="E980" s="40">
        <v>9.3875045707497158</v>
      </c>
      <c r="F980" s="40">
        <v>16.18333299999999</v>
      </c>
      <c r="G980" s="40">
        <v>7.1636353617294199</v>
      </c>
      <c r="H980" s="40">
        <v>16.183334000000002</v>
      </c>
      <c r="I980" s="40">
        <v>5.8943073597192122</v>
      </c>
      <c r="J980" s="40">
        <v>16.1833272619049</v>
      </c>
      <c r="K980" s="40">
        <v>6.2171832243488865</v>
      </c>
      <c r="L980" s="40"/>
      <c r="M980" s="40"/>
      <c r="N980" s="40"/>
    </row>
    <row r="981" spans="4:14" x14ac:dyDescent="0.25">
      <c r="D981" s="40">
        <v>16.216019000000724</v>
      </c>
      <c r="E981" s="40">
        <v>9.3923477493392653</v>
      </c>
      <c r="F981" s="40">
        <v>16.199999999999989</v>
      </c>
      <c r="G981" s="40">
        <v>7.1683906058195141</v>
      </c>
      <c r="H981" s="40">
        <v>16.200000000000003</v>
      </c>
      <c r="I981" s="40">
        <v>5.8976600958626451</v>
      </c>
      <c r="J981" s="40">
        <v>16.1999939226191</v>
      </c>
      <c r="K981" s="40">
        <v>6.2171832243488865</v>
      </c>
      <c r="L981" s="40"/>
      <c r="M981" s="40"/>
      <c r="N981" s="40"/>
    </row>
    <row r="982" spans="4:14" x14ac:dyDescent="0.25">
      <c r="D982" s="40">
        <v>16.232685000000725</v>
      </c>
      <c r="E982" s="40">
        <v>9.3971909279288131</v>
      </c>
      <c r="F982" s="40">
        <v>16.216667000000001</v>
      </c>
      <c r="G982" s="40">
        <v>7.1731458499097345</v>
      </c>
      <c r="H982" s="40">
        <v>16.216667000000001</v>
      </c>
      <c r="I982" s="40">
        <v>5.9009142221194084</v>
      </c>
      <c r="J982" s="40">
        <v>16.2166605833334</v>
      </c>
      <c r="K982" s="40">
        <v>6.2220342680581187</v>
      </c>
      <c r="L982" s="40"/>
      <c r="M982" s="40"/>
      <c r="N982" s="40"/>
    </row>
    <row r="983" spans="4:14" x14ac:dyDescent="0.25">
      <c r="D983" s="40">
        <v>16.249351000000726</v>
      </c>
      <c r="E983" s="40">
        <v>9.4018916600891131</v>
      </c>
      <c r="F983" s="40">
        <v>16.233332999999988</v>
      </c>
      <c r="G983" s="40">
        <v>7.1777612338796342</v>
      </c>
      <c r="H983" s="40">
        <v>16.233334000000013</v>
      </c>
      <c r="I983" s="40">
        <v>5.9076196944059225</v>
      </c>
      <c r="J983" s="40">
        <v>16.2333272440477</v>
      </c>
      <c r="K983" s="40">
        <v>6.2268853117673508</v>
      </c>
      <c r="L983" s="40"/>
      <c r="M983" s="40"/>
      <c r="N983" s="40"/>
    </row>
    <row r="984" spans="4:14" x14ac:dyDescent="0.25">
      <c r="D984" s="40">
        <v>16.266017000000726</v>
      </c>
      <c r="E984" s="40">
        <v>9.4067348386786609</v>
      </c>
      <c r="F984" s="40">
        <v>16.25</v>
      </c>
      <c r="G984" s="40">
        <v>7.1825164779697293</v>
      </c>
      <c r="H984" s="40">
        <v>16.25</v>
      </c>
      <c r="I984" s="40">
        <v>5.910873820662685</v>
      </c>
      <c r="J984" s="40">
        <v>16.249993904762</v>
      </c>
      <c r="K984" s="40">
        <v>6.2268853117673508</v>
      </c>
      <c r="L984" s="40"/>
      <c r="M984" s="40"/>
      <c r="N984" s="40"/>
    </row>
    <row r="985" spans="4:14" x14ac:dyDescent="0.25">
      <c r="D985" s="40">
        <v>16.282683000000727</v>
      </c>
      <c r="E985" s="40">
        <v>9.416278749428507</v>
      </c>
      <c r="F985" s="40">
        <v>16.266666999999998</v>
      </c>
      <c r="G985" s="40">
        <v>7.1872717220599487</v>
      </c>
      <c r="H985" s="40">
        <v>16.266667000000012</v>
      </c>
      <c r="I985" s="40">
        <v>5.914226556805942</v>
      </c>
      <c r="J985" s="40">
        <v>16.2666605654763</v>
      </c>
      <c r="K985" s="40">
        <v>6.231736355476456</v>
      </c>
      <c r="L985" s="40"/>
      <c r="M985" s="40"/>
      <c r="N985" s="40"/>
    </row>
    <row r="986" spans="4:14" x14ac:dyDescent="0.25">
      <c r="D986" s="40">
        <v>16.299349000000728</v>
      </c>
      <c r="E986" s="40">
        <v>9.4211219280180565</v>
      </c>
      <c r="F986" s="40">
        <v>16.283332999999999</v>
      </c>
      <c r="G986" s="40">
        <v>7.1918871060298493</v>
      </c>
      <c r="H986" s="40">
        <v>16.283334000000011</v>
      </c>
      <c r="I986" s="40">
        <v>5.9208334192061383</v>
      </c>
      <c r="J986" s="40">
        <v>16.2833272261906</v>
      </c>
      <c r="K986" s="40">
        <v>6.2364447214295167</v>
      </c>
      <c r="L986" s="40"/>
      <c r="M986" s="40"/>
      <c r="N986" s="40"/>
    </row>
    <row r="987" spans="4:14" x14ac:dyDescent="0.25">
      <c r="D987" s="40">
        <v>16.316015000000728</v>
      </c>
      <c r="E987" s="40">
        <v>9.4259651066076042</v>
      </c>
      <c r="F987" s="40">
        <v>16.299999999999997</v>
      </c>
      <c r="G987" s="40">
        <v>7.1966423501200678</v>
      </c>
      <c r="H987" s="40">
        <v>16.300000000000011</v>
      </c>
      <c r="I987" s="40">
        <v>5.9241861553493953</v>
      </c>
      <c r="J987" s="40">
        <v>16.2999938869049</v>
      </c>
      <c r="K987" s="40">
        <v>6.2364447214295167</v>
      </c>
      <c r="L987" s="40"/>
      <c r="M987" s="40"/>
      <c r="N987" s="40"/>
    </row>
    <row r="988" spans="4:14" x14ac:dyDescent="0.25">
      <c r="D988" s="40">
        <v>16.332681000000729</v>
      </c>
      <c r="E988" s="40">
        <v>9.4308082851970259</v>
      </c>
      <c r="F988" s="40">
        <v>16.316666999999995</v>
      </c>
      <c r="G988" s="40">
        <v>7.2013975942101629</v>
      </c>
      <c r="H988" s="40">
        <v>16.31666700000001</v>
      </c>
      <c r="I988" s="40">
        <v>5.9307930177494148</v>
      </c>
      <c r="J988" s="40">
        <v>16.316660547619101</v>
      </c>
      <c r="K988" s="40">
        <v>6.241295765138748</v>
      </c>
      <c r="L988" s="40"/>
      <c r="M988" s="40"/>
      <c r="N988" s="40"/>
    </row>
    <row r="989" spans="4:14" x14ac:dyDescent="0.25">
      <c r="D989" s="40">
        <v>16.34934700000073</v>
      </c>
      <c r="E989" s="40">
        <v>9.4403521959470016</v>
      </c>
      <c r="F989" s="40">
        <v>16.333332999999996</v>
      </c>
      <c r="G989" s="40">
        <v>7.2060129781800635</v>
      </c>
      <c r="H989" s="40">
        <v>16.333334000000008</v>
      </c>
      <c r="I989" s="40">
        <v>5.9341457538926718</v>
      </c>
      <c r="J989" s="40">
        <v>16.333327208333401</v>
      </c>
      <c r="K989" s="40">
        <v>6.246146808847854</v>
      </c>
      <c r="L989" s="40"/>
      <c r="M989" s="40"/>
      <c r="N989" s="40"/>
    </row>
    <row r="990" spans="4:14" x14ac:dyDescent="0.25">
      <c r="D990" s="40">
        <v>16.366013000000731</v>
      </c>
      <c r="E990" s="40">
        <v>9.4451953745365493</v>
      </c>
      <c r="F990" s="40">
        <v>16.349999999999994</v>
      </c>
      <c r="G990" s="40">
        <v>7.2107682222702829</v>
      </c>
      <c r="H990" s="40">
        <v>16.350000000000009</v>
      </c>
      <c r="I990" s="40">
        <v>5.9374984900361047</v>
      </c>
      <c r="J990" s="40">
        <v>16.349993869047701</v>
      </c>
      <c r="K990" s="40">
        <v>6.2508551748009138</v>
      </c>
      <c r="L990" s="40"/>
      <c r="M990" s="40"/>
      <c r="N990" s="40"/>
    </row>
    <row r="991" spans="4:14" x14ac:dyDescent="0.25">
      <c r="D991" s="40">
        <v>16.382679000000731</v>
      </c>
      <c r="E991" s="40">
        <v>9.4498961066968494</v>
      </c>
      <c r="F991" s="40">
        <v>16.366666999999993</v>
      </c>
      <c r="G991" s="40">
        <v>7.215523466360378</v>
      </c>
      <c r="H991" s="40">
        <v>16.366667000000007</v>
      </c>
      <c r="I991" s="40">
        <v>5.9407526162928681</v>
      </c>
      <c r="J991" s="40">
        <v>16.366660529762001</v>
      </c>
      <c r="K991" s="40">
        <v>6.255706218510146</v>
      </c>
      <c r="L991" s="40"/>
      <c r="M991" s="40"/>
      <c r="N991" s="40"/>
    </row>
    <row r="992" spans="4:14" x14ac:dyDescent="0.25">
      <c r="D992" s="40">
        <v>16.399345000000732</v>
      </c>
      <c r="E992" s="40">
        <v>9.4595824638759431</v>
      </c>
      <c r="F992" s="40">
        <v>16.383332999999993</v>
      </c>
      <c r="G992" s="40">
        <v>7.2201388503302786</v>
      </c>
      <c r="H992" s="40">
        <v>16.383334000000005</v>
      </c>
      <c r="I992" s="40">
        <v>5.9441053524361251</v>
      </c>
      <c r="J992" s="40">
        <v>16.383327190476301</v>
      </c>
      <c r="K992" s="40">
        <v>6.260557262219252</v>
      </c>
      <c r="L992" s="40"/>
      <c r="M992" s="40"/>
      <c r="N992" s="40"/>
    </row>
    <row r="993" spans="4:14" x14ac:dyDescent="0.25">
      <c r="D993" s="40">
        <v>16.416011000000733</v>
      </c>
      <c r="E993" s="40">
        <v>9.4642831960362432</v>
      </c>
      <c r="F993" s="40">
        <v>16.399999999999991</v>
      </c>
      <c r="G993" s="40">
        <v>7.2248940944204971</v>
      </c>
      <c r="H993" s="40">
        <v>16.400000000000006</v>
      </c>
      <c r="I993" s="40">
        <v>5.9474580885793831</v>
      </c>
      <c r="J993" s="40">
        <v>16.399993851190601</v>
      </c>
      <c r="K993" s="40">
        <v>6.260557262219252</v>
      </c>
      <c r="L993" s="40"/>
      <c r="M993" s="40"/>
      <c r="N993" s="40"/>
    </row>
    <row r="994" spans="4:14" x14ac:dyDescent="0.25">
      <c r="D994" s="40">
        <v>16.432677000000734</v>
      </c>
      <c r="E994" s="40">
        <v>9.469126374625791</v>
      </c>
      <c r="F994" s="40">
        <v>16.41666699999999</v>
      </c>
      <c r="G994" s="40">
        <v>7.2296493385105922</v>
      </c>
      <c r="H994" s="40">
        <v>16.416667000000004</v>
      </c>
      <c r="I994" s="40">
        <v>5.9508108247228151</v>
      </c>
      <c r="J994" s="40">
        <v>16.416660511904901</v>
      </c>
      <c r="K994" s="40">
        <v>6.2652656281723118</v>
      </c>
      <c r="L994" s="40"/>
      <c r="M994" s="40"/>
      <c r="N994" s="40"/>
    </row>
    <row r="995" spans="4:14" x14ac:dyDescent="0.25">
      <c r="D995" s="40">
        <v>16.449343000000734</v>
      </c>
      <c r="E995" s="40">
        <v>9.4739695532153405</v>
      </c>
      <c r="F995" s="40">
        <v>16.43333299999999</v>
      </c>
      <c r="G995" s="40">
        <v>7.2342647224804928</v>
      </c>
      <c r="H995" s="40">
        <v>16.433334000000002</v>
      </c>
      <c r="I995" s="40">
        <v>5.9540649509795776</v>
      </c>
      <c r="J995" s="40">
        <v>16.433327172619101</v>
      </c>
      <c r="K995" s="40">
        <v>6.270116671881544</v>
      </c>
      <c r="L995" s="40"/>
      <c r="M995" s="40"/>
      <c r="N995" s="40"/>
    </row>
    <row r="996" spans="4:14" x14ac:dyDescent="0.25">
      <c r="D996" s="40">
        <v>16.466009000000735</v>
      </c>
      <c r="E996" s="40">
        <v>9.4786702853757667</v>
      </c>
      <c r="F996" s="40">
        <v>16.449999999999989</v>
      </c>
      <c r="G996" s="40">
        <v>7.2390199665707113</v>
      </c>
      <c r="H996" s="40">
        <v>16.450000000000003</v>
      </c>
      <c r="I996" s="40">
        <v>5.9607704232660925</v>
      </c>
      <c r="J996" s="40">
        <v>16.449993833333401</v>
      </c>
      <c r="K996" s="40">
        <v>6.274967715590777</v>
      </c>
      <c r="L996" s="40"/>
      <c r="M996" s="40"/>
      <c r="N996" s="40"/>
    </row>
    <row r="997" spans="4:14" x14ac:dyDescent="0.25">
      <c r="D997" s="40">
        <v>16.482675000000736</v>
      </c>
      <c r="E997" s="40">
        <v>9.4835134639651884</v>
      </c>
      <c r="F997" s="40">
        <v>16.466667000000001</v>
      </c>
      <c r="G997" s="40">
        <v>7.2437752106608073</v>
      </c>
      <c r="H997" s="40">
        <v>16.466667000000001</v>
      </c>
      <c r="I997" s="40">
        <v>5.964024549522855</v>
      </c>
      <c r="J997" s="40">
        <v>16.466660494047701</v>
      </c>
      <c r="K997" s="40">
        <v>6.2796760815437098</v>
      </c>
      <c r="L997" s="40"/>
      <c r="M997" s="40"/>
      <c r="N997" s="40"/>
    </row>
    <row r="998" spans="4:14" x14ac:dyDescent="0.25">
      <c r="D998" s="40">
        <v>16.499341000000737</v>
      </c>
      <c r="E998" s="40">
        <v>9.4883566425547361</v>
      </c>
      <c r="F998" s="40">
        <v>16.483332999999988</v>
      </c>
      <c r="G998" s="40">
        <v>7.248390594630707</v>
      </c>
      <c r="H998" s="40">
        <v>16.483334000000013</v>
      </c>
      <c r="I998" s="40">
        <v>5.9673772856661129</v>
      </c>
      <c r="J998" s="40">
        <v>16.483327154762001</v>
      </c>
      <c r="K998" s="40">
        <v>6.2796760815437098</v>
      </c>
      <c r="L998" s="40"/>
      <c r="M998" s="40"/>
      <c r="N998" s="40"/>
    </row>
    <row r="999" spans="4:14" x14ac:dyDescent="0.25">
      <c r="D999" s="40">
        <v>16.516007000000737</v>
      </c>
      <c r="E999" s="40">
        <v>9.4930573747151605</v>
      </c>
      <c r="F999" s="40">
        <v>16.5</v>
      </c>
      <c r="G999" s="40">
        <v>7.2531458387209264</v>
      </c>
      <c r="H999" s="40">
        <v>16.5</v>
      </c>
      <c r="I999" s="40">
        <v>5.9739841480663074</v>
      </c>
      <c r="J999" s="40">
        <v>16.499993815476302</v>
      </c>
      <c r="K999" s="40">
        <v>6.284527125252942</v>
      </c>
      <c r="L999" s="40"/>
      <c r="M999" s="40"/>
      <c r="N999" s="40"/>
    </row>
    <row r="1000" spans="4:14" x14ac:dyDescent="0.25">
      <c r="D1000" s="40">
        <v>16.532673000000738</v>
      </c>
      <c r="E1000" s="40">
        <v>9.4979005533045822</v>
      </c>
      <c r="F1000" s="40">
        <v>16.516666999999998</v>
      </c>
      <c r="G1000" s="40">
        <v>7.2579010828111459</v>
      </c>
      <c r="H1000" s="40">
        <v>16.516667000000012</v>
      </c>
      <c r="I1000" s="40">
        <v>5.9773368842095644</v>
      </c>
      <c r="J1000" s="40">
        <v>16.516660476190602</v>
      </c>
      <c r="K1000" s="40">
        <v>6.2893781689621751</v>
      </c>
      <c r="L1000" s="40"/>
      <c r="M1000" s="40"/>
      <c r="N1000" s="40"/>
    </row>
    <row r="1001" spans="4:14" x14ac:dyDescent="0.25">
      <c r="D1001" s="40">
        <v>16.549339000000739</v>
      </c>
      <c r="E1001" s="40">
        <v>9.5074444640545579</v>
      </c>
      <c r="F1001" s="40">
        <v>16.533332999999999</v>
      </c>
      <c r="G1001" s="40">
        <v>7.2625164667809221</v>
      </c>
      <c r="H1001" s="40">
        <v>16.533334000000011</v>
      </c>
      <c r="I1001" s="40">
        <v>5.9806896203528224</v>
      </c>
      <c r="J1001" s="40">
        <v>16.533327136904902</v>
      </c>
      <c r="K1001" s="40">
        <v>6.2940865349151078</v>
      </c>
      <c r="L1001" s="40"/>
      <c r="M1001" s="40"/>
      <c r="N1001" s="40"/>
    </row>
    <row r="1002" spans="4:14" x14ac:dyDescent="0.25">
      <c r="D1002" s="40">
        <v>16.566005000000739</v>
      </c>
      <c r="E1002" s="40">
        <v>9.5122876426439795</v>
      </c>
      <c r="F1002" s="40">
        <v>16.549999999999997</v>
      </c>
      <c r="G1002" s="40">
        <v>7.2672717108711407</v>
      </c>
      <c r="H1002" s="40">
        <v>16.550000000000011</v>
      </c>
      <c r="I1002" s="40">
        <v>5.9839437466095848</v>
      </c>
      <c r="J1002" s="40">
        <v>16.549993797619099</v>
      </c>
      <c r="K1002" s="40">
        <v>6.2940865349151078</v>
      </c>
      <c r="L1002" s="40"/>
      <c r="M1002" s="40"/>
      <c r="N1002" s="40"/>
    </row>
    <row r="1003" spans="4:14" x14ac:dyDescent="0.25">
      <c r="D1003" s="40">
        <v>16.58267100000074</v>
      </c>
      <c r="E1003" s="40">
        <v>9.5171308212335273</v>
      </c>
      <c r="F1003" s="40">
        <v>16.566666999999995</v>
      </c>
      <c r="G1003" s="40">
        <v>7.272026954961361</v>
      </c>
      <c r="H1003" s="40">
        <v>16.56666700000001</v>
      </c>
      <c r="I1003" s="40">
        <v>5.9906492188962748</v>
      </c>
      <c r="J1003" s="40">
        <v>16.566660458333399</v>
      </c>
      <c r="K1003" s="40">
        <v>6.29893757862434</v>
      </c>
      <c r="L1003" s="40"/>
      <c r="M1003" s="40"/>
      <c r="N1003" s="40"/>
    </row>
    <row r="1004" spans="4:14" x14ac:dyDescent="0.25">
      <c r="D1004" s="40">
        <v>16.599337000000741</v>
      </c>
      <c r="E1004" s="40">
        <v>9.5218315533939517</v>
      </c>
      <c r="F1004" s="40">
        <v>16.583332999999996</v>
      </c>
      <c r="G1004" s="40">
        <v>7.2766423389311363</v>
      </c>
      <c r="H1004" s="40">
        <v>16.583334000000008</v>
      </c>
      <c r="I1004" s="40">
        <v>5.9939033451530381</v>
      </c>
      <c r="J1004" s="40">
        <v>16.583327119047699</v>
      </c>
      <c r="K1004" s="40">
        <v>6.29893757862434</v>
      </c>
      <c r="L1004" s="40"/>
      <c r="M1004" s="40"/>
      <c r="N1004" s="40"/>
    </row>
    <row r="1005" spans="4:14" x14ac:dyDescent="0.25">
      <c r="D1005" s="40">
        <v>16.616003000000742</v>
      </c>
      <c r="E1005" s="40">
        <v>9.5266747319835012</v>
      </c>
      <c r="F1005" s="40">
        <v>16.599999999999994</v>
      </c>
      <c r="G1005" s="40">
        <v>7.2813975830213566</v>
      </c>
      <c r="H1005" s="40">
        <v>16.600000000000009</v>
      </c>
      <c r="I1005" s="40">
        <v>5.9972560812962943</v>
      </c>
      <c r="J1005" s="40">
        <v>16.599993779761999</v>
      </c>
      <c r="K1005" s="40">
        <v>6.3037886223335722</v>
      </c>
      <c r="L1005" s="40"/>
      <c r="M1005" s="40"/>
      <c r="N1005" s="40"/>
    </row>
    <row r="1006" spans="4:14" x14ac:dyDescent="0.25">
      <c r="D1006" s="40">
        <v>16.632669000000742</v>
      </c>
      <c r="E1006" s="40">
        <v>9.5315179105729229</v>
      </c>
      <c r="F1006" s="40">
        <v>16.616666999999993</v>
      </c>
      <c r="G1006" s="40">
        <v>7.2861528271115752</v>
      </c>
      <c r="H1006" s="40">
        <v>16.616667000000007</v>
      </c>
      <c r="I1006" s="40">
        <v>6.0006088174395522</v>
      </c>
      <c r="J1006" s="40">
        <v>16.616660440476299</v>
      </c>
      <c r="K1006" s="40">
        <v>6.3084969882866329</v>
      </c>
      <c r="L1006" s="40"/>
      <c r="M1006" s="40"/>
      <c r="N1006" s="40"/>
    </row>
    <row r="1007" spans="4:14" x14ac:dyDescent="0.25">
      <c r="D1007" s="40">
        <v>16.649335000000743</v>
      </c>
      <c r="E1007" s="40">
        <v>9.5362186427333491</v>
      </c>
      <c r="F1007" s="40">
        <v>16.633332999999993</v>
      </c>
      <c r="G1007" s="40">
        <v>7.2907682110814758</v>
      </c>
      <c r="H1007" s="40">
        <v>16.633334000000005</v>
      </c>
      <c r="I1007" s="40">
        <v>6.0038629436963147</v>
      </c>
      <c r="J1007" s="40">
        <v>16.633327101190599</v>
      </c>
      <c r="K1007" s="40">
        <v>6.3084969882866329</v>
      </c>
      <c r="L1007" s="40"/>
      <c r="M1007" s="40"/>
      <c r="N1007" s="40"/>
    </row>
    <row r="1008" spans="4:14" x14ac:dyDescent="0.25">
      <c r="D1008" s="40">
        <v>16.666001000000744</v>
      </c>
      <c r="E1008" s="40">
        <v>9.5410618213228968</v>
      </c>
      <c r="F1008" s="40">
        <v>16.649999999999991</v>
      </c>
      <c r="G1008" s="40">
        <v>7.2955234551715709</v>
      </c>
      <c r="H1008" s="40">
        <v>16.650000000000006</v>
      </c>
      <c r="I1008" s="40">
        <v>6.0105684159830046</v>
      </c>
      <c r="J1008" s="40">
        <v>16.649993761904899</v>
      </c>
      <c r="K1008" s="40">
        <v>6.313348031995738</v>
      </c>
      <c r="L1008" s="40"/>
      <c r="M1008" s="40"/>
      <c r="N1008" s="40"/>
    </row>
    <row r="1009" spans="4:14" x14ac:dyDescent="0.25">
      <c r="D1009" s="40">
        <v>16.682667000000745</v>
      </c>
      <c r="E1009" s="40">
        <v>9.5506057320727447</v>
      </c>
      <c r="F1009" s="40">
        <v>16.66666699999999</v>
      </c>
      <c r="G1009" s="40">
        <v>7.2955234551715709</v>
      </c>
      <c r="H1009" s="40">
        <v>16.666667000000004</v>
      </c>
      <c r="I1009" s="40">
        <v>6.013822542239768</v>
      </c>
      <c r="J1009" s="40">
        <v>16.666660422619099</v>
      </c>
      <c r="K1009" s="40">
        <v>6.3181990757049702</v>
      </c>
      <c r="L1009" s="40"/>
      <c r="M1009" s="40"/>
      <c r="N1009" s="40"/>
    </row>
    <row r="1010" spans="4:14" x14ac:dyDescent="0.25">
      <c r="D1010" s="40">
        <v>16.699333000000745</v>
      </c>
      <c r="E1010" s="40">
        <v>9.5554489106622924</v>
      </c>
      <c r="F1010" s="40">
        <v>16.68333299999999</v>
      </c>
      <c r="G1010" s="40">
        <v>7.3002786992617894</v>
      </c>
      <c r="H1010" s="40">
        <v>16.683334000000002</v>
      </c>
      <c r="I1010" s="40">
        <v>6.017175278383025</v>
      </c>
      <c r="J1010" s="40">
        <v>16.683327083333399</v>
      </c>
      <c r="K1010" s="40">
        <v>6.3229074416580309</v>
      </c>
      <c r="L1010" s="40"/>
      <c r="M1010" s="40"/>
      <c r="N1010" s="40"/>
    </row>
    <row r="1011" spans="4:14" x14ac:dyDescent="0.25">
      <c r="D1011" s="40">
        <v>16.715999000000746</v>
      </c>
      <c r="E1011" s="40">
        <v>9.5649928214121385</v>
      </c>
      <c r="F1011" s="40">
        <v>16.699999999999989</v>
      </c>
      <c r="G1011" s="40">
        <v>7.30489408323169</v>
      </c>
      <c r="H1011" s="40">
        <v>16.700000000000003</v>
      </c>
      <c r="I1011" s="40">
        <v>6.020528014526457</v>
      </c>
      <c r="J1011" s="40">
        <v>16.699993744047699</v>
      </c>
      <c r="K1011" s="40">
        <v>6.3277584853671351</v>
      </c>
      <c r="L1011" s="40"/>
      <c r="M1011" s="40"/>
      <c r="N1011" s="40"/>
    </row>
    <row r="1012" spans="4:14" x14ac:dyDescent="0.25">
      <c r="D1012" s="40">
        <v>16.732665000000747</v>
      </c>
      <c r="E1012" s="40">
        <v>9.569836000001688</v>
      </c>
      <c r="F1012" s="40">
        <v>16.716667000000001</v>
      </c>
      <c r="G1012" s="40">
        <v>7.3096493273217851</v>
      </c>
      <c r="H1012" s="40">
        <v>16.716667000000001</v>
      </c>
      <c r="I1012" s="40">
        <v>6.0271348769264774</v>
      </c>
      <c r="J1012" s="40">
        <v>16.716660404761999</v>
      </c>
      <c r="K1012" s="40">
        <v>6.3326095290763682</v>
      </c>
      <c r="L1012" s="40"/>
      <c r="M1012" s="40"/>
      <c r="N1012" s="40"/>
    </row>
    <row r="1013" spans="4:14" x14ac:dyDescent="0.25">
      <c r="D1013" s="40">
        <v>16.749331000000748</v>
      </c>
      <c r="E1013" s="40">
        <v>9.5793799107515358</v>
      </c>
      <c r="F1013" s="40">
        <v>16.733332999999988</v>
      </c>
      <c r="G1013" s="40">
        <v>7.3144045714120045</v>
      </c>
      <c r="H1013" s="40">
        <v>16.733334000000013</v>
      </c>
      <c r="I1013" s="40">
        <v>6.0304876130697345</v>
      </c>
      <c r="J1013" s="40">
        <v>16.733327065476299</v>
      </c>
      <c r="K1013" s="40">
        <v>6.3373178950294289</v>
      </c>
      <c r="L1013" s="40"/>
      <c r="M1013" s="40"/>
      <c r="N1013" s="40"/>
    </row>
    <row r="1014" spans="4:14" x14ac:dyDescent="0.25">
      <c r="D1014" s="40">
        <v>16.765997000000748</v>
      </c>
      <c r="E1014" s="40">
        <v>9.5842230893410836</v>
      </c>
      <c r="F1014" s="40">
        <v>16.75</v>
      </c>
      <c r="G1014" s="40">
        <v>7.3190199553819051</v>
      </c>
      <c r="H1014" s="40">
        <v>16.75</v>
      </c>
      <c r="I1014" s="40">
        <v>6.0337417393264978</v>
      </c>
      <c r="J1014" s="40">
        <v>16.749993726190599</v>
      </c>
      <c r="K1014" s="40">
        <v>6.3373178950294289</v>
      </c>
      <c r="L1014" s="40"/>
      <c r="M1014" s="40"/>
      <c r="N1014" s="40"/>
    </row>
    <row r="1015" spans="4:14" x14ac:dyDescent="0.25">
      <c r="D1015" s="40">
        <v>16.782663000000749</v>
      </c>
      <c r="E1015" s="40">
        <v>9.5890662679306331</v>
      </c>
      <c r="F1015" s="40">
        <v>16.766666999999998</v>
      </c>
      <c r="G1015" s="40">
        <v>7.3237751994720002</v>
      </c>
      <c r="H1015" s="40">
        <v>16.766667000000012</v>
      </c>
      <c r="I1015" s="40">
        <v>6.0404472116131869</v>
      </c>
      <c r="J1015" s="40">
        <v>16.766660386904899</v>
      </c>
      <c r="K1015" s="40">
        <v>6.3421689387385332</v>
      </c>
      <c r="L1015" s="40"/>
      <c r="M1015" s="40"/>
      <c r="N1015" s="40"/>
    </row>
    <row r="1016" spans="4:14" x14ac:dyDescent="0.25">
      <c r="D1016" s="40">
        <v>16.79932900000075</v>
      </c>
      <c r="E1016" s="40">
        <v>9.5986101786804792</v>
      </c>
      <c r="F1016" s="40">
        <v>16.783332999999999</v>
      </c>
      <c r="G1016" s="40">
        <v>7.3285304435622187</v>
      </c>
      <c r="H1016" s="40">
        <v>16.783334000000011</v>
      </c>
      <c r="I1016" s="40">
        <v>6.0437013378699502</v>
      </c>
      <c r="J1016" s="40">
        <v>16.7833270476191</v>
      </c>
      <c r="K1016" s="40">
        <v>6.3470199824477662</v>
      </c>
      <c r="L1016" s="40"/>
      <c r="M1016" s="40"/>
      <c r="N1016" s="40"/>
    </row>
    <row r="1017" spans="4:14" x14ac:dyDescent="0.25">
      <c r="D1017" s="40">
        <v>16.815995000000751</v>
      </c>
      <c r="E1017" s="40">
        <v>9.6034533572700269</v>
      </c>
      <c r="F1017" s="40">
        <v>16.799999999999997</v>
      </c>
      <c r="G1017" s="40">
        <v>7.3285304435622187</v>
      </c>
      <c r="H1017" s="40">
        <v>16.800000000000011</v>
      </c>
      <c r="I1017" s="40">
        <v>6.0470540740132073</v>
      </c>
      <c r="J1017" s="40">
        <v>16.7999937083334</v>
      </c>
      <c r="K1017" s="40">
        <v>6.351728348400826</v>
      </c>
      <c r="L1017" s="40"/>
      <c r="M1017" s="40"/>
      <c r="N1017" s="40"/>
    </row>
    <row r="1018" spans="4:14" x14ac:dyDescent="0.25">
      <c r="D1018" s="40">
        <v>16.832661000000751</v>
      </c>
      <c r="E1018" s="40">
        <v>9.6082965358594485</v>
      </c>
      <c r="F1018" s="40">
        <v>16.816666999999995</v>
      </c>
      <c r="G1018" s="40">
        <v>7.333285687652439</v>
      </c>
      <c r="H1018" s="40">
        <v>16.81666700000001</v>
      </c>
      <c r="I1018" s="40">
        <v>6.0504068101564652</v>
      </c>
      <c r="J1018" s="40">
        <v>16.8166603690477</v>
      </c>
      <c r="K1018" s="40">
        <v>6.351728348400826</v>
      </c>
      <c r="L1018" s="40"/>
      <c r="M1018" s="40"/>
      <c r="N1018" s="40"/>
    </row>
    <row r="1019" spans="4:14" x14ac:dyDescent="0.25">
      <c r="D1019" s="40">
        <v>16.849327000000752</v>
      </c>
      <c r="E1019" s="40">
        <v>9.6178404466094243</v>
      </c>
      <c r="F1019" s="40">
        <v>16.833332999999996</v>
      </c>
      <c r="G1019" s="40">
        <v>7.3379010716223378</v>
      </c>
      <c r="H1019" s="40">
        <v>16.833334000000008</v>
      </c>
      <c r="I1019" s="40">
        <v>6.0536609364132277</v>
      </c>
      <c r="J1019" s="40">
        <v>16.833327029762</v>
      </c>
      <c r="K1019" s="40">
        <v>6.3565793921100582</v>
      </c>
      <c r="L1019" s="40"/>
      <c r="M1019" s="40"/>
      <c r="N1019" s="40"/>
    </row>
    <row r="1020" spans="4:14" x14ac:dyDescent="0.25">
      <c r="D1020" s="40">
        <v>16.865993000000753</v>
      </c>
      <c r="E1020" s="40">
        <v>9.6226836251988459</v>
      </c>
      <c r="F1020" s="40">
        <v>16.849999999999994</v>
      </c>
      <c r="G1020" s="40">
        <v>7.3426563157124338</v>
      </c>
      <c r="H1020" s="40">
        <v>16.850000000000009</v>
      </c>
      <c r="I1020" s="40">
        <v>6.0603664086999167</v>
      </c>
      <c r="J1020" s="40">
        <v>16.8499936904763</v>
      </c>
      <c r="K1020" s="40">
        <v>6.3614304358191642</v>
      </c>
      <c r="L1020" s="40"/>
      <c r="M1020" s="40"/>
      <c r="N1020" s="40"/>
    </row>
    <row r="1021" spans="4:14" x14ac:dyDescent="0.25">
      <c r="D1021" s="40">
        <v>16.882659000000753</v>
      </c>
      <c r="E1021" s="40">
        <v>9.6273843573592703</v>
      </c>
      <c r="F1021" s="40">
        <v>16.866666999999993</v>
      </c>
      <c r="G1021" s="40">
        <v>7.3474115598026533</v>
      </c>
      <c r="H1021" s="40">
        <v>16.866667000000007</v>
      </c>
      <c r="I1021" s="40">
        <v>6.0636205349566801</v>
      </c>
      <c r="J1021" s="40">
        <v>16.8666603511906</v>
      </c>
      <c r="K1021" s="40">
        <v>6.3614304358191642</v>
      </c>
      <c r="L1021" s="40"/>
      <c r="M1021" s="40"/>
      <c r="N1021" s="40"/>
    </row>
    <row r="1022" spans="4:14" x14ac:dyDescent="0.25">
      <c r="D1022" s="40">
        <v>16.899325000000754</v>
      </c>
      <c r="E1022" s="40">
        <v>9.6370707145383676</v>
      </c>
      <c r="F1022" s="40">
        <v>16.883332999999993</v>
      </c>
      <c r="G1022" s="40">
        <v>7.3520269437725529</v>
      </c>
      <c r="H1022" s="40">
        <v>16.883334000000005</v>
      </c>
      <c r="I1022" s="40">
        <v>6.0669732710999371</v>
      </c>
      <c r="J1022" s="40">
        <v>16.8833270119049</v>
      </c>
      <c r="K1022" s="40">
        <v>6.366138801772224</v>
      </c>
      <c r="L1022" s="40"/>
      <c r="M1022" s="40"/>
      <c r="N1022" s="40"/>
    </row>
    <row r="1023" spans="4:14" x14ac:dyDescent="0.25">
      <c r="D1023" s="40">
        <v>16.915991000000755</v>
      </c>
      <c r="E1023" s="40">
        <v>9.6417714466986659</v>
      </c>
      <c r="F1023" s="40">
        <v>16.899999999999991</v>
      </c>
      <c r="G1023" s="40">
        <v>7.356782187862648</v>
      </c>
      <c r="H1023" s="40">
        <v>16.900000000000006</v>
      </c>
      <c r="I1023" s="40">
        <v>6.070326007243195</v>
      </c>
      <c r="J1023" s="40">
        <v>16.8999936726191</v>
      </c>
      <c r="K1023" s="40">
        <v>6.3709898454814562</v>
      </c>
      <c r="L1023" s="40"/>
      <c r="M1023" s="40"/>
      <c r="N1023" s="40"/>
    </row>
    <row r="1024" spans="4:14" x14ac:dyDescent="0.25">
      <c r="D1024" s="40">
        <v>16.932657000000756</v>
      </c>
      <c r="E1024" s="40">
        <v>9.6514578038777632</v>
      </c>
      <c r="F1024" s="40">
        <v>16.91666699999999</v>
      </c>
      <c r="G1024" s="40">
        <v>7.3615374319528675</v>
      </c>
      <c r="H1024" s="40">
        <v>16.916667000000004</v>
      </c>
      <c r="I1024" s="40">
        <v>6.0769328696433904</v>
      </c>
      <c r="J1024" s="40">
        <v>16.9166603333334</v>
      </c>
      <c r="K1024" s="40">
        <v>6.3758408891905622</v>
      </c>
      <c r="L1024" s="40"/>
      <c r="M1024" s="40"/>
      <c r="N1024" s="40"/>
    </row>
    <row r="1025" spans="4:14" x14ac:dyDescent="0.25">
      <c r="D1025" s="40">
        <v>16.949323000000756</v>
      </c>
      <c r="E1025" s="40">
        <v>9.6561585360380633</v>
      </c>
      <c r="F1025" s="40">
        <v>16.93333299999999</v>
      </c>
      <c r="G1025" s="40">
        <v>7.366152815922768</v>
      </c>
      <c r="H1025" s="40">
        <v>16.933334000000002</v>
      </c>
      <c r="I1025" s="40">
        <v>6.0802856057866475</v>
      </c>
      <c r="J1025" s="40">
        <v>16.9333269940477</v>
      </c>
      <c r="K1025" s="40">
        <v>6.380549255143622</v>
      </c>
      <c r="L1025" s="40"/>
      <c r="M1025" s="40"/>
      <c r="N1025" s="40"/>
    </row>
    <row r="1026" spans="4:14" x14ac:dyDescent="0.25">
      <c r="D1026" s="40">
        <v>16.965989000000757</v>
      </c>
      <c r="E1026" s="40">
        <v>9.661001714627611</v>
      </c>
      <c r="F1026" s="40">
        <v>16.949999999999989</v>
      </c>
      <c r="G1026" s="40">
        <v>7.3709080600128623</v>
      </c>
      <c r="H1026" s="40">
        <v>16.950000000000003</v>
      </c>
      <c r="I1026" s="40">
        <v>6.0836383419299045</v>
      </c>
      <c r="J1026" s="40">
        <v>16.949993654762</v>
      </c>
      <c r="K1026" s="40">
        <v>6.3854002988528542</v>
      </c>
      <c r="L1026" s="40"/>
      <c r="M1026" s="40"/>
      <c r="N1026" s="40"/>
    </row>
    <row r="1027" spans="4:14" x14ac:dyDescent="0.25">
      <c r="D1027" s="40">
        <v>16.982655000000758</v>
      </c>
      <c r="E1027" s="40">
        <v>9.6705456253775832</v>
      </c>
      <c r="F1027" s="40">
        <v>16.966667000000001</v>
      </c>
      <c r="G1027" s="40">
        <v>7.3756633041030826</v>
      </c>
      <c r="H1027" s="40">
        <v>16.966667000000001</v>
      </c>
      <c r="I1027" s="40">
        <v>6.0902452043299249</v>
      </c>
      <c r="J1027" s="40">
        <v>16.9666603154763</v>
      </c>
      <c r="K1027" s="40">
        <v>6.3854002988528542</v>
      </c>
      <c r="L1027" s="40"/>
      <c r="M1027" s="40"/>
      <c r="N1027" s="40"/>
    </row>
    <row r="1028" spans="4:14" x14ac:dyDescent="0.25">
      <c r="D1028" s="40">
        <v>16.999321000000759</v>
      </c>
      <c r="E1028" s="40">
        <v>9.6753888039670066</v>
      </c>
      <c r="F1028" s="40">
        <v>16.983332999999988</v>
      </c>
      <c r="G1028" s="40">
        <v>7.3802786880729832</v>
      </c>
      <c r="H1028" s="40">
        <v>16.983334000000013</v>
      </c>
      <c r="I1028" s="40">
        <v>6.0935979404733569</v>
      </c>
      <c r="J1028" s="40">
        <v>16.9833269761906</v>
      </c>
      <c r="K1028" s="40">
        <v>6.3902513425619594</v>
      </c>
      <c r="L1028" s="40"/>
      <c r="M1028" s="40"/>
      <c r="N1028" s="40"/>
    </row>
    <row r="1029" spans="4:14" x14ac:dyDescent="0.25">
      <c r="D1029" s="40">
        <v>17.015987000000759</v>
      </c>
      <c r="E1029" s="40">
        <v>9.6802319825565544</v>
      </c>
      <c r="F1029" s="40">
        <v>17</v>
      </c>
      <c r="G1029" s="40">
        <v>7.3850339321632017</v>
      </c>
      <c r="H1029" s="40">
        <v>17</v>
      </c>
      <c r="I1029" s="40">
        <v>6.0968520667301203</v>
      </c>
      <c r="J1029" s="40">
        <v>16.9999936369049</v>
      </c>
      <c r="K1029" s="40">
        <v>6.39495970851502</v>
      </c>
      <c r="L1029" s="40"/>
      <c r="M1029" s="40"/>
      <c r="N1029" s="40"/>
    </row>
    <row r="1030" spans="4:14" x14ac:dyDescent="0.25">
      <c r="D1030" s="40">
        <v>17.03265300000076</v>
      </c>
      <c r="E1030" s="40">
        <v>9.6849327147169806</v>
      </c>
      <c r="F1030" s="40">
        <v>17.016666999999998</v>
      </c>
      <c r="G1030" s="40">
        <v>7.3897891762532968</v>
      </c>
      <c r="H1030" s="40">
        <v>17.016667000000012</v>
      </c>
      <c r="I1030" s="40">
        <v>6.1035575390166352</v>
      </c>
      <c r="J1030" s="40">
        <v>17.016660297619101</v>
      </c>
      <c r="K1030" s="40">
        <v>6.3998107522242522</v>
      </c>
      <c r="L1030" s="40"/>
      <c r="M1030" s="40"/>
      <c r="N1030" s="40"/>
    </row>
    <row r="1031" spans="4:14" x14ac:dyDescent="0.25">
      <c r="D1031" s="40">
        <v>17.049319000000761</v>
      </c>
      <c r="E1031" s="40">
        <v>9.6897758933064022</v>
      </c>
      <c r="F1031" s="40">
        <v>17.033332999999999</v>
      </c>
      <c r="G1031" s="40">
        <v>7.3944045602231974</v>
      </c>
      <c r="H1031" s="40">
        <v>17.033334000000011</v>
      </c>
      <c r="I1031" s="40">
        <v>6.1068116652733977</v>
      </c>
      <c r="J1031" s="40">
        <v>17.033326958333401</v>
      </c>
      <c r="K1031" s="40">
        <v>6.3998107522242522</v>
      </c>
      <c r="L1031" s="40"/>
      <c r="M1031" s="40"/>
      <c r="N1031" s="40"/>
    </row>
    <row r="1032" spans="4:14" x14ac:dyDescent="0.25">
      <c r="D1032" s="40">
        <v>17.065985000000762</v>
      </c>
      <c r="E1032" s="40">
        <v>9.6993198040563744</v>
      </c>
      <c r="F1032" s="40">
        <v>17.049999999999997</v>
      </c>
      <c r="G1032" s="40">
        <v>7.3991598043134159</v>
      </c>
      <c r="H1032" s="40">
        <v>17.050000000000011</v>
      </c>
      <c r="I1032" s="40">
        <v>6.1101644014168297</v>
      </c>
      <c r="J1032" s="40">
        <v>17.049993619047701</v>
      </c>
      <c r="K1032" s="40">
        <v>6.4046617959333574</v>
      </c>
      <c r="L1032" s="40"/>
      <c r="M1032" s="40"/>
      <c r="N1032" s="40"/>
    </row>
    <row r="1033" spans="4:14" x14ac:dyDescent="0.25">
      <c r="D1033" s="40">
        <v>17.082651000000762</v>
      </c>
      <c r="E1033" s="40">
        <v>9.704162982645796</v>
      </c>
      <c r="F1033" s="40">
        <v>17.066666999999995</v>
      </c>
      <c r="G1033" s="40">
        <v>7.4039150484035119</v>
      </c>
      <c r="H1033" s="40">
        <v>17.06666700000001</v>
      </c>
      <c r="I1033" s="40">
        <v>6.1167712638168501</v>
      </c>
      <c r="J1033" s="40">
        <v>17.066660279762001</v>
      </c>
      <c r="K1033" s="40">
        <v>6.4095128396425896</v>
      </c>
      <c r="L1033" s="40"/>
      <c r="M1033" s="40"/>
      <c r="N1033" s="40"/>
    </row>
    <row r="1034" spans="4:14" x14ac:dyDescent="0.25">
      <c r="D1034" s="40">
        <v>17.099317000000763</v>
      </c>
      <c r="E1034" s="40">
        <v>9.7090061612353455</v>
      </c>
      <c r="F1034" s="40">
        <v>17.083332999999996</v>
      </c>
      <c r="G1034" s="40">
        <v>7.4085304323734116</v>
      </c>
      <c r="H1034" s="40">
        <v>17.083334000000008</v>
      </c>
      <c r="I1034" s="40">
        <v>6.120123999960108</v>
      </c>
      <c r="J1034" s="40">
        <v>17.083326940476301</v>
      </c>
      <c r="K1034" s="40">
        <v>6.4142212055956493</v>
      </c>
      <c r="L1034" s="40"/>
      <c r="M1034" s="40"/>
      <c r="N1034" s="40"/>
    </row>
    <row r="1035" spans="4:14" x14ac:dyDescent="0.25">
      <c r="D1035" s="40">
        <v>17.115983000000764</v>
      </c>
      <c r="E1035" s="40">
        <v>9.7137068933957718</v>
      </c>
      <c r="F1035" s="40">
        <v>17.099999999999994</v>
      </c>
      <c r="G1035" s="40">
        <v>7.413285676463631</v>
      </c>
      <c r="H1035" s="40">
        <v>17.100000000000009</v>
      </c>
      <c r="I1035" s="40">
        <v>6.1234767361033651</v>
      </c>
      <c r="J1035" s="40">
        <v>17.099993601190601</v>
      </c>
      <c r="K1035" s="40">
        <v>6.4190722493048815</v>
      </c>
      <c r="L1035" s="40"/>
      <c r="M1035" s="40"/>
      <c r="N1035" s="40"/>
    </row>
    <row r="1036" spans="4:14" x14ac:dyDescent="0.25">
      <c r="D1036" s="40">
        <v>17.132649000000765</v>
      </c>
      <c r="E1036" s="40">
        <v>9.7185500719853195</v>
      </c>
      <c r="F1036" s="40">
        <v>17.116666999999993</v>
      </c>
      <c r="G1036" s="40">
        <v>7.4180409205537261</v>
      </c>
      <c r="H1036" s="40">
        <v>17.116667000000007</v>
      </c>
      <c r="I1036" s="40">
        <v>6.1267308623601275</v>
      </c>
      <c r="J1036" s="40">
        <v>17.116660261904901</v>
      </c>
      <c r="K1036" s="40">
        <v>6.4190722493048815</v>
      </c>
      <c r="L1036" s="40"/>
      <c r="M1036" s="40"/>
      <c r="N1036" s="40"/>
    </row>
    <row r="1037" spans="4:14" x14ac:dyDescent="0.25">
      <c r="D1037" s="40">
        <v>17.149315000000765</v>
      </c>
      <c r="E1037" s="40">
        <v>9.7233932505747411</v>
      </c>
      <c r="F1037" s="40">
        <v>17.133332999999993</v>
      </c>
      <c r="G1037" s="40">
        <v>7.4226563045236267</v>
      </c>
      <c r="H1037" s="40">
        <v>17.133334000000005</v>
      </c>
      <c r="I1037" s="40">
        <v>6.1300835985035595</v>
      </c>
      <c r="J1037" s="40">
        <v>17.133326922619101</v>
      </c>
      <c r="K1037" s="40">
        <v>6.4239232930139876</v>
      </c>
      <c r="L1037" s="40"/>
      <c r="M1037" s="40"/>
      <c r="N1037" s="40"/>
    </row>
    <row r="1038" spans="4:14" x14ac:dyDescent="0.25">
      <c r="D1038" s="40">
        <v>17.165981000000766</v>
      </c>
      <c r="E1038" s="40">
        <v>9.7280939827351673</v>
      </c>
      <c r="F1038" s="40">
        <v>17.149999999999991</v>
      </c>
      <c r="G1038" s="40">
        <v>7.4274115486138452</v>
      </c>
      <c r="H1038" s="40">
        <v>17.150000000000006</v>
      </c>
      <c r="I1038" s="40">
        <v>6.1334363346468175</v>
      </c>
      <c r="J1038" s="40">
        <v>17.149993583333401</v>
      </c>
      <c r="K1038" s="40">
        <v>6.4286316589670474</v>
      </c>
      <c r="L1038" s="40"/>
      <c r="M1038" s="40"/>
      <c r="N1038" s="40"/>
    </row>
    <row r="1039" spans="4:14" x14ac:dyDescent="0.25">
      <c r="D1039" s="40">
        <v>17.182647000000767</v>
      </c>
      <c r="E1039" s="40">
        <v>9.7329371613247151</v>
      </c>
      <c r="F1039" s="40">
        <v>17.16666699999999</v>
      </c>
      <c r="G1039" s="40">
        <v>7.4321667927039403</v>
      </c>
      <c r="H1039" s="40">
        <v>17.166667000000004</v>
      </c>
      <c r="I1039" s="40">
        <v>6.1366904609035799</v>
      </c>
      <c r="J1039" s="40">
        <v>17.166660244047701</v>
      </c>
      <c r="K1039" s="40">
        <v>6.4334827026762795</v>
      </c>
      <c r="L1039" s="40"/>
      <c r="M1039" s="40"/>
      <c r="N1039" s="40"/>
    </row>
    <row r="1040" spans="4:14" x14ac:dyDescent="0.25">
      <c r="D1040" s="40">
        <v>17.199313000000767</v>
      </c>
      <c r="E1040" s="40">
        <v>9.7424810720745629</v>
      </c>
      <c r="F1040" s="40">
        <v>17.18333299999999</v>
      </c>
      <c r="G1040" s="40">
        <v>7.4367821766738409</v>
      </c>
      <c r="H1040" s="40">
        <v>17.183334000000002</v>
      </c>
      <c r="I1040" s="40">
        <v>6.1400431970468379</v>
      </c>
      <c r="J1040" s="40">
        <v>17.183326904762001</v>
      </c>
      <c r="K1040" s="40">
        <v>6.4334827026762795</v>
      </c>
      <c r="L1040" s="40"/>
      <c r="M1040" s="40"/>
      <c r="N1040" s="40"/>
    </row>
    <row r="1041" spans="4:28" x14ac:dyDescent="0.25">
      <c r="D1041" s="40">
        <v>17.215979000000768</v>
      </c>
      <c r="E1041" s="40">
        <v>9.7473242506641107</v>
      </c>
      <c r="F1041" s="40">
        <v>17.199999999999989</v>
      </c>
      <c r="G1041" s="40">
        <v>7.4462926648542798</v>
      </c>
      <c r="H1041" s="40">
        <v>17.200000000000003</v>
      </c>
      <c r="I1041" s="40">
        <v>6.1433959331902699</v>
      </c>
      <c r="J1041" s="40">
        <v>17.199993565476301</v>
      </c>
      <c r="K1041" s="40">
        <v>6.4383337463853856</v>
      </c>
      <c r="L1041" s="40"/>
      <c r="M1041" s="40"/>
      <c r="N1041" s="40"/>
    </row>
    <row r="1042" spans="4:28" x14ac:dyDescent="0.25">
      <c r="D1042" s="40">
        <v>17.232645000000769</v>
      </c>
      <c r="E1042" s="40">
        <v>9.7521674292535323</v>
      </c>
      <c r="F1042" s="40">
        <v>17.216667000000001</v>
      </c>
      <c r="G1042" s="40">
        <v>7.450908048824056</v>
      </c>
      <c r="H1042" s="40">
        <v>17.216667000000001</v>
      </c>
      <c r="I1042" s="40">
        <v>6.1466500594468574</v>
      </c>
      <c r="J1042" s="40">
        <v>17.216660226190601</v>
      </c>
      <c r="K1042" s="40">
        <v>6.4430421123384454</v>
      </c>
      <c r="L1042" s="40"/>
      <c r="M1042" s="40"/>
      <c r="N1042" s="40"/>
      <c r="AB1042">
        <v>0</v>
      </c>
    </row>
    <row r="1043" spans="4:28" x14ac:dyDescent="0.25">
      <c r="D1043" s="40">
        <v>17.24931100000077</v>
      </c>
      <c r="E1043" s="40">
        <v>9.7568681614139585</v>
      </c>
      <c r="F1043" s="40">
        <v>17.233332999999988</v>
      </c>
      <c r="G1043" s="40">
        <v>7.4556632929142745</v>
      </c>
      <c r="H1043" s="40">
        <v>17.233334000000013</v>
      </c>
      <c r="I1043" s="40">
        <v>6.1500027955902894</v>
      </c>
      <c r="J1043" s="40">
        <v>17.233326886904901</v>
      </c>
      <c r="K1043" s="40">
        <v>6.4478931560476775</v>
      </c>
      <c r="L1043" s="40"/>
      <c r="M1043" s="40"/>
      <c r="N1043" s="40"/>
      <c r="AB1043">
        <v>0</v>
      </c>
    </row>
    <row r="1044" spans="4:28" x14ac:dyDescent="0.25">
      <c r="D1044" s="40">
        <v>17.26597700000077</v>
      </c>
      <c r="E1044" s="40">
        <v>9.7665545185930558</v>
      </c>
      <c r="F1044" s="40">
        <v>17.25</v>
      </c>
      <c r="G1044" s="40">
        <v>7.4556632929142745</v>
      </c>
      <c r="H1044" s="40">
        <v>17.25</v>
      </c>
      <c r="I1044" s="40">
        <v>6.1533555317335473</v>
      </c>
      <c r="J1044" s="40">
        <v>17.249993547619098</v>
      </c>
      <c r="K1044" s="40">
        <v>6.4527441997567836</v>
      </c>
      <c r="L1044" s="40"/>
      <c r="M1044" s="40"/>
      <c r="N1044" s="40"/>
      <c r="AB1044">
        <v>0</v>
      </c>
    </row>
    <row r="1045" spans="4:28" x14ac:dyDescent="0.25">
      <c r="D1045" s="40">
        <v>17.282643000000771</v>
      </c>
      <c r="E1045" s="40">
        <v>9.7712552507533541</v>
      </c>
      <c r="F1045" s="40">
        <v>17.266666999999998</v>
      </c>
      <c r="G1045" s="40">
        <v>7.460418537004494</v>
      </c>
      <c r="H1045" s="40">
        <v>17.266667000000012</v>
      </c>
      <c r="I1045" s="40">
        <v>6.1566096579903098</v>
      </c>
      <c r="J1045" s="40">
        <v>17.266660208333398</v>
      </c>
      <c r="K1045" s="40">
        <v>6.4574525657098434</v>
      </c>
      <c r="L1045" s="40"/>
      <c r="M1045" s="40"/>
      <c r="N1045" s="40"/>
      <c r="AB1045">
        <v>0</v>
      </c>
    </row>
    <row r="1046" spans="4:28" x14ac:dyDescent="0.25">
      <c r="D1046" s="40">
        <v>17.299309000000772</v>
      </c>
      <c r="E1046" s="40">
        <v>9.7760984293429019</v>
      </c>
      <c r="F1046" s="40">
        <v>17.283332999999999</v>
      </c>
      <c r="G1046" s="40">
        <v>7.4650339209742702</v>
      </c>
      <c r="H1046" s="40">
        <v>17.283334000000011</v>
      </c>
      <c r="I1046" s="40">
        <v>6.1599623941335677</v>
      </c>
      <c r="J1046" s="40">
        <v>17.283326869047698</v>
      </c>
      <c r="K1046" s="40">
        <v>6.4623036094190756</v>
      </c>
      <c r="L1046" s="40"/>
      <c r="M1046" s="40"/>
      <c r="N1046" s="40"/>
      <c r="AB1046">
        <v>0</v>
      </c>
    </row>
    <row r="1047" spans="4:28" x14ac:dyDescent="0.25">
      <c r="D1047" s="40">
        <v>17.315975000000773</v>
      </c>
      <c r="E1047" s="40">
        <v>9.7809416079324514</v>
      </c>
      <c r="F1047" s="40">
        <v>17.299999999999997</v>
      </c>
      <c r="G1047" s="40">
        <v>7.4697891650644888</v>
      </c>
      <c r="H1047" s="40">
        <v>17.300000000000011</v>
      </c>
      <c r="I1047" s="40">
        <v>6.1633151302769997</v>
      </c>
      <c r="J1047" s="40">
        <v>17.299993529761998</v>
      </c>
      <c r="K1047" s="40">
        <v>6.4623036094190756</v>
      </c>
      <c r="L1047" s="40"/>
      <c r="M1047" s="40"/>
      <c r="N1047" s="40"/>
      <c r="AB1047">
        <v>0</v>
      </c>
    </row>
    <row r="1048" spans="4:28" x14ac:dyDescent="0.25">
      <c r="D1048" s="40">
        <v>17.332641000000773</v>
      </c>
      <c r="E1048" s="40">
        <v>9.7904855186822974</v>
      </c>
      <c r="F1048" s="40">
        <v>17.316666999999995</v>
      </c>
      <c r="G1048" s="40">
        <v>7.4745444091547091</v>
      </c>
      <c r="H1048" s="40">
        <v>17.31666700000001</v>
      </c>
      <c r="I1048" s="40">
        <v>6.1665692565337631</v>
      </c>
      <c r="J1048" s="40">
        <v>17.316660190476298</v>
      </c>
      <c r="K1048" s="40">
        <v>6.4671546531283086</v>
      </c>
      <c r="L1048" s="40"/>
      <c r="M1048" s="40"/>
      <c r="N1048" s="40"/>
      <c r="AB1048">
        <v>0</v>
      </c>
    </row>
    <row r="1049" spans="4:28" x14ac:dyDescent="0.25">
      <c r="D1049" s="40">
        <v>17.349307000000774</v>
      </c>
      <c r="E1049" s="40">
        <v>9.795328697271847</v>
      </c>
      <c r="F1049" s="40">
        <v>17.333332999999996</v>
      </c>
      <c r="G1049" s="40">
        <v>7.4791597931246097</v>
      </c>
      <c r="H1049" s="40">
        <v>17.333334000000008</v>
      </c>
      <c r="I1049" s="40">
        <v>6.1699219926770192</v>
      </c>
      <c r="J1049" s="40">
        <v>17.333326851190598</v>
      </c>
      <c r="K1049" s="40">
        <v>6.4718630190812414</v>
      </c>
      <c r="L1049" s="40"/>
      <c r="M1049" s="40"/>
      <c r="N1049" s="40"/>
      <c r="AB1049">
        <v>0</v>
      </c>
    </row>
    <row r="1050" spans="4:28" x14ac:dyDescent="0.25">
      <c r="D1050" s="40">
        <v>17.365973000000775</v>
      </c>
      <c r="E1050" s="40">
        <v>9.8001718758612686</v>
      </c>
      <c r="F1050" s="40">
        <v>17.349999999999994</v>
      </c>
      <c r="G1050" s="40">
        <v>7.4839150372147039</v>
      </c>
      <c r="H1050" s="40">
        <v>17.350000000000009</v>
      </c>
      <c r="I1050" s="40">
        <v>6.1765288550770405</v>
      </c>
      <c r="J1050" s="40">
        <v>17.349993511904898</v>
      </c>
      <c r="K1050" s="40">
        <v>6.4767140627904736</v>
      </c>
      <c r="L1050" s="40"/>
      <c r="M1050" s="40"/>
      <c r="N1050" s="40"/>
      <c r="AB1050">
        <v>0</v>
      </c>
    </row>
    <row r="1051" spans="4:28" x14ac:dyDescent="0.25">
      <c r="D1051" s="40">
        <v>17.382639000000776</v>
      </c>
      <c r="E1051" s="40">
        <v>9.804872608021693</v>
      </c>
      <c r="F1051" s="40">
        <v>17.366666999999993</v>
      </c>
      <c r="G1051" s="40">
        <v>7.4886702813049233</v>
      </c>
      <c r="H1051" s="40">
        <v>17.366667000000007</v>
      </c>
      <c r="I1051" s="40">
        <v>6.1798815912202976</v>
      </c>
      <c r="J1051" s="40">
        <v>17.366660172619198</v>
      </c>
      <c r="K1051" s="40">
        <v>6.4815651064997057</v>
      </c>
      <c r="L1051" s="40"/>
      <c r="M1051" s="40"/>
      <c r="N1051" s="40"/>
      <c r="AB1051">
        <v>0</v>
      </c>
    </row>
    <row r="1052" spans="4:28" x14ac:dyDescent="0.25">
      <c r="D1052" s="40">
        <v>17.399305000000776</v>
      </c>
      <c r="E1052" s="40">
        <v>9.8097157866112408</v>
      </c>
      <c r="F1052" s="40">
        <v>17.383332999999993</v>
      </c>
      <c r="G1052" s="40">
        <v>7.4886702813049233</v>
      </c>
      <c r="H1052" s="40">
        <v>17.383334000000005</v>
      </c>
      <c r="I1052" s="40">
        <v>6.1832343273637296</v>
      </c>
      <c r="J1052" s="40">
        <v>17.383326833333399</v>
      </c>
      <c r="K1052" s="40">
        <v>6.4815651064997057</v>
      </c>
      <c r="L1052" s="40"/>
      <c r="M1052" s="40"/>
      <c r="N1052" s="40"/>
      <c r="AB1052">
        <v>0</v>
      </c>
    </row>
    <row r="1053" spans="4:28" x14ac:dyDescent="0.25">
      <c r="D1053" s="40">
        <v>17.415971000000777</v>
      </c>
      <c r="E1053" s="40">
        <v>9.8145589652006642</v>
      </c>
      <c r="F1053" s="40">
        <v>17.399999999999991</v>
      </c>
      <c r="G1053" s="40">
        <v>7.4932856652748239</v>
      </c>
      <c r="H1053" s="40">
        <v>17.400000000000006</v>
      </c>
      <c r="I1053" s="40">
        <v>6.1864884536204929</v>
      </c>
      <c r="J1053" s="40">
        <v>17.399993494047699</v>
      </c>
      <c r="K1053" s="40">
        <v>6.4862734724526394</v>
      </c>
      <c r="L1053" s="40"/>
      <c r="M1053" s="40"/>
      <c r="N1053" s="40"/>
      <c r="AB1053">
        <v>0</v>
      </c>
    </row>
    <row r="1054" spans="4:28" x14ac:dyDescent="0.25">
      <c r="D1054" s="40">
        <v>17.432637000000778</v>
      </c>
      <c r="E1054" s="40">
        <v>9.8241028759506381</v>
      </c>
      <c r="F1054" s="40">
        <v>17.41666699999999</v>
      </c>
      <c r="G1054" s="40">
        <v>7.498040909364919</v>
      </c>
      <c r="H1054" s="40">
        <v>17.416667000000004</v>
      </c>
      <c r="I1054" s="40">
        <v>6.1864884536204929</v>
      </c>
      <c r="J1054" s="40">
        <v>17.416660154761999</v>
      </c>
      <c r="K1054" s="40">
        <v>6.4911245161618707</v>
      </c>
      <c r="L1054" s="40"/>
      <c r="M1054" s="40"/>
      <c r="N1054" s="40"/>
      <c r="AB1054">
        <v>0</v>
      </c>
    </row>
    <row r="1055" spans="4:28" x14ac:dyDescent="0.25">
      <c r="D1055" s="40">
        <v>17.449303000000778</v>
      </c>
      <c r="E1055" s="40">
        <v>9.8289460545401859</v>
      </c>
      <c r="F1055" s="40">
        <v>17.43333299999999</v>
      </c>
      <c r="G1055" s="40">
        <v>7.5027961534551384</v>
      </c>
      <c r="H1055" s="40">
        <v>17.433334000000002</v>
      </c>
      <c r="I1055" s="40">
        <v>6.18984118976375</v>
      </c>
      <c r="J1055" s="40">
        <v>17.433326815476299</v>
      </c>
      <c r="K1055" s="40">
        <v>6.4911245161618707</v>
      </c>
      <c r="L1055" s="40"/>
      <c r="M1055" s="40"/>
      <c r="N1055" s="40"/>
      <c r="AB1055">
        <v>0</v>
      </c>
    </row>
    <row r="1056" spans="4:28" x14ac:dyDescent="0.25">
      <c r="D1056" s="40">
        <v>17.465969000000779</v>
      </c>
      <c r="E1056" s="40">
        <v>9.833646786700486</v>
      </c>
      <c r="F1056" s="40">
        <v>17.449999999999989</v>
      </c>
      <c r="G1056" s="40">
        <v>7.5074115374250381</v>
      </c>
      <c r="H1056" s="40">
        <v>17.450000000000003</v>
      </c>
      <c r="I1056" s="40">
        <v>6.193193925907007</v>
      </c>
      <c r="J1056" s="40">
        <v>17.449993476190599</v>
      </c>
      <c r="K1056" s="40">
        <v>6.4959755598711038</v>
      </c>
      <c r="L1056" s="40"/>
      <c r="M1056" s="40"/>
      <c r="N1056" s="40"/>
      <c r="AB1056">
        <v>0</v>
      </c>
    </row>
    <row r="1057" spans="4:28" x14ac:dyDescent="0.25">
      <c r="D1057" s="40">
        <v>17.48263500000078</v>
      </c>
      <c r="E1057" s="40">
        <v>9.8384899652900319</v>
      </c>
      <c r="F1057" s="40">
        <v>17.466667000000001</v>
      </c>
      <c r="G1057" s="40">
        <v>7.5121667815151341</v>
      </c>
      <c r="H1057" s="40">
        <v>17.466667000000001</v>
      </c>
      <c r="I1057" s="40">
        <v>6.1964480521637704</v>
      </c>
      <c r="J1057" s="40">
        <v>17.466660136904899</v>
      </c>
      <c r="K1057" s="40">
        <v>6.4959755598711038</v>
      </c>
      <c r="L1057" s="40"/>
      <c r="M1057" s="40"/>
      <c r="N1057" s="40"/>
      <c r="AB1057">
        <v>0</v>
      </c>
    </row>
    <row r="1058" spans="4:28" x14ac:dyDescent="0.25">
      <c r="D1058" s="40">
        <v>17.499301000000781</v>
      </c>
      <c r="E1058" s="40">
        <v>9.8433331438795815</v>
      </c>
      <c r="F1058" s="40">
        <v>17.483332999999988</v>
      </c>
      <c r="G1058" s="40">
        <v>7.5169220256053526</v>
      </c>
      <c r="H1058" s="40">
        <v>17.483334000000013</v>
      </c>
      <c r="I1058" s="40">
        <v>6.1998007883072024</v>
      </c>
      <c r="J1058" s="40">
        <v>17.483326797619199</v>
      </c>
      <c r="K1058" s="40">
        <v>6.5006839258241644</v>
      </c>
      <c r="L1058" s="40"/>
      <c r="M1058" s="40"/>
      <c r="N1058" s="40"/>
      <c r="AB1058">
        <v>0</v>
      </c>
    </row>
    <row r="1059" spans="4:28" x14ac:dyDescent="0.25">
      <c r="D1059" s="40">
        <v>17.515967000000781</v>
      </c>
      <c r="E1059" s="40">
        <v>9.8480338760398798</v>
      </c>
      <c r="F1059" s="40">
        <v>17.5</v>
      </c>
      <c r="G1059" s="40">
        <v>7.5169220256053526</v>
      </c>
      <c r="H1059" s="40">
        <v>17.5</v>
      </c>
      <c r="I1059" s="40">
        <v>6.2031535244504603</v>
      </c>
      <c r="J1059" s="40">
        <v>17.4999934583334</v>
      </c>
      <c r="K1059" s="40">
        <v>6.5055349695332687</v>
      </c>
      <c r="L1059" s="40"/>
      <c r="M1059" s="40"/>
      <c r="N1059" s="40"/>
      <c r="AB1059">
        <v>0</v>
      </c>
    </row>
    <row r="1060" spans="4:28" x14ac:dyDescent="0.25">
      <c r="D1060" s="40">
        <v>17.532633000000782</v>
      </c>
      <c r="E1060" s="40">
        <v>9.8528770546294293</v>
      </c>
      <c r="F1060" s="40">
        <v>17.516666999999998</v>
      </c>
      <c r="G1060" s="40">
        <v>7.5216772696955712</v>
      </c>
      <c r="H1060" s="40">
        <v>17.516667000000012</v>
      </c>
      <c r="I1060" s="40">
        <v>6.2065062605937174</v>
      </c>
      <c r="J1060" s="40">
        <v>17.5166601190477</v>
      </c>
      <c r="K1060" s="40">
        <v>6.5103860132425018</v>
      </c>
      <c r="L1060" s="40"/>
      <c r="M1060" s="40"/>
      <c r="N1060" s="40"/>
      <c r="AB1060">
        <v>3.9970378316205154E-4</v>
      </c>
    </row>
    <row r="1061" spans="4:28" x14ac:dyDescent="0.25">
      <c r="D1061" s="40">
        <v>17.549299000000783</v>
      </c>
      <c r="E1061" s="40">
        <v>9.8577202332189771</v>
      </c>
      <c r="F1061" s="40">
        <v>17.533332999999999</v>
      </c>
      <c r="G1061" s="40">
        <v>7.5262926536654717</v>
      </c>
      <c r="H1061" s="40">
        <v>17.533334000000011</v>
      </c>
      <c r="I1061" s="40">
        <v>6.2097603868504807</v>
      </c>
      <c r="J1061" s="40">
        <v>17.533326779762</v>
      </c>
      <c r="K1061" s="40">
        <v>6.5150943791955616</v>
      </c>
      <c r="L1061" s="40"/>
      <c r="M1061" s="40"/>
      <c r="N1061" s="40"/>
      <c r="AB1061">
        <v>3.9970378316205154E-4</v>
      </c>
    </row>
    <row r="1062" spans="4:28" x14ac:dyDescent="0.25">
      <c r="D1062" s="40">
        <v>17.565965000000784</v>
      </c>
      <c r="E1062" s="40">
        <v>9.8624209653794033</v>
      </c>
      <c r="F1062" s="40">
        <v>17.549999999999997</v>
      </c>
      <c r="G1062" s="40">
        <v>7.5310478977555668</v>
      </c>
      <c r="H1062" s="40">
        <v>17.550000000000011</v>
      </c>
      <c r="I1062" s="40">
        <v>6.2131131229937369</v>
      </c>
      <c r="J1062" s="40">
        <v>17.5499934404763</v>
      </c>
      <c r="K1062" s="40">
        <v>6.5199454229046667</v>
      </c>
      <c r="L1062" s="40"/>
      <c r="M1062" s="40"/>
      <c r="N1062" s="40"/>
      <c r="AB1062">
        <v>3.9970378316205154E-4</v>
      </c>
    </row>
    <row r="1063" spans="4:28" x14ac:dyDescent="0.25">
      <c r="D1063" s="40">
        <v>17.582631000000784</v>
      </c>
      <c r="E1063" s="40">
        <v>9.8624209653794033</v>
      </c>
      <c r="F1063" s="40">
        <v>17.566666999999995</v>
      </c>
      <c r="G1063" s="40">
        <v>7.5358031418457863</v>
      </c>
      <c r="H1063" s="40">
        <v>17.56666700000001</v>
      </c>
      <c r="I1063" s="40">
        <v>6.2164658591371698</v>
      </c>
      <c r="J1063" s="40">
        <v>17.5666601011906</v>
      </c>
      <c r="K1063" s="40">
        <v>6.5199454229046667</v>
      </c>
      <c r="L1063" s="40"/>
      <c r="M1063" s="40"/>
      <c r="N1063" s="40"/>
      <c r="AB1063">
        <v>3.9970378316205154E-4</v>
      </c>
    </row>
    <row r="1064" spans="4:28" x14ac:dyDescent="0.25">
      <c r="D1064" s="40">
        <v>17.599297000000785</v>
      </c>
      <c r="E1064" s="40">
        <v>9.8672641439688249</v>
      </c>
      <c r="F1064" s="40">
        <v>17.583332999999996</v>
      </c>
      <c r="G1064" s="40">
        <v>7.5404185258156868</v>
      </c>
      <c r="H1064" s="40">
        <v>17.583334000000008</v>
      </c>
      <c r="I1064" s="40">
        <v>6.2197199853939322</v>
      </c>
      <c r="J1064" s="40">
        <v>17.5833267619049</v>
      </c>
      <c r="K1064" s="40">
        <v>6.5247964666138998</v>
      </c>
      <c r="L1064" s="40"/>
      <c r="M1064" s="40"/>
      <c r="N1064" s="40"/>
      <c r="AB1064">
        <v>3.9970378316205154E-4</v>
      </c>
    </row>
    <row r="1065" spans="4:28" x14ac:dyDescent="0.25">
      <c r="D1065" s="40">
        <v>17.615963000000786</v>
      </c>
      <c r="E1065" s="40">
        <v>9.8721073225583744</v>
      </c>
      <c r="F1065" s="40">
        <v>17.599999999999994</v>
      </c>
      <c r="G1065" s="40">
        <v>7.5451737699057819</v>
      </c>
      <c r="H1065" s="40">
        <v>17.600000000000009</v>
      </c>
      <c r="I1065" s="40">
        <v>6.2230727215371902</v>
      </c>
      <c r="J1065" s="40">
        <v>17.5999934226192</v>
      </c>
      <c r="K1065" s="40">
        <v>6.5295048325669596</v>
      </c>
      <c r="L1065" s="40"/>
      <c r="M1065" s="40"/>
      <c r="N1065" s="40"/>
      <c r="AB1065">
        <v>3.9970378316205154E-4</v>
      </c>
    </row>
    <row r="1066" spans="4:28" x14ac:dyDescent="0.25">
      <c r="D1066" s="40">
        <v>17.632629000000787</v>
      </c>
      <c r="E1066" s="40">
        <v>9.8768080547187989</v>
      </c>
      <c r="F1066" s="40">
        <v>17.616666999999993</v>
      </c>
      <c r="G1066" s="40">
        <v>7.5499290139960005</v>
      </c>
      <c r="H1066" s="40">
        <v>17.616667000000007</v>
      </c>
      <c r="I1066" s="40">
        <v>6.2264254576804472</v>
      </c>
      <c r="J1066" s="40">
        <v>17.6166600833334</v>
      </c>
      <c r="K1066" s="40">
        <v>6.5343558762760647</v>
      </c>
      <c r="L1066" s="40"/>
      <c r="M1066" s="40"/>
      <c r="N1066" s="40"/>
      <c r="AB1066">
        <v>3.9970378316205154E-4</v>
      </c>
    </row>
    <row r="1067" spans="4:28" x14ac:dyDescent="0.25">
      <c r="D1067" s="40">
        <v>17.649295000000787</v>
      </c>
      <c r="E1067" s="40">
        <v>9.8816512333082205</v>
      </c>
      <c r="F1067" s="40">
        <v>17.633332999999993</v>
      </c>
      <c r="G1067" s="40">
        <v>7.554544397965901</v>
      </c>
      <c r="H1067" s="40">
        <v>17.633334000000005</v>
      </c>
      <c r="I1067" s="40">
        <v>6.2296795839372106</v>
      </c>
      <c r="J1067" s="40">
        <v>17.6333267440477</v>
      </c>
      <c r="K1067" s="40">
        <v>6.5343558762760647</v>
      </c>
      <c r="L1067" s="40"/>
      <c r="M1067" s="40"/>
      <c r="N1067" s="40"/>
      <c r="AB1067">
        <v>0</v>
      </c>
    </row>
    <row r="1068" spans="4:28" x14ac:dyDescent="0.25">
      <c r="D1068" s="40">
        <v>17.665961000000788</v>
      </c>
      <c r="E1068" s="40">
        <v>9.8864944118977682</v>
      </c>
      <c r="F1068" s="40">
        <v>17.649999999999991</v>
      </c>
      <c r="G1068" s="40">
        <v>7.5592996420559961</v>
      </c>
      <c r="H1068" s="40">
        <v>17.650000000000006</v>
      </c>
      <c r="I1068" s="40">
        <v>6.2330323200804676</v>
      </c>
      <c r="J1068" s="40">
        <v>17.649993404762</v>
      </c>
      <c r="K1068" s="40">
        <v>6.5392069199852978</v>
      </c>
      <c r="L1068" s="40"/>
      <c r="M1068" s="40"/>
      <c r="N1068" s="40"/>
      <c r="AB1068">
        <v>3.9970378316205154E-4</v>
      </c>
    </row>
    <row r="1069" spans="4:28" x14ac:dyDescent="0.25">
      <c r="D1069" s="40">
        <v>17.682627000000789</v>
      </c>
      <c r="E1069" s="40">
        <v>9.8911951440581944</v>
      </c>
      <c r="F1069" s="40">
        <v>17.66666699999999</v>
      </c>
      <c r="G1069" s="40">
        <v>7.5640548861462165</v>
      </c>
      <c r="H1069" s="40">
        <v>17.666667000000004</v>
      </c>
      <c r="I1069" s="40">
        <v>6.2363850562238996</v>
      </c>
      <c r="J1069" s="40">
        <v>17.6666600654763</v>
      </c>
      <c r="K1069" s="40">
        <v>6.5439152859383576</v>
      </c>
      <c r="L1069" s="40"/>
      <c r="M1069" s="40"/>
      <c r="N1069" s="40"/>
      <c r="AB1069">
        <v>2.0348556233645764E-3</v>
      </c>
    </row>
    <row r="1070" spans="4:28" x14ac:dyDescent="0.25">
      <c r="D1070" s="40">
        <v>17.69929300000079</v>
      </c>
      <c r="E1070" s="40">
        <v>9.8960383226476161</v>
      </c>
      <c r="F1070" s="40">
        <v>17.68333299999999</v>
      </c>
      <c r="G1070" s="40">
        <v>7.5686702701161153</v>
      </c>
      <c r="H1070" s="40">
        <v>17.683334000000002</v>
      </c>
      <c r="I1070" s="40">
        <v>6.2396391824806621</v>
      </c>
      <c r="J1070" s="40">
        <v>17.6833267261906</v>
      </c>
      <c r="K1070" s="40">
        <v>6.5487663296475898</v>
      </c>
      <c r="L1070" s="40"/>
      <c r="M1070" s="40"/>
      <c r="N1070" s="40"/>
      <c r="AB1070">
        <v>5.2930470679038426E-3</v>
      </c>
    </row>
    <row r="1071" spans="4:28" x14ac:dyDescent="0.25">
      <c r="D1071" s="40">
        <v>17.71595900000079</v>
      </c>
      <c r="E1071" s="40">
        <v>9.9008815012371656</v>
      </c>
      <c r="F1071" s="40">
        <v>17.699999999999989</v>
      </c>
      <c r="G1071" s="40">
        <v>7.5734255142063356</v>
      </c>
      <c r="H1071" s="40">
        <v>17.700000000000003</v>
      </c>
      <c r="I1071" s="40">
        <v>6.24299191862392</v>
      </c>
      <c r="J1071" s="40">
        <v>17.6999933869049</v>
      </c>
      <c r="K1071" s="40">
        <v>6.5536173733566958</v>
      </c>
      <c r="L1071" s="40"/>
      <c r="M1071" s="40"/>
      <c r="N1071" s="40"/>
      <c r="AB1071">
        <v>1.0997910154814003E-2</v>
      </c>
    </row>
    <row r="1072" spans="4:28" x14ac:dyDescent="0.25">
      <c r="D1072" s="40">
        <v>17.732625000000791</v>
      </c>
      <c r="E1072" s="40">
        <v>9.9055822333975883</v>
      </c>
      <c r="F1072" s="40">
        <v>17.716667000000001</v>
      </c>
      <c r="G1072" s="40">
        <v>7.5781807582964307</v>
      </c>
      <c r="H1072" s="40">
        <v>17.716667000000001</v>
      </c>
      <c r="I1072" s="40">
        <v>6.246344654767177</v>
      </c>
      <c r="J1072" s="40">
        <v>17.7166600476192</v>
      </c>
      <c r="K1072" s="40">
        <v>6.5583257393097556</v>
      </c>
      <c r="L1072" s="40"/>
      <c r="M1072" s="40"/>
      <c r="N1072" s="40"/>
      <c r="AB1072">
        <v>1.9561260903122896E-2</v>
      </c>
    </row>
    <row r="1073" spans="4:28" x14ac:dyDescent="0.25">
      <c r="D1073" s="40">
        <v>17.749291000000792</v>
      </c>
      <c r="E1073" s="40">
        <v>9.9104254119871378</v>
      </c>
      <c r="F1073" s="40">
        <v>17.733332999999988</v>
      </c>
      <c r="G1073" s="40">
        <v>7.5827961422663313</v>
      </c>
      <c r="H1073" s="40">
        <v>17.733334000000013</v>
      </c>
      <c r="I1073" s="40">
        <v>6.2495987810239404</v>
      </c>
      <c r="J1073" s="40">
        <v>17.733326708333401</v>
      </c>
      <c r="K1073" s="40">
        <v>6.5583257393097556</v>
      </c>
      <c r="L1073" s="40"/>
      <c r="M1073" s="40"/>
      <c r="N1073" s="40"/>
      <c r="AB1073">
        <v>2.6901275830257098E-2</v>
      </c>
    </row>
    <row r="1074" spans="4:28" x14ac:dyDescent="0.25">
      <c r="D1074" s="40">
        <v>17.765957000000792</v>
      </c>
      <c r="E1074" s="40">
        <v>9.9152685905765594</v>
      </c>
      <c r="F1074" s="40">
        <v>17.75</v>
      </c>
      <c r="G1074" s="40">
        <v>7.5875513863565498</v>
      </c>
      <c r="H1074" s="40">
        <v>17.75</v>
      </c>
      <c r="I1074" s="40">
        <v>6.2529515171673724</v>
      </c>
      <c r="J1074" s="40">
        <v>17.749993369047701</v>
      </c>
      <c r="K1074" s="40">
        <v>6.5631767830189878</v>
      </c>
      <c r="L1074" s="40"/>
      <c r="M1074" s="40"/>
      <c r="N1074" s="40"/>
      <c r="AB1074">
        <v>3.0983099312830522E-2</v>
      </c>
    </row>
    <row r="1075" spans="4:28" x14ac:dyDescent="0.25">
      <c r="D1075" s="40">
        <v>17.782623000000793</v>
      </c>
      <c r="E1075" s="40">
        <v>9.9199693227369856</v>
      </c>
      <c r="F1075" s="40">
        <v>17.766666999999998</v>
      </c>
      <c r="G1075" s="40">
        <v>7.5923066304466449</v>
      </c>
      <c r="H1075" s="40">
        <v>17.766667000000012</v>
      </c>
      <c r="I1075" s="40">
        <v>6.2529515171673724</v>
      </c>
      <c r="J1075" s="40">
        <v>17.766660029762001</v>
      </c>
      <c r="K1075" s="40">
        <v>6.5680278267280929</v>
      </c>
      <c r="L1075" s="40"/>
      <c r="M1075" s="40"/>
      <c r="N1075" s="40"/>
      <c r="AB1075">
        <v>3.3017954936173578E-2</v>
      </c>
    </row>
    <row r="1076" spans="4:28" x14ac:dyDescent="0.25">
      <c r="D1076" s="40">
        <v>17.799289000000794</v>
      </c>
      <c r="E1076" s="40">
        <v>9.9296556799159568</v>
      </c>
      <c r="F1076" s="40">
        <v>17.783332999999999</v>
      </c>
      <c r="G1076" s="40">
        <v>7.5969220144165455</v>
      </c>
      <c r="H1076" s="40">
        <v>17.783334000000011</v>
      </c>
      <c r="I1076" s="40">
        <v>6.2563042533106294</v>
      </c>
      <c r="J1076" s="40">
        <v>17.783326690476301</v>
      </c>
      <c r="K1076" s="40">
        <v>6.5680278267280929</v>
      </c>
      <c r="L1076" s="40"/>
      <c r="M1076" s="40"/>
      <c r="N1076" s="40"/>
      <c r="AB1076">
        <v>3.4241290757369786E-2</v>
      </c>
    </row>
    <row r="1077" spans="4:28" x14ac:dyDescent="0.25">
      <c r="D1077" s="40">
        <v>17.815955000000795</v>
      </c>
      <c r="E1077" s="40">
        <v>9.9343564120763812</v>
      </c>
      <c r="F1077" s="40">
        <v>17.799999999999997</v>
      </c>
      <c r="G1077" s="40">
        <v>7.6016772585067649</v>
      </c>
      <c r="H1077" s="40">
        <v>17.800000000000011</v>
      </c>
      <c r="I1077" s="40">
        <v>6.2595583795673928</v>
      </c>
      <c r="J1077" s="40">
        <v>17.799993351190601</v>
      </c>
      <c r="K1077" s="40">
        <v>6.5727361926811536</v>
      </c>
      <c r="L1077" s="40"/>
      <c r="M1077" s="40"/>
      <c r="N1077" s="40"/>
      <c r="AB1077">
        <v>3.6276146380734363E-2</v>
      </c>
    </row>
    <row r="1078" spans="4:28" x14ac:dyDescent="0.25">
      <c r="D1078" s="40">
        <v>17.832621000000795</v>
      </c>
      <c r="E1078" s="40">
        <v>9.9391995906659307</v>
      </c>
      <c r="F1078" s="40">
        <v>17.816666999999995</v>
      </c>
      <c r="G1078" s="40">
        <v>7.60643250259686</v>
      </c>
      <c r="H1078" s="40">
        <v>17.81666700000001</v>
      </c>
      <c r="I1078" s="40">
        <v>6.2629111157106498</v>
      </c>
      <c r="J1078" s="40">
        <v>17.816660011904901</v>
      </c>
      <c r="K1078" s="40">
        <v>6.5775872363903858</v>
      </c>
      <c r="L1078" s="40"/>
      <c r="M1078" s="40"/>
      <c r="N1078" s="40"/>
      <c r="AB1078">
        <v>4.3204345288840727E-2</v>
      </c>
    </row>
    <row r="1079" spans="4:28" x14ac:dyDescent="0.25">
      <c r="D1079" s="40">
        <v>17.849287000000796</v>
      </c>
      <c r="E1079" s="40">
        <v>9.9440427692553524</v>
      </c>
      <c r="F1079" s="40">
        <v>17.833332999999996</v>
      </c>
      <c r="G1079" s="40">
        <v>7.6110478865667606</v>
      </c>
      <c r="H1079" s="40">
        <v>17.833334000000008</v>
      </c>
      <c r="I1079" s="40">
        <v>6.2662638518539069</v>
      </c>
      <c r="J1079" s="40">
        <v>17.833326672619201</v>
      </c>
      <c r="K1079" s="40">
        <v>6.5824382800994909</v>
      </c>
      <c r="L1079" s="40"/>
      <c r="M1079" s="40"/>
      <c r="N1079" s="40"/>
      <c r="AB1079">
        <v>6.2777718427829407E-2</v>
      </c>
    </row>
    <row r="1080" spans="4:28" x14ac:dyDescent="0.25">
      <c r="D1080" s="40">
        <v>17.865953000000797</v>
      </c>
      <c r="E1080" s="40">
        <v>9.9535866800053245</v>
      </c>
      <c r="F1080" s="40">
        <v>17.849999999999994</v>
      </c>
      <c r="G1080" s="40">
        <v>7.6158031306569791</v>
      </c>
      <c r="H1080" s="40">
        <v>17.850000000000009</v>
      </c>
      <c r="I1080" s="40">
        <v>6.2695179781106702</v>
      </c>
      <c r="J1080" s="40">
        <v>17.849993333333401</v>
      </c>
      <c r="K1080" s="40">
        <v>6.5824382800994909</v>
      </c>
      <c r="L1080" s="40"/>
      <c r="M1080" s="40"/>
      <c r="N1080" s="40"/>
      <c r="AB1080">
        <v>0.10639387973567646</v>
      </c>
    </row>
    <row r="1081" spans="4:28" x14ac:dyDescent="0.25">
      <c r="D1081" s="40">
        <v>17.882619000000798</v>
      </c>
      <c r="E1081" s="40">
        <v>9.9584298585948741</v>
      </c>
      <c r="F1081" s="40">
        <v>17.866666999999993</v>
      </c>
      <c r="G1081" s="40">
        <v>7.6205583747470742</v>
      </c>
      <c r="H1081" s="40">
        <v>17.866667000000007</v>
      </c>
      <c r="I1081" s="40">
        <v>6.2728707142541031</v>
      </c>
      <c r="J1081" s="40">
        <v>17.866659994047701</v>
      </c>
      <c r="K1081" s="40">
        <v>6.5871466460525516</v>
      </c>
      <c r="L1081" s="40"/>
      <c r="M1081" s="40"/>
      <c r="N1081" s="40"/>
      <c r="AB1081">
        <v>0.17895828473298944</v>
      </c>
    </row>
    <row r="1082" spans="4:28" x14ac:dyDescent="0.25">
      <c r="D1082" s="40">
        <v>17.899285000000798</v>
      </c>
      <c r="E1082" s="40">
        <v>9.9631305907551724</v>
      </c>
      <c r="F1082" s="40">
        <v>17.883332999999993</v>
      </c>
      <c r="G1082" s="40">
        <v>7.6251737587169748</v>
      </c>
      <c r="H1082" s="40">
        <v>17.883334000000005</v>
      </c>
      <c r="I1082" s="40">
        <v>6.2762234503973593</v>
      </c>
      <c r="J1082" s="40">
        <v>17.883326654762001</v>
      </c>
      <c r="K1082" s="40">
        <v>6.5919976897617829</v>
      </c>
      <c r="L1082" s="40"/>
      <c r="M1082" s="40"/>
      <c r="N1082" s="40"/>
      <c r="AB1082">
        <v>0.27149576665245317</v>
      </c>
    </row>
    <row r="1083" spans="4:28" x14ac:dyDescent="0.25">
      <c r="D1083" s="40">
        <v>17.915951000000799</v>
      </c>
      <c r="E1083" s="40">
        <v>9.9679737693447219</v>
      </c>
      <c r="F1083" s="40">
        <v>17.899999999999991</v>
      </c>
      <c r="G1083" s="40">
        <v>7.6299290028071933</v>
      </c>
      <c r="H1083" s="40">
        <v>17.900000000000006</v>
      </c>
      <c r="I1083" s="40">
        <v>6.2794775766541227</v>
      </c>
      <c r="J1083" s="40">
        <v>17.899993315476301</v>
      </c>
      <c r="K1083" s="40">
        <v>6.596848733470889</v>
      </c>
      <c r="L1083" s="40"/>
      <c r="M1083" s="40"/>
      <c r="N1083" s="40"/>
      <c r="AB1083">
        <v>0.38238328588970938</v>
      </c>
    </row>
    <row r="1084" spans="4:28" x14ac:dyDescent="0.25">
      <c r="D1084" s="40">
        <v>17.9326170000008</v>
      </c>
      <c r="E1084" s="40">
        <v>9.9728169479342696</v>
      </c>
      <c r="F1084" s="40">
        <v>17.91666699999999</v>
      </c>
      <c r="G1084" s="40">
        <v>7.6299290028071933</v>
      </c>
      <c r="H1084" s="40">
        <v>17.916667000000004</v>
      </c>
      <c r="I1084" s="40">
        <v>6.2861830489408126</v>
      </c>
      <c r="J1084" s="40">
        <v>17.916659976190601</v>
      </c>
      <c r="K1084" s="40">
        <v>6.596848733470889</v>
      </c>
      <c r="L1084" s="40"/>
      <c r="M1084" s="40"/>
      <c r="N1084" s="40"/>
      <c r="AB1084">
        <v>0.50712720294317837</v>
      </c>
    </row>
    <row r="1085" spans="4:28" x14ac:dyDescent="0.25">
      <c r="D1085" s="40">
        <v>17.949283000000801</v>
      </c>
      <c r="E1085" s="40">
        <v>9.9823608586841157</v>
      </c>
      <c r="F1085" s="40">
        <v>17.93333299999999</v>
      </c>
      <c r="G1085" s="40">
        <v>7.6346842468974128</v>
      </c>
      <c r="H1085" s="40">
        <v>17.933334000000002</v>
      </c>
      <c r="I1085" s="40">
        <v>6.2894371751974001</v>
      </c>
      <c r="J1085" s="40">
        <v>17.933326636904901</v>
      </c>
      <c r="K1085" s="40">
        <v>6.6016997771801211</v>
      </c>
      <c r="L1085" s="40"/>
      <c r="M1085" s="40"/>
      <c r="N1085" s="40"/>
      <c r="AB1085">
        <v>0.64695085363403471</v>
      </c>
    </row>
    <row r="1086" spans="4:28" x14ac:dyDescent="0.25">
      <c r="D1086" s="40">
        <v>17.965949000000801</v>
      </c>
      <c r="E1086" s="40">
        <v>9.9872040372736652</v>
      </c>
      <c r="F1086" s="40">
        <v>17.949999999999989</v>
      </c>
      <c r="G1086" s="40">
        <v>7.639299630867189</v>
      </c>
      <c r="H1086" s="40">
        <v>17.950000000000003</v>
      </c>
      <c r="I1086" s="40">
        <v>6.292789911340833</v>
      </c>
      <c r="J1086" s="40">
        <v>17.949993297619201</v>
      </c>
      <c r="K1086" s="40">
        <v>6.6016997771801211</v>
      </c>
      <c r="L1086" s="40"/>
      <c r="M1086" s="40"/>
      <c r="N1086" s="40"/>
      <c r="AB1086">
        <v>0.80267787000033419</v>
      </c>
    </row>
    <row r="1087" spans="4:28" x14ac:dyDescent="0.25">
      <c r="D1087" s="40">
        <v>17.982615000000802</v>
      </c>
      <c r="E1087" s="40">
        <v>9.9920472158630869</v>
      </c>
      <c r="F1087" s="40">
        <v>17.966667000000001</v>
      </c>
      <c r="G1087" s="40">
        <v>7.6440548749574084</v>
      </c>
      <c r="H1087" s="40">
        <v>17.966667000000001</v>
      </c>
      <c r="I1087" s="40">
        <v>6.29614264748409</v>
      </c>
      <c r="J1087" s="40">
        <v>17.966659958333398</v>
      </c>
      <c r="K1087" s="40">
        <v>6.6064081431331809</v>
      </c>
      <c r="L1087" s="40"/>
      <c r="M1087" s="40"/>
      <c r="N1087" s="40"/>
      <c r="AB1087">
        <v>0.97674281144858188</v>
      </c>
    </row>
    <row r="1088" spans="4:28" x14ac:dyDescent="0.25">
      <c r="D1088" s="40">
        <v>17.999281000000803</v>
      </c>
      <c r="E1088" s="40">
        <v>9.9967479480235131</v>
      </c>
      <c r="F1088" s="40">
        <v>17.983332999999988</v>
      </c>
      <c r="G1088" s="40">
        <v>7.6488101190476279</v>
      </c>
      <c r="H1088" s="40">
        <v>17.983334000000013</v>
      </c>
      <c r="I1088" s="40">
        <v>6.2993967737408525</v>
      </c>
      <c r="J1088" s="40">
        <v>17.983326619047698</v>
      </c>
      <c r="K1088" s="40">
        <v>6.6112591868424131</v>
      </c>
      <c r="L1088" s="40"/>
      <c r="M1088" s="40"/>
      <c r="N1088" s="40"/>
      <c r="AB1088">
        <v>1.1671229345912573</v>
      </c>
    </row>
    <row r="1089" spans="4:28" x14ac:dyDescent="0.25">
      <c r="D1089" s="40">
        <v>18.015947000000804</v>
      </c>
      <c r="E1089" s="40">
        <v>10.001591126613061</v>
      </c>
      <c r="F1089" s="40">
        <v>18</v>
      </c>
      <c r="G1089" s="40">
        <v>7.6534255030175276</v>
      </c>
      <c r="H1089" s="40">
        <v>18</v>
      </c>
      <c r="I1089" s="40">
        <v>6.3027495098841095</v>
      </c>
      <c r="J1089" s="40">
        <v>17.999993279761998</v>
      </c>
      <c r="K1089" s="40">
        <v>6.6161102305515191</v>
      </c>
      <c r="L1089" s="40"/>
      <c r="M1089" s="40"/>
      <c r="N1089" s="40"/>
      <c r="AB1089">
        <v>1.3644312566420391</v>
      </c>
    </row>
    <row r="1090" spans="4:28" x14ac:dyDescent="0.25">
      <c r="D1090" s="40">
        <v>18.032613000000804</v>
      </c>
      <c r="E1090" s="40">
        <v>10.006434305202482</v>
      </c>
      <c r="F1090" s="40">
        <v>18.016666999999998</v>
      </c>
      <c r="G1090" s="40">
        <v>7.6581807471076226</v>
      </c>
      <c r="H1090" s="40">
        <v>18.016667000000012</v>
      </c>
      <c r="I1090" s="40">
        <v>6.3061022460275424</v>
      </c>
      <c r="J1090" s="40">
        <v>18.016659940476298</v>
      </c>
      <c r="K1090" s="40">
        <v>6.6208185965045789</v>
      </c>
      <c r="L1090" s="40"/>
      <c r="M1090" s="40"/>
      <c r="N1090" s="40"/>
      <c r="AB1090">
        <v>1.5576577552102477</v>
      </c>
    </row>
    <row r="1091" spans="4:28" x14ac:dyDescent="0.25">
      <c r="D1091" s="40">
        <v>18.049279000000805</v>
      </c>
      <c r="E1091" s="40">
        <v>10.011135037362909</v>
      </c>
      <c r="F1091" s="40">
        <v>18.033332999999999</v>
      </c>
      <c r="G1091" s="40">
        <v>7.6581807471076226</v>
      </c>
      <c r="H1091" s="40">
        <v>18.033334000000011</v>
      </c>
      <c r="I1091" s="40">
        <v>6.3093563722843049</v>
      </c>
      <c r="J1091" s="40">
        <v>18.033326601190598</v>
      </c>
      <c r="K1091" s="40">
        <v>6.6208185965045789</v>
      </c>
      <c r="L1091" s="40"/>
      <c r="M1091" s="40"/>
      <c r="N1091" s="40"/>
      <c r="AB1091">
        <v>1.748025766117079</v>
      </c>
    </row>
    <row r="1092" spans="4:28" x14ac:dyDescent="0.25">
      <c r="D1092" s="40">
        <v>18.065945000000806</v>
      </c>
      <c r="E1092" s="40">
        <v>10.015978215952456</v>
      </c>
      <c r="F1092" s="40">
        <v>18.049999999999997</v>
      </c>
      <c r="G1092" s="40">
        <v>7.662935991197843</v>
      </c>
      <c r="H1092" s="40">
        <v>18.050000000000011</v>
      </c>
      <c r="I1092" s="40">
        <v>6.3160618445708199</v>
      </c>
      <c r="J1092" s="40">
        <v>18.049993261904898</v>
      </c>
      <c r="K1092" s="40">
        <v>6.6256696402138111</v>
      </c>
      <c r="L1092" s="40"/>
      <c r="M1092" s="40"/>
      <c r="N1092" s="40"/>
      <c r="AB1092">
        <v>1.9396292250809508</v>
      </c>
    </row>
    <row r="1093" spans="4:28" x14ac:dyDescent="0.25">
      <c r="D1093" s="40">
        <v>18.082611000000806</v>
      </c>
      <c r="E1093" s="40">
        <v>10.020821394542004</v>
      </c>
      <c r="F1093" s="40">
        <v>18.066666999999995</v>
      </c>
      <c r="G1093" s="40">
        <v>7.6675513751677427</v>
      </c>
      <c r="H1093" s="40">
        <v>18.06666700000001</v>
      </c>
      <c r="I1093" s="40">
        <v>6.3193159708275823</v>
      </c>
      <c r="J1093" s="40">
        <v>18.066659922619198</v>
      </c>
      <c r="K1093" s="40">
        <v>6.6305206839229163</v>
      </c>
      <c r="L1093" s="40"/>
      <c r="M1093" s="40"/>
      <c r="N1093" s="40"/>
      <c r="AB1093">
        <v>2.1304090520067884</v>
      </c>
    </row>
    <row r="1094" spans="4:28" x14ac:dyDescent="0.25">
      <c r="D1094" s="40">
        <v>18.099277000000807</v>
      </c>
      <c r="E1094" s="40">
        <v>10.020821394542004</v>
      </c>
      <c r="F1094" s="40">
        <v>18.083332999999996</v>
      </c>
      <c r="G1094" s="40">
        <v>7.6723066192578377</v>
      </c>
      <c r="H1094" s="40">
        <v>18.083334000000008</v>
      </c>
      <c r="I1094" s="40">
        <v>6.3226687069708394</v>
      </c>
      <c r="J1094" s="40">
        <v>18.083326583333399</v>
      </c>
      <c r="K1094" s="40">
        <v>6.6305206839229163</v>
      </c>
      <c r="L1094" s="40"/>
      <c r="M1094" s="40"/>
      <c r="N1094" s="40"/>
      <c r="AB1094">
        <v>2.3048858094740421</v>
      </c>
    </row>
    <row r="1095" spans="4:28" x14ac:dyDescent="0.25">
      <c r="D1095" s="40">
        <v>18.115943000000808</v>
      </c>
      <c r="E1095" s="40">
        <v>10.025522126702304</v>
      </c>
      <c r="F1095" s="40">
        <v>18.099999999999994</v>
      </c>
      <c r="G1095" s="40">
        <v>7.6770618633480572</v>
      </c>
      <c r="H1095" s="40">
        <v>18.100000000000009</v>
      </c>
      <c r="I1095" s="40">
        <v>6.3260214431142723</v>
      </c>
      <c r="J1095" s="40">
        <v>18.099993244047699</v>
      </c>
      <c r="K1095" s="40">
        <v>6.6352290498759769</v>
      </c>
      <c r="L1095" s="40"/>
      <c r="M1095" s="40"/>
      <c r="N1095" s="40"/>
      <c r="AB1095">
        <v>2.4549079627534103</v>
      </c>
    </row>
    <row r="1096" spans="4:28" x14ac:dyDescent="0.25">
      <c r="D1096" s="40">
        <v>18.132609000000809</v>
      </c>
      <c r="E1096" s="40">
        <v>10.030365305291852</v>
      </c>
      <c r="F1096" s="40">
        <v>18.116666999999993</v>
      </c>
      <c r="G1096" s="40">
        <v>7.6816772473179578</v>
      </c>
      <c r="H1096" s="40">
        <v>18.116667000000007</v>
      </c>
      <c r="I1096" s="40">
        <v>6.3292755693710356</v>
      </c>
      <c r="J1096" s="40">
        <v>18.116659904761999</v>
      </c>
      <c r="K1096" s="40">
        <v>6.6352290498759769</v>
      </c>
      <c r="L1096" s="40"/>
      <c r="M1096" s="40"/>
      <c r="N1096" s="40"/>
      <c r="AB1096">
        <v>2.5776170241835357</v>
      </c>
    </row>
    <row r="1097" spans="4:28" x14ac:dyDescent="0.25">
      <c r="D1097" s="40">
        <v>18.149275000000809</v>
      </c>
      <c r="E1097" s="40">
        <v>10.0352084838814</v>
      </c>
      <c r="F1097" s="40">
        <v>18.133332999999993</v>
      </c>
      <c r="G1097" s="40">
        <v>7.6816772473179578</v>
      </c>
      <c r="H1097" s="40">
        <v>18.133334000000005</v>
      </c>
      <c r="I1097" s="40">
        <v>6.3326283055142927</v>
      </c>
      <c r="J1097" s="40">
        <v>18.133326565476299</v>
      </c>
      <c r="K1097" s="40">
        <v>6.6400800935852091</v>
      </c>
      <c r="L1097" s="40"/>
      <c r="M1097" s="40"/>
      <c r="N1097" s="40"/>
      <c r="AB1097">
        <v>2.6766708889920783</v>
      </c>
    </row>
    <row r="1098" spans="4:28" x14ac:dyDescent="0.25">
      <c r="D1098" s="40">
        <v>18.16594100000081</v>
      </c>
      <c r="E1098" s="40">
        <v>10.044752394631248</v>
      </c>
      <c r="F1098" s="40">
        <v>18.149999999999991</v>
      </c>
      <c r="G1098" s="40">
        <v>7.686432491408052</v>
      </c>
      <c r="H1098" s="40">
        <v>18.150000000000006</v>
      </c>
      <c r="I1098" s="40">
        <v>6.3359810416575497</v>
      </c>
      <c r="J1098" s="40">
        <v>18.149993226190599</v>
      </c>
      <c r="K1098" s="40">
        <v>6.6449311372943143</v>
      </c>
      <c r="L1098" s="40"/>
      <c r="M1098" s="40"/>
      <c r="N1098" s="40"/>
      <c r="AB1098">
        <v>2.7557637891143356</v>
      </c>
    </row>
    <row r="1099" spans="4:28" x14ac:dyDescent="0.25">
      <c r="D1099" s="40">
        <v>18.182607000000811</v>
      </c>
      <c r="E1099" s="40">
        <v>10.049595573220795</v>
      </c>
      <c r="F1099" s="40">
        <v>18.16666699999999</v>
      </c>
      <c r="G1099" s="40">
        <v>7.6911877354982714</v>
      </c>
      <c r="H1099" s="40">
        <v>18.166667000000004</v>
      </c>
      <c r="I1099" s="40">
        <v>6.3393337778009826</v>
      </c>
      <c r="J1099" s="40">
        <v>18.166659886904899</v>
      </c>
      <c r="K1099" s="40">
        <v>6.6449311372943143</v>
      </c>
      <c r="L1099" s="40"/>
      <c r="M1099" s="40"/>
      <c r="N1099" s="40"/>
      <c r="AB1099">
        <v>2.8209881791845359</v>
      </c>
    </row>
    <row r="1100" spans="4:28" x14ac:dyDescent="0.25">
      <c r="D1100" s="40">
        <v>18.199273000000812</v>
      </c>
      <c r="E1100" s="40">
        <v>10.054296305381222</v>
      </c>
      <c r="F1100" s="40">
        <v>18.18333299999999</v>
      </c>
      <c r="G1100" s="40">
        <v>7.6959429795884908</v>
      </c>
      <c r="H1100" s="40">
        <v>18.183334000000002</v>
      </c>
      <c r="I1100" s="40">
        <v>6.3425879040577451</v>
      </c>
      <c r="J1100" s="40">
        <v>18.183326547619199</v>
      </c>
      <c r="K1100" s="40">
        <v>6.649639503247375</v>
      </c>
      <c r="L1100" s="40"/>
      <c r="M1100" s="40"/>
      <c r="N1100" s="40"/>
      <c r="AB1100">
        <v>2.8760140666662246</v>
      </c>
    </row>
    <row r="1101" spans="4:28" x14ac:dyDescent="0.25">
      <c r="D1101" s="40">
        <v>18.215939000000812</v>
      </c>
      <c r="E1101" s="40">
        <v>10.059139483970643</v>
      </c>
      <c r="F1101" s="40">
        <v>18.199999999999989</v>
      </c>
      <c r="G1101" s="40">
        <v>7.7005583635582662</v>
      </c>
      <c r="H1101" s="40">
        <v>18.200000000000003</v>
      </c>
      <c r="I1101" s="40">
        <v>6.3459406402010021</v>
      </c>
      <c r="J1101" s="40">
        <v>18.1999932083334</v>
      </c>
      <c r="K1101" s="40">
        <v>6.6544905469566062</v>
      </c>
      <c r="L1101" s="40"/>
      <c r="M1101" s="40"/>
      <c r="N1101" s="40"/>
      <c r="AB1101">
        <v>2.923312347673483</v>
      </c>
    </row>
    <row r="1102" spans="4:28" x14ac:dyDescent="0.25">
      <c r="D1102" s="40">
        <v>18.232605000000813</v>
      </c>
      <c r="E1102" s="40">
        <v>10.063982662560191</v>
      </c>
      <c r="F1102" s="40">
        <v>18.216667000000001</v>
      </c>
      <c r="G1102" s="40">
        <v>7.7005583635582662</v>
      </c>
      <c r="H1102" s="40">
        <v>18.216667000000001</v>
      </c>
      <c r="I1102" s="40">
        <v>6.3492933763442592</v>
      </c>
      <c r="J1102" s="40">
        <v>18.2166598690477</v>
      </c>
      <c r="K1102" s="40">
        <v>6.6593415906658393</v>
      </c>
      <c r="L1102" s="40"/>
      <c r="M1102" s="40"/>
      <c r="N1102" s="40"/>
      <c r="AB1102">
        <v>2.9648936533579873</v>
      </c>
    </row>
    <row r="1103" spans="4:28" x14ac:dyDescent="0.25">
      <c r="D1103" s="40">
        <v>18.249271000000814</v>
      </c>
      <c r="E1103" s="40">
        <v>10.073526573310039</v>
      </c>
      <c r="F1103" s="40">
        <v>18.233332999999988</v>
      </c>
      <c r="G1103" s="40">
        <v>7.7053136076484865</v>
      </c>
      <c r="H1103" s="40">
        <v>18.233334000000013</v>
      </c>
      <c r="I1103" s="40">
        <v>6.3525475026010225</v>
      </c>
      <c r="J1103" s="40">
        <v>18.233326529762</v>
      </c>
      <c r="K1103" s="40">
        <v>6.6593415906658393</v>
      </c>
      <c r="L1103" s="40"/>
      <c r="M1103" s="40"/>
      <c r="N1103" s="40"/>
      <c r="AB1103">
        <v>3.00198131954089</v>
      </c>
    </row>
    <row r="1104" spans="4:28" x14ac:dyDescent="0.25">
      <c r="D1104" s="40">
        <v>18.265937000000815</v>
      </c>
      <c r="E1104" s="40">
        <v>10.078369751899588</v>
      </c>
      <c r="F1104" s="40">
        <v>18.25</v>
      </c>
      <c r="G1104" s="40">
        <v>7.710068851738705</v>
      </c>
      <c r="H1104" s="40">
        <v>18.25</v>
      </c>
      <c r="I1104" s="40">
        <v>6.3559002387442796</v>
      </c>
      <c r="J1104" s="40">
        <v>18.2499931904763</v>
      </c>
      <c r="K1104" s="40">
        <v>6.664049956618773</v>
      </c>
      <c r="L1104" s="40"/>
      <c r="M1104" s="40"/>
      <c r="N1104" s="40"/>
      <c r="AB1104">
        <v>3.0354110904960914</v>
      </c>
    </row>
    <row r="1105" spans="4:28" x14ac:dyDescent="0.25">
      <c r="D1105" s="40">
        <v>18.282603000000815</v>
      </c>
      <c r="E1105" s="40">
        <v>10.087913662649434</v>
      </c>
      <c r="F1105" s="40">
        <v>18.266666999999998</v>
      </c>
      <c r="G1105" s="40">
        <v>7.7146842357086056</v>
      </c>
      <c r="H1105" s="40">
        <v>18.266667000000012</v>
      </c>
      <c r="I1105" s="40">
        <v>6.3625071011444749</v>
      </c>
      <c r="J1105" s="40">
        <v>18.2666598511906</v>
      </c>
      <c r="K1105" s="40">
        <v>6.6689010003280043</v>
      </c>
      <c r="L1105" s="40"/>
      <c r="M1105" s="40"/>
      <c r="N1105" s="40"/>
      <c r="AB1105">
        <v>3.0659823737898941</v>
      </c>
    </row>
    <row r="1106" spans="4:28" x14ac:dyDescent="0.25">
      <c r="D1106" s="40">
        <v>18.299269000000816</v>
      </c>
      <c r="E1106" s="40">
        <v>10.092756841238982</v>
      </c>
      <c r="F1106" s="40">
        <v>18.283332999999999</v>
      </c>
      <c r="G1106" s="40">
        <v>7.7194394797987007</v>
      </c>
      <c r="H1106" s="40">
        <v>18.283334000000011</v>
      </c>
      <c r="I1106" s="40">
        <v>6.365859837287732</v>
      </c>
      <c r="J1106" s="40">
        <v>18.2833265119049</v>
      </c>
      <c r="K1106" s="40">
        <v>6.6737520440372373</v>
      </c>
      <c r="L1106" s="40"/>
      <c r="M1106" s="40"/>
      <c r="N1106" s="40"/>
      <c r="AB1106">
        <v>3.0941190976771917</v>
      </c>
    </row>
    <row r="1107" spans="4:28" x14ac:dyDescent="0.25">
      <c r="D1107" s="40">
        <v>18.315935000000817</v>
      </c>
      <c r="E1107" s="40">
        <v>10.102300751988958</v>
      </c>
      <c r="F1107" s="40">
        <v>18.299999999999997</v>
      </c>
      <c r="G1107" s="40">
        <v>7.7241947238889201</v>
      </c>
      <c r="H1107" s="40">
        <v>18.300000000000011</v>
      </c>
      <c r="I1107" s="40">
        <v>6.369212573430989</v>
      </c>
      <c r="J1107" s="40">
        <v>18.2999931726192</v>
      </c>
      <c r="K1107" s="40">
        <v>6.6737520440372373</v>
      </c>
      <c r="L1107" s="40"/>
      <c r="M1107" s="40"/>
      <c r="N1107" s="40"/>
      <c r="AB1107">
        <v>3.1202088537052588</v>
      </c>
    </row>
    <row r="1108" spans="4:28" x14ac:dyDescent="0.25">
      <c r="D1108" s="40">
        <v>18.332601000000817</v>
      </c>
      <c r="E1108" s="40">
        <v>10.107143930578379</v>
      </c>
      <c r="F1108" s="40">
        <v>18.316666999999995</v>
      </c>
      <c r="G1108" s="40">
        <v>7.7288101078588198</v>
      </c>
      <c r="H1108" s="40">
        <v>18.31666700000001</v>
      </c>
      <c r="I1108" s="40">
        <v>6.3724666996877524</v>
      </c>
      <c r="J1108" s="40">
        <v>18.3166598333334</v>
      </c>
      <c r="K1108" s="40">
        <v>6.6784604099901701</v>
      </c>
      <c r="L1108" s="40"/>
      <c r="M1108" s="40"/>
      <c r="N1108" s="40"/>
      <c r="AB1108">
        <v>3.1446634578931452</v>
      </c>
    </row>
    <row r="1109" spans="4:28" x14ac:dyDescent="0.25">
      <c r="D1109" s="40">
        <v>18.349267000000818</v>
      </c>
      <c r="E1109" s="40">
        <v>10.111844662738806</v>
      </c>
      <c r="F1109" s="40">
        <v>18.333332999999996</v>
      </c>
      <c r="G1109" s="40">
        <v>7.7335653519489158</v>
      </c>
      <c r="H1109" s="40">
        <v>18.333334000000008</v>
      </c>
      <c r="I1109" s="40">
        <v>6.3758194358311853</v>
      </c>
      <c r="J1109" s="40">
        <v>18.3333264940477</v>
      </c>
      <c r="K1109" s="40">
        <v>6.6833114536994023</v>
      </c>
      <c r="L1109" s="40"/>
      <c r="M1109" s="40"/>
      <c r="N1109" s="40"/>
      <c r="AB1109">
        <v>3.1679068384956794</v>
      </c>
    </row>
    <row r="1110" spans="4:28" x14ac:dyDescent="0.25">
      <c r="D1110" s="40">
        <v>18.365933000000819</v>
      </c>
      <c r="E1110" s="40">
        <v>10.121531019917773</v>
      </c>
      <c r="F1110" s="40">
        <v>18.349999999999994</v>
      </c>
      <c r="G1110" s="40">
        <v>7.7335653519489158</v>
      </c>
      <c r="H1110" s="40">
        <v>18.350000000000009</v>
      </c>
      <c r="I1110" s="40">
        <v>6.3791721719744423</v>
      </c>
      <c r="J1110" s="40">
        <v>18.349993154762</v>
      </c>
      <c r="K1110" s="40">
        <v>6.6833114536994023</v>
      </c>
      <c r="L1110" s="40"/>
      <c r="M1110" s="40"/>
      <c r="N1110" s="40"/>
      <c r="AB1110">
        <v>3.1907262908433625</v>
      </c>
    </row>
    <row r="1111" spans="4:28" x14ac:dyDescent="0.25">
      <c r="D1111" s="40">
        <v>18.38259900000082</v>
      </c>
      <c r="E1111" s="40">
        <v>10.126231752078199</v>
      </c>
      <c r="F1111" s="40">
        <v>18.366666999999993</v>
      </c>
      <c r="G1111" s="40">
        <v>7.7383205960391344</v>
      </c>
      <c r="H1111" s="40">
        <v>18.366667000000007</v>
      </c>
      <c r="I1111" s="40">
        <v>6.3824262982312057</v>
      </c>
      <c r="J1111" s="40">
        <v>18.3666598154763</v>
      </c>
      <c r="K1111" s="40">
        <v>6.6881624974086353</v>
      </c>
      <c r="L1111" s="40"/>
      <c r="M1111" s="40"/>
      <c r="N1111" s="40"/>
      <c r="AB1111">
        <v>3.2131581516437286</v>
      </c>
    </row>
    <row r="1112" spans="4:28" x14ac:dyDescent="0.25">
      <c r="D1112" s="40">
        <v>18.39926500000082</v>
      </c>
      <c r="E1112" s="40">
        <v>10.131074930667747</v>
      </c>
      <c r="F1112" s="40">
        <v>18.383332999999993</v>
      </c>
      <c r="G1112" s="40">
        <v>7.7429359800090349</v>
      </c>
      <c r="H1112" s="40">
        <v>18.383334000000005</v>
      </c>
      <c r="I1112" s="40">
        <v>6.3891317705177189</v>
      </c>
      <c r="J1112" s="40">
        <v>18.3833264761906</v>
      </c>
      <c r="K1112" s="40">
        <v>6.6928708633616951</v>
      </c>
      <c r="L1112" s="40"/>
      <c r="M1112" s="40"/>
      <c r="N1112" s="40"/>
      <c r="AB1112">
        <v>3.2343545643870755</v>
      </c>
    </row>
    <row r="1113" spans="4:28" x14ac:dyDescent="0.25">
      <c r="D1113" s="40">
        <v>18.415931000000821</v>
      </c>
      <c r="E1113" s="40">
        <v>10.140618841417595</v>
      </c>
      <c r="F1113" s="40">
        <v>18.399999999999991</v>
      </c>
      <c r="G1113" s="40">
        <v>7.74769122409913</v>
      </c>
      <c r="H1113" s="40">
        <v>18.400000000000006</v>
      </c>
      <c r="I1113" s="40">
        <v>6.3923858967744822</v>
      </c>
      <c r="J1113" s="40">
        <v>18.3999931369049</v>
      </c>
      <c r="K1113" s="40">
        <v>6.6928708633616951</v>
      </c>
      <c r="L1113" s="40"/>
      <c r="M1113" s="40"/>
      <c r="N1113" s="40"/>
      <c r="AB1113">
        <v>3.2551391611113951</v>
      </c>
    </row>
    <row r="1114" spans="4:28" x14ac:dyDescent="0.25">
      <c r="D1114" s="40">
        <v>18.432597000000822</v>
      </c>
      <c r="E1114" s="40">
        <v>10.145462020007145</v>
      </c>
      <c r="F1114" s="40">
        <v>18.41666699999999</v>
      </c>
      <c r="G1114" s="40">
        <v>7.7524464681893486</v>
      </c>
      <c r="H1114" s="40">
        <v>18.416667000000004</v>
      </c>
      <c r="I1114" s="40">
        <v>6.3957386329179151</v>
      </c>
      <c r="J1114" s="40">
        <v>18.4166597976192</v>
      </c>
      <c r="K1114" s="40">
        <v>6.6977219070708003</v>
      </c>
      <c r="L1114" s="40"/>
      <c r="M1114" s="40"/>
      <c r="N1114" s="40"/>
      <c r="AB1114">
        <v>3.2751122380335245</v>
      </c>
    </row>
    <row r="1115" spans="4:28" x14ac:dyDescent="0.25">
      <c r="D1115" s="40">
        <v>18.449263000000823</v>
      </c>
      <c r="E1115" s="40">
        <v>10.155005930756991</v>
      </c>
      <c r="F1115" s="40">
        <v>18.43333299999999</v>
      </c>
      <c r="G1115" s="40">
        <v>7.7570618521592491</v>
      </c>
      <c r="H1115" s="40">
        <v>18.433334000000002</v>
      </c>
      <c r="I1115" s="40">
        <v>6.3990913690611722</v>
      </c>
      <c r="J1115" s="40">
        <v>18.433326458333401</v>
      </c>
      <c r="K1115" s="40">
        <v>6.6977219070708003</v>
      </c>
      <c r="L1115" s="40"/>
      <c r="M1115" s="40"/>
      <c r="N1115" s="40"/>
      <c r="AB1115">
        <v>3.2942737951535066</v>
      </c>
    </row>
    <row r="1116" spans="4:28" x14ac:dyDescent="0.25">
      <c r="D1116" s="40">
        <v>18.465929000000823</v>
      </c>
      <c r="E1116" s="40">
        <v>10.159849109346538</v>
      </c>
      <c r="F1116" s="40">
        <v>18.449999999999989</v>
      </c>
      <c r="G1116" s="40">
        <v>7.7618170962494695</v>
      </c>
      <c r="H1116" s="40">
        <v>18.450000000000003</v>
      </c>
      <c r="I1116" s="40">
        <v>6.4023454953179355</v>
      </c>
      <c r="J1116" s="40">
        <v>18.449993119047701</v>
      </c>
      <c r="K1116" s="40">
        <v>6.7025729507800333</v>
      </c>
      <c r="L1116" s="40"/>
      <c r="M1116" s="40"/>
      <c r="N1116" s="40"/>
      <c r="AB1116">
        <v>3.3130235362544607</v>
      </c>
    </row>
    <row r="1117" spans="4:28" x14ac:dyDescent="0.25">
      <c r="D1117" s="40">
        <v>18.482595000000824</v>
      </c>
      <c r="E1117" s="40">
        <v>10.164692287936088</v>
      </c>
      <c r="F1117" s="40">
        <v>18.466667000000001</v>
      </c>
      <c r="G1117" s="40">
        <v>7.7665723403395637</v>
      </c>
      <c r="H1117" s="40">
        <v>18.466667000000001</v>
      </c>
      <c r="I1117" s="40">
        <v>6.4090509676046246</v>
      </c>
      <c r="J1117" s="40">
        <v>18.466659779762001</v>
      </c>
      <c r="K1117" s="40">
        <v>6.7025729507800333</v>
      </c>
      <c r="L1117" s="40"/>
      <c r="M1117" s="40"/>
      <c r="N1117" s="40"/>
      <c r="AB1117">
        <v>3.3305620537700849</v>
      </c>
    </row>
    <row r="1118" spans="4:28" x14ac:dyDescent="0.25">
      <c r="D1118" s="40">
        <v>18.499261000000825</v>
      </c>
      <c r="E1118" s="40">
        <v>10.174236198685936</v>
      </c>
      <c r="F1118" s="40">
        <v>18.483332999999988</v>
      </c>
      <c r="G1118" s="40">
        <v>7.7711877243094643</v>
      </c>
      <c r="H1118" s="40">
        <v>18.483334000000013</v>
      </c>
      <c r="I1118" s="40">
        <v>6.4123050938612121</v>
      </c>
      <c r="J1118" s="40">
        <v>18.483326440476301</v>
      </c>
      <c r="K1118" s="40">
        <v>6.7072813167330931</v>
      </c>
      <c r="L1118" s="40"/>
      <c r="M1118" s="40"/>
      <c r="N1118" s="40"/>
      <c r="AB1118">
        <v>3.3476766430308369</v>
      </c>
    </row>
    <row r="1119" spans="4:28" x14ac:dyDescent="0.25">
      <c r="D1119" s="40">
        <v>18.515927000000826</v>
      </c>
      <c r="E1119" s="40">
        <v>10.179079377275484</v>
      </c>
      <c r="F1119" s="40">
        <v>18.5</v>
      </c>
      <c r="G1119" s="40">
        <v>7.7759429683996837</v>
      </c>
      <c r="H1119" s="40">
        <v>18.5</v>
      </c>
      <c r="I1119" s="40">
        <v>6.415657830004645</v>
      </c>
      <c r="J1119" s="40">
        <v>18.499993101190601</v>
      </c>
      <c r="K1119" s="40">
        <v>6.7121323604421983</v>
      </c>
      <c r="L1119" s="40"/>
      <c r="M1119" s="40"/>
      <c r="N1119" s="40"/>
      <c r="AB1119">
        <v>3.3643915285084489</v>
      </c>
    </row>
    <row r="1120" spans="4:28" x14ac:dyDescent="0.25">
      <c r="D1120" s="40">
        <v>18.532593000000826</v>
      </c>
      <c r="E1120" s="40">
        <v>10.183922555864905</v>
      </c>
      <c r="F1120" s="40">
        <v>18.516666999999998</v>
      </c>
      <c r="G1120" s="40">
        <v>7.7806982124897779</v>
      </c>
      <c r="H1120" s="40">
        <v>18.516667000000012</v>
      </c>
      <c r="I1120" s="40">
        <v>6.419010566147902</v>
      </c>
      <c r="J1120" s="40">
        <v>18.516659761904901</v>
      </c>
      <c r="K1120" s="40">
        <v>6.7121323604421983</v>
      </c>
      <c r="L1120" s="40"/>
      <c r="M1120" s="40"/>
      <c r="N1120" s="40"/>
      <c r="AB1120">
        <v>3.3798830781648634</v>
      </c>
    </row>
    <row r="1121" spans="4:28" x14ac:dyDescent="0.25">
      <c r="D1121" s="40">
        <v>18.549259000000827</v>
      </c>
      <c r="E1121" s="40">
        <v>10.18862328802533</v>
      </c>
      <c r="F1121" s="40">
        <v>18.533332999999999</v>
      </c>
      <c r="G1121" s="40">
        <v>7.7853135964596785</v>
      </c>
      <c r="H1121" s="40">
        <v>18.533334000000011</v>
      </c>
      <c r="I1121" s="40">
        <v>6.4222646924046654</v>
      </c>
      <c r="J1121" s="40">
        <v>18.533326422619201</v>
      </c>
      <c r="K1121" s="40">
        <v>6.7169834041514314</v>
      </c>
      <c r="L1121" s="40"/>
      <c r="M1121" s="40"/>
      <c r="N1121" s="40"/>
      <c r="AB1121">
        <v>3.3949628118022512</v>
      </c>
    </row>
    <row r="1122" spans="4:28" x14ac:dyDescent="0.25">
      <c r="D1122" s="40">
        <v>18.565925000000828</v>
      </c>
      <c r="E1122" s="40">
        <v>10.193466466614879</v>
      </c>
      <c r="F1122" s="40">
        <v>18.549999999999997</v>
      </c>
      <c r="G1122" s="40">
        <v>7.7853135964596785</v>
      </c>
      <c r="H1122" s="40">
        <v>18.550000000000011</v>
      </c>
      <c r="I1122" s="40">
        <v>6.4289701646913544</v>
      </c>
      <c r="J1122" s="40">
        <v>18.549993083333401</v>
      </c>
      <c r="K1122" s="40">
        <v>6.7169834041514314</v>
      </c>
      <c r="L1122" s="40"/>
      <c r="M1122" s="40"/>
      <c r="N1122" s="40"/>
      <c r="AB1122">
        <v>3.4096428416564981</v>
      </c>
    </row>
    <row r="1123" spans="4:28" x14ac:dyDescent="0.25">
      <c r="D1123" s="40">
        <v>18.582591000000829</v>
      </c>
      <c r="E1123" s="40">
        <v>10.198309645204427</v>
      </c>
      <c r="F1123" s="40">
        <v>18.566666999999995</v>
      </c>
      <c r="G1123" s="40">
        <v>7.7900688405498979</v>
      </c>
      <c r="H1123" s="40">
        <v>18.56666700000001</v>
      </c>
      <c r="I1123" s="40">
        <v>6.4322242909481178</v>
      </c>
      <c r="J1123" s="40">
        <v>18.566659744047701</v>
      </c>
      <c r="K1123" s="40">
        <v>6.7216917701044911</v>
      </c>
      <c r="L1123" s="40"/>
      <c r="M1123" s="40"/>
      <c r="N1123" s="40"/>
      <c r="AB1123">
        <v>3.4234992394727111</v>
      </c>
    </row>
    <row r="1124" spans="4:28" x14ac:dyDescent="0.25">
      <c r="D1124" s="40">
        <v>18.599257000000829</v>
      </c>
      <c r="E1124" s="40">
        <v>10.203010377364727</v>
      </c>
      <c r="F1124" s="40">
        <v>18.583332999999996</v>
      </c>
      <c r="G1124" s="40">
        <v>7.7948240846399939</v>
      </c>
      <c r="H1124" s="40">
        <v>18.583334000000008</v>
      </c>
      <c r="I1124" s="40">
        <v>6.4389297632346318</v>
      </c>
      <c r="J1124" s="40">
        <v>18.583326404762001</v>
      </c>
      <c r="K1124" s="40">
        <v>6.7216917701044911</v>
      </c>
      <c r="L1124" s="40"/>
      <c r="M1124" s="40"/>
      <c r="N1124" s="40"/>
      <c r="AB1124">
        <v>3.4369559335057613</v>
      </c>
    </row>
    <row r="1125" spans="4:28" x14ac:dyDescent="0.25">
      <c r="D1125" s="40">
        <v>18.61592300000083</v>
      </c>
      <c r="E1125" s="40">
        <v>10.207853555954275</v>
      </c>
      <c r="F1125" s="40">
        <v>18.599999999999994</v>
      </c>
      <c r="G1125" s="40">
        <v>7.7994394686098927</v>
      </c>
      <c r="H1125" s="40">
        <v>18.600000000000009</v>
      </c>
      <c r="I1125" s="40">
        <v>6.4421838894913952</v>
      </c>
      <c r="J1125" s="40">
        <v>18.599993065476301</v>
      </c>
      <c r="K1125" s="40">
        <v>6.7265428138135963</v>
      </c>
      <c r="L1125" s="40"/>
      <c r="M1125" s="40"/>
      <c r="N1125" s="40"/>
      <c r="AB1125">
        <v>3.4500008115198058</v>
      </c>
    </row>
    <row r="1126" spans="4:28" x14ac:dyDescent="0.25">
      <c r="D1126" s="40">
        <v>18.632589000000831</v>
      </c>
      <c r="E1126" s="40">
        <v>10.212696734543824</v>
      </c>
      <c r="F1126" s="40">
        <v>18.616666999999993</v>
      </c>
      <c r="G1126" s="40">
        <v>7.804194712700113</v>
      </c>
      <c r="H1126" s="40">
        <v>18.616667000000007</v>
      </c>
      <c r="I1126" s="40">
        <v>6.4455366256346522</v>
      </c>
      <c r="J1126" s="40">
        <v>18.616659726190601</v>
      </c>
      <c r="K1126" s="40">
        <v>6.7265428138135963</v>
      </c>
      <c r="L1126" s="40"/>
      <c r="M1126" s="40"/>
      <c r="N1126" s="40"/>
      <c r="AB1126">
        <v>3.4626338735148225</v>
      </c>
    </row>
    <row r="1127" spans="4:28" x14ac:dyDescent="0.25">
      <c r="D1127" s="40">
        <v>18.649255000000831</v>
      </c>
      <c r="E1127" s="40">
        <v>10.217397466704123</v>
      </c>
      <c r="F1127" s="40">
        <v>18.633332999999993</v>
      </c>
      <c r="G1127" s="40">
        <v>7.8089499567903315</v>
      </c>
      <c r="H1127" s="40">
        <v>18.633334000000005</v>
      </c>
      <c r="I1127" s="40">
        <v>6.4488893617780843</v>
      </c>
      <c r="J1127" s="40">
        <v>18.633326386904901</v>
      </c>
      <c r="K1127" s="40">
        <v>6.7313938575228285</v>
      </c>
      <c r="L1127" s="40"/>
      <c r="M1127" s="40"/>
      <c r="N1127" s="40"/>
      <c r="AB1127">
        <v>3.4744554157076704</v>
      </c>
    </row>
    <row r="1128" spans="4:28" x14ac:dyDescent="0.25">
      <c r="D1128" s="40">
        <v>18.665921000000832</v>
      </c>
      <c r="E1128" s="40">
        <v>10.222240645293672</v>
      </c>
      <c r="F1128" s="40">
        <v>18.649999999999991</v>
      </c>
      <c r="G1128" s="40">
        <v>7.8183205848503281</v>
      </c>
      <c r="H1128" s="40">
        <v>18.650000000000006</v>
      </c>
      <c r="I1128" s="40">
        <v>6.4554962241781046</v>
      </c>
      <c r="J1128" s="40">
        <v>18.649993047619201</v>
      </c>
      <c r="K1128" s="40">
        <v>6.7313938575228285</v>
      </c>
      <c r="L1128" s="40"/>
      <c r="M1128" s="40"/>
      <c r="N1128" s="40"/>
      <c r="AB1128">
        <v>3.4862890701363844</v>
      </c>
    </row>
    <row r="1129" spans="4:28" x14ac:dyDescent="0.25">
      <c r="D1129" s="40">
        <v>18.682587000000833</v>
      </c>
      <c r="E1129" s="40">
        <v>10.222240645293672</v>
      </c>
      <c r="F1129" s="40">
        <v>18.66666699999999</v>
      </c>
      <c r="G1129" s="40">
        <v>7.8183205848503281</v>
      </c>
      <c r="H1129" s="40">
        <v>18.666667000000004</v>
      </c>
      <c r="I1129" s="40">
        <v>6.4588489603213617</v>
      </c>
      <c r="J1129" s="40">
        <v>18.666659708333398</v>
      </c>
      <c r="K1129" s="40">
        <v>6.7361022234758892</v>
      </c>
      <c r="L1129" s="40"/>
      <c r="M1129" s="40"/>
      <c r="N1129" s="40"/>
      <c r="AB1129">
        <v>3.4972869802912196</v>
      </c>
    </row>
    <row r="1130" spans="4:28" x14ac:dyDescent="0.25">
      <c r="D1130" s="40">
        <v>18.699253000000834</v>
      </c>
      <c r="E1130" s="40">
        <v>10.227083823883218</v>
      </c>
      <c r="F1130" s="40">
        <v>18.68333299999999</v>
      </c>
      <c r="G1130" s="40">
        <v>7.8230758289405466</v>
      </c>
      <c r="H1130" s="40">
        <v>18.683334000000002</v>
      </c>
      <c r="I1130" s="40">
        <v>6.4622016964647946</v>
      </c>
      <c r="J1130" s="40">
        <v>18.683326369047698</v>
      </c>
      <c r="K1130" s="40">
        <v>6.7409532671851213</v>
      </c>
      <c r="L1130" s="40"/>
      <c r="M1130" s="40"/>
      <c r="N1130" s="40"/>
      <c r="AB1130">
        <v>3.5062621470585351</v>
      </c>
    </row>
    <row r="1131" spans="4:28" x14ac:dyDescent="0.25">
      <c r="D1131" s="40">
        <v>18.715919000000834</v>
      </c>
      <c r="E1131" s="40">
        <v>10.231784556043644</v>
      </c>
      <c r="F1131" s="40">
        <v>18.699999999999989</v>
      </c>
      <c r="G1131" s="40">
        <v>7.8276912129103229</v>
      </c>
      <c r="H1131" s="40">
        <v>18.700000000000003</v>
      </c>
      <c r="I1131" s="40">
        <v>6.4654558227215579</v>
      </c>
      <c r="J1131" s="40">
        <v>18.699993029761998</v>
      </c>
      <c r="K1131" s="40">
        <v>6.7409532671851213</v>
      </c>
      <c r="L1131" s="40"/>
      <c r="M1131" s="40"/>
      <c r="N1131" s="40"/>
      <c r="AB1131">
        <v>3.5140018657688099</v>
      </c>
    </row>
    <row r="1132" spans="4:28" x14ac:dyDescent="0.25">
      <c r="D1132" s="40">
        <v>18.732585000000835</v>
      </c>
      <c r="E1132" s="40">
        <v>10.236627734633066</v>
      </c>
      <c r="F1132" s="40">
        <v>18.716667000000001</v>
      </c>
      <c r="G1132" s="40">
        <v>7.8372017010907618</v>
      </c>
      <c r="H1132" s="40">
        <v>18.716667000000001</v>
      </c>
      <c r="I1132" s="40">
        <v>6.4721612950080711</v>
      </c>
      <c r="J1132" s="40">
        <v>18.716659690476298</v>
      </c>
      <c r="K1132" s="40">
        <v>6.7458043108942265</v>
      </c>
      <c r="L1132" s="40"/>
      <c r="M1132" s="40"/>
      <c r="N1132" s="40"/>
      <c r="AB1132">
        <v>3.5217536967149505</v>
      </c>
    </row>
    <row r="1133" spans="4:28" x14ac:dyDescent="0.25">
      <c r="D1133" s="40">
        <v>18.749251000000836</v>
      </c>
      <c r="E1133" s="40">
        <v>10.241470913222615</v>
      </c>
      <c r="F1133" s="40">
        <v>18.733332999999988</v>
      </c>
      <c r="G1133" s="40">
        <v>7.8418170850606606</v>
      </c>
      <c r="H1133" s="40">
        <v>18.733334000000013</v>
      </c>
      <c r="I1133" s="40">
        <v>6.4754154212648345</v>
      </c>
      <c r="J1133" s="40">
        <v>18.733326351190598</v>
      </c>
      <c r="K1133" s="40">
        <v>6.7505126768472863</v>
      </c>
      <c r="L1133" s="40"/>
      <c r="M1133" s="40"/>
      <c r="N1133" s="40"/>
      <c r="AB1133">
        <v>3.5319400870675963</v>
      </c>
    </row>
    <row r="1134" spans="4:28" x14ac:dyDescent="0.25">
      <c r="D1134" s="40">
        <v>18.765917000000837</v>
      </c>
      <c r="E1134" s="40">
        <v>10.24617164538304</v>
      </c>
      <c r="F1134" s="40">
        <v>18.75</v>
      </c>
      <c r="G1134" s="40">
        <v>7.8465723291507565</v>
      </c>
      <c r="H1134" s="40">
        <v>18.75</v>
      </c>
      <c r="I1134" s="40">
        <v>6.4787681574080915</v>
      </c>
      <c r="J1134" s="40">
        <v>18.749993011904898</v>
      </c>
      <c r="K1134" s="40">
        <v>6.7553637205565185</v>
      </c>
      <c r="L1134" s="40"/>
      <c r="M1134" s="40"/>
      <c r="N1134" s="40"/>
      <c r="AB1134">
        <v>3.542950109458276</v>
      </c>
    </row>
    <row r="1135" spans="4:28" x14ac:dyDescent="0.25">
      <c r="D1135" s="40">
        <v>18.782583000000837</v>
      </c>
      <c r="E1135" s="40">
        <v>10.251014823972463</v>
      </c>
      <c r="F1135" s="40">
        <v>18.766666999999998</v>
      </c>
      <c r="G1135" s="40">
        <v>7.8513275732409751</v>
      </c>
      <c r="H1135" s="40">
        <v>18.766667000000012</v>
      </c>
      <c r="I1135" s="40">
        <v>6.4821208935515244</v>
      </c>
      <c r="J1135" s="40">
        <v>18.766659672619198</v>
      </c>
      <c r="K1135" s="40">
        <v>6.7553637205565185</v>
      </c>
      <c r="L1135" s="40"/>
      <c r="M1135" s="40"/>
      <c r="N1135" s="40"/>
      <c r="AB1135">
        <v>3.553548315829949</v>
      </c>
    </row>
    <row r="1136" spans="4:28" x14ac:dyDescent="0.25">
      <c r="D1136" s="40">
        <v>18.799249000000838</v>
      </c>
      <c r="E1136" s="40">
        <v>10.255858002562011</v>
      </c>
      <c r="F1136" s="40">
        <v>18.783332999999999</v>
      </c>
      <c r="G1136" s="40">
        <v>7.8559429572108757</v>
      </c>
      <c r="H1136" s="40">
        <v>18.783334000000011</v>
      </c>
      <c r="I1136" s="40">
        <v>6.4821208935515244</v>
      </c>
      <c r="J1136" s="40">
        <v>18.783326333333399</v>
      </c>
      <c r="K1136" s="40">
        <v>6.7602147642656245</v>
      </c>
      <c r="L1136" s="40"/>
      <c r="M1136" s="40"/>
      <c r="N1136" s="40"/>
      <c r="AB1136">
        <v>3.5629231863804267</v>
      </c>
    </row>
    <row r="1137" spans="4:28" x14ac:dyDescent="0.25">
      <c r="D1137" s="40">
        <v>18.815915000000839</v>
      </c>
      <c r="E1137" s="40">
        <v>10.265401913311857</v>
      </c>
      <c r="F1137" s="40">
        <v>18.799999999999997</v>
      </c>
      <c r="G1137" s="40">
        <v>7.8606982013009716</v>
      </c>
      <c r="H1137" s="40">
        <v>18.800000000000011</v>
      </c>
      <c r="I1137" s="40">
        <v>6.4853750198082878</v>
      </c>
      <c r="J1137" s="40">
        <v>18.799992994047699</v>
      </c>
      <c r="K1137" s="40">
        <v>6.7649231302186843</v>
      </c>
      <c r="L1137" s="40"/>
      <c r="M1137" s="40"/>
      <c r="N1137" s="40"/>
      <c r="AB1137">
        <v>3.5698513852885334</v>
      </c>
    </row>
    <row r="1138" spans="4:28" x14ac:dyDescent="0.25">
      <c r="D1138" s="40">
        <v>18.83258100000084</v>
      </c>
      <c r="E1138" s="40">
        <v>10.270245091901405</v>
      </c>
      <c r="F1138" s="40">
        <v>18.816666999999995</v>
      </c>
      <c r="G1138" s="40">
        <v>7.8654534453911911</v>
      </c>
      <c r="H1138" s="40">
        <v>18.81666700000001</v>
      </c>
      <c r="I1138" s="40">
        <v>6.4887277559515448</v>
      </c>
      <c r="J1138" s="40">
        <v>18.816659654761999</v>
      </c>
      <c r="K1138" s="40">
        <v>6.7697741739279165</v>
      </c>
      <c r="L1138" s="40"/>
      <c r="M1138" s="40"/>
      <c r="N1138" s="40"/>
      <c r="AB1138">
        <v>3.5759680643944498</v>
      </c>
    </row>
    <row r="1139" spans="4:28" x14ac:dyDescent="0.25">
      <c r="D1139" s="40">
        <v>18.84924700000084</v>
      </c>
      <c r="E1139" s="40">
        <v>10.274945824061831</v>
      </c>
      <c r="F1139" s="40">
        <v>18.833332999999996</v>
      </c>
      <c r="G1139" s="40">
        <v>7.8700688293610908</v>
      </c>
      <c r="H1139" s="40">
        <v>18.833334000000008</v>
      </c>
      <c r="I1139" s="40">
        <v>6.4920804920948019</v>
      </c>
      <c r="J1139" s="40">
        <v>18.833326315476299</v>
      </c>
      <c r="K1139" s="40">
        <v>6.7746252176370225</v>
      </c>
      <c r="L1139" s="40"/>
      <c r="M1139" s="40"/>
      <c r="N1139" s="40"/>
      <c r="AB1139">
        <v>3.5820847435003875</v>
      </c>
    </row>
    <row r="1140" spans="4:28" x14ac:dyDescent="0.25">
      <c r="D1140" s="40">
        <v>18.865913000000841</v>
      </c>
      <c r="E1140" s="40">
        <v>10.279789002651253</v>
      </c>
      <c r="F1140" s="40">
        <v>18.849999999999994</v>
      </c>
      <c r="G1140" s="40">
        <v>7.874824073451185</v>
      </c>
      <c r="H1140" s="40">
        <v>18.850000000000009</v>
      </c>
      <c r="I1140" s="40">
        <v>6.4953346183515643</v>
      </c>
      <c r="J1140" s="40">
        <v>18.849992976190599</v>
      </c>
      <c r="K1140" s="40">
        <v>6.7746252176370225</v>
      </c>
      <c r="L1140" s="40"/>
      <c r="M1140" s="40"/>
      <c r="N1140" s="40"/>
      <c r="AB1140">
        <v>3.5886011263894875</v>
      </c>
    </row>
    <row r="1141" spans="4:28" x14ac:dyDescent="0.25">
      <c r="D1141" s="40">
        <v>18.882579000000842</v>
      </c>
      <c r="E1141" s="40">
        <v>10.289332913401228</v>
      </c>
      <c r="F1141" s="40">
        <v>18.866666999999993</v>
      </c>
      <c r="G1141" s="40">
        <v>7.8795793175414062</v>
      </c>
      <c r="H1141" s="40">
        <v>18.866667000000007</v>
      </c>
      <c r="I1141" s="40">
        <v>6.4986873544948223</v>
      </c>
      <c r="J1141" s="40">
        <v>18.866659636904899</v>
      </c>
      <c r="K1141" s="40">
        <v>6.7794762613462547</v>
      </c>
      <c r="L1141" s="40"/>
      <c r="M1141" s="40"/>
      <c r="N1141" s="40"/>
      <c r="AB1141">
        <v>3.5951296215144319</v>
      </c>
    </row>
    <row r="1142" spans="4:28" x14ac:dyDescent="0.25">
      <c r="D1142" s="40">
        <v>18.899245000000843</v>
      </c>
      <c r="E1142" s="40">
        <v>10.294176091990774</v>
      </c>
      <c r="F1142" s="40">
        <v>18.883332999999993</v>
      </c>
      <c r="G1142" s="40">
        <v>7.8843345616316247</v>
      </c>
      <c r="H1142" s="40">
        <v>18.883334000000005</v>
      </c>
      <c r="I1142" s="40">
        <v>6.5020400906382543</v>
      </c>
      <c r="J1142" s="40">
        <v>18.883326297619199</v>
      </c>
      <c r="K1142" s="40">
        <v>6.7841846272993145</v>
      </c>
      <c r="L1142" s="40"/>
      <c r="M1142" s="40"/>
      <c r="N1142" s="40"/>
      <c r="AB1142">
        <v>3.6024696364415445</v>
      </c>
    </row>
    <row r="1143" spans="4:28" x14ac:dyDescent="0.25">
      <c r="D1143" s="40">
        <v>18.915911000000843</v>
      </c>
      <c r="E1143" s="40">
        <v>10.303720002740622</v>
      </c>
      <c r="F1143" s="40">
        <v>18.899999999999991</v>
      </c>
      <c r="G1143" s="40">
        <v>7.8889499456014001</v>
      </c>
      <c r="H1143" s="40">
        <v>18.900000000000006</v>
      </c>
      <c r="I1143" s="40">
        <v>6.5020400906382543</v>
      </c>
      <c r="J1143" s="40">
        <v>18.899992958333499</v>
      </c>
      <c r="K1143" s="40">
        <v>6.7890356710085467</v>
      </c>
      <c r="L1143" s="40"/>
      <c r="M1143" s="40"/>
      <c r="N1143" s="40"/>
      <c r="AB1143">
        <v>3.6102093551518193</v>
      </c>
    </row>
    <row r="1144" spans="4:28" x14ac:dyDescent="0.25">
      <c r="D1144" s="40">
        <v>18.932577000000844</v>
      </c>
      <c r="E1144" s="40">
        <v>10.308563181330172</v>
      </c>
      <c r="F1144" s="40">
        <v>18.91666699999999</v>
      </c>
      <c r="G1144" s="40">
        <v>7.8937051896916195</v>
      </c>
      <c r="H1144" s="40">
        <v>18.916667000000004</v>
      </c>
      <c r="I1144" s="40">
        <v>6.5052942168950176</v>
      </c>
      <c r="J1144" s="40">
        <v>18.916659619047699</v>
      </c>
      <c r="K1144" s="40">
        <v>6.7890356710085467</v>
      </c>
      <c r="L1144" s="40"/>
      <c r="M1144" s="40"/>
      <c r="N1144" s="40"/>
      <c r="AB1144">
        <v>3.618772705900128</v>
      </c>
    </row>
    <row r="1145" spans="4:28" x14ac:dyDescent="0.25">
      <c r="D1145" s="40">
        <v>18.949243000000845</v>
      </c>
      <c r="E1145" s="40">
        <v>10.31810709208002</v>
      </c>
      <c r="F1145" s="40">
        <v>18.93333299999999</v>
      </c>
      <c r="G1145" s="40">
        <v>7.8984604337818398</v>
      </c>
      <c r="H1145" s="40">
        <v>18.933334000000002</v>
      </c>
      <c r="I1145" s="40">
        <v>6.5086469530382747</v>
      </c>
      <c r="J1145" s="40">
        <v>18.933326279761999</v>
      </c>
      <c r="K1145" s="40">
        <v>6.7938867147176527</v>
      </c>
      <c r="L1145" s="40"/>
      <c r="M1145" s="40"/>
      <c r="N1145" s="40"/>
      <c r="AB1145">
        <v>3.6269242406294309</v>
      </c>
    </row>
    <row r="1146" spans="4:28" x14ac:dyDescent="0.25">
      <c r="D1146" s="40">
        <v>18.965909000000845</v>
      </c>
      <c r="E1146" s="40">
        <v>10.327793449258989</v>
      </c>
      <c r="F1146" s="40">
        <v>18.949999999999989</v>
      </c>
      <c r="G1146" s="40">
        <v>7.9030758177517386</v>
      </c>
      <c r="H1146" s="40">
        <v>18.950000000000003</v>
      </c>
      <c r="I1146" s="40">
        <v>6.5119996891815326</v>
      </c>
      <c r="J1146" s="40">
        <v>18.949992940476299</v>
      </c>
      <c r="K1146" s="40">
        <v>6.7985950806707125</v>
      </c>
      <c r="L1146" s="40"/>
      <c r="M1146" s="40"/>
      <c r="N1146" s="40"/>
      <c r="AB1146">
        <v>3.6354875913777396</v>
      </c>
    </row>
    <row r="1147" spans="4:28" x14ac:dyDescent="0.25">
      <c r="D1147" s="40">
        <v>18.982575000000846</v>
      </c>
      <c r="E1147" s="40">
        <v>10.332494181419413</v>
      </c>
      <c r="F1147" s="40">
        <v>18.966667000000001</v>
      </c>
      <c r="G1147" s="40">
        <v>7.9078310618418346</v>
      </c>
      <c r="H1147" s="40">
        <v>18.966667000000001</v>
      </c>
      <c r="I1147" s="40">
        <v>6.5152538154382942</v>
      </c>
      <c r="J1147" s="40">
        <v>18.966659601190599</v>
      </c>
      <c r="K1147" s="40">
        <v>6.8034461243799447</v>
      </c>
      <c r="L1147" s="40"/>
      <c r="M1147" s="40"/>
      <c r="N1147" s="40"/>
      <c r="AB1147">
        <v>3.6448624619282164</v>
      </c>
    </row>
    <row r="1148" spans="4:28" x14ac:dyDescent="0.25">
      <c r="D1148" s="40">
        <v>18.999241000000847</v>
      </c>
      <c r="E1148" s="40">
        <v>10.342180538598511</v>
      </c>
      <c r="F1148" s="40">
        <v>18.983332999999988</v>
      </c>
      <c r="G1148" s="40">
        <v>7.9125863059320531</v>
      </c>
      <c r="H1148" s="40">
        <v>18.983334000000013</v>
      </c>
      <c r="I1148" s="40">
        <v>6.5186065515817271</v>
      </c>
      <c r="J1148" s="40">
        <v>18.983326261904899</v>
      </c>
      <c r="K1148" s="40">
        <v>6.8082971680890498</v>
      </c>
      <c r="L1148" s="40"/>
      <c r="M1148" s="40"/>
      <c r="N1148" s="40"/>
      <c r="AB1148">
        <v>3.6530139966574984</v>
      </c>
    </row>
    <row r="1149" spans="4:28" x14ac:dyDescent="0.25">
      <c r="D1149" s="40">
        <v>19.015907000000848</v>
      </c>
      <c r="E1149" s="40">
        <v>10.351724449348358</v>
      </c>
      <c r="F1149" s="40">
        <v>19</v>
      </c>
      <c r="G1149" s="40">
        <v>7.9172016899019537</v>
      </c>
      <c r="H1149" s="40">
        <v>19</v>
      </c>
      <c r="I1149" s="40">
        <v>6.5219592877249841</v>
      </c>
      <c r="J1149" s="40">
        <v>18.999992922619199</v>
      </c>
      <c r="K1149" s="40">
        <v>6.8130055340421105</v>
      </c>
      <c r="L1149" s="40"/>
      <c r="M1149" s="40"/>
      <c r="N1149" s="40"/>
      <c r="AB1149">
        <v>3.6603540115846323</v>
      </c>
    </row>
    <row r="1150" spans="4:28" x14ac:dyDescent="0.25">
      <c r="D1150" s="40">
        <v>19.032573000000848</v>
      </c>
      <c r="E1150" s="40">
        <v>10.356567627937906</v>
      </c>
      <c r="F1150" s="40">
        <v>19.016666999999998</v>
      </c>
      <c r="G1150" s="40">
        <v>7.9219569339920497</v>
      </c>
      <c r="H1150" s="40">
        <v>19.016667000000012</v>
      </c>
      <c r="I1150" s="40">
        <v>6.5219592877249841</v>
      </c>
      <c r="J1150" s="40">
        <v>19.016659583333499</v>
      </c>
      <c r="K1150" s="40">
        <v>6.8178565777513427</v>
      </c>
      <c r="L1150" s="40"/>
      <c r="M1150" s="40"/>
      <c r="N1150" s="40"/>
      <c r="AB1150">
        <v>3.6660588746715428</v>
      </c>
    </row>
    <row r="1151" spans="4:28" x14ac:dyDescent="0.25">
      <c r="D1151" s="40">
        <v>19.049239000000849</v>
      </c>
      <c r="E1151" s="40">
        <v>10.366111538687754</v>
      </c>
      <c r="F1151" s="40">
        <v>19.033332999999999</v>
      </c>
      <c r="G1151" s="40">
        <v>7.9267121780822682</v>
      </c>
      <c r="H1151" s="40">
        <v>19.033334000000011</v>
      </c>
      <c r="I1151" s="40">
        <v>6.5252134139817475</v>
      </c>
      <c r="J1151" s="40">
        <v>19.0333262440477</v>
      </c>
      <c r="K1151" s="40">
        <v>6.8227076214604478</v>
      </c>
      <c r="L1151" s="40"/>
      <c r="M1151" s="40"/>
      <c r="N1151" s="40"/>
      <c r="AB1151">
        <v>3.670540401937278</v>
      </c>
    </row>
    <row r="1152" spans="4:28" x14ac:dyDescent="0.25">
      <c r="D1152" s="40">
        <v>19.06590500000085</v>
      </c>
      <c r="E1152" s="40">
        <v>10.375797895866723</v>
      </c>
      <c r="F1152" s="40">
        <v>19.049999999999997</v>
      </c>
      <c r="G1152" s="40">
        <v>7.9313275620521688</v>
      </c>
      <c r="H1152" s="40">
        <v>19.050000000000011</v>
      </c>
      <c r="I1152" s="40">
        <v>6.5285661501250045</v>
      </c>
      <c r="J1152" s="40">
        <v>19.049992904762</v>
      </c>
      <c r="K1152" s="40">
        <v>6.8274159874135085</v>
      </c>
      <c r="L1152" s="40"/>
      <c r="M1152" s="40"/>
      <c r="N1152" s="40"/>
      <c r="AB1152">
        <v>3.6750340414388578</v>
      </c>
    </row>
    <row r="1153" spans="4:28" x14ac:dyDescent="0.25">
      <c r="D1153" s="40">
        <v>19.082571000000851</v>
      </c>
      <c r="E1153" s="40">
        <v>10.38049862802715</v>
      </c>
      <c r="F1153" s="40">
        <v>19.066666999999995</v>
      </c>
      <c r="G1153" s="40">
        <v>7.936082806142263</v>
      </c>
      <c r="H1153" s="40">
        <v>19.06666700000001</v>
      </c>
      <c r="I1153" s="40">
        <v>6.5319188862682624</v>
      </c>
      <c r="J1153" s="40">
        <v>19.0666595654763</v>
      </c>
      <c r="K1153" s="40">
        <v>6.8322670311227398</v>
      </c>
      <c r="L1153" s="40"/>
      <c r="M1153" s="40"/>
      <c r="N1153" s="40"/>
      <c r="AB1153">
        <v>3.6795155687045931</v>
      </c>
    </row>
    <row r="1154" spans="4:28" x14ac:dyDescent="0.25">
      <c r="D1154" s="40">
        <v>19.099237000000851</v>
      </c>
      <c r="E1154" s="40">
        <v>10.390184985206247</v>
      </c>
      <c r="F1154" s="40">
        <v>19.083332999999996</v>
      </c>
      <c r="G1154" s="40">
        <v>7.9408380502324833</v>
      </c>
      <c r="H1154" s="40">
        <v>19.083334000000008</v>
      </c>
      <c r="I1154" s="40">
        <v>6.535173012525024</v>
      </c>
      <c r="J1154" s="40">
        <v>19.0833262261906</v>
      </c>
      <c r="K1154" s="40">
        <v>6.8371180748318459</v>
      </c>
      <c r="L1154" s="40"/>
      <c r="M1154" s="40"/>
      <c r="N1154" s="40"/>
      <c r="AB1154">
        <v>3.6848086157724969</v>
      </c>
    </row>
    <row r="1155" spans="4:28" x14ac:dyDescent="0.25">
      <c r="D1155" s="40">
        <v>19.115903000000852</v>
      </c>
      <c r="E1155" s="40">
        <v>10.394885717366545</v>
      </c>
      <c r="F1155" s="40">
        <v>19.099999999999994</v>
      </c>
      <c r="G1155" s="40">
        <v>7.9454534342023839</v>
      </c>
      <c r="H1155" s="40">
        <v>19.100000000000009</v>
      </c>
      <c r="I1155" s="40">
        <v>6.5385257486684569</v>
      </c>
      <c r="J1155" s="40">
        <v>19.0999928869049</v>
      </c>
      <c r="K1155" s="40">
        <v>6.8418264407849056</v>
      </c>
      <c r="L1155" s="40"/>
      <c r="M1155" s="40"/>
      <c r="N1155" s="40"/>
      <c r="AB1155">
        <v>3.6909252948784346</v>
      </c>
    </row>
    <row r="1156" spans="4:28" x14ac:dyDescent="0.25">
      <c r="D1156" s="40">
        <v>19.132569000000853</v>
      </c>
      <c r="E1156" s="40">
        <v>10.404572074545641</v>
      </c>
      <c r="F1156" s="40">
        <v>19.116666999999993</v>
      </c>
      <c r="G1156" s="40">
        <v>7.9502086782926025</v>
      </c>
      <c r="H1156" s="40">
        <v>19.116667000000007</v>
      </c>
      <c r="I1156" s="40">
        <v>6.541878484811714</v>
      </c>
      <c r="J1156" s="40">
        <v>19.1166595476192</v>
      </c>
      <c r="K1156" s="40">
        <v>6.8418264407849056</v>
      </c>
      <c r="L1156" s="40"/>
      <c r="M1156" s="40"/>
      <c r="N1156" s="40"/>
      <c r="AB1156">
        <v>3.6966301579653451</v>
      </c>
    </row>
    <row r="1157" spans="4:28" x14ac:dyDescent="0.25">
      <c r="D1157" s="40">
        <v>19.149235000000854</v>
      </c>
      <c r="E1157" s="40">
        <v>10.414115985295489</v>
      </c>
      <c r="F1157" s="40">
        <v>19.133332999999993</v>
      </c>
      <c r="G1157" s="40">
        <v>7.9549639223826967</v>
      </c>
      <c r="H1157" s="40">
        <v>19.133334000000005</v>
      </c>
      <c r="I1157" s="40">
        <v>6.5451326110684773</v>
      </c>
      <c r="J1157" s="40">
        <v>19.1333262083335</v>
      </c>
      <c r="K1157" s="40">
        <v>6.8466774844941378</v>
      </c>
      <c r="L1157" s="40"/>
      <c r="M1157" s="40"/>
      <c r="N1157" s="40"/>
      <c r="AB1157">
        <v>3.7031586530903113</v>
      </c>
    </row>
    <row r="1158" spans="4:28" x14ac:dyDescent="0.25">
      <c r="D1158" s="40">
        <v>19.165901000000854</v>
      </c>
      <c r="E1158" s="40">
        <v>10.418959163885038</v>
      </c>
      <c r="F1158" s="40">
        <v>19.149999999999991</v>
      </c>
      <c r="G1158" s="40">
        <v>7.9595793063525972</v>
      </c>
      <c r="H1158" s="40">
        <v>19.150000000000006</v>
      </c>
      <c r="I1158" s="40">
        <v>6.5484853472117344</v>
      </c>
      <c r="J1158" s="40">
        <v>19.149992869047701</v>
      </c>
      <c r="K1158" s="40">
        <v>6.8515285282033709</v>
      </c>
      <c r="L1158" s="40"/>
      <c r="M1158" s="40"/>
      <c r="N1158" s="40"/>
      <c r="AB1158">
        <v>3.708863516177221</v>
      </c>
    </row>
    <row r="1159" spans="4:28" x14ac:dyDescent="0.25">
      <c r="D1159" s="40">
        <v>19.182567000000855</v>
      </c>
      <c r="E1159" s="40">
        <v>10.428503074634886</v>
      </c>
      <c r="F1159" s="40">
        <v>19.16666699999999</v>
      </c>
      <c r="G1159" s="40">
        <v>7.9643345504428167</v>
      </c>
      <c r="H1159" s="40">
        <v>19.166667000000004</v>
      </c>
      <c r="I1159" s="40">
        <v>6.5518380833551673</v>
      </c>
      <c r="J1159" s="40">
        <v>19.166659529762001</v>
      </c>
      <c r="K1159" s="40">
        <v>6.8562368941563037</v>
      </c>
      <c r="L1159" s="40"/>
      <c r="M1159" s="40"/>
      <c r="N1159" s="40"/>
      <c r="AB1159">
        <v>3.7137568594619625</v>
      </c>
    </row>
    <row r="1160" spans="4:28" x14ac:dyDescent="0.25">
      <c r="D1160" s="40">
        <v>19.199233000000856</v>
      </c>
      <c r="E1160" s="40">
        <v>10.438046985384858</v>
      </c>
      <c r="F1160" s="40">
        <v>19.18333299999999</v>
      </c>
      <c r="G1160" s="40">
        <v>7.9690897945329118</v>
      </c>
      <c r="H1160" s="40">
        <v>19.183334000000002</v>
      </c>
      <c r="I1160" s="40">
        <v>6.5550922096117556</v>
      </c>
      <c r="J1160" s="40">
        <v>19.183326190476301</v>
      </c>
      <c r="K1160" s="40">
        <v>6.8610879378655358</v>
      </c>
      <c r="L1160" s="40"/>
      <c r="M1160" s="40"/>
      <c r="N1160" s="40"/>
      <c r="AB1160">
        <v>3.7182383867276987</v>
      </c>
    </row>
    <row r="1161" spans="4:28" x14ac:dyDescent="0.25">
      <c r="D1161" s="40">
        <v>19.215899000000856</v>
      </c>
      <c r="E1161" s="40">
        <v>10.44289016397428</v>
      </c>
      <c r="F1161" s="40">
        <v>19.199999999999989</v>
      </c>
      <c r="G1161" s="40">
        <v>7.9737051785028124</v>
      </c>
      <c r="H1161" s="40">
        <v>19.200000000000003</v>
      </c>
      <c r="I1161" s="40">
        <v>6.5584449457551868</v>
      </c>
      <c r="J1161" s="40">
        <v>19.199992851190601</v>
      </c>
      <c r="K1161" s="40">
        <v>6.8610879378655358</v>
      </c>
      <c r="L1161" s="40"/>
      <c r="M1161" s="40"/>
      <c r="N1161" s="40"/>
      <c r="AB1161">
        <v>3.7223202102102717</v>
      </c>
    </row>
    <row r="1162" spans="4:28" x14ac:dyDescent="0.25">
      <c r="D1162" s="40">
        <v>19.232565000000857</v>
      </c>
      <c r="E1162" s="40">
        <v>10.447733342563829</v>
      </c>
      <c r="F1162" s="40">
        <v>19.216667000000001</v>
      </c>
      <c r="G1162" s="40">
        <v>7.9784604225930318</v>
      </c>
      <c r="H1162" s="40">
        <v>19.216667000000001</v>
      </c>
      <c r="I1162" s="40">
        <v>6.5617976818984438</v>
      </c>
      <c r="J1162" s="40">
        <v>19.216659511904901</v>
      </c>
      <c r="K1162" s="40">
        <v>6.8659389815747689</v>
      </c>
      <c r="L1162" s="40"/>
      <c r="M1162" s="40"/>
      <c r="N1162" s="40"/>
      <c r="AB1162">
        <v>3.7263899214570011</v>
      </c>
    </row>
    <row r="1163" spans="4:28" x14ac:dyDescent="0.25">
      <c r="D1163" s="40">
        <v>19.249231000000858</v>
      </c>
      <c r="E1163" s="40">
        <v>10.452434074724255</v>
      </c>
      <c r="F1163" s="40">
        <v>19.233332999999988</v>
      </c>
      <c r="G1163" s="40">
        <v>7.9832156666831269</v>
      </c>
      <c r="H1163" s="40">
        <v>19.233334000000013</v>
      </c>
      <c r="I1163" s="40">
        <v>6.5650518081552072</v>
      </c>
      <c r="J1163" s="40">
        <v>19.233326172619201</v>
      </c>
      <c r="K1163" s="40">
        <v>6.8706473475277017</v>
      </c>
      <c r="L1163" s="40"/>
      <c r="M1163" s="40"/>
      <c r="N1163" s="40"/>
      <c r="AB1163">
        <v>3.7304717449395746</v>
      </c>
    </row>
    <row r="1164" spans="4:28" x14ac:dyDescent="0.25">
      <c r="D1164" s="40">
        <v>19.265897000000859</v>
      </c>
      <c r="E1164" s="40">
        <v>10.457277253313677</v>
      </c>
      <c r="F1164" s="40">
        <v>19.25</v>
      </c>
      <c r="G1164" s="40">
        <v>7.9878310506530275</v>
      </c>
      <c r="H1164" s="40">
        <v>19.25</v>
      </c>
      <c r="I1164" s="40">
        <v>6.5684045442984651</v>
      </c>
      <c r="J1164" s="40">
        <v>19.249992833333501</v>
      </c>
      <c r="K1164" s="40">
        <v>6.8754983912369338</v>
      </c>
      <c r="L1164" s="40"/>
      <c r="M1164" s="40"/>
      <c r="N1164" s="40"/>
      <c r="AB1164">
        <v>3.7345414561862822</v>
      </c>
    </row>
    <row r="1165" spans="4:28" x14ac:dyDescent="0.25">
      <c r="D1165" s="40">
        <v>19.282563000000859</v>
      </c>
      <c r="E1165" s="40">
        <v>10.462120431903225</v>
      </c>
      <c r="F1165" s="40">
        <v>19.266666999999998</v>
      </c>
      <c r="G1165" s="40">
        <v>7.9925862947432469</v>
      </c>
      <c r="H1165" s="40">
        <v>19.266667000000012</v>
      </c>
      <c r="I1165" s="40">
        <v>6.5717572804418971</v>
      </c>
      <c r="J1165" s="40">
        <v>19.266659494047701</v>
      </c>
      <c r="K1165" s="40">
        <v>6.8803494349461669</v>
      </c>
      <c r="L1165" s="40"/>
      <c r="M1165" s="40"/>
      <c r="N1165" s="40"/>
      <c r="AB1165">
        <v>3.7390350956878615</v>
      </c>
    </row>
    <row r="1166" spans="4:28" x14ac:dyDescent="0.25">
      <c r="D1166" s="40">
        <v>19.29922900000086</v>
      </c>
      <c r="E1166" s="40">
        <v>10.466821164063649</v>
      </c>
      <c r="F1166" s="40">
        <v>19.283332999999999</v>
      </c>
      <c r="G1166" s="40">
        <v>7.9973415388334654</v>
      </c>
      <c r="H1166" s="40">
        <v>19.283334000000011</v>
      </c>
      <c r="I1166" s="40">
        <v>6.5750114066986605</v>
      </c>
      <c r="J1166" s="40">
        <v>19.283326154762001</v>
      </c>
      <c r="K1166" s="40">
        <v>6.8803494349461669</v>
      </c>
      <c r="L1166" s="40"/>
      <c r="M1166" s="40"/>
      <c r="N1166" s="40"/>
      <c r="AB1166">
        <v>3.7431048069345905</v>
      </c>
    </row>
    <row r="1167" spans="4:28" x14ac:dyDescent="0.25">
      <c r="D1167" s="40">
        <v>19.315895000000861</v>
      </c>
      <c r="E1167" s="40">
        <v>10.471664342653071</v>
      </c>
      <c r="F1167" s="40">
        <v>19.299999999999997</v>
      </c>
      <c r="G1167" s="40">
        <v>7.9973415388334654</v>
      </c>
      <c r="H1167" s="40">
        <v>19.300000000000011</v>
      </c>
      <c r="I1167" s="40">
        <v>6.5750114066986605</v>
      </c>
      <c r="J1167" s="40">
        <v>19.299992815476301</v>
      </c>
      <c r="K1167" s="40">
        <v>6.8850578008992267</v>
      </c>
      <c r="L1167" s="40"/>
      <c r="M1167" s="40"/>
      <c r="N1167" s="40"/>
      <c r="AB1167">
        <v>3.7471866304171639</v>
      </c>
    </row>
    <row r="1168" spans="4:28" x14ac:dyDescent="0.25">
      <c r="D1168" s="40">
        <v>19.332561000000862</v>
      </c>
      <c r="E1168" s="40">
        <v>10.47650752124262</v>
      </c>
      <c r="F1168" s="40">
        <v>19.316666999999995</v>
      </c>
      <c r="G1168" s="40">
        <v>8.0019569228032417</v>
      </c>
      <c r="H1168" s="40">
        <v>19.31666700000001</v>
      </c>
      <c r="I1168" s="40">
        <v>6.5783641428419166</v>
      </c>
      <c r="J1168" s="40">
        <v>19.316659476190601</v>
      </c>
      <c r="K1168" s="40">
        <v>6.8899088446083319</v>
      </c>
      <c r="L1168" s="40"/>
      <c r="M1168" s="40"/>
      <c r="N1168" s="40"/>
      <c r="AB1168">
        <v>3.7516681576828996</v>
      </c>
    </row>
    <row r="1169" spans="4:28" x14ac:dyDescent="0.25">
      <c r="D1169" s="40">
        <v>19.349227000000862</v>
      </c>
      <c r="E1169" s="40">
        <v>10.47650752124262</v>
      </c>
      <c r="F1169" s="40">
        <v>19.333332999999996</v>
      </c>
      <c r="G1169" s="40">
        <v>8.0067121668934611</v>
      </c>
      <c r="H1169" s="40">
        <v>19.333334000000008</v>
      </c>
      <c r="I1169" s="40">
        <v>6.5817168789851745</v>
      </c>
      <c r="J1169" s="40">
        <v>19.333326136904901</v>
      </c>
      <c r="K1169" s="40">
        <v>6.894759888317564</v>
      </c>
      <c r="L1169" s="40"/>
      <c r="M1169" s="40"/>
      <c r="N1169" s="40"/>
      <c r="AB1169">
        <v>3.7561496849486349</v>
      </c>
    </row>
    <row r="1170" spans="4:28" x14ac:dyDescent="0.25">
      <c r="D1170" s="40">
        <v>19.365893000000863</v>
      </c>
      <c r="E1170" s="40">
        <v>10.481208253403045</v>
      </c>
      <c r="F1170" s="40">
        <v>19.349999999999994</v>
      </c>
      <c r="G1170" s="40">
        <v>8.0114674109836805</v>
      </c>
      <c r="H1170" s="40">
        <v>19.350000000000009</v>
      </c>
      <c r="I1170" s="40">
        <v>6.584971005241937</v>
      </c>
      <c r="J1170" s="40">
        <v>19.349992797619201</v>
      </c>
      <c r="K1170" s="40">
        <v>6.894759888317564</v>
      </c>
      <c r="L1170" s="40"/>
      <c r="M1170" s="40"/>
      <c r="N1170" s="40"/>
      <c r="AB1170">
        <v>3.7602315084312083</v>
      </c>
    </row>
    <row r="1171" spans="4:28" x14ac:dyDescent="0.25">
      <c r="D1171" s="40">
        <v>19.382559000000864</v>
      </c>
      <c r="E1171" s="40">
        <v>10.486051431992594</v>
      </c>
      <c r="F1171" s="40">
        <v>19.366666999999993</v>
      </c>
      <c r="G1171" s="40">
        <v>8.0208380390436744</v>
      </c>
      <c r="H1171" s="40">
        <v>19.366667000000007</v>
      </c>
      <c r="I1171" s="40">
        <v>6.5883237413851949</v>
      </c>
      <c r="J1171" s="40">
        <v>19.366659458333501</v>
      </c>
      <c r="K1171" s="40">
        <v>6.8994682542706247</v>
      </c>
      <c r="L1171" s="40"/>
      <c r="M1171" s="40"/>
      <c r="N1171" s="40"/>
      <c r="AB1171">
        <v>3.764713035696944</v>
      </c>
    </row>
    <row r="1172" spans="4:28" x14ac:dyDescent="0.25">
      <c r="D1172" s="40">
        <v>19.399225000000865</v>
      </c>
      <c r="E1172" s="40">
        <v>10.486051431992594</v>
      </c>
      <c r="F1172" s="40">
        <v>19.383332999999993</v>
      </c>
      <c r="G1172" s="40">
        <v>8.0255932831338939</v>
      </c>
      <c r="H1172" s="40">
        <v>19.383334000000005</v>
      </c>
      <c r="I1172" s="40">
        <v>6.591676477528627</v>
      </c>
      <c r="J1172" s="40">
        <v>19.383326119047702</v>
      </c>
      <c r="K1172" s="40">
        <v>6.8994682542706247</v>
      </c>
      <c r="L1172" s="40"/>
      <c r="M1172" s="40"/>
      <c r="N1172" s="40"/>
      <c r="AB1172">
        <v>3.7687948591795175</v>
      </c>
    </row>
    <row r="1173" spans="4:28" x14ac:dyDescent="0.25">
      <c r="D1173" s="40">
        <v>19.415891000000865</v>
      </c>
      <c r="E1173" s="40">
        <v>10.490894610582016</v>
      </c>
      <c r="F1173" s="40">
        <v>19.399999999999991</v>
      </c>
      <c r="G1173" s="40">
        <v>8.0302086671037944</v>
      </c>
      <c r="H1173" s="40">
        <v>19.400000000000006</v>
      </c>
      <c r="I1173" s="40">
        <v>6.5950292136718849</v>
      </c>
      <c r="J1173" s="40">
        <v>19.399992779762002</v>
      </c>
      <c r="K1173" s="40">
        <v>6.9043192979797299</v>
      </c>
      <c r="L1173" s="40"/>
      <c r="M1173" s="40"/>
      <c r="N1173" s="40"/>
      <c r="AB1173">
        <v>3.7732763864452528</v>
      </c>
    </row>
    <row r="1174" spans="4:28" x14ac:dyDescent="0.25">
      <c r="D1174" s="40">
        <v>19.432557000000866</v>
      </c>
      <c r="E1174" s="40">
        <v>10.495595342742442</v>
      </c>
      <c r="F1174" s="40">
        <v>19.41666699999999</v>
      </c>
      <c r="G1174" s="40">
        <v>8.0349639111938895</v>
      </c>
      <c r="H1174" s="40">
        <v>19.416667000000004</v>
      </c>
      <c r="I1174" s="40">
        <v>6.5982833399286465</v>
      </c>
      <c r="J1174" s="40">
        <v>19.416659440476302</v>
      </c>
      <c r="K1174" s="40">
        <v>6.9043192979797299</v>
      </c>
      <c r="L1174" s="40"/>
      <c r="M1174" s="40"/>
      <c r="N1174" s="40"/>
      <c r="AB1174">
        <v>3.7773460976919604</v>
      </c>
    </row>
    <row r="1175" spans="4:28" x14ac:dyDescent="0.25">
      <c r="D1175" s="40">
        <v>19.449223000000867</v>
      </c>
      <c r="E1175" s="40">
        <v>10.50043852133199</v>
      </c>
      <c r="F1175" s="40">
        <v>19.43333299999999</v>
      </c>
      <c r="G1175" s="40">
        <v>8.0349639111938895</v>
      </c>
      <c r="H1175" s="40">
        <v>19.433334000000002</v>
      </c>
      <c r="I1175" s="40">
        <v>6.6016360760719044</v>
      </c>
      <c r="J1175" s="40">
        <v>19.433326101190602</v>
      </c>
      <c r="K1175" s="40">
        <v>6.909170341688962</v>
      </c>
      <c r="L1175" s="40"/>
      <c r="M1175" s="40"/>
      <c r="N1175" s="40"/>
      <c r="AB1175">
        <v>3.7814279211745343</v>
      </c>
    </row>
    <row r="1176" spans="4:28" x14ac:dyDescent="0.25">
      <c r="D1176" s="40">
        <v>19.465889000000868</v>
      </c>
      <c r="E1176" s="40">
        <v>10.505281699921413</v>
      </c>
      <c r="F1176" s="40">
        <v>19.449999999999989</v>
      </c>
      <c r="G1176" s="40">
        <v>8.039719155284109</v>
      </c>
      <c r="H1176" s="40">
        <v>19.450000000000003</v>
      </c>
      <c r="I1176" s="40">
        <v>6.6049888122153364</v>
      </c>
      <c r="J1176" s="40">
        <v>19.449992761904898</v>
      </c>
      <c r="K1176" s="40">
        <v>6.9138787076420218</v>
      </c>
      <c r="L1176" s="40"/>
      <c r="M1176" s="40"/>
      <c r="N1176" s="40"/>
      <c r="AB1176">
        <v>3.7859094484402696</v>
      </c>
    </row>
    <row r="1177" spans="4:28" x14ac:dyDescent="0.25">
      <c r="D1177" s="40">
        <v>19.482555000000868</v>
      </c>
      <c r="E1177" s="40">
        <v>10.509982432081836</v>
      </c>
      <c r="F1177" s="40">
        <v>19.466667000000001</v>
      </c>
      <c r="G1177" s="40">
        <v>8.0443345392540095</v>
      </c>
      <c r="H1177" s="40">
        <v>19.466667000000001</v>
      </c>
      <c r="I1177" s="40">
        <v>6.6082429384720998</v>
      </c>
      <c r="J1177" s="40">
        <v>19.466659422619198</v>
      </c>
      <c r="K1177" s="40">
        <v>6.9138787076420218</v>
      </c>
      <c r="L1177" s="40"/>
      <c r="M1177" s="40"/>
      <c r="N1177" s="40"/>
      <c r="AB1177">
        <v>3.7899912719228426</v>
      </c>
    </row>
    <row r="1178" spans="4:28" x14ac:dyDescent="0.25">
      <c r="D1178" s="40">
        <v>19.499221000000869</v>
      </c>
      <c r="E1178" s="40">
        <v>10.509982432081836</v>
      </c>
      <c r="F1178" s="40">
        <v>19.483332999999988</v>
      </c>
      <c r="G1178" s="40">
        <v>8.0443345392540095</v>
      </c>
      <c r="H1178" s="40">
        <v>19.483334000000013</v>
      </c>
      <c r="I1178" s="40">
        <v>6.6115956746153568</v>
      </c>
      <c r="J1178" s="40">
        <v>19.483326083333498</v>
      </c>
      <c r="K1178" s="40">
        <v>6.918729751351127</v>
      </c>
      <c r="L1178" s="40"/>
      <c r="M1178" s="40"/>
      <c r="N1178" s="40"/>
      <c r="AB1178">
        <v>3.794060983169572</v>
      </c>
    </row>
    <row r="1179" spans="4:28" x14ac:dyDescent="0.25">
      <c r="D1179" s="40">
        <v>19.51588700000087</v>
      </c>
      <c r="E1179" s="40">
        <v>10.514825610671386</v>
      </c>
      <c r="F1179" s="40">
        <v>19.5</v>
      </c>
      <c r="G1179" s="40">
        <v>8.0490897833441046</v>
      </c>
      <c r="H1179" s="40">
        <v>19.5</v>
      </c>
      <c r="I1179" s="40">
        <v>6.6149484107586147</v>
      </c>
      <c r="J1179" s="40">
        <v>19.499992744047699</v>
      </c>
      <c r="K1179" s="40">
        <v>6.9235807950603601</v>
      </c>
      <c r="L1179" s="40"/>
      <c r="M1179" s="40"/>
      <c r="N1179" s="40"/>
      <c r="AB1179">
        <v>3.7977309906331178</v>
      </c>
    </row>
    <row r="1180" spans="4:28" x14ac:dyDescent="0.25">
      <c r="D1180" s="40">
        <v>19.53255300000087</v>
      </c>
      <c r="E1180" s="40">
        <v>10.519668789260807</v>
      </c>
      <c r="F1180" s="40">
        <v>19.516666999999998</v>
      </c>
      <c r="G1180" s="40">
        <v>8.0490897833441046</v>
      </c>
      <c r="H1180" s="40">
        <v>19.516667000000012</v>
      </c>
      <c r="I1180" s="40">
        <v>6.6182025370153772</v>
      </c>
      <c r="J1180" s="40">
        <v>19.516659404761999</v>
      </c>
      <c r="K1180" s="40">
        <v>6.9235807950603601</v>
      </c>
      <c r="L1180" s="40"/>
      <c r="M1180" s="40"/>
      <c r="N1180" s="40"/>
      <c r="AB1180">
        <v>3.8018128141156913</v>
      </c>
    </row>
    <row r="1181" spans="4:28" x14ac:dyDescent="0.25">
      <c r="D1181" s="40">
        <v>19.549219000000871</v>
      </c>
      <c r="E1181" s="40">
        <v>10.524369521421233</v>
      </c>
      <c r="F1181" s="40">
        <v>19.533332999999999</v>
      </c>
      <c r="G1181" s="40">
        <v>8.0538450274343241</v>
      </c>
      <c r="H1181" s="40">
        <v>19.533334000000011</v>
      </c>
      <c r="I1181" s="40">
        <v>6.6215552731586342</v>
      </c>
      <c r="J1181" s="40">
        <v>19.533326065476299</v>
      </c>
      <c r="K1181" s="40">
        <v>6.9282891610134199</v>
      </c>
      <c r="L1181" s="40"/>
      <c r="M1181" s="40"/>
      <c r="N1181" s="40"/>
      <c r="AB1181">
        <v>3.8054828215792584</v>
      </c>
    </row>
    <row r="1182" spans="4:28" x14ac:dyDescent="0.25">
      <c r="D1182" s="40">
        <v>19.565885000000872</v>
      </c>
      <c r="E1182" s="40">
        <v>10.524369521421233</v>
      </c>
      <c r="F1182" s="40">
        <v>19.549999999999997</v>
      </c>
      <c r="G1182" s="40">
        <v>8.0586002715245435</v>
      </c>
      <c r="H1182" s="40">
        <v>19.550000000000011</v>
      </c>
      <c r="I1182" s="40">
        <v>6.6249080093020662</v>
      </c>
      <c r="J1182" s="40">
        <v>19.549992726190599</v>
      </c>
      <c r="K1182" s="40">
        <v>6.933140204722652</v>
      </c>
      <c r="L1182" s="40"/>
      <c r="M1182" s="40"/>
      <c r="N1182" s="40"/>
      <c r="AB1182">
        <v>3.8095525328259661</v>
      </c>
    </row>
    <row r="1183" spans="4:28" x14ac:dyDescent="0.25">
      <c r="D1183" s="40">
        <v>19.582551000000873</v>
      </c>
      <c r="E1183" s="40">
        <v>10.524369521421233</v>
      </c>
      <c r="F1183" s="40">
        <v>19.566666999999995</v>
      </c>
      <c r="G1183" s="40">
        <v>8.0632156554943197</v>
      </c>
      <c r="H1183" s="40">
        <v>19.56666700000001</v>
      </c>
      <c r="I1183" s="40">
        <v>6.6281621355588296</v>
      </c>
      <c r="J1183" s="40">
        <v>19.566659386904899</v>
      </c>
      <c r="K1183" s="40">
        <v>6.9379912484317581</v>
      </c>
      <c r="L1183" s="40"/>
      <c r="M1183" s="40"/>
      <c r="N1183" s="40"/>
      <c r="AB1183">
        <v>3.8132225402895328</v>
      </c>
    </row>
    <row r="1184" spans="4:28" x14ac:dyDescent="0.25">
      <c r="D1184" s="40">
        <v>19.599217000000873</v>
      </c>
      <c r="E1184" s="40">
        <v>10.529212700010781</v>
      </c>
      <c r="F1184" s="40">
        <v>19.583332999999996</v>
      </c>
      <c r="G1184" s="40">
        <v>8.0727261436747586</v>
      </c>
      <c r="H1184" s="40">
        <v>19.583334000000008</v>
      </c>
      <c r="I1184" s="40">
        <v>6.6315148717020866</v>
      </c>
      <c r="J1184" s="40">
        <v>19.583326047619199</v>
      </c>
      <c r="K1184" s="40">
        <v>6.9379912484317581</v>
      </c>
      <c r="L1184" s="40"/>
      <c r="M1184" s="40"/>
      <c r="N1184" s="40"/>
      <c r="AB1184">
        <v>3.8168925477530999</v>
      </c>
    </row>
    <row r="1185" spans="4:28" x14ac:dyDescent="0.25">
      <c r="D1185" s="40">
        <v>19.615883000000874</v>
      </c>
      <c r="E1185" s="40">
        <v>10.529212700010781</v>
      </c>
      <c r="F1185" s="40">
        <v>19.599999999999994</v>
      </c>
      <c r="G1185" s="40">
        <v>8.0773415276446592</v>
      </c>
      <c r="H1185" s="40">
        <v>19.600000000000009</v>
      </c>
      <c r="I1185" s="40">
        <v>6.6348676078453446</v>
      </c>
      <c r="J1185" s="40">
        <v>19.599992708333499</v>
      </c>
      <c r="K1185" s="40">
        <v>6.9426996143848179</v>
      </c>
      <c r="L1185" s="40"/>
      <c r="M1185" s="40"/>
      <c r="N1185" s="40"/>
      <c r="AB1185">
        <v>3.8205625552166458</v>
      </c>
    </row>
    <row r="1186" spans="4:28" x14ac:dyDescent="0.25">
      <c r="D1186" s="40">
        <v>19.632549000000875</v>
      </c>
      <c r="E1186" s="40">
        <v>10.534055878600331</v>
      </c>
      <c r="F1186" s="40">
        <v>19.616666999999993</v>
      </c>
      <c r="G1186" s="40">
        <v>8.0820967717347525</v>
      </c>
      <c r="H1186" s="40">
        <v>19.616667000000007</v>
      </c>
      <c r="I1186" s="40">
        <v>6.6381217341021079</v>
      </c>
      <c r="J1186" s="40">
        <v>19.616659369047699</v>
      </c>
      <c r="K1186" s="40">
        <v>6.94755065809405</v>
      </c>
      <c r="L1186" s="40"/>
      <c r="M1186" s="40"/>
      <c r="N1186" s="40"/>
      <c r="AB1186">
        <v>3.8242325626802125</v>
      </c>
    </row>
    <row r="1187" spans="4:28" x14ac:dyDescent="0.25">
      <c r="D1187" s="40">
        <v>19.649215000000876</v>
      </c>
      <c r="E1187" s="40">
        <v>10.538899057189752</v>
      </c>
      <c r="F1187" s="40">
        <v>19.633332999999993</v>
      </c>
      <c r="G1187" s="40">
        <v>8.0868520158249719</v>
      </c>
      <c r="H1187" s="40">
        <v>19.633334000000005</v>
      </c>
      <c r="I1187" s="40">
        <v>6.6414744702455391</v>
      </c>
      <c r="J1187" s="40">
        <v>19.633326029761999</v>
      </c>
      <c r="K1187" s="40">
        <v>6.9524017018031561</v>
      </c>
      <c r="L1187" s="40"/>
      <c r="M1187" s="40"/>
      <c r="N1187" s="40"/>
      <c r="AB1187">
        <v>3.8274907541247516</v>
      </c>
    </row>
    <row r="1188" spans="4:28" x14ac:dyDescent="0.25">
      <c r="D1188" s="40">
        <v>19.665881000000876</v>
      </c>
      <c r="E1188" s="40">
        <v>10.543599789350177</v>
      </c>
      <c r="F1188" s="40">
        <v>19.649999999999991</v>
      </c>
      <c r="G1188" s="40">
        <v>8.0914673997948725</v>
      </c>
      <c r="H1188" s="40">
        <v>19.650000000000006</v>
      </c>
      <c r="I1188" s="40">
        <v>6.6480813326455594</v>
      </c>
      <c r="J1188" s="40">
        <v>19.649992690476299</v>
      </c>
      <c r="K1188" s="40">
        <v>6.9524017018031561</v>
      </c>
      <c r="L1188" s="40"/>
      <c r="M1188" s="40"/>
      <c r="N1188" s="40"/>
      <c r="AB1188">
        <v>3.8311607615883188</v>
      </c>
    </row>
    <row r="1189" spans="4:28" x14ac:dyDescent="0.25">
      <c r="D1189" s="40">
        <v>19.682547000000877</v>
      </c>
      <c r="E1189" s="40">
        <v>10.548442967939724</v>
      </c>
      <c r="F1189" s="40">
        <v>19.66666699999999</v>
      </c>
      <c r="G1189" s="40">
        <v>8.0962226438849676</v>
      </c>
      <c r="H1189" s="40">
        <v>19.666667000000004</v>
      </c>
      <c r="I1189" s="40">
        <v>6.6514340687888174</v>
      </c>
      <c r="J1189" s="40">
        <v>19.666659351190599</v>
      </c>
      <c r="K1189" s="40">
        <v>6.957110067756215</v>
      </c>
      <c r="L1189" s="40"/>
      <c r="M1189" s="40"/>
      <c r="N1189" s="40"/>
      <c r="AB1189">
        <v>3.8344189530328578</v>
      </c>
    </row>
    <row r="1190" spans="4:28" x14ac:dyDescent="0.25">
      <c r="D1190" s="40">
        <v>19.699213000000878</v>
      </c>
      <c r="E1190" s="40">
        <v>10.557986878689572</v>
      </c>
      <c r="F1190" s="40">
        <v>19.68333299999999</v>
      </c>
      <c r="G1190" s="40">
        <v>8.100977887975187</v>
      </c>
      <c r="H1190" s="40">
        <v>19.683334000000002</v>
      </c>
      <c r="I1190" s="40">
        <v>6.6547868049320744</v>
      </c>
      <c r="J1190" s="40">
        <v>19.683326011904899</v>
      </c>
      <c r="K1190" s="40">
        <v>6.961961111465448</v>
      </c>
      <c r="L1190" s="40"/>
      <c r="M1190" s="40"/>
      <c r="N1190" s="40"/>
      <c r="AB1190">
        <v>3.8380889604964255</v>
      </c>
    </row>
    <row r="1191" spans="4:28" x14ac:dyDescent="0.25">
      <c r="D1191" s="40">
        <v>19.715879000000879</v>
      </c>
      <c r="E1191" s="40">
        <v>10.562830057279122</v>
      </c>
      <c r="F1191" s="40">
        <v>19.699999999999989</v>
      </c>
      <c r="G1191" s="40">
        <v>8.1055932719450876</v>
      </c>
      <c r="H1191" s="40">
        <v>19.700000000000003</v>
      </c>
      <c r="I1191" s="40">
        <v>6.6580409311888378</v>
      </c>
      <c r="J1191" s="40">
        <v>19.699992672619199</v>
      </c>
      <c r="K1191" s="40">
        <v>6.9668121551745541</v>
      </c>
      <c r="L1191" s="40"/>
      <c r="M1191" s="40"/>
      <c r="N1191" s="40"/>
      <c r="AB1191">
        <v>3.8413471519409645</v>
      </c>
    </row>
    <row r="1192" spans="4:28" x14ac:dyDescent="0.25">
      <c r="D1192" s="40">
        <v>19.732545000000879</v>
      </c>
      <c r="E1192" s="40">
        <v>10.567673235868543</v>
      </c>
      <c r="F1192" s="40">
        <v>19.716667000000001</v>
      </c>
      <c r="G1192" s="40">
        <v>8.1151037601254021</v>
      </c>
      <c r="H1192" s="40">
        <v>19.716667000000001</v>
      </c>
      <c r="I1192" s="40">
        <v>6.6613936673322698</v>
      </c>
      <c r="J1192" s="40">
        <v>19.716659333333499</v>
      </c>
      <c r="K1192" s="40">
        <v>6.9668121551745541</v>
      </c>
      <c r="L1192" s="40"/>
      <c r="M1192" s="40"/>
      <c r="N1192" s="40"/>
      <c r="AB1192">
        <v>3.8446174556213699</v>
      </c>
    </row>
    <row r="1193" spans="4:28" x14ac:dyDescent="0.25">
      <c r="D1193" s="40">
        <v>19.74921100000088</v>
      </c>
      <c r="E1193" s="40">
        <v>10.57237396802897</v>
      </c>
      <c r="F1193" s="40">
        <v>19.733332999999988</v>
      </c>
      <c r="G1193" s="40">
        <v>8.1197191440953027</v>
      </c>
      <c r="H1193" s="40">
        <v>19.733334000000013</v>
      </c>
      <c r="I1193" s="40">
        <v>6.6647464034755268</v>
      </c>
      <c r="J1193" s="40">
        <v>19.7333259940477</v>
      </c>
      <c r="K1193" s="40">
        <v>6.9716631988837854</v>
      </c>
      <c r="L1193" s="40"/>
      <c r="M1193" s="40"/>
      <c r="N1193" s="40"/>
      <c r="AB1193">
        <v>3.847875647065909</v>
      </c>
    </row>
    <row r="1194" spans="4:28" x14ac:dyDescent="0.25">
      <c r="D1194" s="40">
        <v>19.765877000000881</v>
      </c>
      <c r="E1194" s="40">
        <v>10.577217146618516</v>
      </c>
      <c r="F1194" s="40">
        <v>19.75</v>
      </c>
      <c r="G1194" s="40">
        <v>8.124474388185396</v>
      </c>
      <c r="H1194" s="40">
        <v>19.75</v>
      </c>
      <c r="I1194" s="40">
        <v>6.6680005297322893</v>
      </c>
      <c r="J1194" s="40">
        <v>19.749992654762</v>
      </c>
      <c r="K1194" s="40">
        <v>6.9763715648368461</v>
      </c>
      <c r="L1194" s="40"/>
      <c r="M1194" s="40"/>
      <c r="N1194" s="40"/>
      <c r="AB1194">
        <v>3.8511338385104699</v>
      </c>
    </row>
    <row r="1195" spans="4:28" x14ac:dyDescent="0.25">
      <c r="D1195" s="40">
        <v>19.782543000000882</v>
      </c>
      <c r="E1195" s="40">
        <v>10.582060325208065</v>
      </c>
      <c r="F1195" s="40">
        <v>19.766666999999998</v>
      </c>
      <c r="G1195" s="40">
        <v>8.1292296322756172</v>
      </c>
      <c r="H1195" s="40">
        <v>19.766667000000012</v>
      </c>
      <c r="I1195" s="40">
        <v>6.6713532658755472</v>
      </c>
      <c r="J1195" s="40">
        <v>19.7666593154763</v>
      </c>
      <c r="K1195" s="40">
        <v>6.9763715648368461</v>
      </c>
      <c r="L1195" s="40"/>
      <c r="M1195" s="40"/>
      <c r="N1195" s="40"/>
      <c r="AB1195">
        <v>3.854392029955009</v>
      </c>
    </row>
    <row r="1196" spans="4:28" x14ac:dyDescent="0.25">
      <c r="D1196" s="40">
        <v>19.799209000000882</v>
      </c>
      <c r="E1196" s="40">
        <v>10.586761057368363</v>
      </c>
      <c r="F1196" s="40">
        <v>19.783332999999999</v>
      </c>
      <c r="G1196" s="40">
        <v>8.133845016245516</v>
      </c>
      <c r="H1196" s="40">
        <v>19.783334000000011</v>
      </c>
      <c r="I1196" s="40">
        <v>6.6747060020189792</v>
      </c>
      <c r="J1196" s="40">
        <v>19.7833259761906</v>
      </c>
      <c r="K1196" s="40">
        <v>6.9812226085460782</v>
      </c>
      <c r="L1196" s="40"/>
      <c r="M1196" s="40"/>
      <c r="N1196" s="40"/>
      <c r="AB1196">
        <v>3.8572505176164076</v>
      </c>
    </row>
    <row r="1197" spans="4:28" x14ac:dyDescent="0.25">
      <c r="D1197" s="40">
        <v>19.815875000000883</v>
      </c>
      <c r="E1197" s="40">
        <v>10.591604235957913</v>
      </c>
      <c r="F1197" s="40">
        <v>19.799999999999997</v>
      </c>
      <c r="G1197" s="40">
        <v>8.1386002603357372</v>
      </c>
      <c r="H1197" s="40">
        <v>19.800000000000011</v>
      </c>
      <c r="I1197" s="40">
        <v>6.6779601282755676</v>
      </c>
      <c r="J1197" s="40">
        <v>19.7999926369049</v>
      </c>
      <c r="K1197" s="40">
        <v>6.9860736522551834</v>
      </c>
      <c r="L1197" s="40"/>
      <c r="M1197" s="40"/>
      <c r="N1197" s="40"/>
      <c r="AB1197">
        <v>3.8605087090609467</v>
      </c>
    </row>
    <row r="1198" spans="4:28" x14ac:dyDescent="0.25">
      <c r="D1198" s="40">
        <v>19.832541000000884</v>
      </c>
      <c r="E1198" s="40">
        <v>10.596447414547461</v>
      </c>
      <c r="F1198" s="40">
        <v>19.816666999999995</v>
      </c>
      <c r="G1198" s="40">
        <v>8.1433555044258306</v>
      </c>
      <c r="H1198" s="40">
        <v>19.81666700000001</v>
      </c>
      <c r="I1198" s="40">
        <v>6.6846656005622576</v>
      </c>
      <c r="J1198" s="40">
        <v>19.8166592976192</v>
      </c>
      <c r="K1198" s="40">
        <v>6.9907820182082441</v>
      </c>
      <c r="L1198" s="40"/>
      <c r="M1198" s="40"/>
      <c r="N1198" s="40"/>
      <c r="AB1198">
        <v>3.863367196722324</v>
      </c>
    </row>
    <row r="1199" spans="4:28" x14ac:dyDescent="0.25">
      <c r="D1199" s="40">
        <v>19.849207000000884</v>
      </c>
      <c r="E1199" s="40">
        <v>10.601148146707761</v>
      </c>
      <c r="F1199" s="40">
        <v>19.833332999999996</v>
      </c>
      <c r="G1199" s="40">
        <v>8.1479708883957311</v>
      </c>
      <c r="H1199" s="40">
        <v>19.833334000000008</v>
      </c>
      <c r="I1199" s="40">
        <v>6.6879197268190191</v>
      </c>
      <c r="J1199" s="40">
        <v>19.8333259583335</v>
      </c>
      <c r="K1199" s="40">
        <v>6.9907820182082441</v>
      </c>
      <c r="L1199" s="40"/>
      <c r="M1199" s="40"/>
      <c r="N1199" s="40"/>
      <c r="AB1199">
        <v>3.8666253881668853</v>
      </c>
    </row>
    <row r="1200" spans="4:28" x14ac:dyDescent="0.25">
      <c r="D1200" s="40">
        <v>19.865873000000885</v>
      </c>
      <c r="E1200" s="40">
        <v>10.605991325297309</v>
      </c>
      <c r="F1200" s="40">
        <v>19.849999999999994</v>
      </c>
      <c r="G1200" s="40">
        <v>8.1527261324859506</v>
      </c>
      <c r="H1200" s="40">
        <v>19.850000000000009</v>
      </c>
      <c r="I1200" s="40">
        <v>6.6946251991057091</v>
      </c>
      <c r="J1200" s="40">
        <v>19.849992619047701</v>
      </c>
      <c r="K1200" s="40">
        <v>6.9956330619174754</v>
      </c>
      <c r="L1200" s="40"/>
      <c r="M1200" s="40"/>
      <c r="N1200" s="40"/>
      <c r="AB1200">
        <v>3.8694838758282621</v>
      </c>
    </row>
    <row r="1201" spans="4:28" x14ac:dyDescent="0.25">
      <c r="D1201" s="40">
        <v>19.882539000000886</v>
      </c>
      <c r="E1201" s="40">
        <v>10.610834503886855</v>
      </c>
      <c r="F1201" s="40">
        <v>19.866666999999993</v>
      </c>
      <c r="G1201" s="40">
        <v>8.1574813765760457</v>
      </c>
      <c r="H1201" s="40">
        <v>19.866667000000007</v>
      </c>
      <c r="I1201" s="40">
        <v>6.6978793253624724</v>
      </c>
      <c r="J1201" s="40">
        <v>19.866659279762001</v>
      </c>
      <c r="K1201" s="40">
        <v>7.0004841056265814</v>
      </c>
      <c r="L1201" s="40"/>
      <c r="M1201" s="40"/>
      <c r="N1201" s="40"/>
      <c r="AB1201">
        <v>3.8723302512537949</v>
      </c>
    </row>
    <row r="1202" spans="4:28" x14ac:dyDescent="0.25">
      <c r="D1202" s="40">
        <v>19.899205000000887</v>
      </c>
      <c r="E1202" s="40">
        <v>10.615535236047281</v>
      </c>
      <c r="F1202" s="40">
        <v>19.883332999999993</v>
      </c>
      <c r="G1202" s="40">
        <v>8.1620967605459462</v>
      </c>
      <c r="H1202" s="40">
        <v>19.883334000000005</v>
      </c>
      <c r="I1202" s="40">
        <v>6.7012320615057295</v>
      </c>
      <c r="J1202" s="40">
        <v>19.883325940476301</v>
      </c>
      <c r="K1202" s="40">
        <v>7.0004841056265814</v>
      </c>
      <c r="L1202" s="40"/>
      <c r="M1202" s="40"/>
      <c r="N1202" s="40"/>
      <c r="AB1202">
        <v>3.8751887389151722</v>
      </c>
    </row>
    <row r="1203" spans="4:28" x14ac:dyDescent="0.25">
      <c r="D1203" s="40">
        <v>19.915871000000887</v>
      </c>
      <c r="E1203" s="40">
        <v>10.620378414636702</v>
      </c>
      <c r="F1203" s="40">
        <v>19.899999999999991</v>
      </c>
      <c r="G1203" s="40">
        <v>8.1716072487262608</v>
      </c>
      <c r="H1203" s="40">
        <v>19.900000000000006</v>
      </c>
      <c r="I1203" s="40">
        <v>6.7078389239057499</v>
      </c>
      <c r="J1203" s="40">
        <v>19.899992601190601</v>
      </c>
      <c r="K1203" s="40">
        <v>7.0051924715796421</v>
      </c>
      <c r="L1203" s="40"/>
      <c r="M1203" s="40"/>
      <c r="N1203" s="40"/>
      <c r="AB1203">
        <v>3.8780472265765713</v>
      </c>
    </row>
    <row r="1204" spans="4:28" x14ac:dyDescent="0.25">
      <c r="D1204" s="40">
        <v>19.932537000000888</v>
      </c>
      <c r="E1204" s="40">
        <v>10.625221593226252</v>
      </c>
      <c r="F1204" s="40">
        <v>19.91666699999999</v>
      </c>
      <c r="G1204" s="40">
        <v>8.1762226326961613</v>
      </c>
      <c r="H1204" s="40">
        <v>19.916667000000004</v>
      </c>
      <c r="I1204" s="40">
        <v>6.7111916600490069</v>
      </c>
      <c r="J1204" s="40">
        <v>19.916659261904901</v>
      </c>
      <c r="K1204" s="40">
        <v>7.0100435152888734</v>
      </c>
      <c r="L1204" s="40"/>
      <c r="M1204" s="40"/>
      <c r="N1204" s="40"/>
      <c r="AB1204">
        <v>3.8808936020021041</v>
      </c>
    </row>
    <row r="1205" spans="4:28" x14ac:dyDescent="0.25">
      <c r="D1205" s="40">
        <v>19.949203000000889</v>
      </c>
      <c r="E1205" s="40">
        <v>10.629922325386678</v>
      </c>
      <c r="F1205" s="40">
        <v>19.93333299999999</v>
      </c>
      <c r="G1205" s="40">
        <v>8.1809778767863808</v>
      </c>
      <c r="H1205" s="40">
        <v>19.933334000000002</v>
      </c>
      <c r="I1205" s="40">
        <v>6.7145443961924389</v>
      </c>
      <c r="J1205" s="40">
        <v>19.933325922619201</v>
      </c>
      <c r="K1205" s="40">
        <v>7.0148945589979794</v>
      </c>
      <c r="L1205" s="40"/>
      <c r="M1205" s="40"/>
      <c r="N1205" s="40"/>
      <c r="AB1205">
        <v>3.8837520896634814</v>
      </c>
    </row>
    <row r="1206" spans="4:28" x14ac:dyDescent="0.25">
      <c r="D1206" s="40">
        <v>19.96586900000089</v>
      </c>
      <c r="E1206" s="40">
        <v>10.6347655039761</v>
      </c>
      <c r="F1206" s="40">
        <v>19.949999999999989</v>
      </c>
      <c r="G1206" s="40">
        <v>8.1857331208765984</v>
      </c>
      <c r="H1206" s="40">
        <v>19.950000000000003</v>
      </c>
      <c r="I1206" s="40">
        <v>6.7177985224492023</v>
      </c>
      <c r="J1206" s="40">
        <v>19.949992583333501</v>
      </c>
      <c r="K1206" s="40">
        <v>7.0196029249510392</v>
      </c>
      <c r="L1206" s="40"/>
      <c r="M1206" s="40"/>
      <c r="N1206" s="40"/>
      <c r="AB1206">
        <v>3.8865984650890137</v>
      </c>
    </row>
    <row r="1207" spans="4:28" x14ac:dyDescent="0.25">
      <c r="D1207" s="40">
        <v>19.98253500000089</v>
      </c>
      <c r="E1207" s="40">
        <v>10.639608682565648</v>
      </c>
      <c r="F1207" s="40">
        <v>19.966667000000001</v>
      </c>
      <c r="G1207" s="40">
        <v>8.1903485048463747</v>
      </c>
      <c r="H1207" s="40">
        <v>19.966667000000001</v>
      </c>
      <c r="I1207" s="40">
        <v>6.7211512585924602</v>
      </c>
      <c r="J1207" s="40">
        <v>19.966659244047701</v>
      </c>
      <c r="K1207" s="40">
        <v>7.0244539686602714</v>
      </c>
      <c r="L1207" s="40"/>
      <c r="M1207" s="40"/>
      <c r="N1207" s="40"/>
      <c r="AB1207">
        <v>3.8894569527504128</v>
      </c>
    </row>
    <row r="1208" spans="4:28" x14ac:dyDescent="0.25">
      <c r="D1208" s="40">
        <v>19.999201000000891</v>
      </c>
      <c r="E1208" s="40">
        <v>10.644309414726072</v>
      </c>
      <c r="F1208" s="40">
        <v>19.983332999999988</v>
      </c>
      <c r="G1208" s="40">
        <v>8.1903485048463747</v>
      </c>
      <c r="H1208" s="40">
        <v>19.983334000000013</v>
      </c>
      <c r="I1208" s="40">
        <v>6.7245039947357172</v>
      </c>
      <c r="J1208" s="40">
        <v>19.983325904762001</v>
      </c>
      <c r="K1208" s="40">
        <v>7.0244539686602714</v>
      </c>
      <c r="L1208" s="40"/>
      <c r="M1208" s="40"/>
      <c r="N1208" s="40"/>
      <c r="AB1208">
        <v>3.8919036243927838</v>
      </c>
    </row>
    <row r="1209" spans="4:28" x14ac:dyDescent="0.25">
      <c r="D1209" s="40">
        <v>20.015867000000892</v>
      </c>
      <c r="E1209" s="40">
        <v>10.649152593315494</v>
      </c>
      <c r="F1209" s="40">
        <v>20</v>
      </c>
      <c r="G1209" s="40">
        <v>8.1951037489365941</v>
      </c>
      <c r="H1209" s="40">
        <v>20</v>
      </c>
      <c r="I1209" s="40">
        <v>6.7278567308791484</v>
      </c>
      <c r="J1209" s="40">
        <v>19.999992565476301</v>
      </c>
      <c r="K1209" s="40">
        <v>7.0293050123693774</v>
      </c>
      <c r="L1209" s="40"/>
      <c r="M1209" s="40"/>
      <c r="N1209" s="40"/>
      <c r="AB1209">
        <v>3.8947499998183166</v>
      </c>
    </row>
    <row r="1210" spans="4:28" x14ac:dyDescent="0.25">
      <c r="D1210" s="40">
        <v>20.032533000000893</v>
      </c>
      <c r="E1210" s="40">
        <v>10.653995771905043</v>
      </c>
      <c r="F1210" s="40">
        <v>20.016666999999998</v>
      </c>
      <c r="G1210" s="40">
        <v>8.1951037489365941</v>
      </c>
      <c r="H1210" s="40">
        <v>20.016667000000012</v>
      </c>
      <c r="I1210" s="40">
        <v>6.7311108571359117</v>
      </c>
      <c r="J1210" s="40">
        <v>20.016659226190601</v>
      </c>
      <c r="K1210" s="40">
        <v>7.0293050123693774</v>
      </c>
      <c r="L1210" s="40"/>
      <c r="M1210" s="40"/>
      <c r="N1210" s="40"/>
      <c r="AB1210">
        <v>3.8971966714606876</v>
      </c>
    </row>
    <row r="1211" spans="4:28" x14ac:dyDescent="0.25">
      <c r="D1211" s="40">
        <v>20.049199000000893</v>
      </c>
      <c r="E1211" s="40">
        <v>10.663539682655017</v>
      </c>
      <c r="F1211" s="40">
        <v>20.033332999999999</v>
      </c>
      <c r="G1211" s="40">
        <v>8.1998589930268135</v>
      </c>
      <c r="H1211" s="40">
        <v>20.033334000000011</v>
      </c>
      <c r="I1211" s="40">
        <v>6.7311108571359117</v>
      </c>
      <c r="J1211" s="40">
        <v>20.033325886904901</v>
      </c>
      <c r="K1211" s="40">
        <v>7.0340133783224372</v>
      </c>
      <c r="L1211" s="40"/>
      <c r="M1211" s="40"/>
      <c r="N1211" s="40"/>
      <c r="AB1211">
        <v>3.9000551591220649</v>
      </c>
    </row>
    <row r="1212" spans="4:28" x14ac:dyDescent="0.25">
      <c r="D1212" s="40">
        <v>20.065865000000894</v>
      </c>
      <c r="E1212" s="40">
        <v>10.668382861244439</v>
      </c>
      <c r="F1212" s="40">
        <v>20.049999999999997</v>
      </c>
      <c r="G1212" s="40">
        <v>8.2044743769965898</v>
      </c>
      <c r="H1212" s="40">
        <v>20.050000000000011</v>
      </c>
      <c r="I1212" s="40">
        <v>6.7344635932791697</v>
      </c>
      <c r="J1212" s="40">
        <v>20.049992547619201</v>
      </c>
      <c r="K1212" s="40">
        <v>7.0340133783224372</v>
      </c>
      <c r="L1212" s="40"/>
      <c r="M1212" s="40"/>
      <c r="N1212" s="40"/>
      <c r="AB1212">
        <v>3.9025018307644572</v>
      </c>
    </row>
    <row r="1213" spans="4:28" x14ac:dyDescent="0.25">
      <c r="D1213" s="40">
        <v>20.082531000000895</v>
      </c>
      <c r="E1213" s="40">
        <v>10.673083593404865</v>
      </c>
      <c r="F1213" s="40">
        <v>20.066666999999995</v>
      </c>
      <c r="G1213" s="40">
        <v>8.2044743769965898</v>
      </c>
      <c r="H1213" s="40">
        <v>20.06666700000001</v>
      </c>
      <c r="I1213" s="40">
        <v>6.7378163294224267</v>
      </c>
      <c r="J1213" s="40">
        <v>20.066659208333501</v>
      </c>
      <c r="K1213" s="40">
        <v>7.0388644220316694</v>
      </c>
      <c r="L1213" s="40"/>
      <c r="M1213" s="40"/>
      <c r="N1213" s="40"/>
      <c r="AB1213">
        <v>3.9053603184258345</v>
      </c>
    </row>
    <row r="1214" spans="4:28" x14ac:dyDescent="0.25">
      <c r="D1214" s="40">
        <v>20.099197000000895</v>
      </c>
      <c r="E1214" s="40">
        <v>10.677926771994413</v>
      </c>
      <c r="F1214" s="40">
        <v>20.083332999999996</v>
      </c>
      <c r="G1214" s="40">
        <v>8.2092296210868092</v>
      </c>
      <c r="H1214" s="40">
        <v>20.083334000000008</v>
      </c>
      <c r="I1214" s="40">
        <v>6.7410704556791901</v>
      </c>
      <c r="J1214" s="40">
        <v>20.083325869047702</v>
      </c>
      <c r="K1214" s="40">
        <v>7.0388644220316694</v>
      </c>
      <c r="L1214" s="40"/>
      <c r="M1214" s="40"/>
      <c r="N1214" s="40"/>
      <c r="AB1214">
        <v>3.9077948778323615</v>
      </c>
    </row>
    <row r="1215" spans="4:28" x14ac:dyDescent="0.25">
      <c r="D1215" s="40">
        <v>20.115863000000896</v>
      </c>
      <c r="E1215" s="40">
        <v>10.68747068274426</v>
      </c>
      <c r="F1215" s="40">
        <v>20.099999999999994</v>
      </c>
      <c r="G1215" s="40">
        <v>8.2139848651770286</v>
      </c>
      <c r="H1215" s="40">
        <v>20.100000000000009</v>
      </c>
      <c r="I1215" s="40">
        <v>6.7444231918224471</v>
      </c>
      <c r="J1215" s="40">
        <v>20.099992529762002</v>
      </c>
      <c r="K1215" s="40">
        <v>7.0437154657409025</v>
      </c>
      <c r="L1215" s="40"/>
      <c r="M1215" s="40"/>
      <c r="N1215" s="40"/>
      <c r="AB1215">
        <v>3.910241549474732</v>
      </c>
    </row>
    <row r="1216" spans="4:28" x14ac:dyDescent="0.25">
      <c r="D1216" s="40">
        <v>20.132529000000897</v>
      </c>
      <c r="E1216" s="40">
        <v>10.692313861333808</v>
      </c>
      <c r="F1216" s="40">
        <v>20.116666999999993</v>
      </c>
      <c r="G1216" s="40">
        <v>8.2186002491469274</v>
      </c>
      <c r="H1216" s="40">
        <v>20.116667000000007</v>
      </c>
      <c r="I1216" s="40">
        <v>6.74777592796588</v>
      </c>
      <c r="J1216" s="40">
        <v>20.116659190476302</v>
      </c>
      <c r="K1216" s="40">
        <v>7.0484238316938352</v>
      </c>
      <c r="L1216" s="40"/>
      <c r="M1216" s="40"/>
      <c r="N1216" s="40"/>
      <c r="AB1216">
        <v>3.9126882211171026</v>
      </c>
    </row>
    <row r="1217" spans="4:28" x14ac:dyDescent="0.25">
      <c r="D1217" s="40">
        <v>20.149195000000898</v>
      </c>
      <c r="E1217" s="40">
        <v>10.69715703992323</v>
      </c>
      <c r="F1217" s="40">
        <v>20.133332999999993</v>
      </c>
      <c r="G1217" s="40">
        <v>8.2233554932370243</v>
      </c>
      <c r="H1217" s="40">
        <v>20.133334000000005</v>
      </c>
      <c r="I1217" s="40">
        <v>6.7510300542226416</v>
      </c>
      <c r="J1217" s="40">
        <v>20.133325851190602</v>
      </c>
      <c r="K1217" s="40">
        <v>7.0532748754030674</v>
      </c>
      <c r="L1217" s="40"/>
      <c r="M1217" s="40"/>
      <c r="N1217" s="40"/>
      <c r="AB1217">
        <v>3.9155467087784799</v>
      </c>
    </row>
    <row r="1218" spans="4:28" x14ac:dyDescent="0.25">
      <c r="D1218" s="40">
        <v>20.165861000000898</v>
      </c>
      <c r="E1218" s="40">
        <v>10.706700950673204</v>
      </c>
      <c r="F1218" s="40">
        <v>20.149999999999991</v>
      </c>
      <c r="G1218" s="40">
        <v>8.2281107373272437</v>
      </c>
      <c r="H1218" s="40">
        <v>20.150000000000006</v>
      </c>
      <c r="I1218" s="40">
        <v>6.7543827903658995</v>
      </c>
      <c r="J1218" s="40">
        <v>20.149992511904902</v>
      </c>
      <c r="K1218" s="40">
        <v>7.0581259191123005</v>
      </c>
      <c r="L1218" s="40"/>
      <c r="M1218" s="40"/>
      <c r="N1218" s="40"/>
      <c r="AB1218">
        <v>3.9179933804208513</v>
      </c>
    </row>
    <row r="1219" spans="4:28" x14ac:dyDescent="0.25">
      <c r="D1219" s="40">
        <v>20.182527000000899</v>
      </c>
      <c r="E1219" s="40">
        <v>10.711544129262627</v>
      </c>
      <c r="F1219" s="40">
        <v>20.16666699999999</v>
      </c>
      <c r="G1219" s="40">
        <v>8.2281107373272437</v>
      </c>
      <c r="H1219" s="40">
        <v>20.166667000000004</v>
      </c>
      <c r="I1219" s="40">
        <v>6.7577355265091565</v>
      </c>
      <c r="J1219" s="40">
        <v>20.166659172619202</v>
      </c>
      <c r="K1219" s="40">
        <v>7.0628342850653594</v>
      </c>
      <c r="L1219" s="40"/>
      <c r="M1219" s="40"/>
      <c r="N1219" s="40"/>
      <c r="AB1219">
        <v>3.920028236044216</v>
      </c>
    </row>
    <row r="1220" spans="4:28" x14ac:dyDescent="0.25">
      <c r="D1220" s="40">
        <v>20.1991930000009</v>
      </c>
      <c r="E1220" s="40">
        <v>10.71624486142305</v>
      </c>
      <c r="F1220" s="40">
        <v>20.18333299999999</v>
      </c>
      <c r="G1220" s="40">
        <v>8.2327261212971443</v>
      </c>
      <c r="H1220" s="40">
        <v>20.183334000000002</v>
      </c>
      <c r="I1220" s="40">
        <v>6.7609896527659199</v>
      </c>
      <c r="J1220" s="40">
        <v>20.183325833333502</v>
      </c>
      <c r="K1220" s="40">
        <v>7.0628342850653594</v>
      </c>
      <c r="L1220" s="40"/>
      <c r="M1220" s="40"/>
      <c r="N1220" s="40"/>
      <c r="AB1220">
        <v>3.9224749076865866</v>
      </c>
    </row>
    <row r="1221" spans="4:28" x14ac:dyDescent="0.25">
      <c r="D1221" s="40">
        <v>20.215859000000901</v>
      </c>
      <c r="E1221" s="40">
        <v>10.721088040012599</v>
      </c>
      <c r="F1221" s="40">
        <v>20.199999999999989</v>
      </c>
      <c r="G1221" s="40">
        <v>8.2374813653872394</v>
      </c>
      <c r="H1221" s="40">
        <v>20.200000000000003</v>
      </c>
      <c r="I1221" s="40">
        <v>6.7643423889093519</v>
      </c>
      <c r="J1221" s="40">
        <v>20.199992494047699</v>
      </c>
      <c r="K1221" s="40">
        <v>7.0676853287744654</v>
      </c>
      <c r="L1221" s="40"/>
      <c r="M1221" s="40"/>
      <c r="N1221" s="40"/>
      <c r="AB1221">
        <v>3.9249215793289576</v>
      </c>
    </row>
    <row r="1222" spans="4:28" x14ac:dyDescent="0.25">
      <c r="D1222" s="40">
        <v>20.232525000000901</v>
      </c>
      <c r="E1222" s="40">
        <v>10.725931218602147</v>
      </c>
      <c r="F1222" s="40">
        <v>20.216667000000001</v>
      </c>
      <c r="G1222" s="40">
        <v>8.2374813653872394</v>
      </c>
      <c r="H1222" s="40">
        <v>20.216667000000001</v>
      </c>
      <c r="I1222" s="40">
        <v>6.7643423889093519</v>
      </c>
      <c r="J1222" s="40">
        <v>20.216659154761999</v>
      </c>
      <c r="K1222" s="40">
        <v>7.0725363724836976</v>
      </c>
      <c r="L1222" s="40"/>
      <c r="M1222" s="40"/>
      <c r="N1222" s="40"/>
      <c r="AB1222">
        <v>3.9273682509713281</v>
      </c>
    </row>
    <row r="1223" spans="4:28" x14ac:dyDescent="0.25">
      <c r="D1223" s="40">
        <v>20.249191000000902</v>
      </c>
      <c r="E1223" s="40">
        <v>10.730774397191571</v>
      </c>
      <c r="F1223" s="40">
        <v>20.233332999999988</v>
      </c>
      <c r="G1223" s="40">
        <v>8.2422366094774588</v>
      </c>
      <c r="H1223" s="40">
        <v>20.233334000000013</v>
      </c>
      <c r="I1223" s="40">
        <v>6.7676951250526098</v>
      </c>
      <c r="J1223" s="40">
        <v>20.233325815476299</v>
      </c>
      <c r="K1223" s="40">
        <v>7.0725363724836976</v>
      </c>
      <c r="L1223" s="40"/>
      <c r="M1223" s="40"/>
      <c r="N1223" s="40"/>
      <c r="AB1223">
        <v>3.9298149226137209</v>
      </c>
    </row>
    <row r="1224" spans="4:28" x14ac:dyDescent="0.25">
      <c r="D1224" s="40">
        <v>20.265857000000903</v>
      </c>
      <c r="E1224" s="40">
        <v>10.735475129351995</v>
      </c>
      <c r="F1224" s="40">
        <v>20.25</v>
      </c>
      <c r="G1224" s="40">
        <v>8.2469918535676765</v>
      </c>
      <c r="H1224" s="40">
        <v>20.25</v>
      </c>
      <c r="I1224" s="40">
        <v>6.7676951250526098</v>
      </c>
      <c r="J1224" s="40">
        <v>20.249992476190599</v>
      </c>
      <c r="K1224" s="40">
        <v>7.0772447384367574</v>
      </c>
      <c r="L1224" s="40"/>
      <c r="M1224" s="40"/>
      <c r="N1224" s="40"/>
      <c r="AB1224">
        <v>3.9322615942560915</v>
      </c>
    </row>
    <row r="1225" spans="4:28" x14ac:dyDescent="0.25">
      <c r="D1225" s="40">
        <v>20.282523000000904</v>
      </c>
      <c r="E1225" s="40">
        <v>10.740318307941545</v>
      </c>
      <c r="F1225" s="40">
        <v>20.266666999999998</v>
      </c>
      <c r="G1225" s="40">
        <v>8.2516072375374527</v>
      </c>
      <c r="H1225" s="40">
        <v>20.266667000000012</v>
      </c>
      <c r="I1225" s="40">
        <v>6.7709492513093714</v>
      </c>
      <c r="J1225" s="40">
        <v>20.266659136904899</v>
      </c>
      <c r="K1225" s="40">
        <v>7.0772447384367574</v>
      </c>
      <c r="L1225" s="40"/>
      <c r="M1225" s="40"/>
      <c r="N1225" s="40"/>
      <c r="AB1225">
        <v>3.9342964498794348</v>
      </c>
    </row>
    <row r="1226" spans="4:28" x14ac:dyDescent="0.25">
      <c r="D1226" s="40">
        <v>20.299189000000904</v>
      </c>
      <c r="E1226" s="40">
        <v>10.745161486530966</v>
      </c>
      <c r="F1226" s="40">
        <v>20.283332999999999</v>
      </c>
      <c r="G1226" s="40">
        <v>8.2563624816276722</v>
      </c>
      <c r="H1226" s="40">
        <v>20.283334000000011</v>
      </c>
      <c r="I1226" s="40">
        <v>6.7709492513093714</v>
      </c>
      <c r="J1226" s="40">
        <v>20.283325797619199</v>
      </c>
      <c r="K1226" s="40">
        <v>7.0820957821458626</v>
      </c>
      <c r="L1226" s="40"/>
      <c r="M1226" s="40"/>
      <c r="N1226" s="40"/>
      <c r="AB1226">
        <v>3.9367431215218267</v>
      </c>
    </row>
    <row r="1227" spans="4:28" x14ac:dyDescent="0.25">
      <c r="D1227" s="40">
        <v>20.315855000000905</v>
      </c>
      <c r="E1227" s="40">
        <v>10.749862218691391</v>
      </c>
      <c r="F1227" s="40">
        <v>20.299999999999997</v>
      </c>
      <c r="G1227" s="40">
        <v>8.2611177257178916</v>
      </c>
      <c r="H1227" s="40">
        <v>20.300000000000011</v>
      </c>
      <c r="I1227" s="40">
        <v>6.7743019874526293</v>
      </c>
      <c r="J1227" s="40">
        <v>20.299992458333499</v>
      </c>
      <c r="K1227" s="40">
        <v>7.0820957821458626</v>
      </c>
      <c r="L1227" s="40"/>
      <c r="M1227" s="40"/>
      <c r="N1227" s="40"/>
      <c r="AB1227">
        <v>3.9391897931641982</v>
      </c>
    </row>
    <row r="1228" spans="4:28" x14ac:dyDescent="0.25">
      <c r="D1228" s="40">
        <v>20.332521000000906</v>
      </c>
      <c r="E1228" s="40">
        <v>10.754705397280938</v>
      </c>
      <c r="F1228" s="40">
        <v>20.316666999999995</v>
      </c>
      <c r="G1228" s="40">
        <v>8.2657331096877922</v>
      </c>
      <c r="H1228" s="40">
        <v>20.31666700000001</v>
      </c>
      <c r="I1228" s="40">
        <v>6.7776547235958864</v>
      </c>
      <c r="J1228" s="40">
        <v>20.316659119047699</v>
      </c>
      <c r="K1228" s="40">
        <v>7.0869468258550956</v>
      </c>
      <c r="L1228" s="40"/>
      <c r="M1228" s="40"/>
      <c r="N1228" s="40"/>
      <c r="AB1228">
        <v>3.9412246487875411</v>
      </c>
    </row>
    <row r="1229" spans="4:28" x14ac:dyDescent="0.25">
      <c r="D1229" s="40">
        <v>20.349187000000907</v>
      </c>
      <c r="E1229" s="40">
        <v>10.75954857587036</v>
      </c>
      <c r="F1229" s="40">
        <v>20.333332999999996</v>
      </c>
      <c r="G1229" s="40">
        <v>8.2704883537778873</v>
      </c>
      <c r="H1229" s="40">
        <v>20.333334000000008</v>
      </c>
      <c r="I1229" s="40">
        <v>6.7809088498526497</v>
      </c>
      <c r="J1229" s="40">
        <v>20.333325779761999</v>
      </c>
      <c r="K1229" s="40">
        <v>7.0869468258550956</v>
      </c>
      <c r="L1229" s="40"/>
      <c r="M1229" s="40"/>
      <c r="N1229" s="40"/>
      <c r="AB1229">
        <v>3.9436713204299334</v>
      </c>
    </row>
    <row r="1230" spans="4:28" x14ac:dyDescent="0.25">
      <c r="D1230" s="40">
        <v>20.365853000000907</v>
      </c>
      <c r="E1230" s="40">
        <v>10.764249308030786</v>
      </c>
      <c r="F1230" s="40">
        <v>20.349999999999994</v>
      </c>
      <c r="G1230" s="40">
        <v>8.2752435978681049</v>
      </c>
      <c r="H1230" s="40">
        <v>20.350000000000009</v>
      </c>
      <c r="I1230" s="40">
        <v>6.7842615859960818</v>
      </c>
      <c r="J1230" s="40">
        <v>20.349992440476299</v>
      </c>
      <c r="K1230" s="40">
        <v>7.0916551918081554</v>
      </c>
      <c r="L1230" s="40"/>
      <c r="M1230" s="40"/>
      <c r="N1230" s="40"/>
      <c r="AB1230">
        <v>3.9457182882891422</v>
      </c>
    </row>
    <row r="1231" spans="4:28" x14ac:dyDescent="0.25">
      <c r="D1231" s="40">
        <v>20.382519000000908</v>
      </c>
      <c r="E1231" s="40">
        <v>10.769092486620336</v>
      </c>
      <c r="F1231" s="40">
        <v>20.366666999999993</v>
      </c>
      <c r="G1231" s="40">
        <v>8.2798589818380055</v>
      </c>
      <c r="H1231" s="40">
        <v>20.366667000000007</v>
      </c>
      <c r="I1231" s="40">
        <v>6.7876143221393397</v>
      </c>
      <c r="J1231" s="40">
        <v>20.366659101190599</v>
      </c>
      <c r="K1231" s="40">
        <v>7.0916551918081554</v>
      </c>
      <c r="L1231" s="40"/>
      <c r="M1231" s="40"/>
      <c r="N1231" s="40"/>
      <c r="AB1231">
        <v>3.9481649599315132</v>
      </c>
    </row>
    <row r="1232" spans="4:28" x14ac:dyDescent="0.25">
      <c r="D1232" s="40">
        <v>20.399185000000909</v>
      </c>
      <c r="E1232" s="40">
        <v>10.769092486620336</v>
      </c>
      <c r="F1232" s="40">
        <v>20.383332999999993</v>
      </c>
      <c r="G1232" s="40">
        <v>8.2846142259281024</v>
      </c>
      <c r="H1232" s="40">
        <v>20.383334000000005</v>
      </c>
      <c r="I1232" s="40">
        <v>6.790868448396103</v>
      </c>
      <c r="J1232" s="40">
        <v>20.383325761904899</v>
      </c>
      <c r="K1232" s="40">
        <v>7.0965062355172606</v>
      </c>
      <c r="L1232" s="40"/>
      <c r="M1232" s="40"/>
      <c r="N1232" s="40"/>
      <c r="AB1232">
        <v>3.9501998155548779</v>
      </c>
    </row>
    <row r="1233" spans="4:28" x14ac:dyDescent="0.25">
      <c r="D1233" s="40">
        <v>20.415851000000909</v>
      </c>
      <c r="E1233" s="40">
        <v>10.778636397370184</v>
      </c>
      <c r="F1233" s="40">
        <v>20.399999999999991</v>
      </c>
      <c r="G1233" s="40">
        <v>8.28936947001832</v>
      </c>
      <c r="H1233" s="40">
        <v>20.400000000000006</v>
      </c>
      <c r="I1233" s="40">
        <v>6.7942211845393592</v>
      </c>
      <c r="J1233" s="40">
        <v>20.399992422619199</v>
      </c>
      <c r="K1233" s="40">
        <v>7.0965062355172606</v>
      </c>
      <c r="L1233" s="40"/>
      <c r="M1233" s="40"/>
      <c r="N1233" s="40"/>
      <c r="AB1233">
        <v>3.9522346711782208</v>
      </c>
    </row>
    <row r="1234" spans="4:28" x14ac:dyDescent="0.25">
      <c r="D1234" s="40">
        <v>20.43251700000091</v>
      </c>
      <c r="E1234" s="40">
        <v>10.783479575959731</v>
      </c>
      <c r="F1234" s="40">
        <v>20.41666699999999</v>
      </c>
      <c r="G1234" s="40">
        <v>8.2939848539882206</v>
      </c>
      <c r="H1234" s="40">
        <v>20.416667000000004</v>
      </c>
      <c r="I1234" s="40">
        <v>6.7975739206826162</v>
      </c>
      <c r="J1234" s="40">
        <v>20.416659083333499</v>
      </c>
      <c r="K1234" s="40">
        <v>7.1013572792264936</v>
      </c>
      <c r="L1234" s="40"/>
      <c r="M1234" s="40"/>
      <c r="N1234" s="40"/>
      <c r="AB1234">
        <v>3.9542695268015855</v>
      </c>
    </row>
    <row r="1235" spans="4:28" x14ac:dyDescent="0.25">
      <c r="D1235" s="40">
        <v>20.449183000000911</v>
      </c>
      <c r="E1235" s="40">
        <v>10.788322754549279</v>
      </c>
      <c r="F1235" s="40">
        <v>20.43333299999999</v>
      </c>
      <c r="G1235" s="40">
        <v>8.3034953421685351</v>
      </c>
      <c r="H1235" s="40">
        <v>20.433334000000002</v>
      </c>
      <c r="I1235" s="40">
        <v>6.8008280469393796</v>
      </c>
      <c r="J1235" s="40">
        <v>20.4333257440477</v>
      </c>
      <c r="K1235" s="40">
        <v>7.1060656451795525</v>
      </c>
      <c r="L1235" s="40"/>
      <c r="M1235" s="40"/>
      <c r="N1235" s="40"/>
      <c r="AB1235">
        <v>3.9567161984439561</v>
      </c>
    </row>
    <row r="1236" spans="4:28" x14ac:dyDescent="0.25">
      <c r="D1236" s="40">
        <v>20.465849000000912</v>
      </c>
      <c r="E1236" s="40">
        <v>10.793023486709577</v>
      </c>
      <c r="F1236" s="40">
        <v>20.449999999999989</v>
      </c>
      <c r="G1236" s="40">
        <v>8.3081107261384357</v>
      </c>
      <c r="H1236" s="40">
        <v>20.450000000000003</v>
      </c>
      <c r="I1236" s="40">
        <v>6.8041807830828125</v>
      </c>
      <c r="J1236" s="40">
        <v>20.449992404762</v>
      </c>
      <c r="K1236" s="40">
        <v>7.1109166888886586</v>
      </c>
      <c r="L1236" s="40"/>
      <c r="M1236" s="40"/>
      <c r="N1236" s="40"/>
      <c r="AB1236">
        <v>3.9587631663031866</v>
      </c>
    </row>
    <row r="1237" spans="4:28" x14ac:dyDescent="0.25">
      <c r="D1237" s="40">
        <v>20.482515000000912</v>
      </c>
      <c r="E1237" s="40">
        <v>10.797866665299127</v>
      </c>
      <c r="F1237" s="40">
        <v>20.466667000000001</v>
      </c>
      <c r="G1237" s="40">
        <v>8.3128659702285308</v>
      </c>
      <c r="H1237" s="40">
        <v>20.466667000000001</v>
      </c>
      <c r="I1237" s="40">
        <v>6.8075335192260695</v>
      </c>
      <c r="J1237" s="40">
        <v>20.4666590654763</v>
      </c>
      <c r="K1237" s="40">
        <v>7.1157677325978916</v>
      </c>
      <c r="L1237" s="40"/>
      <c r="M1237" s="40"/>
      <c r="N1237" s="40"/>
      <c r="AB1237">
        <v>3.9607980219265295</v>
      </c>
    </row>
    <row r="1238" spans="4:28" x14ac:dyDescent="0.25">
      <c r="D1238" s="40">
        <v>20.499181000000913</v>
      </c>
      <c r="E1238" s="40">
        <v>10.802709843888675</v>
      </c>
      <c r="F1238" s="40">
        <v>20.483332999999988</v>
      </c>
      <c r="G1238" s="40">
        <v>8.3176212143187485</v>
      </c>
      <c r="H1238" s="40">
        <v>20.483334000000013</v>
      </c>
      <c r="I1238" s="40">
        <v>6.8107876454828329</v>
      </c>
      <c r="J1238" s="40">
        <v>20.4833257261906</v>
      </c>
      <c r="K1238" s="40">
        <v>7.1157677325978916</v>
      </c>
      <c r="L1238" s="40"/>
      <c r="M1238" s="40"/>
      <c r="N1238" s="40"/>
      <c r="AB1238">
        <v>3.9628328775498942</v>
      </c>
    </row>
    <row r="1239" spans="4:28" x14ac:dyDescent="0.25">
      <c r="D1239" s="40">
        <v>20.515847000000914</v>
      </c>
      <c r="E1239" s="40">
        <v>10.807410576049101</v>
      </c>
      <c r="F1239" s="40">
        <v>20.5</v>
      </c>
      <c r="G1239" s="40">
        <v>8.322236598288649</v>
      </c>
      <c r="H1239" s="40">
        <v>20.5</v>
      </c>
      <c r="I1239" s="40">
        <v>6.814140381626089</v>
      </c>
      <c r="J1239" s="40">
        <v>20.4999923869049</v>
      </c>
      <c r="K1239" s="40">
        <v>7.1204760985509505</v>
      </c>
      <c r="L1239" s="40"/>
      <c r="M1239" s="40"/>
      <c r="N1239" s="40"/>
      <c r="AB1239">
        <v>3.9648677331732585</v>
      </c>
    </row>
    <row r="1240" spans="4:28" x14ac:dyDescent="0.25">
      <c r="D1240" s="40">
        <v>20.532513000000915</v>
      </c>
      <c r="E1240" s="40">
        <v>10.812253754638522</v>
      </c>
      <c r="F1240" s="40">
        <v>20.516666999999998</v>
      </c>
      <c r="G1240" s="40">
        <v>8.3269918423788702</v>
      </c>
      <c r="H1240" s="40">
        <v>20.516667000000012</v>
      </c>
      <c r="I1240" s="40">
        <v>6.8174931177695219</v>
      </c>
      <c r="J1240" s="40">
        <v>20.5166590476192</v>
      </c>
      <c r="K1240" s="40">
        <v>7.1253271422601836</v>
      </c>
      <c r="L1240" s="40"/>
      <c r="M1240" s="40"/>
      <c r="N1240" s="40"/>
      <c r="AB1240">
        <v>3.9669147010324681</v>
      </c>
    </row>
    <row r="1241" spans="4:28" x14ac:dyDescent="0.25">
      <c r="D1241" s="40">
        <v>20.549179000000915</v>
      </c>
      <c r="E1241" s="40">
        <v>10.817096933228072</v>
      </c>
      <c r="F1241" s="40">
        <v>20.533332999999999</v>
      </c>
      <c r="G1241" s="40">
        <v>8.3317470864689636</v>
      </c>
      <c r="H1241" s="40">
        <v>20.533334000000011</v>
      </c>
      <c r="I1241" s="40">
        <v>6.8240999801695423</v>
      </c>
      <c r="J1241" s="40">
        <v>20.5333257083335</v>
      </c>
      <c r="K1241" s="40">
        <v>7.1253271422601836</v>
      </c>
      <c r="L1241" s="40"/>
      <c r="M1241" s="40"/>
      <c r="N1241" s="40"/>
      <c r="AB1241">
        <v>3.9689495566558328</v>
      </c>
    </row>
    <row r="1242" spans="4:28" x14ac:dyDescent="0.25">
      <c r="D1242" s="40">
        <v>20.565845000000916</v>
      </c>
      <c r="E1242" s="40">
        <v>10.821797665388495</v>
      </c>
      <c r="F1242" s="40">
        <v>20.549999999999997</v>
      </c>
      <c r="G1242" s="40">
        <v>8.3363624704388641</v>
      </c>
      <c r="H1242" s="40">
        <v>20.550000000000011</v>
      </c>
      <c r="I1242" s="40">
        <v>6.8274527163127994</v>
      </c>
      <c r="J1242" s="40">
        <v>20.5499923690477</v>
      </c>
      <c r="K1242" s="40">
        <v>7.1301781859692897</v>
      </c>
      <c r="L1242" s="40"/>
      <c r="M1242" s="40"/>
      <c r="N1242" s="40"/>
      <c r="AB1242">
        <v>3.9705847084960348</v>
      </c>
    </row>
    <row r="1243" spans="4:28" x14ac:dyDescent="0.25">
      <c r="D1243" s="40">
        <v>20.582511000000917</v>
      </c>
      <c r="E1243" s="40">
        <v>10.826640843977918</v>
      </c>
      <c r="F1243" s="40">
        <v>20.566666999999995</v>
      </c>
      <c r="G1243" s="40">
        <v>8.3411177145290836</v>
      </c>
      <c r="H1243" s="40">
        <v>20.56666700000001</v>
      </c>
      <c r="I1243" s="40">
        <v>6.8307068425695627</v>
      </c>
      <c r="J1243" s="40">
        <v>20.566659029762</v>
      </c>
      <c r="K1243" s="40">
        <v>7.1301781859692897</v>
      </c>
      <c r="L1243" s="40"/>
      <c r="M1243" s="40"/>
      <c r="N1243" s="40"/>
      <c r="AB1243">
        <v>3.9726195641193778</v>
      </c>
    </row>
    <row r="1244" spans="4:28" x14ac:dyDescent="0.25">
      <c r="D1244" s="40">
        <v>20.599177000000918</v>
      </c>
      <c r="E1244" s="40">
        <v>10.831484022567466</v>
      </c>
      <c r="F1244" s="40">
        <v>20.583332999999996</v>
      </c>
      <c r="G1244" s="40">
        <v>8.3458729586191787</v>
      </c>
      <c r="H1244" s="40">
        <v>20.583334000000008</v>
      </c>
      <c r="I1244" s="40">
        <v>6.8374123148562518</v>
      </c>
      <c r="J1244" s="40">
        <v>20.5833256904763</v>
      </c>
      <c r="K1244" s="40">
        <v>7.1301781859692897</v>
      </c>
      <c r="L1244" s="40"/>
      <c r="M1244" s="40"/>
      <c r="N1244" s="40"/>
      <c r="AB1244">
        <v>3.9746544197427425</v>
      </c>
    </row>
    <row r="1245" spans="4:28" x14ac:dyDescent="0.25">
      <c r="D1245" s="40">
        <v>20.615843000000918</v>
      </c>
      <c r="E1245" s="40">
        <v>10.836184754727892</v>
      </c>
      <c r="F1245" s="40">
        <v>20.599999999999994</v>
      </c>
      <c r="G1245" s="40">
        <v>8.3504883425890792</v>
      </c>
      <c r="H1245" s="40">
        <v>20.600000000000009</v>
      </c>
      <c r="I1245" s="40">
        <v>6.8406664411130143</v>
      </c>
      <c r="J1245" s="40">
        <v>20.5999923511906</v>
      </c>
      <c r="K1245" s="40">
        <v>7.1348865519223486</v>
      </c>
      <c r="L1245" s="40"/>
      <c r="M1245" s="40"/>
      <c r="N1245" s="40"/>
      <c r="AB1245">
        <v>3.9766892753661067</v>
      </c>
    </row>
    <row r="1246" spans="4:28" x14ac:dyDescent="0.25">
      <c r="D1246" s="40">
        <v>20.632509000000919</v>
      </c>
      <c r="E1246" s="40">
        <v>10.841027933317314</v>
      </c>
      <c r="F1246" s="40">
        <v>20.616666999999993</v>
      </c>
      <c r="G1246" s="40">
        <v>8.3552435866792987</v>
      </c>
      <c r="H1246" s="40">
        <v>20.616667000000007</v>
      </c>
      <c r="I1246" s="40">
        <v>6.8440191772562722</v>
      </c>
      <c r="J1246" s="40">
        <v>20.6166590119049</v>
      </c>
      <c r="K1246" s="40">
        <v>7.1397375956315816</v>
      </c>
      <c r="L1246" s="40"/>
      <c r="M1246" s="40"/>
      <c r="N1246" s="40"/>
      <c r="AB1246">
        <v>3.9787362432253155</v>
      </c>
    </row>
    <row r="1247" spans="4:28" x14ac:dyDescent="0.25">
      <c r="D1247" s="40">
        <v>20.64917500000092</v>
      </c>
      <c r="E1247" s="40">
        <v>10.845871111906861</v>
      </c>
      <c r="F1247" s="40">
        <v>20.633332999999993</v>
      </c>
      <c r="G1247" s="40">
        <v>8.3599988307693955</v>
      </c>
      <c r="H1247" s="40">
        <v>20.633334000000005</v>
      </c>
      <c r="I1247" s="40">
        <v>6.8473719133995292</v>
      </c>
      <c r="J1247" s="40">
        <v>20.6333256726192</v>
      </c>
      <c r="K1247" s="40">
        <v>7.1445886393406877</v>
      </c>
      <c r="L1247" s="40"/>
      <c r="M1247" s="40"/>
      <c r="N1247" s="40"/>
      <c r="AB1247">
        <v>3.9803592828296743</v>
      </c>
    </row>
    <row r="1248" spans="4:28" x14ac:dyDescent="0.25">
      <c r="D1248" s="40">
        <v>20.665841000000921</v>
      </c>
      <c r="E1248" s="40">
        <v>10.850571844067288</v>
      </c>
      <c r="F1248" s="40">
        <v>20.649999999999991</v>
      </c>
      <c r="G1248" s="40">
        <v>8.3646142147392926</v>
      </c>
      <c r="H1248" s="40">
        <v>20.650000000000006</v>
      </c>
      <c r="I1248" s="40">
        <v>6.8507246495429621</v>
      </c>
      <c r="J1248" s="40">
        <v>20.6499923333335</v>
      </c>
      <c r="K1248" s="40">
        <v>7.1494396830499189</v>
      </c>
      <c r="L1248" s="40"/>
      <c r="M1248" s="40"/>
      <c r="N1248" s="40"/>
      <c r="AB1248">
        <v>3.9824062506888831</v>
      </c>
    </row>
    <row r="1249" spans="4:28" x14ac:dyDescent="0.25">
      <c r="D1249" s="40">
        <v>20.682507000000921</v>
      </c>
      <c r="E1249" s="40">
        <v>10.855415022656835</v>
      </c>
      <c r="F1249" s="40">
        <v>20.66666699999999</v>
      </c>
      <c r="G1249" s="40">
        <v>8.3693694588295138</v>
      </c>
      <c r="H1249" s="40">
        <v>20.666667000000004</v>
      </c>
      <c r="I1249" s="40">
        <v>6.8573315119429816</v>
      </c>
      <c r="J1249" s="40">
        <v>20.666658994047701</v>
      </c>
      <c r="K1249" s="40">
        <v>7.1541480490029796</v>
      </c>
      <c r="L1249" s="40"/>
      <c r="M1249" s="40"/>
      <c r="N1249" s="40"/>
      <c r="AB1249">
        <v>3.9844411063122473</v>
      </c>
    </row>
    <row r="1250" spans="4:28" x14ac:dyDescent="0.25">
      <c r="D1250" s="40">
        <v>20.699173000000922</v>
      </c>
      <c r="E1250" s="40">
        <v>10.860258201246257</v>
      </c>
      <c r="F1250" s="40">
        <v>20.68333299999999</v>
      </c>
      <c r="G1250" s="40">
        <v>8.3741247029197332</v>
      </c>
      <c r="H1250" s="40">
        <v>20.683334000000002</v>
      </c>
      <c r="I1250" s="40">
        <v>6.8606842480862387</v>
      </c>
      <c r="J1250" s="40">
        <v>20.683325654762001</v>
      </c>
      <c r="K1250" s="40">
        <v>7.1589990927120848</v>
      </c>
      <c r="L1250" s="40"/>
      <c r="M1250" s="40"/>
      <c r="N1250" s="40"/>
      <c r="AB1250">
        <v>3.9860762581524503</v>
      </c>
    </row>
    <row r="1251" spans="4:28" x14ac:dyDescent="0.25">
      <c r="D1251" s="40">
        <v>20.715839000000923</v>
      </c>
      <c r="E1251" s="40">
        <v>10.869802111996231</v>
      </c>
      <c r="F1251" s="40">
        <v>20.699999999999989</v>
      </c>
      <c r="G1251" s="40">
        <v>8.3787400868895094</v>
      </c>
      <c r="H1251" s="40">
        <v>20.700000000000003</v>
      </c>
      <c r="I1251" s="40">
        <v>6.863938374343002</v>
      </c>
      <c r="J1251" s="40">
        <v>20.699992315476301</v>
      </c>
      <c r="K1251" s="40">
        <v>7.163850136421317</v>
      </c>
      <c r="L1251" s="40"/>
      <c r="M1251" s="40"/>
      <c r="N1251" s="40"/>
      <c r="AB1251">
        <v>3.9881111137757932</v>
      </c>
    </row>
    <row r="1252" spans="4:28" x14ac:dyDescent="0.25">
      <c r="D1252" s="40">
        <v>20.732505000000923</v>
      </c>
      <c r="E1252" s="40">
        <v>10.874645290585653</v>
      </c>
      <c r="F1252" s="40">
        <v>20.716667000000001</v>
      </c>
      <c r="G1252" s="40">
        <v>8.3834953309797271</v>
      </c>
      <c r="H1252" s="40">
        <v>20.716667000000001</v>
      </c>
      <c r="I1252" s="40">
        <v>6.870643846629692</v>
      </c>
      <c r="J1252" s="40">
        <v>20.716658976190601</v>
      </c>
      <c r="K1252" s="40">
        <v>7.1685585023743776</v>
      </c>
      <c r="L1252" s="40"/>
      <c r="M1252" s="40"/>
      <c r="N1252" s="40"/>
      <c r="AB1252">
        <v>3.9897341533801511</v>
      </c>
    </row>
    <row r="1253" spans="4:28" x14ac:dyDescent="0.25">
      <c r="D1253" s="40">
        <v>20.749171000000924</v>
      </c>
      <c r="E1253" s="40">
        <v>10.884189201335628</v>
      </c>
      <c r="F1253" s="40">
        <v>20.733332999999988</v>
      </c>
      <c r="G1253" s="40">
        <v>8.3882505750699483</v>
      </c>
      <c r="H1253" s="40">
        <v>20.733334000000013</v>
      </c>
      <c r="I1253" s="40">
        <v>6.8738979728864553</v>
      </c>
      <c r="J1253" s="40">
        <v>20.733325636904901</v>
      </c>
      <c r="K1253" s="40">
        <v>7.1734095460836089</v>
      </c>
      <c r="L1253" s="40"/>
      <c r="M1253" s="40"/>
      <c r="N1253" s="40"/>
      <c r="AB1253">
        <v>3.991369305220354</v>
      </c>
    </row>
    <row r="1254" spans="4:28" x14ac:dyDescent="0.25">
      <c r="D1254" s="40">
        <v>20.765837000000925</v>
      </c>
      <c r="E1254" s="40">
        <v>10.88903237992505</v>
      </c>
      <c r="F1254" s="40">
        <v>20.75</v>
      </c>
      <c r="G1254" s="40">
        <v>8.3928659590397245</v>
      </c>
      <c r="H1254" s="40">
        <v>20.75</v>
      </c>
      <c r="I1254" s="40">
        <v>6.8772507090297124</v>
      </c>
      <c r="J1254" s="40">
        <v>20.749992297619201</v>
      </c>
      <c r="K1254" s="40">
        <v>7.178260589792715</v>
      </c>
      <c r="L1254" s="40"/>
      <c r="M1254" s="40"/>
      <c r="N1254" s="40"/>
      <c r="AB1254">
        <v>3.993404160843697</v>
      </c>
    </row>
    <row r="1255" spans="4:28" x14ac:dyDescent="0.25">
      <c r="D1255" s="40">
        <v>20.782503000000926</v>
      </c>
      <c r="E1255" s="40">
        <v>10.893733112085474</v>
      </c>
      <c r="F1255" s="40">
        <v>20.766666999999998</v>
      </c>
      <c r="G1255" s="40">
        <v>8.3928659590397245</v>
      </c>
      <c r="H1255" s="40">
        <v>20.766667000000012</v>
      </c>
      <c r="I1255" s="40">
        <v>6.8806034451729685</v>
      </c>
      <c r="J1255" s="40">
        <v>20.766658958333501</v>
      </c>
      <c r="K1255" s="40">
        <v>7.1829689557457748</v>
      </c>
      <c r="L1255" s="40"/>
      <c r="M1255" s="40"/>
      <c r="N1255" s="40"/>
      <c r="AB1255">
        <v>3.9950393126838999</v>
      </c>
    </row>
    <row r="1256" spans="4:28" x14ac:dyDescent="0.25">
      <c r="D1256" s="40">
        <v>20.799169000000926</v>
      </c>
      <c r="E1256" s="40">
        <v>10.903419469264444</v>
      </c>
      <c r="F1256" s="40">
        <v>20.783332999999999</v>
      </c>
      <c r="G1256" s="40">
        <v>8.3976212031299422</v>
      </c>
      <c r="H1256" s="40">
        <v>20.783334000000011</v>
      </c>
      <c r="I1256" s="40">
        <v>6.8838575714297319</v>
      </c>
      <c r="J1256" s="40">
        <v>20.783325619047702</v>
      </c>
      <c r="K1256" s="40">
        <v>7.1878199994550069</v>
      </c>
      <c r="L1256" s="40"/>
      <c r="M1256" s="40"/>
      <c r="N1256" s="40"/>
      <c r="AB1256">
        <v>3.9970741683072646</v>
      </c>
    </row>
    <row r="1257" spans="4:28" x14ac:dyDescent="0.25">
      <c r="D1257" s="40">
        <v>20.815835000000927</v>
      </c>
      <c r="E1257" s="40">
        <v>10.908262647853993</v>
      </c>
      <c r="F1257" s="40">
        <v>20.799999999999997</v>
      </c>
      <c r="G1257" s="40">
        <v>8.4023764472201616</v>
      </c>
      <c r="H1257" s="40">
        <v>20.800000000000011</v>
      </c>
      <c r="I1257" s="40">
        <v>6.8872103075729889</v>
      </c>
      <c r="J1257" s="40">
        <v>20.799992279762002</v>
      </c>
      <c r="K1257" s="40">
        <v>7.192671043164113</v>
      </c>
      <c r="L1257" s="40"/>
      <c r="M1257" s="40"/>
      <c r="N1257" s="40"/>
      <c r="AB1257">
        <v>3.9987093201474666</v>
      </c>
    </row>
    <row r="1258" spans="4:28" x14ac:dyDescent="0.25">
      <c r="D1258" s="40">
        <v>20.832501000000928</v>
      </c>
      <c r="E1258" s="40">
        <v>10.912963380014419</v>
      </c>
      <c r="F1258" s="40">
        <v>20.816666999999995</v>
      </c>
      <c r="G1258" s="40">
        <v>8.4069918311900622</v>
      </c>
      <c r="H1258" s="40">
        <v>20.81666700000001</v>
      </c>
      <c r="I1258" s="40">
        <v>6.8905630437164218</v>
      </c>
      <c r="J1258" s="40">
        <v>20.816658940476302</v>
      </c>
      <c r="K1258" s="40">
        <v>7.192671043164113</v>
      </c>
      <c r="L1258" s="40"/>
      <c r="M1258" s="40"/>
      <c r="N1258" s="40"/>
      <c r="AB1258">
        <v>4.0003444719876695</v>
      </c>
    </row>
    <row r="1259" spans="4:28" x14ac:dyDescent="0.25">
      <c r="D1259" s="40">
        <v>20.849167000000929</v>
      </c>
      <c r="E1259" s="40">
        <v>10.917806558603967</v>
      </c>
      <c r="F1259" s="40">
        <v>20.833332999999996</v>
      </c>
      <c r="G1259" s="40">
        <v>8.4117470752801573</v>
      </c>
      <c r="H1259" s="40">
        <v>20.833334000000008</v>
      </c>
      <c r="I1259" s="40">
        <v>6.8938171699731852</v>
      </c>
      <c r="J1259" s="40">
        <v>20.833325601190602</v>
      </c>
      <c r="K1259" s="40">
        <v>7.1973794091171728</v>
      </c>
      <c r="L1259" s="40"/>
      <c r="M1259" s="40"/>
      <c r="N1259" s="40"/>
      <c r="AB1259">
        <v>4.0023793276110338</v>
      </c>
    </row>
    <row r="1260" spans="4:28" x14ac:dyDescent="0.25">
      <c r="D1260" s="40">
        <v>20.865833000000929</v>
      </c>
      <c r="E1260" s="40">
        <v>10.922649737193389</v>
      </c>
      <c r="F1260" s="40">
        <v>20.849999999999994</v>
      </c>
      <c r="G1260" s="40">
        <v>8.4165023193703767</v>
      </c>
      <c r="H1260" s="40">
        <v>20.850000000000009</v>
      </c>
      <c r="I1260" s="40">
        <v>6.9005226422596992</v>
      </c>
      <c r="J1260" s="40">
        <v>20.849992261904902</v>
      </c>
      <c r="K1260" s="40">
        <v>7.1973794091171728</v>
      </c>
      <c r="L1260" s="40"/>
      <c r="M1260" s="40"/>
      <c r="N1260" s="40"/>
      <c r="AB1260">
        <v>4.00400236721537</v>
      </c>
    </row>
    <row r="1261" spans="4:28" x14ac:dyDescent="0.25">
      <c r="D1261" s="40">
        <v>20.88249900000093</v>
      </c>
      <c r="E1261" s="40">
        <v>10.927350469353813</v>
      </c>
      <c r="F1261" s="40">
        <v>20.866666999999993</v>
      </c>
      <c r="G1261" s="40">
        <v>8.4211177033402773</v>
      </c>
      <c r="H1261" s="40">
        <v>20.866667000000007</v>
      </c>
      <c r="I1261" s="40">
        <v>6.9037767685164617</v>
      </c>
      <c r="J1261" s="40">
        <v>20.866658922619202</v>
      </c>
      <c r="K1261" s="40">
        <v>7.2022304528264049</v>
      </c>
      <c r="L1261" s="40"/>
      <c r="M1261" s="40"/>
      <c r="N1261" s="40"/>
      <c r="AB1261">
        <v>4.0056375190555729</v>
      </c>
    </row>
    <row r="1262" spans="4:28" x14ac:dyDescent="0.25">
      <c r="D1262" s="40">
        <v>20.899165000000931</v>
      </c>
      <c r="E1262" s="40">
        <v>10.927350469353813</v>
      </c>
      <c r="F1262" s="40">
        <v>20.883332999999993</v>
      </c>
      <c r="G1262" s="40">
        <v>8.4258729474303706</v>
      </c>
      <c r="H1262" s="40">
        <v>20.883334000000005</v>
      </c>
      <c r="I1262" s="40">
        <v>6.9071295046598946</v>
      </c>
      <c r="J1262" s="40">
        <v>20.883325583333502</v>
      </c>
      <c r="K1262" s="40">
        <v>7.207081496535511</v>
      </c>
      <c r="L1262" s="40"/>
      <c r="M1262" s="40"/>
      <c r="N1262" s="40"/>
      <c r="AB1262">
        <v>4.0072726708957758</v>
      </c>
    </row>
    <row r="1263" spans="4:28" x14ac:dyDescent="0.25">
      <c r="D1263" s="40">
        <v>20.915831000000932</v>
      </c>
      <c r="E1263" s="40">
        <v>10.937036826532784</v>
      </c>
      <c r="F1263" s="40">
        <v>20.899999999999991</v>
      </c>
      <c r="G1263" s="40">
        <v>8.4306281915205918</v>
      </c>
      <c r="H1263" s="40">
        <v>20.900000000000006</v>
      </c>
      <c r="I1263" s="40">
        <v>6.9104822408031517</v>
      </c>
      <c r="J1263" s="40">
        <v>20.899992244047699</v>
      </c>
      <c r="K1263" s="40">
        <v>7.2117898624885708</v>
      </c>
      <c r="L1263" s="40"/>
      <c r="M1263" s="40"/>
      <c r="N1263" s="40"/>
      <c r="AB1263">
        <v>4.00930752651914</v>
      </c>
    </row>
    <row r="1264" spans="4:28" x14ac:dyDescent="0.25">
      <c r="D1264" s="40">
        <v>20.932497000000932</v>
      </c>
      <c r="E1264" s="40">
        <v>10.941737558693209</v>
      </c>
      <c r="F1264" s="40">
        <v>20.91666699999999</v>
      </c>
      <c r="G1264" s="40">
        <v>8.4306281915205918</v>
      </c>
      <c r="H1264" s="40">
        <v>20.916667000000004</v>
      </c>
      <c r="I1264" s="40">
        <v>6.913736367059915</v>
      </c>
      <c r="J1264" s="40">
        <v>20.916658904761999</v>
      </c>
      <c r="K1264" s="40">
        <v>7.216640906197803</v>
      </c>
      <c r="L1264" s="40"/>
      <c r="M1264" s="40"/>
      <c r="N1264" s="40"/>
      <c r="AB1264">
        <v>4.010942678359342</v>
      </c>
    </row>
    <row r="1265" spans="4:28" x14ac:dyDescent="0.25">
      <c r="D1265" s="40">
        <v>20.949163000000933</v>
      </c>
      <c r="E1265" s="40">
        <v>10.946580737282758</v>
      </c>
      <c r="F1265" s="40">
        <v>20.93333299999999</v>
      </c>
      <c r="G1265" s="40">
        <v>8.4353834356108113</v>
      </c>
      <c r="H1265" s="40">
        <v>20.933334000000002</v>
      </c>
      <c r="I1265" s="40">
        <v>6.9170891032031721</v>
      </c>
      <c r="J1265" s="40">
        <v>20.933325565476299</v>
      </c>
      <c r="K1265" s="40">
        <v>7.216640906197803</v>
      </c>
      <c r="L1265" s="40"/>
      <c r="M1265" s="40"/>
      <c r="N1265" s="40"/>
      <c r="AB1265">
        <v>4.0125657179636791</v>
      </c>
    </row>
    <row r="1266" spans="4:28" x14ac:dyDescent="0.25">
      <c r="D1266" s="40">
        <v>20.965829000000934</v>
      </c>
      <c r="E1266" s="40">
        <v>10.95142391587218</v>
      </c>
      <c r="F1266" s="40">
        <v>20.949999999999989</v>
      </c>
      <c r="G1266" s="40">
        <v>8.4399988195805857</v>
      </c>
      <c r="H1266" s="40">
        <v>20.950000000000003</v>
      </c>
      <c r="I1266" s="40">
        <v>6.9204418393464291</v>
      </c>
      <c r="J1266" s="40">
        <v>20.949992226190599</v>
      </c>
      <c r="K1266" s="40">
        <v>7.221491949907036</v>
      </c>
      <c r="L1266" s="40"/>
      <c r="M1266" s="40"/>
      <c r="N1266" s="40"/>
      <c r="AB1266">
        <v>4.014200869803882</v>
      </c>
    </row>
    <row r="1267" spans="4:28" x14ac:dyDescent="0.25">
      <c r="D1267" s="40">
        <v>20.982495000000934</v>
      </c>
      <c r="E1267" s="40">
        <v>10.956124648032606</v>
      </c>
      <c r="F1267" s="40">
        <v>20.966667000000001</v>
      </c>
      <c r="G1267" s="40">
        <v>8.4495093077610264</v>
      </c>
      <c r="H1267" s="40">
        <v>20.966667000000001</v>
      </c>
      <c r="I1267" s="40">
        <v>6.9236959656031916</v>
      </c>
      <c r="J1267" s="40">
        <v>20.966658886904899</v>
      </c>
      <c r="K1267" s="40">
        <v>7.2262003158599688</v>
      </c>
      <c r="L1267" s="40"/>
      <c r="M1267" s="40"/>
      <c r="N1267" s="40"/>
      <c r="AB1267">
        <v>4.015836021644084</v>
      </c>
    </row>
    <row r="1268" spans="4:28" x14ac:dyDescent="0.25">
      <c r="D1268" s="40">
        <v>20.999161000000935</v>
      </c>
      <c r="E1268" s="40">
        <v>10.960967826622152</v>
      </c>
      <c r="F1268" s="40">
        <v>20.983332999999988</v>
      </c>
      <c r="G1268" s="40">
        <v>8.4541246917309252</v>
      </c>
      <c r="H1268" s="40">
        <v>20.983334000000013</v>
      </c>
      <c r="I1268" s="40">
        <v>6.9236959656031916</v>
      </c>
      <c r="J1268" s="40">
        <v>20.983325547619199</v>
      </c>
      <c r="K1268" s="40">
        <v>7.231051359569201</v>
      </c>
      <c r="L1268" s="40"/>
      <c r="M1268" s="40"/>
      <c r="N1268" s="40"/>
      <c r="AB1268">
        <v>4.0174590612484211</v>
      </c>
    </row>
    <row r="1269" spans="4:28" x14ac:dyDescent="0.25">
      <c r="D1269" s="40">
        <v>21.015827000000936</v>
      </c>
      <c r="E1269" s="40">
        <v>10.965811005211702</v>
      </c>
      <c r="F1269" s="40">
        <v>21</v>
      </c>
      <c r="G1269" s="40">
        <v>8.4588799358210203</v>
      </c>
      <c r="H1269" s="40">
        <v>21</v>
      </c>
      <c r="I1269" s="40">
        <v>6.9270487017466245</v>
      </c>
      <c r="J1269" s="40">
        <v>20.999992208333499</v>
      </c>
      <c r="K1269" s="40">
        <v>7.2359024032784331</v>
      </c>
      <c r="L1269" s="40"/>
      <c r="M1269" s="40"/>
      <c r="N1269" s="40"/>
      <c r="AB1269">
        <v>4.019094213088624</v>
      </c>
    </row>
    <row r="1270" spans="4:28" x14ac:dyDescent="0.25">
      <c r="D1270" s="40">
        <v>21.032493000000937</v>
      </c>
      <c r="E1270" s="40">
        <v>10.970511737372</v>
      </c>
      <c r="F1270" s="40">
        <v>21.016666999999998</v>
      </c>
      <c r="G1270" s="40">
        <v>8.4682505638811403</v>
      </c>
      <c r="H1270" s="40">
        <v>21.016667000000012</v>
      </c>
      <c r="I1270" s="40">
        <v>6.9304014378898815</v>
      </c>
      <c r="J1270" s="40">
        <v>21.016658869047799</v>
      </c>
      <c r="K1270" s="40">
        <v>7.2406107692313668</v>
      </c>
      <c r="L1270" s="40"/>
      <c r="M1270" s="40"/>
      <c r="N1270" s="40"/>
      <c r="AB1270">
        <v>4.0207172526929815</v>
      </c>
    </row>
    <row r="1271" spans="4:28" x14ac:dyDescent="0.25">
      <c r="D1271" s="40">
        <v>21.049159000000937</v>
      </c>
      <c r="E1271" s="40">
        <v>10.980198094551097</v>
      </c>
      <c r="F1271" s="40">
        <v>21.033332999999999</v>
      </c>
      <c r="G1271" s="40">
        <v>8.4730058079712354</v>
      </c>
      <c r="H1271" s="40">
        <v>21.033334000000011</v>
      </c>
      <c r="I1271" s="40">
        <v>6.9336555641466449</v>
      </c>
      <c r="J1271" s="40">
        <v>21.033325529761999</v>
      </c>
      <c r="K1271" s="40">
        <v>7.2406107692313668</v>
      </c>
      <c r="L1271" s="40"/>
      <c r="M1271" s="40"/>
      <c r="N1271" s="40"/>
      <c r="AB1271">
        <v>4.0223524045331631</v>
      </c>
    </row>
    <row r="1272" spans="4:28" x14ac:dyDescent="0.25">
      <c r="D1272" s="40">
        <v>21.065825000000938</v>
      </c>
      <c r="E1272" s="40">
        <v>10.984898826711397</v>
      </c>
      <c r="F1272" s="40">
        <v>21.049999999999997</v>
      </c>
      <c r="G1272" s="40">
        <v>8.4777610520614548</v>
      </c>
      <c r="H1272" s="40">
        <v>21.050000000000011</v>
      </c>
      <c r="I1272" s="40">
        <v>6.9370083002899019</v>
      </c>
      <c r="J1272" s="40">
        <v>21.049992190476299</v>
      </c>
      <c r="K1272" s="40">
        <v>7.245461812940599</v>
      </c>
      <c r="L1272" s="40"/>
      <c r="M1272" s="40"/>
      <c r="N1272" s="40"/>
      <c r="AB1272">
        <v>4.0239875563733651</v>
      </c>
    </row>
    <row r="1273" spans="4:28" x14ac:dyDescent="0.25">
      <c r="D1273" s="40">
        <v>21.082491000000939</v>
      </c>
      <c r="E1273" s="40">
        <v>10.989742005300945</v>
      </c>
      <c r="F1273" s="40">
        <v>21.066666999999995</v>
      </c>
      <c r="G1273" s="40">
        <v>8.4823764360313554</v>
      </c>
      <c r="H1273" s="40">
        <v>21.06666700000001</v>
      </c>
      <c r="I1273" s="40">
        <v>6.9403610364333348</v>
      </c>
      <c r="J1273" s="40">
        <v>21.066658851190599</v>
      </c>
      <c r="K1273" s="40">
        <v>7.2503128566498312</v>
      </c>
      <c r="L1273" s="40"/>
      <c r="M1273" s="40"/>
      <c r="N1273" s="40"/>
      <c r="AB1273">
        <v>4.0256105959777235</v>
      </c>
    </row>
    <row r="1274" spans="4:28" x14ac:dyDescent="0.25">
      <c r="D1274" s="40">
        <v>21.09915700000094</v>
      </c>
      <c r="E1274" s="40">
        <v>10.994585183890495</v>
      </c>
      <c r="F1274" s="40">
        <v>21.083332999999996</v>
      </c>
      <c r="G1274" s="40">
        <v>8.4823764360313554</v>
      </c>
      <c r="H1274" s="40">
        <v>21.083334000000008</v>
      </c>
      <c r="I1274" s="40">
        <v>6.9436151626899214</v>
      </c>
      <c r="J1274" s="40">
        <v>21.083325511904899</v>
      </c>
      <c r="K1274" s="40">
        <v>7.2503128566498312</v>
      </c>
      <c r="L1274" s="40"/>
      <c r="M1274" s="40"/>
      <c r="N1274" s="40"/>
      <c r="AB1274">
        <v>4.0272457478179264</v>
      </c>
    </row>
    <row r="1275" spans="4:28" x14ac:dyDescent="0.25">
      <c r="D1275" s="40">
        <v>21.11582300000094</v>
      </c>
      <c r="E1275" s="40">
        <v>10.999285916050919</v>
      </c>
      <c r="F1275" s="40">
        <v>21.099999999999994</v>
      </c>
      <c r="G1275" s="40">
        <v>8.4871316801214487</v>
      </c>
      <c r="H1275" s="40">
        <v>21.100000000000009</v>
      </c>
      <c r="I1275" s="40">
        <v>6.9469678988333543</v>
      </c>
      <c r="J1275" s="40">
        <v>21.099992172619199</v>
      </c>
      <c r="K1275" s="40">
        <v>7.255021222602891</v>
      </c>
      <c r="L1275" s="40"/>
      <c r="M1275" s="40"/>
      <c r="N1275" s="40"/>
      <c r="AB1275">
        <v>4.0288808996581071</v>
      </c>
    </row>
    <row r="1276" spans="4:28" x14ac:dyDescent="0.25">
      <c r="D1276" s="40">
        <v>21.132489000000941</v>
      </c>
      <c r="E1276" s="40">
        <v>11.008972273229888</v>
      </c>
      <c r="F1276" s="40">
        <v>21.116666999999993</v>
      </c>
      <c r="G1276" s="40">
        <v>8.4918869242116699</v>
      </c>
      <c r="H1276" s="40">
        <v>21.116667000000007</v>
      </c>
      <c r="I1276" s="40">
        <v>6.9503206349766113</v>
      </c>
      <c r="J1276" s="40">
        <v>21.116658833333499</v>
      </c>
      <c r="K1276" s="40">
        <v>7.255021222602891</v>
      </c>
      <c r="L1276" s="40"/>
      <c r="M1276" s="40"/>
      <c r="N1276" s="40"/>
      <c r="AB1276">
        <v>4.0300921232434588</v>
      </c>
    </row>
    <row r="1277" spans="4:28" x14ac:dyDescent="0.25">
      <c r="D1277" s="40">
        <v>21.149155000000942</v>
      </c>
      <c r="E1277" s="40">
        <v>11.013673005390315</v>
      </c>
      <c r="F1277" s="40">
        <v>21.133332999999993</v>
      </c>
      <c r="G1277" s="40">
        <v>8.4965023081815705</v>
      </c>
      <c r="H1277" s="40">
        <v>21.133334000000005</v>
      </c>
      <c r="I1277" s="40">
        <v>6.9535747612333747</v>
      </c>
      <c r="J1277" s="40">
        <v>21.133325494047799</v>
      </c>
      <c r="K1277" s="40">
        <v>7.2598722663119961</v>
      </c>
      <c r="L1277" s="40"/>
      <c r="M1277" s="40"/>
      <c r="N1277" s="40"/>
      <c r="AB1277">
        <v>4.0317272750836404</v>
      </c>
    </row>
    <row r="1278" spans="4:28" x14ac:dyDescent="0.25">
      <c r="D1278" s="40">
        <v>21.165821000000943</v>
      </c>
      <c r="E1278" s="40">
        <v>11.018516183979736</v>
      </c>
      <c r="F1278" s="40">
        <v>21.149999999999991</v>
      </c>
      <c r="G1278" s="40">
        <v>8.5012575522716638</v>
      </c>
      <c r="H1278" s="40">
        <v>21.150000000000006</v>
      </c>
      <c r="I1278" s="40">
        <v>6.9569274973766317</v>
      </c>
      <c r="J1278" s="40">
        <v>21.149992154762</v>
      </c>
      <c r="K1278" s="40">
        <v>7.2598722663119961</v>
      </c>
      <c r="L1278" s="40"/>
      <c r="M1278" s="40"/>
      <c r="N1278" s="40"/>
      <c r="AB1278">
        <v>4.0333624269238433</v>
      </c>
    </row>
    <row r="1279" spans="4:28" x14ac:dyDescent="0.25">
      <c r="D1279" s="40">
        <v>21.182487000000943</v>
      </c>
      <c r="E1279" s="40">
        <v>11.023359362569286</v>
      </c>
      <c r="F1279" s="40">
        <v>21.16666699999999</v>
      </c>
      <c r="G1279" s="40">
        <v>8.5106281803317838</v>
      </c>
      <c r="H1279" s="40">
        <v>21.166667000000004</v>
      </c>
      <c r="I1279" s="40">
        <v>6.9602802335200646</v>
      </c>
      <c r="J1279" s="40">
        <v>21.1666588154763</v>
      </c>
      <c r="K1279" s="40">
        <v>7.2598722663119961</v>
      </c>
      <c r="L1279" s="40"/>
      <c r="M1279" s="40"/>
      <c r="N1279" s="40"/>
      <c r="AB1279">
        <v>4.0349854665282008</v>
      </c>
    </row>
    <row r="1280" spans="4:28" x14ac:dyDescent="0.25">
      <c r="D1280" s="40">
        <v>21.199153000000944</v>
      </c>
      <c r="E1280" s="40">
        <v>11.02806009472971</v>
      </c>
      <c r="F1280" s="40">
        <v>21.18333299999999</v>
      </c>
      <c r="G1280" s="40">
        <v>8.5153834244220032</v>
      </c>
      <c r="H1280" s="40">
        <v>21.183334000000002</v>
      </c>
      <c r="I1280" s="40">
        <v>6.9635343597768271</v>
      </c>
      <c r="J1280" s="40">
        <v>21.1833254761906</v>
      </c>
      <c r="K1280" s="40">
        <v>7.2598722663119961</v>
      </c>
      <c r="L1280" s="40"/>
      <c r="M1280" s="40"/>
      <c r="N1280" s="40"/>
      <c r="AB1280">
        <v>4.0362088023493756</v>
      </c>
    </row>
    <row r="1281" spans="4:28" x14ac:dyDescent="0.25">
      <c r="D1281" s="40">
        <v>21.215819000000945</v>
      </c>
      <c r="E1281" s="40">
        <v>11.03774645190868</v>
      </c>
      <c r="F1281" s="40">
        <v>21.199999999999989</v>
      </c>
      <c r="G1281" s="40">
        <v>8.5201386685120983</v>
      </c>
      <c r="H1281" s="40">
        <v>21.200000000000003</v>
      </c>
      <c r="I1281" s="40">
        <v>6.9668870959200841</v>
      </c>
      <c r="J1281" s="40">
        <v>21.1999921369049</v>
      </c>
      <c r="K1281" s="40">
        <v>7.2647233100212292</v>
      </c>
      <c r="L1281" s="40"/>
      <c r="M1281" s="40"/>
      <c r="N1281" s="40"/>
      <c r="AB1281">
        <v>4.0378439541895776</v>
      </c>
    </row>
    <row r="1282" spans="4:28" x14ac:dyDescent="0.25">
      <c r="D1282" s="40">
        <v>21.232485000000946</v>
      </c>
      <c r="E1282" s="40">
        <v>11.042447184069106</v>
      </c>
      <c r="F1282" s="40">
        <v>21.216667000000001</v>
      </c>
      <c r="G1282" s="40">
        <v>8.5247540524819989</v>
      </c>
      <c r="H1282" s="40">
        <v>21.216667000000001</v>
      </c>
      <c r="I1282" s="40">
        <v>6.9668870959200841</v>
      </c>
      <c r="J1282" s="40">
        <v>21.2166587976192</v>
      </c>
      <c r="K1282" s="40">
        <v>7.2647233100212292</v>
      </c>
      <c r="L1282" s="40"/>
      <c r="M1282" s="40"/>
      <c r="N1282" s="40"/>
      <c r="AB1282">
        <v>4.0394791060297806</v>
      </c>
    </row>
    <row r="1283" spans="4:28" x14ac:dyDescent="0.25">
      <c r="D1283" s="40">
        <v>21.249151000000946</v>
      </c>
      <c r="E1283" s="40">
        <v>11.052133541248077</v>
      </c>
      <c r="F1283" s="40">
        <v>21.233332999999988</v>
      </c>
      <c r="G1283" s="40">
        <v>8.5295092965722183</v>
      </c>
      <c r="H1283" s="40">
        <v>21.233334000000013</v>
      </c>
      <c r="I1283" s="40">
        <v>6.9702398320633412</v>
      </c>
      <c r="J1283" s="40">
        <v>21.2333254583335</v>
      </c>
      <c r="K1283" s="40">
        <v>7.269431675974289</v>
      </c>
      <c r="L1283" s="40"/>
      <c r="M1283" s="40"/>
      <c r="N1283" s="40"/>
      <c r="AB1283">
        <v>4.0411021456341389</v>
      </c>
    </row>
    <row r="1284" spans="4:28" x14ac:dyDescent="0.25">
      <c r="D1284" s="40">
        <v>21.265817000000947</v>
      </c>
      <c r="E1284" s="40">
        <v>11.056834273408501</v>
      </c>
      <c r="F1284" s="40">
        <v>21.25</v>
      </c>
      <c r="G1284" s="40">
        <v>8.5342645406623134</v>
      </c>
      <c r="H1284" s="40">
        <v>21.25</v>
      </c>
      <c r="I1284" s="40">
        <v>6.9734939583201045</v>
      </c>
      <c r="J1284" s="40">
        <v>21.2499921190478</v>
      </c>
      <c r="K1284" s="40">
        <v>7.2742827196833941</v>
      </c>
      <c r="L1284" s="40"/>
      <c r="M1284" s="40"/>
      <c r="N1284" s="40"/>
      <c r="AB1284">
        <v>4.0423254814553138</v>
      </c>
    </row>
    <row r="1285" spans="4:28" x14ac:dyDescent="0.25">
      <c r="D1285" s="40">
        <v>21.282483000000948</v>
      </c>
      <c r="E1285" s="40">
        <v>11.061677451998051</v>
      </c>
      <c r="F1285" s="40">
        <v>21.266666999999998</v>
      </c>
      <c r="G1285" s="40">
        <v>8.538879924632214</v>
      </c>
      <c r="H1285" s="40">
        <v>21.266667000000012</v>
      </c>
      <c r="I1285" s="40">
        <v>6.9768466944633616</v>
      </c>
      <c r="J1285" s="40">
        <v>21.266658779762</v>
      </c>
      <c r="K1285" s="40">
        <v>7.2791337633926272</v>
      </c>
      <c r="L1285" s="40"/>
      <c r="M1285" s="40"/>
      <c r="N1285" s="40"/>
      <c r="AB1285">
        <v>4.0439606332955158</v>
      </c>
    </row>
    <row r="1286" spans="4:28" x14ac:dyDescent="0.25">
      <c r="D1286" s="40">
        <v>21.299149000000948</v>
      </c>
      <c r="E1286" s="40">
        <v>11.071221362747897</v>
      </c>
      <c r="F1286" s="40">
        <v>21.283332999999999</v>
      </c>
      <c r="G1286" s="40">
        <v>8.538879924632214</v>
      </c>
      <c r="H1286" s="40">
        <v>21.283334000000011</v>
      </c>
      <c r="I1286" s="40">
        <v>6.9801994306067945</v>
      </c>
      <c r="J1286" s="40">
        <v>21.2833254404763</v>
      </c>
      <c r="K1286" s="40">
        <v>7.2791337633926272</v>
      </c>
      <c r="L1286" s="40"/>
      <c r="M1286" s="40"/>
      <c r="N1286" s="40"/>
      <c r="AB1286">
        <v>4.0451839691167129</v>
      </c>
    </row>
    <row r="1287" spans="4:28" x14ac:dyDescent="0.25">
      <c r="D1287" s="40">
        <v>21.315815000000949</v>
      </c>
      <c r="E1287" s="40">
        <v>11.076064541337445</v>
      </c>
      <c r="F1287" s="40">
        <v>21.299999999999997</v>
      </c>
      <c r="G1287" s="40">
        <v>8.5436351687224334</v>
      </c>
      <c r="H1287" s="40">
        <v>21.300000000000011</v>
      </c>
      <c r="I1287" s="40">
        <v>6.9835521667500515</v>
      </c>
      <c r="J1287" s="40">
        <v>21.2999921011906</v>
      </c>
      <c r="K1287" s="40">
        <v>7.2838421293456861</v>
      </c>
      <c r="L1287" s="40"/>
      <c r="M1287" s="40"/>
      <c r="N1287" s="40"/>
      <c r="AB1287">
        <v>4.046807008721049</v>
      </c>
    </row>
    <row r="1288" spans="4:28" x14ac:dyDescent="0.25">
      <c r="D1288" s="40">
        <v>21.33248100000095</v>
      </c>
      <c r="E1288" s="40">
        <v>11.080907719926868</v>
      </c>
      <c r="F1288" s="40">
        <v>21.316666999999995</v>
      </c>
      <c r="G1288" s="40">
        <v>8.5483904128125268</v>
      </c>
      <c r="H1288" s="40">
        <v>21.31666700000001</v>
      </c>
      <c r="I1288" s="40">
        <v>6.986806293006814</v>
      </c>
      <c r="J1288" s="40">
        <v>21.3166587619049</v>
      </c>
      <c r="K1288" s="40">
        <v>7.2838421293456861</v>
      </c>
      <c r="L1288" s="40"/>
      <c r="M1288" s="40"/>
      <c r="N1288" s="40"/>
      <c r="AB1288">
        <v>4.0480303445422452</v>
      </c>
    </row>
    <row r="1289" spans="4:28" x14ac:dyDescent="0.25">
      <c r="D1289" s="40">
        <v>21.349147000000951</v>
      </c>
      <c r="E1289" s="40">
        <v>11.085608452087293</v>
      </c>
      <c r="F1289" s="40">
        <v>21.333332999999996</v>
      </c>
      <c r="G1289" s="40">
        <v>8.5530057967824273</v>
      </c>
      <c r="H1289" s="40">
        <v>21.333334000000008</v>
      </c>
      <c r="I1289" s="40">
        <v>6.990159029150071</v>
      </c>
      <c r="J1289" s="40">
        <v>21.3333254226192</v>
      </c>
      <c r="K1289" s="40">
        <v>7.2886931730547921</v>
      </c>
      <c r="L1289" s="40"/>
      <c r="M1289" s="40"/>
      <c r="N1289" s="40"/>
      <c r="AB1289">
        <v>4.0496654963824259</v>
      </c>
    </row>
    <row r="1290" spans="4:28" x14ac:dyDescent="0.25">
      <c r="D1290" s="40">
        <v>21.365813000000951</v>
      </c>
      <c r="E1290" s="40">
        <v>11.090451630676842</v>
      </c>
      <c r="F1290" s="40">
        <v>21.349999999999994</v>
      </c>
      <c r="G1290" s="40">
        <v>8.5577610408726486</v>
      </c>
      <c r="H1290" s="40">
        <v>21.350000000000009</v>
      </c>
      <c r="I1290" s="40">
        <v>6.9935117652935039</v>
      </c>
      <c r="J1290" s="40">
        <v>21.3499920833335</v>
      </c>
      <c r="K1290" s="40">
        <v>7.2935442167640252</v>
      </c>
      <c r="L1290" s="40"/>
      <c r="M1290" s="40"/>
      <c r="N1290" s="40"/>
      <c r="AB1290">
        <v>4.0513006482226288</v>
      </c>
    </row>
    <row r="1291" spans="4:28" x14ac:dyDescent="0.25">
      <c r="D1291" s="40">
        <v>21.382479000000952</v>
      </c>
      <c r="E1291" s="40">
        <v>11.09529480926639</v>
      </c>
      <c r="F1291" s="40">
        <v>21.366666999999993</v>
      </c>
      <c r="G1291" s="40">
        <v>8.5625162849628662</v>
      </c>
      <c r="H1291" s="40">
        <v>21.366667000000007</v>
      </c>
      <c r="I1291" s="40">
        <v>6.9967658915502673</v>
      </c>
      <c r="J1291" s="40">
        <v>21.3666587440478</v>
      </c>
      <c r="K1291" s="40">
        <v>7.2935442167640252</v>
      </c>
      <c r="L1291" s="40"/>
      <c r="M1291" s="40"/>
      <c r="N1291" s="40"/>
      <c r="AB1291">
        <v>4.052523984043825</v>
      </c>
    </row>
    <row r="1292" spans="4:28" x14ac:dyDescent="0.25">
      <c r="D1292" s="40">
        <v>21.399145000000953</v>
      </c>
      <c r="E1292" s="40">
        <v>11.100137987855812</v>
      </c>
      <c r="F1292" s="40">
        <v>21.383332999999993</v>
      </c>
      <c r="G1292" s="40">
        <v>8.5671316689326424</v>
      </c>
      <c r="H1292" s="40">
        <v>21.383334000000005</v>
      </c>
      <c r="I1292" s="40">
        <v>7.0001186276935243</v>
      </c>
      <c r="J1292" s="40">
        <v>21.383325404762001</v>
      </c>
      <c r="K1292" s="40">
        <v>7.2982525827170841</v>
      </c>
      <c r="L1292" s="40"/>
      <c r="M1292" s="40"/>
      <c r="N1292" s="40"/>
      <c r="AB1292">
        <v>4.0541470236481612</v>
      </c>
    </row>
    <row r="1293" spans="4:28" x14ac:dyDescent="0.25">
      <c r="D1293" s="40">
        <v>21.415811000000954</v>
      </c>
      <c r="E1293" s="40">
        <v>11.104838720016236</v>
      </c>
      <c r="F1293" s="40">
        <v>21.399999999999991</v>
      </c>
      <c r="G1293" s="40">
        <v>8.5718869130228619</v>
      </c>
      <c r="H1293" s="40">
        <v>21.400000000000006</v>
      </c>
      <c r="I1293" s="40">
        <v>7.0034713638367814</v>
      </c>
      <c r="J1293" s="40">
        <v>21.399992065476301</v>
      </c>
      <c r="K1293" s="40">
        <v>7.2982525827170841</v>
      </c>
      <c r="L1293" s="40"/>
      <c r="M1293" s="40"/>
      <c r="N1293" s="40"/>
      <c r="AB1293">
        <v>4.0557821754883641</v>
      </c>
    </row>
    <row r="1294" spans="4:28" x14ac:dyDescent="0.25">
      <c r="D1294" s="40">
        <v>21.432477000000954</v>
      </c>
      <c r="E1294" s="40">
        <v>11.109681898605785</v>
      </c>
      <c r="F1294" s="40">
        <v>21.41666699999999</v>
      </c>
      <c r="G1294" s="40">
        <v>8.5718869130228619</v>
      </c>
      <c r="H1294" s="40">
        <v>21.416667000000004</v>
      </c>
      <c r="I1294" s="40">
        <v>7.0034713638367814</v>
      </c>
      <c r="J1294" s="40">
        <v>21.416658726190601</v>
      </c>
      <c r="K1294" s="40">
        <v>7.3031036264261902</v>
      </c>
      <c r="L1294" s="40"/>
      <c r="M1294" s="40"/>
      <c r="N1294" s="40"/>
      <c r="AB1294">
        <v>4.0570055113095602</v>
      </c>
    </row>
    <row r="1295" spans="4:28" x14ac:dyDescent="0.25">
      <c r="D1295" s="40">
        <v>21.449143000000955</v>
      </c>
      <c r="E1295" s="40">
        <v>11.114525077195207</v>
      </c>
      <c r="F1295" s="40">
        <v>21.43333299999999</v>
      </c>
      <c r="G1295" s="40">
        <v>8.5766421571130795</v>
      </c>
      <c r="H1295" s="40">
        <v>21.433334000000002</v>
      </c>
      <c r="I1295" s="40">
        <v>7.0067254900935447</v>
      </c>
      <c r="J1295" s="40">
        <v>21.433325386904901</v>
      </c>
      <c r="K1295" s="40">
        <v>7.3079546701354232</v>
      </c>
      <c r="L1295" s="40"/>
      <c r="M1295" s="40"/>
      <c r="N1295" s="40"/>
      <c r="AB1295">
        <v>4.0586285509138973</v>
      </c>
    </row>
    <row r="1296" spans="4:28" x14ac:dyDescent="0.25">
      <c r="D1296" s="40">
        <v>21.465809000000956</v>
      </c>
      <c r="E1296" s="40">
        <v>11.119225809355633</v>
      </c>
      <c r="F1296" s="40">
        <v>21.449999999999989</v>
      </c>
      <c r="G1296" s="40">
        <v>8.5812575410828575</v>
      </c>
      <c r="H1296" s="40">
        <v>21.450000000000003</v>
      </c>
      <c r="I1296" s="40">
        <v>7.0100782262368009</v>
      </c>
      <c r="J1296" s="40">
        <v>21.449992047619201</v>
      </c>
      <c r="K1296" s="40">
        <v>7.3126630360884821</v>
      </c>
      <c r="L1296" s="40"/>
      <c r="M1296" s="40"/>
      <c r="N1296" s="40"/>
      <c r="AB1296">
        <v>4.0598518867350935</v>
      </c>
    </row>
    <row r="1297" spans="4:28" x14ac:dyDescent="0.25">
      <c r="D1297" s="40">
        <v>21.482475000000957</v>
      </c>
      <c r="E1297" s="40">
        <v>11.128912166534603</v>
      </c>
      <c r="F1297" s="40">
        <v>21.466667000000001</v>
      </c>
      <c r="G1297" s="40">
        <v>8.586012785173077</v>
      </c>
      <c r="H1297" s="40">
        <v>21.466667000000001</v>
      </c>
      <c r="I1297" s="40">
        <v>7.0134309623802338</v>
      </c>
      <c r="J1297" s="40">
        <v>21.466658708333501</v>
      </c>
      <c r="K1297" s="40">
        <v>7.3175140797977152</v>
      </c>
      <c r="L1297" s="40"/>
      <c r="M1297" s="40"/>
      <c r="N1297" s="40"/>
      <c r="AB1297">
        <v>4.0610752225562683</v>
      </c>
    </row>
    <row r="1298" spans="4:28" x14ac:dyDescent="0.25">
      <c r="D1298" s="40">
        <v>21.499141000000957</v>
      </c>
      <c r="E1298" s="40">
        <v>11.133612898695029</v>
      </c>
      <c r="F1298" s="40">
        <v>21.483332999999988</v>
      </c>
      <c r="G1298" s="40">
        <v>8.5907680292632946</v>
      </c>
      <c r="H1298" s="40">
        <v>21.483334000000013</v>
      </c>
      <c r="I1298" s="40">
        <v>7.0166850886369971</v>
      </c>
      <c r="J1298" s="40">
        <v>21.483325369047801</v>
      </c>
      <c r="K1298" s="40">
        <v>7.3175140797977152</v>
      </c>
      <c r="L1298" s="40"/>
      <c r="M1298" s="40"/>
      <c r="N1298" s="40"/>
      <c r="AB1298">
        <v>4.0627103743964703</v>
      </c>
    </row>
    <row r="1299" spans="4:28" x14ac:dyDescent="0.25">
      <c r="D1299" s="40">
        <v>21.515807000000958</v>
      </c>
      <c r="E1299" s="40">
        <v>11.138456077284577</v>
      </c>
      <c r="F1299" s="40">
        <v>21.5</v>
      </c>
      <c r="G1299" s="40">
        <v>8.5907680292632946</v>
      </c>
      <c r="H1299" s="40">
        <v>21.5</v>
      </c>
      <c r="I1299" s="40">
        <v>7.0200378247802542</v>
      </c>
      <c r="J1299" s="40">
        <v>21.499992029762002</v>
      </c>
      <c r="K1299" s="40">
        <v>7.3223651235068203</v>
      </c>
      <c r="L1299" s="40"/>
      <c r="M1299" s="40"/>
      <c r="N1299" s="40"/>
      <c r="AB1299">
        <v>4.0639337102176665</v>
      </c>
    </row>
    <row r="1300" spans="4:28" x14ac:dyDescent="0.25">
      <c r="D1300" s="40">
        <v>21.532473000000959</v>
      </c>
      <c r="E1300" s="40">
        <v>11.138456077284577</v>
      </c>
      <c r="F1300" s="40">
        <v>21.516666999999998</v>
      </c>
      <c r="G1300" s="40">
        <v>8.5953834132331952</v>
      </c>
      <c r="H1300" s="40">
        <v>21.516667000000012</v>
      </c>
      <c r="I1300" s="40">
        <v>7.0233905609235112</v>
      </c>
      <c r="J1300" s="40">
        <v>21.516658690476302</v>
      </c>
      <c r="K1300" s="40">
        <v>7.3270734894598801</v>
      </c>
      <c r="L1300" s="40"/>
      <c r="M1300" s="40"/>
      <c r="N1300" s="40"/>
      <c r="AB1300">
        <v>4.0655688620578694</v>
      </c>
    </row>
    <row r="1301" spans="4:28" x14ac:dyDescent="0.25">
      <c r="D1301" s="40">
        <v>21.549139000000959</v>
      </c>
      <c r="E1301" s="40">
        <v>11.143299255873998</v>
      </c>
      <c r="F1301" s="40">
        <v>21.533332999999999</v>
      </c>
      <c r="G1301" s="40">
        <v>8.6001386573232921</v>
      </c>
      <c r="H1301" s="40">
        <v>21.533334000000011</v>
      </c>
      <c r="I1301" s="40">
        <v>7.0266446871802746</v>
      </c>
      <c r="J1301" s="40">
        <v>21.533325351190602</v>
      </c>
      <c r="K1301" s="40">
        <v>7.3319245331691132</v>
      </c>
      <c r="L1301" s="40"/>
      <c r="M1301" s="40"/>
      <c r="N1301" s="40"/>
      <c r="AB1301">
        <v>4.0667921978790442</v>
      </c>
    </row>
    <row r="1302" spans="4:28" x14ac:dyDescent="0.25">
      <c r="D1302" s="40">
        <v>21.56580500000096</v>
      </c>
      <c r="E1302" s="40">
        <v>11.147999988034424</v>
      </c>
      <c r="F1302" s="40">
        <v>21.549999999999997</v>
      </c>
      <c r="G1302" s="40">
        <v>8.6048939014135097</v>
      </c>
      <c r="H1302" s="40">
        <v>21.550000000000011</v>
      </c>
      <c r="I1302" s="40">
        <v>7.0299974233237066</v>
      </c>
      <c r="J1302" s="40">
        <v>21.549992011904902</v>
      </c>
      <c r="K1302" s="40">
        <v>7.3367755768782184</v>
      </c>
      <c r="L1302" s="40"/>
      <c r="M1302" s="40"/>
      <c r="N1302" s="40"/>
      <c r="AB1302">
        <v>4.0684152374834026</v>
      </c>
    </row>
    <row r="1303" spans="4:28" x14ac:dyDescent="0.25">
      <c r="D1303" s="40">
        <v>21.582471000000961</v>
      </c>
      <c r="E1303" s="40">
        <v>11.152843166623972</v>
      </c>
      <c r="F1303" s="40">
        <v>21.566666999999995</v>
      </c>
      <c r="G1303" s="40">
        <v>8.6096491455037292</v>
      </c>
      <c r="H1303" s="40">
        <v>21.56666700000001</v>
      </c>
      <c r="I1303" s="40">
        <v>7.0333501594669636</v>
      </c>
      <c r="J1303" s="40">
        <v>21.566658672619202</v>
      </c>
      <c r="K1303" s="40">
        <v>7.3416266205874505</v>
      </c>
      <c r="L1303" s="40"/>
      <c r="M1303" s="40"/>
      <c r="N1303" s="40"/>
      <c r="AB1303">
        <v>4.0696385733045775</v>
      </c>
    </row>
    <row r="1304" spans="4:28" x14ac:dyDescent="0.25">
      <c r="D1304" s="40">
        <v>21.599137000000962</v>
      </c>
      <c r="E1304" s="40">
        <v>11.157686345213522</v>
      </c>
      <c r="F1304" s="40">
        <v>21.583332999999996</v>
      </c>
      <c r="G1304" s="40">
        <v>8.6096491455037292</v>
      </c>
      <c r="H1304" s="40">
        <v>21.583334000000008</v>
      </c>
      <c r="I1304" s="40">
        <v>7.036604285723727</v>
      </c>
      <c r="J1304" s="40">
        <v>21.583325333333502</v>
      </c>
      <c r="K1304" s="40">
        <v>7.3463349865405103</v>
      </c>
      <c r="L1304" s="40"/>
      <c r="M1304" s="40"/>
      <c r="N1304" s="40"/>
      <c r="AB1304">
        <v>4.0708619091257736</v>
      </c>
    </row>
    <row r="1305" spans="4:28" x14ac:dyDescent="0.25">
      <c r="D1305" s="40">
        <v>21.615803000000962</v>
      </c>
      <c r="E1305" s="40">
        <v>11.16238707737382</v>
      </c>
      <c r="F1305" s="40">
        <v>21.599999999999994</v>
      </c>
      <c r="G1305" s="40">
        <v>8.6142645294735054</v>
      </c>
      <c r="H1305" s="40">
        <v>21.600000000000009</v>
      </c>
      <c r="I1305" s="40">
        <v>7.039957021866984</v>
      </c>
      <c r="J1305" s="40">
        <v>21.599991994047802</v>
      </c>
      <c r="K1305" s="40">
        <v>7.3511860302496164</v>
      </c>
      <c r="L1305" s="40"/>
      <c r="M1305" s="40"/>
      <c r="N1305" s="40"/>
      <c r="AB1305">
        <v>4.0724970609659756</v>
      </c>
    </row>
    <row r="1306" spans="4:28" x14ac:dyDescent="0.25">
      <c r="D1306" s="40">
        <v>21.632469000000963</v>
      </c>
      <c r="E1306" s="40">
        <v>11.16238707737382</v>
      </c>
      <c r="F1306" s="40">
        <v>21.616666999999993</v>
      </c>
      <c r="G1306" s="40">
        <v>8.6190197735637248</v>
      </c>
      <c r="H1306" s="40">
        <v>21.616667000000007</v>
      </c>
      <c r="I1306" s="40">
        <v>7.039957021866984</v>
      </c>
      <c r="J1306" s="40">
        <v>21.616658654761999</v>
      </c>
      <c r="K1306" s="40">
        <v>7.3560370739588485</v>
      </c>
      <c r="L1306" s="40"/>
      <c r="M1306" s="40"/>
      <c r="N1306" s="40"/>
      <c r="AB1306">
        <v>4.0737203967871505</v>
      </c>
    </row>
    <row r="1307" spans="4:28" x14ac:dyDescent="0.25">
      <c r="D1307" s="40">
        <v>21.649135000000964</v>
      </c>
      <c r="E1307" s="40">
        <v>11.16723025596337</v>
      </c>
      <c r="F1307" s="40">
        <v>21.633332999999993</v>
      </c>
      <c r="G1307" s="40">
        <v>8.6237750176539443</v>
      </c>
      <c r="H1307" s="40">
        <v>21.633334000000005</v>
      </c>
      <c r="I1307" s="40">
        <v>7.0433097580102419</v>
      </c>
      <c r="J1307" s="40">
        <v>21.633325315476299</v>
      </c>
      <c r="K1307" s="40">
        <v>7.3560370739588485</v>
      </c>
      <c r="L1307" s="40"/>
      <c r="M1307" s="40"/>
      <c r="N1307" s="40"/>
      <c r="AB1307">
        <v>4.0749437326083466</v>
      </c>
    </row>
    <row r="1308" spans="4:28" x14ac:dyDescent="0.25">
      <c r="D1308" s="40">
        <v>21.665801000000965</v>
      </c>
      <c r="E1308" s="40">
        <v>11.172073434552916</v>
      </c>
      <c r="F1308" s="40">
        <v>21.649999999999991</v>
      </c>
      <c r="G1308" s="40">
        <v>8.6283904016237205</v>
      </c>
      <c r="H1308" s="40">
        <v>21.650000000000006</v>
      </c>
      <c r="I1308" s="40">
        <v>7.0465638842670044</v>
      </c>
      <c r="J1308" s="40">
        <v>21.649991976190599</v>
      </c>
      <c r="K1308" s="40">
        <v>7.3607454399119083</v>
      </c>
      <c r="L1308" s="40"/>
      <c r="M1308" s="40"/>
      <c r="N1308" s="40"/>
      <c r="AB1308">
        <v>4.0761670684295215</v>
      </c>
    </row>
    <row r="1309" spans="4:28" x14ac:dyDescent="0.25">
      <c r="D1309" s="40">
        <v>21.682467000000965</v>
      </c>
      <c r="E1309" s="40">
        <v>11.176774166713216</v>
      </c>
      <c r="F1309" s="40">
        <v>21.66666699999999</v>
      </c>
      <c r="G1309" s="40">
        <v>8.6379008898041576</v>
      </c>
      <c r="H1309" s="40">
        <v>21.666667000000004</v>
      </c>
      <c r="I1309" s="40">
        <v>7.0532693565536935</v>
      </c>
      <c r="J1309" s="40">
        <v>21.666658636904899</v>
      </c>
      <c r="K1309" s="40">
        <v>7.3655964836211405</v>
      </c>
      <c r="L1309" s="40"/>
      <c r="M1309" s="40"/>
      <c r="N1309" s="40"/>
      <c r="AB1309">
        <v>4.0773904042507176</v>
      </c>
    </row>
    <row r="1310" spans="4:28" x14ac:dyDescent="0.25">
      <c r="D1310" s="40">
        <v>21.699133000000966</v>
      </c>
      <c r="E1310" s="40">
        <v>11.181617345302763</v>
      </c>
      <c r="F1310" s="40">
        <v>21.68333299999999</v>
      </c>
      <c r="G1310" s="40">
        <v>8.6425162737740582</v>
      </c>
      <c r="H1310" s="40">
        <v>21.683334000000002</v>
      </c>
      <c r="I1310" s="40">
        <v>7.0565234828104568</v>
      </c>
      <c r="J1310" s="40">
        <v>21.683325297619199</v>
      </c>
      <c r="K1310" s="40">
        <v>7.3704475273302466</v>
      </c>
      <c r="L1310" s="40"/>
      <c r="M1310" s="40"/>
      <c r="N1310" s="40"/>
      <c r="AB1310">
        <v>4.0786137400718925</v>
      </c>
    </row>
    <row r="1311" spans="4:28" x14ac:dyDescent="0.25">
      <c r="D1311" s="40">
        <v>21.715799000000967</v>
      </c>
      <c r="E1311" s="40">
        <v>11.186460523892311</v>
      </c>
      <c r="F1311" s="40">
        <v>21.699999999999989</v>
      </c>
      <c r="G1311" s="40">
        <v>8.6472715178641533</v>
      </c>
      <c r="H1311" s="40">
        <v>21.700000000000003</v>
      </c>
      <c r="I1311" s="40">
        <v>7.0598762189537139</v>
      </c>
      <c r="J1311" s="40">
        <v>21.699991958333499</v>
      </c>
      <c r="K1311" s="40">
        <v>7.3751558932833063</v>
      </c>
      <c r="L1311" s="40"/>
      <c r="M1311" s="40"/>
      <c r="N1311" s="40"/>
      <c r="AB1311">
        <v>4.08023677967625</v>
      </c>
    </row>
    <row r="1312" spans="4:28" x14ac:dyDescent="0.25">
      <c r="D1312" s="40">
        <v>21.732465000000968</v>
      </c>
      <c r="E1312" s="40">
        <v>11.191161256052737</v>
      </c>
      <c r="F1312" s="40">
        <v>21.716667000000001</v>
      </c>
      <c r="G1312" s="40">
        <v>8.6520267619543727</v>
      </c>
      <c r="H1312" s="40">
        <v>21.716667000000001</v>
      </c>
      <c r="I1312" s="40">
        <v>7.0632289550971468</v>
      </c>
      <c r="J1312" s="40">
        <v>21.716658619047799</v>
      </c>
      <c r="K1312" s="40">
        <v>7.3800069369925385</v>
      </c>
      <c r="L1312" s="40"/>
      <c r="M1312" s="40"/>
      <c r="N1312" s="40"/>
      <c r="AB1312">
        <v>4.0814601154974257</v>
      </c>
    </row>
    <row r="1313" spans="4:28" x14ac:dyDescent="0.25">
      <c r="D1313" s="40">
        <v>21.749131000000968</v>
      </c>
      <c r="E1313" s="40">
        <v>11.196004434642159</v>
      </c>
      <c r="F1313" s="40">
        <v>21.733332999999988</v>
      </c>
      <c r="G1313" s="40">
        <v>8.6566421459242733</v>
      </c>
      <c r="H1313" s="40">
        <v>21.733334000000013</v>
      </c>
      <c r="I1313" s="40">
        <v>7.0698358174971672</v>
      </c>
      <c r="J1313" s="40">
        <v>21.733325279761999</v>
      </c>
      <c r="K1313" s="40">
        <v>7.3848579807016446</v>
      </c>
      <c r="L1313" s="40"/>
      <c r="M1313" s="40"/>
      <c r="N1313" s="40"/>
      <c r="AB1313">
        <v>4.0826834513186219</v>
      </c>
    </row>
    <row r="1314" spans="4:28" x14ac:dyDescent="0.25">
      <c r="D1314" s="40">
        <v>21.765797000000969</v>
      </c>
      <c r="E1314" s="40">
        <v>11.200847613231709</v>
      </c>
      <c r="F1314" s="40">
        <v>21.75</v>
      </c>
      <c r="G1314" s="40">
        <v>8.6613973900143684</v>
      </c>
      <c r="H1314" s="40">
        <v>21.75</v>
      </c>
      <c r="I1314" s="40">
        <v>7.0731885536404233</v>
      </c>
      <c r="J1314" s="40">
        <v>21.749991940476299</v>
      </c>
      <c r="K1314" s="40">
        <v>7.3895663466547044</v>
      </c>
      <c r="L1314" s="40"/>
      <c r="M1314" s="40"/>
      <c r="N1314" s="40"/>
      <c r="AB1314">
        <v>4.0839067871398171</v>
      </c>
    </row>
    <row r="1315" spans="4:28" x14ac:dyDescent="0.25">
      <c r="D1315" s="40">
        <v>21.78246300000097</v>
      </c>
      <c r="E1315" s="40">
        <v>11.205548345392133</v>
      </c>
      <c r="F1315" s="40">
        <v>21.766666999999998</v>
      </c>
      <c r="G1315" s="40">
        <v>8.6661526341045878</v>
      </c>
      <c r="H1315" s="40">
        <v>21.766667000000012</v>
      </c>
      <c r="I1315" s="40">
        <v>7.0764426798971867</v>
      </c>
      <c r="J1315" s="40">
        <v>21.766658601190599</v>
      </c>
      <c r="K1315" s="40">
        <v>7.3944173903639365</v>
      </c>
      <c r="L1315" s="40"/>
      <c r="M1315" s="40"/>
      <c r="N1315" s="40"/>
      <c r="AB1315">
        <v>4.085130122960992</v>
      </c>
    </row>
    <row r="1316" spans="4:28" x14ac:dyDescent="0.25">
      <c r="D1316" s="40">
        <v>21.799129000000971</v>
      </c>
      <c r="E1316" s="40">
        <v>11.210391523981555</v>
      </c>
      <c r="F1316" s="40">
        <v>21.783332999999999</v>
      </c>
      <c r="G1316" s="40">
        <v>8.6707680180744884</v>
      </c>
      <c r="H1316" s="40">
        <v>21.783334000000011</v>
      </c>
      <c r="I1316" s="40">
        <v>7.0797954160404437</v>
      </c>
      <c r="J1316" s="40">
        <v>21.783325261904899</v>
      </c>
      <c r="K1316" s="40">
        <v>7.3992684340730417</v>
      </c>
      <c r="L1316" s="40"/>
      <c r="M1316" s="40"/>
      <c r="N1316" s="40"/>
      <c r="AB1316">
        <v>4.086353458782189</v>
      </c>
    </row>
    <row r="1317" spans="4:28" x14ac:dyDescent="0.25">
      <c r="D1317" s="40">
        <v>21.815795000000971</v>
      </c>
      <c r="E1317" s="40">
        <v>11.215234702571102</v>
      </c>
      <c r="F1317" s="40">
        <v>21.799999999999997</v>
      </c>
      <c r="G1317" s="40">
        <v>8.6755232621645835</v>
      </c>
      <c r="H1317" s="40">
        <v>21.800000000000011</v>
      </c>
      <c r="I1317" s="40">
        <v>7.0831481521838766</v>
      </c>
      <c r="J1317" s="40">
        <v>21.799991922619199</v>
      </c>
      <c r="K1317" s="40">
        <v>7.4039768000261024</v>
      </c>
      <c r="L1317" s="40"/>
      <c r="M1317" s="40"/>
      <c r="N1317" s="40"/>
      <c r="AB1317">
        <v>4.087576794603363</v>
      </c>
    </row>
    <row r="1318" spans="4:28" x14ac:dyDescent="0.25">
      <c r="D1318" s="40">
        <v>21.832461000000972</v>
      </c>
      <c r="E1318" s="40">
        <v>11.215234702571102</v>
      </c>
      <c r="F1318" s="40">
        <v>21.816666999999995</v>
      </c>
      <c r="G1318" s="40">
        <v>8.6802785062548029</v>
      </c>
      <c r="H1318" s="40">
        <v>21.81666700000001</v>
      </c>
      <c r="I1318" s="40">
        <v>7.089755014583897</v>
      </c>
      <c r="J1318" s="40">
        <v>21.816658583333499</v>
      </c>
      <c r="K1318" s="40">
        <v>7.4088278437353345</v>
      </c>
      <c r="L1318" s="40"/>
      <c r="M1318" s="40"/>
      <c r="N1318" s="40"/>
      <c r="AB1318">
        <v>4.0888001304245591</v>
      </c>
    </row>
    <row r="1319" spans="4:28" x14ac:dyDescent="0.25">
      <c r="D1319" s="40">
        <v>21.849127000000973</v>
      </c>
      <c r="E1319" s="40">
        <v>11.219935434731529</v>
      </c>
      <c r="F1319" s="40">
        <v>21.833332999999996</v>
      </c>
      <c r="G1319" s="40">
        <v>8.6848938902247035</v>
      </c>
      <c r="H1319" s="40">
        <v>21.833334000000008</v>
      </c>
      <c r="I1319" s="40">
        <v>7.093107750727154</v>
      </c>
      <c r="J1319" s="40">
        <v>21.833325244047799</v>
      </c>
      <c r="K1319" s="40">
        <v>7.4088278437353345</v>
      </c>
      <c r="L1319" s="40"/>
      <c r="M1319" s="40"/>
      <c r="N1319" s="40"/>
      <c r="AB1319">
        <v>4.090023466245734</v>
      </c>
    </row>
    <row r="1320" spans="4:28" x14ac:dyDescent="0.25">
      <c r="D1320" s="40">
        <v>21.865793000000973</v>
      </c>
      <c r="E1320" s="40">
        <v>11.22477861332095</v>
      </c>
      <c r="F1320" s="40">
        <v>21.849999999999994</v>
      </c>
      <c r="G1320" s="40">
        <v>8.6896491343149229</v>
      </c>
      <c r="H1320" s="40">
        <v>21.850000000000009</v>
      </c>
      <c r="I1320" s="40">
        <v>7.0963618769839165</v>
      </c>
      <c r="J1320" s="40">
        <v>21.849991904762</v>
      </c>
      <c r="K1320" s="40">
        <v>7.4136788874445667</v>
      </c>
      <c r="L1320" s="40"/>
      <c r="M1320" s="40"/>
      <c r="N1320" s="40"/>
      <c r="AB1320">
        <v>4.091246802066931</v>
      </c>
    </row>
    <row r="1321" spans="4:28" x14ac:dyDescent="0.25">
      <c r="D1321" s="40">
        <v>21.882459000000974</v>
      </c>
      <c r="E1321" s="40">
        <v>11.2296217919105</v>
      </c>
      <c r="F1321" s="40">
        <v>21.866666999999993</v>
      </c>
      <c r="G1321" s="40">
        <v>8.6944043784050162</v>
      </c>
      <c r="H1321" s="40">
        <v>21.866667000000007</v>
      </c>
      <c r="I1321" s="40">
        <v>7.0997146131271744</v>
      </c>
      <c r="J1321" s="40">
        <v>21.8666585654763</v>
      </c>
      <c r="K1321" s="40">
        <v>7.4183872533975004</v>
      </c>
      <c r="L1321" s="40"/>
      <c r="M1321" s="40"/>
      <c r="N1321" s="40"/>
      <c r="AB1321">
        <v>4.0928819539071331</v>
      </c>
    </row>
    <row r="1322" spans="4:28" x14ac:dyDescent="0.25">
      <c r="D1322" s="40">
        <v>21.899125000000975</v>
      </c>
      <c r="E1322" s="40">
        <v>11.234322524070926</v>
      </c>
      <c r="F1322" s="40">
        <v>21.883332999999993</v>
      </c>
      <c r="G1322" s="40">
        <v>8.6990197623749168</v>
      </c>
      <c r="H1322" s="40">
        <v>21.883334000000005</v>
      </c>
      <c r="I1322" s="40">
        <v>7.1064200854138635</v>
      </c>
      <c r="J1322" s="40">
        <v>21.8833252261906</v>
      </c>
      <c r="K1322" s="40">
        <v>7.4183872533975004</v>
      </c>
      <c r="L1322" s="40"/>
      <c r="M1322" s="40"/>
      <c r="N1322" s="40"/>
      <c r="AB1322">
        <v>4.0936934737093011</v>
      </c>
    </row>
    <row r="1323" spans="4:28" x14ac:dyDescent="0.25">
      <c r="D1323" s="40">
        <v>21.915791000000976</v>
      </c>
      <c r="E1323" s="40">
        <v>11.239165702660472</v>
      </c>
      <c r="F1323" s="40">
        <v>21.899999999999991</v>
      </c>
      <c r="G1323" s="40">
        <v>8.7037750064651362</v>
      </c>
      <c r="H1323" s="40">
        <v>21.900000000000006</v>
      </c>
      <c r="I1323" s="40">
        <v>7.1096742116706269</v>
      </c>
      <c r="J1323" s="40">
        <v>21.8999918869049</v>
      </c>
      <c r="K1323" s="40">
        <v>7.4232382971067317</v>
      </c>
      <c r="L1323" s="40"/>
      <c r="M1323" s="40"/>
      <c r="N1323" s="40"/>
      <c r="AB1323">
        <v>4.094916809530476</v>
      </c>
    </row>
    <row r="1324" spans="4:28" x14ac:dyDescent="0.25">
      <c r="D1324" s="40">
        <v>21.932457000000976</v>
      </c>
      <c r="E1324" s="40">
        <v>11.244008881249894</v>
      </c>
      <c r="F1324" s="40">
        <v>21.91666699999999</v>
      </c>
      <c r="G1324" s="40">
        <v>8.7085302505552313</v>
      </c>
      <c r="H1324" s="40">
        <v>21.916667000000004</v>
      </c>
      <c r="I1324" s="40">
        <v>7.1130269478138848</v>
      </c>
      <c r="J1324" s="40">
        <v>21.9166585476192</v>
      </c>
      <c r="K1324" s="40">
        <v>7.4232382971067317</v>
      </c>
      <c r="L1324" s="40"/>
      <c r="M1324" s="40"/>
      <c r="N1324" s="40"/>
      <c r="AB1324">
        <v>4.0961401453516721</v>
      </c>
    </row>
    <row r="1325" spans="4:28" x14ac:dyDescent="0.25">
      <c r="D1325" s="40">
        <v>21.949123000000977</v>
      </c>
      <c r="E1325" s="40">
        <v>11.24870961341032</v>
      </c>
      <c r="F1325" s="40">
        <v>21.93333299999999</v>
      </c>
      <c r="G1325" s="40">
        <v>8.7131456345251319</v>
      </c>
      <c r="H1325" s="40">
        <v>21.933334000000002</v>
      </c>
      <c r="I1325" s="40">
        <v>7.1196338102140793</v>
      </c>
      <c r="J1325" s="40">
        <v>21.9333252083335</v>
      </c>
      <c r="K1325" s="40">
        <v>7.4280893408159647</v>
      </c>
      <c r="L1325" s="40"/>
      <c r="M1325" s="40"/>
      <c r="N1325" s="40"/>
      <c r="AB1325">
        <v>4.0973634811728683</v>
      </c>
    </row>
    <row r="1326" spans="4:28" x14ac:dyDescent="0.25">
      <c r="D1326" s="40">
        <v>21.965789000000978</v>
      </c>
      <c r="E1326" s="40">
        <v>11.253552791999869</v>
      </c>
      <c r="F1326" s="40">
        <v>21.949999999999989</v>
      </c>
      <c r="G1326" s="40">
        <v>8.7179008786153513</v>
      </c>
      <c r="H1326" s="40">
        <v>21.950000000000003</v>
      </c>
      <c r="I1326" s="40">
        <v>7.1229865463573363</v>
      </c>
      <c r="J1326" s="40">
        <v>21.9499918690478</v>
      </c>
      <c r="K1326" s="40">
        <v>7.4327977067688975</v>
      </c>
      <c r="L1326" s="40"/>
      <c r="M1326" s="40"/>
      <c r="N1326" s="40"/>
      <c r="AB1326">
        <v>4.0985868169940431</v>
      </c>
    </row>
    <row r="1327" spans="4:28" x14ac:dyDescent="0.25">
      <c r="D1327" s="40">
        <v>21.982455000000979</v>
      </c>
      <c r="E1327" s="40">
        <v>11.258395970589291</v>
      </c>
      <c r="F1327" s="40">
        <v>21.966667000000001</v>
      </c>
      <c r="G1327" s="40">
        <v>8.7226561227054464</v>
      </c>
      <c r="H1327" s="40">
        <v>21.966667000000001</v>
      </c>
      <c r="I1327" s="40">
        <v>7.1263392825005942</v>
      </c>
      <c r="J1327" s="40">
        <v>21.966658529762</v>
      </c>
      <c r="K1327" s="40">
        <v>7.4327977067688975</v>
      </c>
      <c r="L1327" s="40"/>
      <c r="M1327" s="40"/>
      <c r="N1327" s="40"/>
      <c r="AB1327">
        <v>4.0998101528152393</v>
      </c>
    </row>
    <row r="1328" spans="4:28" x14ac:dyDescent="0.25">
      <c r="D1328" s="40">
        <v>21.999121000000979</v>
      </c>
      <c r="E1328" s="40">
        <v>11.263096702749717</v>
      </c>
      <c r="F1328" s="40">
        <v>21.983332999999988</v>
      </c>
      <c r="G1328" s="40">
        <v>8.727271506675347</v>
      </c>
      <c r="H1328" s="40">
        <v>21.983334000000013</v>
      </c>
      <c r="I1328" s="40">
        <v>7.1329461449006146</v>
      </c>
      <c r="J1328" s="40">
        <v>21.9833251904763</v>
      </c>
      <c r="K1328" s="40">
        <v>7.4376487504781297</v>
      </c>
      <c r="L1328" s="40"/>
      <c r="M1328" s="40"/>
      <c r="N1328" s="40"/>
      <c r="AB1328">
        <v>4.1010334886364141</v>
      </c>
    </row>
    <row r="1329" spans="4:28" x14ac:dyDescent="0.25">
      <c r="D1329" s="40">
        <v>22.01578700000098</v>
      </c>
      <c r="E1329" s="40">
        <v>11.267939881339265</v>
      </c>
      <c r="F1329" s="40">
        <v>22</v>
      </c>
      <c r="G1329" s="40">
        <v>8.7320267507655664</v>
      </c>
      <c r="H1329" s="40">
        <v>22</v>
      </c>
      <c r="I1329" s="40">
        <v>7.1362988810440466</v>
      </c>
      <c r="J1329" s="40">
        <v>21.9999918511906</v>
      </c>
      <c r="K1329" s="40">
        <v>7.4376487504781297</v>
      </c>
      <c r="L1329" s="40"/>
      <c r="M1329" s="40"/>
      <c r="N1329" s="40"/>
      <c r="AB1329">
        <v>4.1022568244576103</v>
      </c>
    </row>
    <row r="1330" spans="4:28" x14ac:dyDescent="0.25">
      <c r="D1330" s="40">
        <v>22.032453000000981</v>
      </c>
      <c r="E1330" s="40">
        <v>11.277626238518236</v>
      </c>
      <c r="F1330" s="40">
        <v>22.016666999999998</v>
      </c>
      <c r="G1330" s="40">
        <v>8.7320267507655664</v>
      </c>
      <c r="H1330" s="40">
        <v>22.016667000000012</v>
      </c>
      <c r="I1330" s="40">
        <v>7.1395530073008091</v>
      </c>
      <c r="J1330" s="40">
        <v>22.0166585119049</v>
      </c>
      <c r="K1330" s="40">
        <v>7.4424997941873627</v>
      </c>
      <c r="L1330" s="40"/>
      <c r="M1330" s="40"/>
      <c r="N1330" s="40"/>
      <c r="AB1330">
        <v>4.1034801602787851</v>
      </c>
    </row>
    <row r="1331" spans="4:28" x14ac:dyDescent="0.25">
      <c r="D1331" s="40">
        <v>22.049119000000982</v>
      </c>
      <c r="E1331" s="40">
        <v>11.282326970678659</v>
      </c>
      <c r="F1331" s="40">
        <v>22.033332999999999</v>
      </c>
      <c r="G1331" s="40">
        <v>8.7367819948556598</v>
      </c>
      <c r="H1331" s="40">
        <v>22.033334000000011</v>
      </c>
      <c r="I1331" s="40">
        <v>7.1429057434440661</v>
      </c>
      <c r="J1331" s="40">
        <v>22.0333251726192</v>
      </c>
      <c r="K1331" s="40">
        <v>7.4424997941873627</v>
      </c>
      <c r="L1331" s="40"/>
      <c r="M1331" s="40"/>
      <c r="N1331" s="40"/>
      <c r="AB1331">
        <v>4.1047034960999813</v>
      </c>
    </row>
    <row r="1332" spans="4:28" x14ac:dyDescent="0.25">
      <c r="D1332" s="40">
        <v>22.065785000000982</v>
      </c>
      <c r="E1332" s="40">
        <v>11.287170149268208</v>
      </c>
      <c r="F1332" s="40">
        <v>22.049999999999997</v>
      </c>
      <c r="G1332" s="40">
        <v>8.7413973788255603</v>
      </c>
      <c r="H1332" s="40">
        <v>22.050000000000011</v>
      </c>
      <c r="I1332" s="40">
        <v>7.1462584795873241</v>
      </c>
      <c r="J1332" s="40">
        <v>22.0499918333335</v>
      </c>
      <c r="K1332" s="40">
        <v>7.4472081601404216</v>
      </c>
      <c r="L1332" s="40"/>
      <c r="M1332" s="40"/>
      <c r="N1332" s="40"/>
      <c r="AB1332">
        <v>4.1059268319211553</v>
      </c>
    </row>
    <row r="1333" spans="4:28" x14ac:dyDescent="0.25">
      <c r="D1333" s="40">
        <v>22.082451000000983</v>
      </c>
      <c r="E1333" s="40">
        <v>11.29201332785763</v>
      </c>
      <c r="F1333" s="40">
        <v>22.066666999999995</v>
      </c>
      <c r="G1333" s="40">
        <v>8.7461526229157798</v>
      </c>
      <c r="H1333" s="40">
        <v>22.06666700000001</v>
      </c>
      <c r="I1333" s="40">
        <v>7.1495126058440865</v>
      </c>
      <c r="J1333" s="40">
        <v>22.0666584940478</v>
      </c>
      <c r="K1333" s="40">
        <v>7.4520592038495277</v>
      </c>
      <c r="L1333" s="40"/>
      <c r="M1333" s="40"/>
      <c r="N1333" s="40"/>
      <c r="AB1333">
        <v>4.1071501677423514</v>
      </c>
    </row>
    <row r="1334" spans="4:28" x14ac:dyDescent="0.25">
      <c r="D1334" s="40">
        <v>22.099117000000984</v>
      </c>
      <c r="E1334" s="40">
        <v>11.296714060018056</v>
      </c>
      <c r="F1334" s="40">
        <v>22.083332999999996</v>
      </c>
      <c r="G1334" s="40">
        <v>8.7461526229157798</v>
      </c>
      <c r="H1334" s="40">
        <v>22.083334000000008</v>
      </c>
      <c r="I1334" s="40">
        <v>7.1528653419873445</v>
      </c>
      <c r="J1334" s="40">
        <v>22.083325154762001</v>
      </c>
      <c r="K1334" s="40">
        <v>7.4520592038495277</v>
      </c>
      <c r="L1334" s="40"/>
      <c r="M1334" s="40"/>
      <c r="N1334" s="40"/>
      <c r="AB1334">
        <v>4.1083735035635485</v>
      </c>
    </row>
    <row r="1335" spans="4:28" x14ac:dyDescent="0.25">
      <c r="D1335" s="40">
        <v>22.115783000000985</v>
      </c>
      <c r="E1335" s="40">
        <v>11.301557238607604</v>
      </c>
      <c r="F1335" s="40">
        <v>22.099999999999994</v>
      </c>
      <c r="G1335" s="40">
        <v>8.750907867006001</v>
      </c>
      <c r="H1335" s="40">
        <v>22.100000000000009</v>
      </c>
      <c r="I1335" s="40">
        <v>7.159472204387539</v>
      </c>
      <c r="J1335" s="40">
        <v>22.099991815476301</v>
      </c>
      <c r="K1335" s="40">
        <v>7.4569102475587608</v>
      </c>
      <c r="L1335" s="40"/>
      <c r="M1335" s="40"/>
      <c r="N1335" s="40"/>
      <c r="AB1335">
        <v>4.1095968393847233</v>
      </c>
    </row>
    <row r="1336" spans="4:28" x14ac:dyDescent="0.25">
      <c r="D1336" s="40">
        <v>22.132449000000985</v>
      </c>
      <c r="E1336" s="40">
        <v>11.31110114935745</v>
      </c>
      <c r="F1336" s="40">
        <v>22.116666999999993</v>
      </c>
      <c r="G1336" s="40">
        <v>8.7555232509757754</v>
      </c>
      <c r="H1336" s="40">
        <v>22.116667000000007</v>
      </c>
      <c r="I1336" s="40">
        <v>7.162824940530796</v>
      </c>
      <c r="J1336" s="40">
        <v>22.116658476190601</v>
      </c>
      <c r="K1336" s="40">
        <v>7.4569102475587608</v>
      </c>
      <c r="L1336" s="40"/>
      <c r="M1336" s="40"/>
      <c r="N1336" s="40"/>
      <c r="AB1336">
        <v>4.1108201752059186</v>
      </c>
    </row>
    <row r="1337" spans="4:28" x14ac:dyDescent="0.25">
      <c r="D1337" s="40">
        <v>22.149115000000986</v>
      </c>
      <c r="E1337" s="40">
        <v>11.315944327946999</v>
      </c>
      <c r="F1337" s="40">
        <v>22.133332999999993</v>
      </c>
      <c r="G1337" s="40">
        <v>8.7602784950659949</v>
      </c>
      <c r="H1337" s="40">
        <v>22.133334000000005</v>
      </c>
      <c r="I1337" s="40">
        <v>7.1661776766740539</v>
      </c>
      <c r="J1337" s="40">
        <v>22.133325136904901</v>
      </c>
      <c r="K1337" s="40">
        <v>7.4616186135118197</v>
      </c>
      <c r="L1337" s="40"/>
      <c r="M1337" s="40"/>
      <c r="N1337" s="40"/>
      <c r="AB1337">
        <v>4.1116316950080876</v>
      </c>
    </row>
    <row r="1338" spans="4:28" x14ac:dyDescent="0.25">
      <c r="D1338" s="40">
        <v>22.165781000000987</v>
      </c>
      <c r="E1338" s="40">
        <v>11.320787506536421</v>
      </c>
      <c r="F1338" s="40">
        <v>22.149999999999991</v>
      </c>
      <c r="G1338" s="40">
        <v>8.7650337391562143</v>
      </c>
      <c r="H1338" s="40">
        <v>22.150000000000006</v>
      </c>
      <c r="I1338" s="40">
        <v>7.1694318029308173</v>
      </c>
      <c r="J1338" s="40">
        <v>22.149991797619201</v>
      </c>
      <c r="K1338" s="40">
        <v>7.4616186135118197</v>
      </c>
      <c r="L1338" s="40"/>
      <c r="M1338" s="40"/>
      <c r="N1338" s="40"/>
      <c r="AB1338">
        <v>4.1128550308292624</v>
      </c>
    </row>
    <row r="1339" spans="4:28" x14ac:dyDescent="0.25">
      <c r="D1339" s="40">
        <v>22.182447000000987</v>
      </c>
      <c r="E1339" s="40">
        <v>11.325488238696847</v>
      </c>
      <c r="F1339" s="40">
        <v>22.16666699999999</v>
      </c>
      <c r="G1339" s="40">
        <v>8.7696491231259905</v>
      </c>
      <c r="H1339" s="40">
        <v>22.166667000000004</v>
      </c>
      <c r="I1339" s="40">
        <v>7.1727845390742493</v>
      </c>
      <c r="J1339" s="40">
        <v>22.166658458333501</v>
      </c>
      <c r="K1339" s="40">
        <v>7.4664696572209257</v>
      </c>
      <c r="L1339" s="40"/>
      <c r="M1339" s="40"/>
      <c r="N1339" s="40"/>
      <c r="AB1339">
        <v>4.1140783666504577</v>
      </c>
    </row>
    <row r="1340" spans="4:28" x14ac:dyDescent="0.25">
      <c r="D1340" s="40">
        <v>22.199113000000988</v>
      </c>
      <c r="E1340" s="40">
        <v>11.325488238696847</v>
      </c>
      <c r="F1340" s="40">
        <v>22.18333299999999</v>
      </c>
      <c r="G1340" s="40">
        <v>8.77440436721621</v>
      </c>
      <c r="H1340" s="40">
        <v>22.183334000000002</v>
      </c>
      <c r="I1340" s="40">
        <v>7.1761372752175063</v>
      </c>
      <c r="J1340" s="40">
        <v>22.183325119047801</v>
      </c>
      <c r="K1340" s="40">
        <v>7.4664696572209257</v>
      </c>
      <c r="L1340" s="40"/>
      <c r="M1340" s="40"/>
      <c r="N1340" s="40"/>
      <c r="AB1340">
        <v>4.1153017024716547</v>
      </c>
    </row>
    <row r="1341" spans="4:28" x14ac:dyDescent="0.25">
      <c r="D1341" s="40">
        <v>22.215779000000989</v>
      </c>
      <c r="E1341" s="40">
        <v>11.330331417286395</v>
      </c>
      <c r="F1341" s="40">
        <v>22.199999999999989</v>
      </c>
      <c r="G1341" s="40">
        <v>8.7791596113064294</v>
      </c>
      <c r="H1341" s="40">
        <v>22.200000000000003</v>
      </c>
      <c r="I1341" s="40">
        <v>7.1793914014742688</v>
      </c>
      <c r="J1341" s="40">
        <v>22.199991779762001</v>
      </c>
      <c r="K1341" s="40">
        <v>7.4664696572209257</v>
      </c>
      <c r="L1341" s="40"/>
      <c r="M1341" s="40"/>
      <c r="N1341" s="40"/>
      <c r="AB1341">
        <v>4.1161132222738228</v>
      </c>
    </row>
    <row r="1342" spans="4:28" x14ac:dyDescent="0.25">
      <c r="D1342" s="40">
        <v>22.23244500000099</v>
      </c>
      <c r="E1342" s="40">
        <v>11.335174595875817</v>
      </c>
      <c r="F1342" s="40">
        <v>22.216667000000001</v>
      </c>
      <c r="G1342" s="40">
        <v>8.78377499527633</v>
      </c>
      <c r="H1342" s="40">
        <v>22.216667000000001</v>
      </c>
      <c r="I1342" s="40">
        <v>7.1827441376175267</v>
      </c>
      <c r="J1342" s="40">
        <v>22.216658440476301</v>
      </c>
      <c r="K1342" s="40">
        <v>7.4713207009301588</v>
      </c>
      <c r="L1342" s="40"/>
      <c r="M1342" s="40"/>
      <c r="N1342" s="40"/>
      <c r="AB1342">
        <v>4.1173365580949977</v>
      </c>
    </row>
    <row r="1343" spans="4:28" x14ac:dyDescent="0.25">
      <c r="D1343" s="40">
        <v>22.24911100000099</v>
      </c>
      <c r="E1343" s="40">
        <v>11.339875328036243</v>
      </c>
      <c r="F1343" s="40">
        <v>22.233332999999988</v>
      </c>
      <c r="G1343" s="40">
        <v>8.7885302393664251</v>
      </c>
      <c r="H1343" s="40">
        <v>22.233334000000013</v>
      </c>
      <c r="I1343" s="40">
        <v>7.1827441376175267</v>
      </c>
      <c r="J1343" s="40">
        <v>22.233325101190601</v>
      </c>
      <c r="K1343" s="40">
        <v>7.4713207009301588</v>
      </c>
      <c r="L1343" s="40"/>
      <c r="M1343" s="40"/>
      <c r="N1343" s="40"/>
      <c r="AB1343">
        <v>4.1185598939161938</v>
      </c>
    </row>
    <row r="1344" spans="4:28" x14ac:dyDescent="0.25">
      <c r="D1344" s="40">
        <v>22.265777000000991</v>
      </c>
      <c r="E1344" s="40">
        <v>11.344718506625792</v>
      </c>
      <c r="F1344" s="40">
        <v>22.25</v>
      </c>
      <c r="G1344" s="40">
        <v>8.7885302393664251</v>
      </c>
      <c r="H1344" s="40">
        <v>22.25</v>
      </c>
      <c r="I1344" s="40">
        <v>7.1860968737607838</v>
      </c>
      <c r="J1344" s="40">
        <v>22.249991761904901</v>
      </c>
      <c r="K1344" s="40">
        <v>7.4760290668832177</v>
      </c>
      <c r="L1344" s="40"/>
      <c r="M1344" s="40"/>
      <c r="N1344" s="40"/>
      <c r="AB1344">
        <v>4.1193714137183628</v>
      </c>
    </row>
    <row r="1345" spans="4:28" x14ac:dyDescent="0.25">
      <c r="D1345" s="40">
        <v>22.282443000000992</v>
      </c>
      <c r="E1345" s="40">
        <v>11.349561685215338</v>
      </c>
      <c r="F1345" s="40">
        <v>22.266666999999998</v>
      </c>
      <c r="G1345" s="40">
        <v>8.7932854834566445</v>
      </c>
      <c r="H1345" s="40">
        <v>22.266667000000012</v>
      </c>
      <c r="I1345" s="40">
        <v>7.1893510000175471</v>
      </c>
      <c r="J1345" s="40">
        <v>22.266658422619201</v>
      </c>
      <c r="K1345" s="40">
        <v>7.4760290668832177</v>
      </c>
      <c r="L1345" s="40"/>
      <c r="M1345" s="40"/>
      <c r="N1345" s="40"/>
      <c r="AB1345">
        <v>4.120594749539559</v>
      </c>
    </row>
    <row r="1346" spans="4:28" x14ac:dyDescent="0.25">
      <c r="D1346" s="40">
        <v>22.299109000000993</v>
      </c>
      <c r="E1346" s="40">
        <v>11.354262417375638</v>
      </c>
      <c r="F1346" s="40">
        <v>22.283332999999999</v>
      </c>
      <c r="G1346" s="40">
        <v>8.7980407275468622</v>
      </c>
      <c r="H1346" s="40">
        <v>22.283334000000011</v>
      </c>
      <c r="I1346" s="40">
        <v>7.1927037361609791</v>
      </c>
      <c r="J1346" s="40">
        <v>22.283325083333501</v>
      </c>
      <c r="K1346" s="40">
        <v>7.4808801105923237</v>
      </c>
      <c r="L1346" s="40"/>
      <c r="M1346" s="40"/>
      <c r="N1346" s="40"/>
      <c r="AB1346">
        <v>4.1218180853607329</v>
      </c>
    </row>
    <row r="1347" spans="4:28" x14ac:dyDescent="0.25">
      <c r="D1347" s="40">
        <v>22.315775000000993</v>
      </c>
      <c r="E1347" s="40">
        <v>11.354262417375638</v>
      </c>
      <c r="F1347" s="40">
        <v>22.299999999999997</v>
      </c>
      <c r="G1347" s="40">
        <v>8.8026561115166384</v>
      </c>
      <c r="H1347" s="40">
        <v>22.300000000000011</v>
      </c>
      <c r="I1347" s="40">
        <v>7.1960564723042371</v>
      </c>
      <c r="J1347" s="40">
        <v>22.299991744047801</v>
      </c>
      <c r="K1347" s="40">
        <v>7.4857311543015568</v>
      </c>
      <c r="L1347" s="40"/>
      <c r="M1347" s="40"/>
      <c r="N1347" s="40"/>
      <c r="AB1347">
        <v>4.1226417173987677</v>
      </c>
    </row>
    <row r="1348" spans="4:28" x14ac:dyDescent="0.25">
      <c r="D1348" s="40">
        <v>22.332441000000994</v>
      </c>
      <c r="E1348" s="40">
        <v>11.359105595965186</v>
      </c>
      <c r="F1348" s="40">
        <v>22.316666999999995</v>
      </c>
      <c r="G1348" s="40">
        <v>8.8074113556068578</v>
      </c>
      <c r="H1348" s="40">
        <v>22.31666700000001</v>
      </c>
      <c r="I1348" s="40">
        <v>7.1993105985609995</v>
      </c>
      <c r="J1348" s="40">
        <v>22.316658404761998</v>
      </c>
      <c r="K1348" s="40">
        <v>7.4904395202546157</v>
      </c>
      <c r="L1348" s="40"/>
      <c r="M1348" s="40"/>
      <c r="N1348" s="40"/>
      <c r="AB1348">
        <v>4.1238650532199417</v>
      </c>
    </row>
    <row r="1349" spans="4:28" x14ac:dyDescent="0.25">
      <c r="D1349" s="40">
        <v>22.349107000000995</v>
      </c>
      <c r="E1349" s="40">
        <v>11.363948774554736</v>
      </c>
      <c r="F1349" s="40">
        <v>22.333332999999996</v>
      </c>
      <c r="G1349" s="40">
        <v>8.8121665996970791</v>
      </c>
      <c r="H1349" s="40">
        <v>22.333334000000008</v>
      </c>
      <c r="I1349" s="40">
        <v>7.2026633347042566</v>
      </c>
      <c r="J1349" s="40">
        <v>22.333325065476298</v>
      </c>
      <c r="K1349" s="40">
        <v>7.4904395202546157</v>
      </c>
      <c r="L1349" s="40"/>
      <c r="M1349" s="40"/>
      <c r="N1349" s="40"/>
      <c r="AB1349">
        <v>4.1250762768052933</v>
      </c>
    </row>
    <row r="1350" spans="4:28" x14ac:dyDescent="0.25">
      <c r="D1350" s="40">
        <v>22.365773000000996</v>
      </c>
      <c r="E1350" s="40">
        <v>11.36864950671516</v>
      </c>
      <c r="F1350" s="40">
        <v>22.349999999999994</v>
      </c>
      <c r="G1350" s="40">
        <v>8.8167819836668535</v>
      </c>
      <c r="H1350" s="40">
        <v>22.350000000000009</v>
      </c>
      <c r="I1350" s="40">
        <v>7.2060160708476886</v>
      </c>
      <c r="J1350" s="40">
        <v>22.349991726190598</v>
      </c>
      <c r="K1350" s="40">
        <v>7.4952905639638487</v>
      </c>
      <c r="L1350" s="40"/>
      <c r="M1350" s="40"/>
      <c r="N1350" s="40"/>
      <c r="AB1350">
        <v>4.1258999088433068</v>
      </c>
    </row>
    <row r="1351" spans="4:28" x14ac:dyDescent="0.25">
      <c r="D1351" s="40">
        <v>22.382439000000996</v>
      </c>
      <c r="E1351" s="40">
        <v>11.373492685304583</v>
      </c>
      <c r="F1351" s="40">
        <v>22.366666999999993</v>
      </c>
      <c r="G1351" s="40">
        <v>8.8215372277570729</v>
      </c>
      <c r="H1351" s="40">
        <v>22.366667000000007</v>
      </c>
      <c r="I1351" s="40">
        <v>7.209270197104277</v>
      </c>
      <c r="J1351" s="40">
        <v>22.366658386904898</v>
      </c>
      <c r="K1351" s="40">
        <v>7.5001416076729539</v>
      </c>
      <c r="L1351" s="40"/>
      <c r="M1351" s="40"/>
      <c r="N1351" s="40"/>
      <c r="AB1351">
        <v>4.1271232446645021</v>
      </c>
    </row>
    <row r="1352" spans="4:28" x14ac:dyDescent="0.25">
      <c r="D1352" s="40">
        <v>22.399105000000997</v>
      </c>
      <c r="E1352" s="40">
        <v>11.378335863894131</v>
      </c>
      <c r="F1352" s="40">
        <v>22.383332999999993</v>
      </c>
      <c r="G1352" s="40">
        <v>8.8262924718472924</v>
      </c>
      <c r="H1352" s="40">
        <v>22.383334000000005</v>
      </c>
      <c r="I1352" s="40">
        <v>7.212622933247709</v>
      </c>
      <c r="J1352" s="40">
        <v>22.383325047619199</v>
      </c>
      <c r="K1352" s="40">
        <v>7.5001416076729539</v>
      </c>
      <c r="L1352" s="40"/>
      <c r="M1352" s="40"/>
      <c r="N1352" s="40"/>
      <c r="AB1352">
        <v>4.1279347644666711</v>
      </c>
    </row>
    <row r="1353" spans="4:28" x14ac:dyDescent="0.25">
      <c r="D1353" s="40">
        <v>22.415771000000998</v>
      </c>
      <c r="E1353" s="40">
        <v>11.383036596054556</v>
      </c>
      <c r="F1353" s="40">
        <v>22.399999999999991</v>
      </c>
      <c r="G1353" s="40">
        <v>8.830907855817193</v>
      </c>
      <c r="H1353" s="40">
        <v>22.400000000000006</v>
      </c>
      <c r="I1353" s="40">
        <v>7.2159756693909669</v>
      </c>
      <c r="J1353" s="40">
        <v>22.399991708333499</v>
      </c>
      <c r="K1353" s="40">
        <v>7.5097010173352468</v>
      </c>
      <c r="L1353" s="40"/>
      <c r="M1353" s="40"/>
      <c r="N1353" s="40"/>
      <c r="AB1353">
        <v>4.1291581002878672</v>
      </c>
    </row>
    <row r="1354" spans="4:28" x14ac:dyDescent="0.25">
      <c r="D1354" s="40">
        <v>22.432437000000998</v>
      </c>
      <c r="E1354" s="40">
        <v>11.383036596054556</v>
      </c>
      <c r="F1354" s="40">
        <v>22.41666699999999</v>
      </c>
      <c r="G1354" s="40">
        <v>8.835663099907288</v>
      </c>
      <c r="H1354" s="40">
        <v>22.416667000000004</v>
      </c>
      <c r="I1354" s="40">
        <v>7.2192297956477294</v>
      </c>
      <c r="J1354" s="40">
        <v>22.416658369047799</v>
      </c>
      <c r="K1354" s="40">
        <v>7.5097010173352468</v>
      </c>
      <c r="L1354" s="40"/>
      <c r="M1354" s="40"/>
      <c r="N1354" s="40"/>
      <c r="AB1354">
        <v>4.1299696200900353</v>
      </c>
    </row>
    <row r="1355" spans="4:28" x14ac:dyDescent="0.25">
      <c r="D1355" s="40">
        <v>22.449103000000999</v>
      </c>
      <c r="E1355" s="40">
        <v>11.387879774643977</v>
      </c>
      <c r="F1355" s="40">
        <v>22.43333299999999</v>
      </c>
      <c r="G1355" s="40">
        <v>8.8404183439975075</v>
      </c>
      <c r="H1355" s="40">
        <v>22.433334000000002</v>
      </c>
      <c r="I1355" s="40">
        <v>7.2225825317909873</v>
      </c>
      <c r="J1355" s="40">
        <v>22.433325029761999</v>
      </c>
      <c r="K1355" s="40">
        <v>7.5145520610443519</v>
      </c>
      <c r="L1355" s="40"/>
      <c r="M1355" s="40"/>
      <c r="N1355" s="40"/>
      <c r="AB1355">
        <v>4.1311929559112102</v>
      </c>
    </row>
    <row r="1356" spans="4:28" x14ac:dyDescent="0.25">
      <c r="D1356" s="40">
        <v>22.465769000001</v>
      </c>
      <c r="E1356" s="40">
        <v>11.392722953233527</v>
      </c>
      <c r="F1356" s="40">
        <v>22.449999999999989</v>
      </c>
      <c r="G1356" s="40">
        <v>8.8450337279674081</v>
      </c>
      <c r="H1356" s="40">
        <v>22.450000000000003</v>
      </c>
      <c r="I1356" s="40">
        <v>7.2291893941911818</v>
      </c>
      <c r="J1356" s="40">
        <v>22.449991690476299</v>
      </c>
      <c r="K1356" s="40">
        <v>7.5192604269974117</v>
      </c>
      <c r="L1356" s="40"/>
      <c r="M1356" s="40"/>
      <c r="N1356" s="40"/>
      <c r="AB1356">
        <v>4.1320165879492441</v>
      </c>
    </row>
    <row r="1357" spans="4:28" x14ac:dyDescent="0.25">
      <c r="D1357" s="40">
        <v>22.482435000001001</v>
      </c>
      <c r="E1357" s="40">
        <v>11.397423685393951</v>
      </c>
      <c r="F1357" s="40">
        <v>22.466667000000001</v>
      </c>
      <c r="G1357" s="40">
        <v>8.8497889720575031</v>
      </c>
      <c r="H1357" s="40">
        <v>22.466667000000001</v>
      </c>
      <c r="I1357" s="40">
        <v>7.2325421303344388</v>
      </c>
      <c r="J1357" s="40">
        <v>22.466658351190599</v>
      </c>
      <c r="K1357" s="40">
        <v>7.5241114707066439</v>
      </c>
      <c r="L1357" s="40"/>
      <c r="M1357" s="40"/>
      <c r="N1357" s="40"/>
      <c r="AB1357">
        <v>4.1332399237704402</v>
      </c>
    </row>
    <row r="1358" spans="4:28" x14ac:dyDescent="0.25">
      <c r="D1358" s="40">
        <v>22.499101000001001</v>
      </c>
      <c r="E1358" s="40">
        <v>11.402266863983375</v>
      </c>
      <c r="F1358" s="40">
        <v>22.483332999999988</v>
      </c>
      <c r="G1358" s="40">
        <v>8.8545442161477226</v>
      </c>
      <c r="H1358" s="40">
        <v>22.483334000000013</v>
      </c>
      <c r="I1358" s="40">
        <v>7.2358948664776968</v>
      </c>
      <c r="J1358" s="40">
        <v>22.483325011904899</v>
      </c>
      <c r="K1358" s="40">
        <v>7.5241114707066439</v>
      </c>
      <c r="L1358" s="40"/>
      <c r="M1358" s="40"/>
      <c r="N1358" s="40"/>
      <c r="AB1358">
        <v>4.134463259591616</v>
      </c>
    </row>
    <row r="1359" spans="4:28" x14ac:dyDescent="0.25">
      <c r="D1359" s="40">
        <v>22.515767000001002</v>
      </c>
      <c r="E1359" s="40">
        <v>11.407110042572922</v>
      </c>
      <c r="F1359" s="40">
        <v>22.5</v>
      </c>
      <c r="G1359" s="40">
        <v>8.8591596001176232</v>
      </c>
      <c r="H1359" s="40">
        <v>22.5</v>
      </c>
      <c r="I1359" s="40">
        <v>7.2392476026211288</v>
      </c>
      <c r="J1359" s="40">
        <v>22.499991672619199</v>
      </c>
      <c r="K1359" s="40">
        <v>7.5289625144157499</v>
      </c>
      <c r="L1359" s="40"/>
      <c r="M1359" s="40"/>
      <c r="N1359" s="40"/>
      <c r="AB1359">
        <v>4.1352747793937832</v>
      </c>
    </row>
    <row r="1360" spans="4:28" x14ac:dyDescent="0.25">
      <c r="D1360" s="40">
        <v>22.532433000001003</v>
      </c>
      <c r="E1360" s="40">
        <v>11.411810774733349</v>
      </c>
      <c r="F1360" s="40">
        <v>22.516666999999998</v>
      </c>
      <c r="G1360" s="40">
        <v>8.8639148442077165</v>
      </c>
      <c r="H1360" s="40">
        <v>22.516667000000012</v>
      </c>
      <c r="I1360" s="40">
        <v>7.2458544650211483</v>
      </c>
      <c r="J1360" s="40">
        <v>22.516658333333499</v>
      </c>
      <c r="K1360" s="40">
        <v>7.5289625144157499</v>
      </c>
      <c r="L1360" s="40"/>
      <c r="M1360" s="40"/>
      <c r="N1360" s="40"/>
      <c r="AB1360">
        <v>4.1364981152149802</v>
      </c>
    </row>
    <row r="1361" spans="4:28" x14ac:dyDescent="0.25">
      <c r="D1361" s="40">
        <v>22.549099000001004</v>
      </c>
      <c r="E1361" s="40">
        <v>11.416653953322768</v>
      </c>
      <c r="F1361" s="40">
        <v>22.533332999999999</v>
      </c>
      <c r="G1361" s="40">
        <v>8.8686700882979359</v>
      </c>
      <c r="H1361" s="40">
        <v>22.533334000000011</v>
      </c>
      <c r="I1361" s="40">
        <v>7.2458544650211483</v>
      </c>
      <c r="J1361" s="40">
        <v>22.533324994047799</v>
      </c>
      <c r="K1361" s="40">
        <v>7.5338135581249821</v>
      </c>
      <c r="L1361" s="40"/>
      <c r="M1361" s="40"/>
      <c r="N1361" s="40"/>
      <c r="AB1361">
        <v>4.1377214510361551</v>
      </c>
    </row>
    <row r="1362" spans="4:28" x14ac:dyDescent="0.25">
      <c r="D1362" s="40">
        <v>22.565765000001004</v>
      </c>
      <c r="E1362" s="40">
        <v>11.421497131912318</v>
      </c>
      <c r="F1362" s="40">
        <v>22.549999999999997</v>
      </c>
      <c r="G1362" s="40">
        <v>8.8686700882979359</v>
      </c>
      <c r="H1362" s="40">
        <v>22.550000000000011</v>
      </c>
      <c r="I1362" s="40">
        <v>7.2492072011644062</v>
      </c>
      <c r="J1362" s="40">
        <v>22.549991654762</v>
      </c>
      <c r="K1362" s="40">
        <v>7.5385219240780419</v>
      </c>
      <c r="L1362" s="40"/>
      <c r="M1362" s="40"/>
      <c r="N1362" s="40"/>
      <c r="AB1362">
        <v>4.1385329708383445</v>
      </c>
    </row>
    <row r="1363" spans="4:28" x14ac:dyDescent="0.25">
      <c r="D1363" s="40">
        <v>22.582431000001005</v>
      </c>
      <c r="E1363" s="40">
        <v>11.426197864072742</v>
      </c>
      <c r="F1363" s="40">
        <v>22.566666999999995</v>
      </c>
      <c r="G1363" s="40">
        <v>8.8732854722678365</v>
      </c>
      <c r="H1363" s="40">
        <v>22.56666700000001</v>
      </c>
      <c r="I1363" s="40">
        <v>7.2524613274211696</v>
      </c>
      <c r="J1363" s="40">
        <v>22.5666583154763</v>
      </c>
      <c r="K1363" s="40">
        <v>7.5433729677871479</v>
      </c>
      <c r="L1363" s="40"/>
      <c r="M1363" s="40"/>
      <c r="N1363" s="40"/>
      <c r="AB1363">
        <v>4.1397563066595193</v>
      </c>
    </row>
    <row r="1364" spans="4:28" x14ac:dyDescent="0.25">
      <c r="D1364" s="40">
        <v>22.599097000001006</v>
      </c>
      <c r="E1364" s="40">
        <v>11.435884221251714</v>
      </c>
      <c r="F1364" s="40">
        <v>22.583332999999996</v>
      </c>
      <c r="G1364" s="40">
        <v>8.8780407163580559</v>
      </c>
      <c r="H1364" s="40">
        <v>22.583334000000008</v>
      </c>
      <c r="I1364" s="40">
        <v>7.2558140635644266</v>
      </c>
      <c r="J1364" s="40">
        <v>22.5833249761906</v>
      </c>
      <c r="K1364" s="40">
        <v>7.5482240114963801</v>
      </c>
      <c r="L1364" s="40"/>
      <c r="M1364" s="40"/>
      <c r="N1364" s="40"/>
      <c r="AB1364">
        <v>4.1405678264616874</v>
      </c>
    </row>
    <row r="1365" spans="4:28" x14ac:dyDescent="0.25">
      <c r="D1365" s="40">
        <v>22.615763000001007</v>
      </c>
      <c r="E1365" s="40">
        <v>11.44058495341214</v>
      </c>
      <c r="F1365" s="40">
        <v>22.599999999999994</v>
      </c>
      <c r="G1365" s="40">
        <v>8.882795960448151</v>
      </c>
      <c r="H1365" s="40">
        <v>22.600000000000009</v>
      </c>
      <c r="I1365" s="40">
        <v>7.2591667997078586</v>
      </c>
      <c r="J1365" s="40">
        <v>22.5999916369049</v>
      </c>
      <c r="K1365" s="40">
        <v>7.5529323774494399</v>
      </c>
      <c r="L1365" s="40"/>
      <c r="M1365" s="40"/>
      <c r="N1365" s="40"/>
      <c r="AB1365">
        <v>4.1417911622828836</v>
      </c>
    </row>
    <row r="1366" spans="4:28" x14ac:dyDescent="0.25">
      <c r="D1366" s="40">
        <v>22.632429000001007</v>
      </c>
      <c r="E1366" s="40">
        <v>11.445428132001688</v>
      </c>
      <c r="F1366" s="40">
        <v>22.616666999999993</v>
      </c>
      <c r="G1366" s="40">
        <v>8.882795960448151</v>
      </c>
      <c r="H1366" s="40">
        <v>22.616667000000007</v>
      </c>
      <c r="I1366" s="40">
        <v>7.262420925964622</v>
      </c>
      <c r="J1366" s="40">
        <v>22.6166582976192</v>
      </c>
      <c r="K1366" s="40">
        <v>7.5577834211586721</v>
      </c>
      <c r="L1366" s="40"/>
      <c r="M1366" s="40"/>
      <c r="N1366" s="40"/>
      <c r="AB1366">
        <v>4.1426147943209184</v>
      </c>
    </row>
    <row r="1367" spans="4:28" x14ac:dyDescent="0.25">
      <c r="D1367" s="40">
        <v>22.649095000001008</v>
      </c>
      <c r="E1367" s="40">
        <v>11.454972042751534</v>
      </c>
      <c r="F1367" s="40">
        <v>22.633332999999993</v>
      </c>
      <c r="G1367" s="40">
        <v>8.8874113444180516</v>
      </c>
      <c r="H1367" s="40">
        <v>22.633334000000005</v>
      </c>
      <c r="I1367" s="40">
        <v>7.265773662107879</v>
      </c>
      <c r="J1367" s="40">
        <v>22.6333249583335</v>
      </c>
      <c r="K1367" s="40">
        <v>7.5577834211586721</v>
      </c>
      <c r="L1367" s="40"/>
      <c r="M1367" s="40"/>
      <c r="N1367" s="40"/>
      <c r="AB1367">
        <v>4.1438381301420923</v>
      </c>
    </row>
    <row r="1368" spans="4:28" x14ac:dyDescent="0.25">
      <c r="D1368" s="40">
        <v>22.665761000001009</v>
      </c>
      <c r="E1368" s="40">
        <v>11.459815221341083</v>
      </c>
      <c r="F1368" s="40">
        <v>22.649999999999991</v>
      </c>
      <c r="G1368" s="40">
        <v>8.8921665885082692</v>
      </c>
      <c r="H1368" s="40">
        <v>22.650000000000006</v>
      </c>
      <c r="I1368" s="40">
        <v>7.2723805245078994</v>
      </c>
      <c r="J1368" s="40">
        <v>22.6499916190478</v>
      </c>
      <c r="K1368" s="40">
        <v>7.5626344648677772</v>
      </c>
      <c r="L1368" s="40"/>
      <c r="M1368" s="40"/>
      <c r="N1368" s="40"/>
      <c r="AB1368">
        <v>4.1446496499442613</v>
      </c>
    </row>
    <row r="1369" spans="4:28" x14ac:dyDescent="0.25">
      <c r="D1369" s="40">
        <v>22.68242700000101</v>
      </c>
      <c r="E1369" s="40">
        <v>11.464658399930505</v>
      </c>
      <c r="F1369" s="40">
        <v>22.66666699999999</v>
      </c>
      <c r="G1369" s="40">
        <v>8.8969218325983661</v>
      </c>
      <c r="H1369" s="40">
        <v>22.666667000000004</v>
      </c>
      <c r="I1369" s="40">
        <v>7.2757332606511564</v>
      </c>
      <c r="J1369" s="40">
        <v>22.6666582797621</v>
      </c>
      <c r="K1369" s="40">
        <v>7.5673428308208379</v>
      </c>
      <c r="L1369" s="40"/>
      <c r="M1369" s="40"/>
      <c r="N1369" s="40"/>
      <c r="AB1369">
        <v>4.1458729857654575</v>
      </c>
    </row>
    <row r="1370" spans="4:28" x14ac:dyDescent="0.25">
      <c r="D1370" s="40">
        <v>22.69909300000101</v>
      </c>
      <c r="E1370" s="40">
        <v>11.469501578520052</v>
      </c>
      <c r="F1370" s="40">
        <v>22.68333299999999</v>
      </c>
      <c r="G1370" s="40">
        <v>8.9015372165682667</v>
      </c>
      <c r="H1370" s="40">
        <v>22.683334000000002</v>
      </c>
      <c r="I1370" s="40">
        <v>7.2790859967945893</v>
      </c>
      <c r="J1370" s="40">
        <v>22.6833249404763</v>
      </c>
      <c r="K1370" s="40">
        <v>7.5721938745300701</v>
      </c>
      <c r="L1370" s="40"/>
      <c r="M1370" s="40"/>
      <c r="N1370" s="40"/>
      <c r="AB1370">
        <v>4.1470963215866314</v>
      </c>
    </row>
    <row r="1371" spans="4:28" x14ac:dyDescent="0.25">
      <c r="D1371" s="40">
        <v>22.715759000001011</v>
      </c>
      <c r="E1371" s="40">
        <v>11.474202310680479</v>
      </c>
      <c r="F1371" s="40">
        <v>22.699999999999989</v>
      </c>
      <c r="G1371" s="40">
        <v>8.9062924606584843</v>
      </c>
      <c r="H1371" s="40">
        <v>22.700000000000003</v>
      </c>
      <c r="I1371" s="40">
        <v>7.2823401230513518</v>
      </c>
      <c r="J1371" s="40">
        <v>22.6999916011906</v>
      </c>
      <c r="K1371" s="40">
        <v>7.5721938745300701</v>
      </c>
      <c r="L1371" s="40"/>
      <c r="M1371" s="40"/>
      <c r="N1371" s="40"/>
      <c r="AB1371">
        <v>4.1479078413888217</v>
      </c>
    </row>
    <row r="1372" spans="4:28" x14ac:dyDescent="0.25">
      <c r="D1372" s="40">
        <v>22.732425000001012</v>
      </c>
      <c r="E1372" s="40">
        <v>11.48388866785945</v>
      </c>
      <c r="F1372" s="40">
        <v>22.716667000000001</v>
      </c>
      <c r="G1372" s="40">
        <v>8.9110477047485812</v>
      </c>
      <c r="H1372" s="40">
        <v>22.716667000000001</v>
      </c>
      <c r="I1372" s="40">
        <v>7.2856928591946097</v>
      </c>
      <c r="J1372" s="40">
        <v>22.7166582619049</v>
      </c>
      <c r="K1372" s="40">
        <v>7.5770449182391753</v>
      </c>
      <c r="L1372" s="40"/>
      <c r="M1372" s="40"/>
      <c r="N1372" s="40"/>
      <c r="AB1372">
        <v>4.1487314734268343</v>
      </c>
    </row>
    <row r="1373" spans="4:28" x14ac:dyDescent="0.25">
      <c r="D1373" s="40">
        <v>22.749091000001012</v>
      </c>
      <c r="E1373" s="40">
        <v>11.488589400019874</v>
      </c>
      <c r="F1373" s="40">
        <v>22.733332999999988</v>
      </c>
      <c r="G1373" s="40">
        <v>8.9156630887184818</v>
      </c>
      <c r="H1373" s="40">
        <v>22.733334000000013</v>
      </c>
      <c r="I1373" s="40">
        <v>7.2890455953378659</v>
      </c>
      <c r="J1373" s="40">
        <v>22.7333249226192</v>
      </c>
      <c r="K1373" s="40">
        <v>7.5817532841922359</v>
      </c>
      <c r="L1373" s="40"/>
      <c r="M1373" s="40"/>
      <c r="N1373" s="40"/>
      <c r="AB1373">
        <v>4.1499548092480305</v>
      </c>
    </row>
    <row r="1374" spans="4:28" x14ac:dyDescent="0.25">
      <c r="D1374" s="40">
        <v>22.765757000001013</v>
      </c>
      <c r="E1374" s="40">
        <v>11.493432578609422</v>
      </c>
      <c r="F1374" s="40">
        <v>22.75</v>
      </c>
      <c r="G1374" s="40">
        <v>8.9204183328086994</v>
      </c>
      <c r="H1374" s="40">
        <v>22.75</v>
      </c>
      <c r="I1374" s="40">
        <v>7.2922997215946292</v>
      </c>
      <c r="J1374" s="40">
        <v>22.7499915833335</v>
      </c>
      <c r="K1374" s="40">
        <v>7.5817532841922359</v>
      </c>
      <c r="L1374" s="40"/>
      <c r="M1374" s="40"/>
      <c r="N1374" s="40"/>
      <c r="AB1374">
        <v>4.1507663290501995</v>
      </c>
    </row>
    <row r="1375" spans="4:28" x14ac:dyDescent="0.25">
      <c r="D1375" s="40">
        <v>22.782423000001014</v>
      </c>
      <c r="E1375" s="40">
        <v>11.498275757198844</v>
      </c>
      <c r="F1375" s="40">
        <v>22.766666999999998</v>
      </c>
      <c r="G1375" s="40">
        <v>8.9251735768987945</v>
      </c>
      <c r="H1375" s="40">
        <v>22.766667000000012</v>
      </c>
      <c r="I1375" s="40">
        <v>7.2990051938813192</v>
      </c>
      <c r="J1375" s="40">
        <v>22.7666582440478</v>
      </c>
      <c r="K1375" s="40">
        <v>7.5866043279014672</v>
      </c>
      <c r="L1375" s="40"/>
      <c r="M1375" s="40"/>
      <c r="N1375" s="40"/>
      <c r="AB1375">
        <v>4.1519896648713948</v>
      </c>
    </row>
    <row r="1376" spans="4:28" x14ac:dyDescent="0.25">
      <c r="D1376" s="40">
        <v>22.799089000001015</v>
      </c>
      <c r="E1376" s="40">
        <v>11.50297648935927</v>
      </c>
      <c r="F1376" s="40">
        <v>22.783332999999999</v>
      </c>
      <c r="G1376" s="40">
        <v>8.9297889608686951</v>
      </c>
      <c r="H1376" s="40">
        <v>22.783334000000011</v>
      </c>
      <c r="I1376" s="40">
        <v>7.3022593201380817</v>
      </c>
      <c r="J1376" s="40">
        <v>22.7833249047621</v>
      </c>
      <c r="K1376" s="40">
        <v>7.5914553716105733</v>
      </c>
      <c r="L1376" s="40"/>
      <c r="M1376" s="40"/>
      <c r="N1376" s="40"/>
      <c r="AB1376">
        <v>4.1528011846735637</v>
      </c>
    </row>
    <row r="1377" spans="4:28" x14ac:dyDescent="0.25">
      <c r="D1377" s="40">
        <v>22.815755000001015</v>
      </c>
      <c r="E1377" s="40">
        <v>11.512662846538241</v>
      </c>
      <c r="F1377" s="40">
        <v>22.799999999999997</v>
      </c>
      <c r="G1377" s="40">
        <v>8.9345442049589128</v>
      </c>
      <c r="H1377" s="40">
        <v>22.800000000000011</v>
      </c>
      <c r="I1377" s="40">
        <v>7.3056120562813396</v>
      </c>
      <c r="J1377" s="40">
        <v>22.799991565476301</v>
      </c>
      <c r="K1377" s="40">
        <v>7.5914553716105733</v>
      </c>
      <c r="L1377" s="40"/>
      <c r="M1377" s="40"/>
      <c r="N1377" s="40"/>
      <c r="AB1377">
        <v>4.1540245204947386</v>
      </c>
    </row>
    <row r="1378" spans="4:28" x14ac:dyDescent="0.25">
      <c r="D1378" s="40">
        <v>22.832421000001016</v>
      </c>
      <c r="E1378" s="40">
        <v>11.517363578698665</v>
      </c>
      <c r="F1378" s="40">
        <v>22.816666999999995</v>
      </c>
      <c r="G1378" s="40">
        <v>8.939299449049134</v>
      </c>
      <c r="H1378" s="40">
        <v>22.81666700000001</v>
      </c>
      <c r="I1378" s="40">
        <v>7.3089647924245966</v>
      </c>
      <c r="J1378" s="40">
        <v>22.816658226190601</v>
      </c>
      <c r="K1378" s="40">
        <v>7.5961637375636339</v>
      </c>
      <c r="L1378" s="40"/>
      <c r="M1378" s="40"/>
      <c r="N1378" s="40"/>
      <c r="AB1378">
        <v>4.154836040296928</v>
      </c>
    </row>
    <row r="1379" spans="4:28" x14ac:dyDescent="0.25">
      <c r="D1379" s="40">
        <v>22.849087000001017</v>
      </c>
      <c r="E1379" s="40">
        <v>11.522206757288213</v>
      </c>
      <c r="F1379" s="40">
        <v>22.833332999999996</v>
      </c>
      <c r="G1379" s="40">
        <v>8.9439148330189102</v>
      </c>
      <c r="H1379" s="40">
        <v>22.833334000000008</v>
      </c>
      <c r="I1379" s="40">
        <v>7.3122189186813591</v>
      </c>
      <c r="J1379" s="40">
        <v>22.833324886904901</v>
      </c>
      <c r="K1379" s="40">
        <v>7.5961637375636339</v>
      </c>
      <c r="L1379" s="40"/>
      <c r="M1379" s="40"/>
      <c r="N1379" s="40"/>
      <c r="AB1379">
        <v>4.1556596723349406</v>
      </c>
    </row>
    <row r="1380" spans="4:28" x14ac:dyDescent="0.25">
      <c r="D1380" s="40">
        <v>22.865753000001018</v>
      </c>
      <c r="E1380" s="40">
        <v>11.527049935877761</v>
      </c>
      <c r="F1380" s="40">
        <v>22.849999999999994</v>
      </c>
      <c r="G1380" s="40">
        <v>8.9486700771091279</v>
      </c>
      <c r="H1380" s="40">
        <v>22.850000000000009</v>
      </c>
      <c r="I1380" s="40">
        <v>7.3155716548247911</v>
      </c>
      <c r="J1380" s="40">
        <v>22.849991547619201</v>
      </c>
      <c r="K1380" s="40">
        <v>7.6010147812728652</v>
      </c>
      <c r="L1380" s="40"/>
      <c r="M1380" s="40"/>
      <c r="N1380" s="40"/>
      <c r="AB1380">
        <v>4.1568830081561368</v>
      </c>
    </row>
    <row r="1381" spans="4:28" x14ac:dyDescent="0.25">
      <c r="D1381" s="40">
        <v>22.882419000001018</v>
      </c>
      <c r="E1381" s="40">
        <v>11.536593846627609</v>
      </c>
      <c r="F1381" s="40">
        <v>22.866666999999993</v>
      </c>
      <c r="G1381" s="40">
        <v>8.9534253211993473</v>
      </c>
      <c r="H1381" s="40">
        <v>22.866667000000007</v>
      </c>
      <c r="I1381" s="40">
        <v>7.318924390968049</v>
      </c>
      <c r="J1381" s="40">
        <v>22.866658208333501</v>
      </c>
      <c r="K1381" s="40">
        <v>7.6058658249820983</v>
      </c>
      <c r="L1381" s="40"/>
      <c r="M1381" s="40"/>
      <c r="N1381" s="40"/>
      <c r="AB1381">
        <v>4.1576945279583057</v>
      </c>
    </row>
    <row r="1382" spans="4:28" x14ac:dyDescent="0.25">
      <c r="D1382" s="40">
        <v>22.899085000001019</v>
      </c>
      <c r="E1382" s="40">
        <v>11.541437025217158</v>
      </c>
      <c r="F1382" s="40">
        <v>22.883332999999993</v>
      </c>
      <c r="G1382" s="40">
        <v>8.9580407051692479</v>
      </c>
      <c r="H1382" s="40">
        <v>22.883334000000005</v>
      </c>
      <c r="I1382" s="40">
        <v>7.3221785172248124</v>
      </c>
      <c r="J1382" s="40">
        <v>22.883324869047801</v>
      </c>
      <c r="K1382" s="40">
        <v>7.6058658249820983</v>
      </c>
      <c r="L1382" s="40"/>
      <c r="M1382" s="40"/>
      <c r="N1382" s="40"/>
      <c r="AB1382">
        <v>4.1585060477604738</v>
      </c>
    </row>
    <row r="1383" spans="4:28" x14ac:dyDescent="0.25">
      <c r="D1383" s="40">
        <v>22.91575100000102</v>
      </c>
      <c r="E1383" s="40">
        <v>11.546137757377457</v>
      </c>
      <c r="F1383" s="40">
        <v>22.899999999999991</v>
      </c>
      <c r="G1383" s="40">
        <v>8.962795949259343</v>
      </c>
      <c r="H1383" s="40">
        <v>22.900000000000006</v>
      </c>
      <c r="I1383" s="40">
        <v>7.3255312533680694</v>
      </c>
      <c r="J1383" s="40">
        <v>22.899991529762101</v>
      </c>
      <c r="K1383" s="40">
        <v>7.6105741909350311</v>
      </c>
      <c r="L1383" s="40"/>
      <c r="M1383" s="40"/>
      <c r="N1383" s="40"/>
      <c r="AB1383">
        <v>4.15972938358167</v>
      </c>
    </row>
    <row r="1384" spans="4:28" x14ac:dyDescent="0.25">
      <c r="D1384" s="40">
        <v>22.932417000001021</v>
      </c>
      <c r="E1384" s="40">
        <v>11.550980935967006</v>
      </c>
      <c r="F1384" s="40">
        <v>22.91666699999999</v>
      </c>
      <c r="G1384" s="40">
        <v>8.9675511933495624</v>
      </c>
      <c r="H1384" s="40">
        <v>22.916667000000004</v>
      </c>
      <c r="I1384" s="40">
        <v>7.3288839895115014</v>
      </c>
      <c r="J1384" s="40">
        <v>22.916658190476301</v>
      </c>
      <c r="K1384" s="40">
        <v>7.6154252346442632</v>
      </c>
      <c r="L1384" s="40"/>
      <c r="M1384" s="40"/>
      <c r="N1384" s="40"/>
      <c r="AB1384">
        <v>4.1605530156197039</v>
      </c>
    </row>
    <row r="1385" spans="4:28" x14ac:dyDescent="0.25">
      <c r="D1385" s="40">
        <v>22.949083000001021</v>
      </c>
      <c r="E1385" s="40">
        <v>11.555824114556554</v>
      </c>
      <c r="F1385" s="40">
        <v>22.93333299999999</v>
      </c>
      <c r="G1385" s="40">
        <v>8.9723064374396593</v>
      </c>
      <c r="H1385" s="40">
        <v>22.933334000000002</v>
      </c>
      <c r="I1385" s="40">
        <v>7.3321381157680889</v>
      </c>
      <c r="J1385" s="40">
        <v>22.933324851190601</v>
      </c>
      <c r="K1385" s="40">
        <v>7.6202762783534963</v>
      </c>
      <c r="L1385" s="40"/>
      <c r="M1385" s="40"/>
      <c r="N1385" s="40"/>
      <c r="AB1385">
        <v>4.161364535421872</v>
      </c>
    </row>
    <row r="1386" spans="4:28" x14ac:dyDescent="0.25">
      <c r="D1386" s="40">
        <v>22.965749000001022</v>
      </c>
      <c r="E1386" s="40">
        <v>11.560524846716978</v>
      </c>
      <c r="F1386" s="40">
        <v>22.949999999999989</v>
      </c>
      <c r="G1386" s="40">
        <v>8.9769218214095599</v>
      </c>
      <c r="H1386" s="40">
        <v>22.950000000000003</v>
      </c>
      <c r="I1386" s="40">
        <v>7.3354908519115218</v>
      </c>
      <c r="J1386" s="40">
        <v>22.949991511904901</v>
      </c>
      <c r="K1386" s="40">
        <v>7.6202762783534963</v>
      </c>
      <c r="L1386" s="40"/>
      <c r="M1386" s="40"/>
      <c r="N1386" s="40"/>
      <c r="AB1386">
        <v>4.162176055224041</v>
      </c>
    </row>
    <row r="1387" spans="4:28" x14ac:dyDescent="0.25">
      <c r="D1387" s="40">
        <v>22.982415000001023</v>
      </c>
      <c r="E1387" s="40">
        <v>11.5653680253064</v>
      </c>
      <c r="F1387" s="40">
        <v>22.966667000000001</v>
      </c>
      <c r="G1387" s="40">
        <v>8.9816770654997775</v>
      </c>
      <c r="H1387" s="40">
        <v>22.966667000000001</v>
      </c>
      <c r="I1387" s="40">
        <v>7.3388435880547789</v>
      </c>
      <c r="J1387" s="40">
        <v>22.966658172619201</v>
      </c>
      <c r="K1387" s="40">
        <v>7.6202762783534963</v>
      </c>
      <c r="L1387" s="40"/>
      <c r="M1387" s="40"/>
      <c r="N1387" s="40"/>
      <c r="AB1387">
        <v>4.1633993910452372</v>
      </c>
    </row>
    <row r="1388" spans="4:28" x14ac:dyDescent="0.25">
      <c r="D1388" s="40">
        <v>22.999081000001024</v>
      </c>
      <c r="E1388" s="40">
        <v>11.570211203895949</v>
      </c>
      <c r="F1388" s="40">
        <v>22.983332999999988</v>
      </c>
      <c r="G1388" s="40">
        <v>8.9864323095899969</v>
      </c>
      <c r="H1388" s="40">
        <v>22.983334000000013</v>
      </c>
      <c r="I1388" s="40">
        <v>7.3454504504547993</v>
      </c>
      <c r="J1388" s="40">
        <v>22.983324833333501</v>
      </c>
      <c r="K1388" s="40">
        <v>7.6202762783534963</v>
      </c>
      <c r="L1388" s="40"/>
      <c r="M1388" s="40"/>
      <c r="N1388" s="40"/>
      <c r="AB1388">
        <v>4.1642230230832498</v>
      </c>
    </row>
    <row r="1389" spans="4:28" x14ac:dyDescent="0.25">
      <c r="D1389" s="40">
        <v>23.015747000001024</v>
      </c>
      <c r="E1389" s="40">
        <v>11.574911936056376</v>
      </c>
      <c r="F1389" s="40">
        <v>23</v>
      </c>
      <c r="G1389" s="40">
        <v>8.9910476935597732</v>
      </c>
      <c r="H1389" s="40">
        <v>23</v>
      </c>
      <c r="I1389" s="40">
        <v>7.3488031865982322</v>
      </c>
      <c r="J1389" s="40">
        <v>22.999991494047801</v>
      </c>
      <c r="K1389" s="40">
        <v>7.6202762783534963</v>
      </c>
      <c r="L1389" s="40"/>
      <c r="M1389" s="40"/>
      <c r="N1389" s="40"/>
      <c r="AB1389">
        <v>4.1650345428854179</v>
      </c>
    </row>
    <row r="1390" spans="4:28" x14ac:dyDescent="0.25">
      <c r="D1390" s="40">
        <v>23.032413000001025</v>
      </c>
      <c r="E1390" s="40">
        <v>11.579755114645797</v>
      </c>
      <c r="F1390" s="40">
        <v>23.016666999999998</v>
      </c>
      <c r="G1390" s="40">
        <v>8.9958029376499908</v>
      </c>
      <c r="H1390" s="40">
        <v>23.016667000000012</v>
      </c>
      <c r="I1390" s="40">
        <v>7.3520573128549938</v>
      </c>
      <c r="J1390" s="40">
        <v>23.016658154762101</v>
      </c>
      <c r="K1390" s="40">
        <v>7.6249846443064291</v>
      </c>
      <c r="L1390" s="40"/>
      <c r="M1390" s="40"/>
      <c r="N1390" s="40"/>
      <c r="AB1390">
        <v>4.1658460626876082</v>
      </c>
    </row>
    <row r="1391" spans="4:28" x14ac:dyDescent="0.25">
      <c r="D1391" s="40">
        <v>23.049079000001026</v>
      </c>
      <c r="E1391" s="40">
        <v>11.584598293235345</v>
      </c>
      <c r="F1391" s="40">
        <v>23.033332999999999</v>
      </c>
      <c r="G1391" s="40">
        <v>9.000558181740212</v>
      </c>
      <c r="H1391" s="40">
        <v>23.033334000000011</v>
      </c>
      <c r="I1391" s="40">
        <v>7.3554100489982517</v>
      </c>
      <c r="J1391" s="40">
        <v>23.033324815476298</v>
      </c>
      <c r="K1391" s="40">
        <v>7.6249846443064291</v>
      </c>
      <c r="L1391" s="40"/>
      <c r="M1391" s="40"/>
      <c r="N1391" s="40"/>
      <c r="AB1391">
        <v>4.167069398508783</v>
      </c>
    </row>
    <row r="1392" spans="4:28" x14ac:dyDescent="0.25">
      <c r="D1392" s="40">
        <v>23.065745000001026</v>
      </c>
      <c r="E1392" s="40">
        <v>11.594142203985191</v>
      </c>
      <c r="F1392" s="40">
        <v>23.049999999999997</v>
      </c>
      <c r="G1392" s="40">
        <v>9.0051735657099883</v>
      </c>
      <c r="H1392" s="40">
        <v>23.050000000000011</v>
      </c>
      <c r="I1392" s="40">
        <v>7.3587627851415087</v>
      </c>
      <c r="J1392" s="40">
        <v>23.049991476190598</v>
      </c>
      <c r="K1392" s="40">
        <v>7.6249846443064291</v>
      </c>
      <c r="L1392" s="40"/>
      <c r="M1392" s="40"/>
      <c r="N1392" s="40"/>
      <c r="AB1392">
        <v>4.1678809183109511</v>
      </c>
    </row>
    <row r="1393" spans="4:28" x14ac:dyDescent="0.25">
      <c r="D1393" s="40">
        <v>23.082411000001027</v>
      </c>
      <c r="E1393" s="40">
        <v>11.598985382574741</v>
      </c>
      <c r="F1393" s="40">
        <v>23.066666999999995</v>
      </c>
      <c r="G1393" s="40">
        <v>9.0099288098002059</v>
      </c>
      <c r="H1393" s="40">
        <v>23.06666700000001</v>
      </c>
      <c r="I1393" s="40">
        <v>7.3621155212849416</v>
      </c>
      <c r="J1393" s="40">
        <v>23.066658136904898</v>
      </c>
      <c r="K1393" s="40">
        <v>7.6298356880156613</v>
      </c>
      <c r="L1393" s="40"/>
      <c r="M1393" s="40"/>
      <c r="N1393" s="40"/>
      <c r="AB1393">
        <v>4.168704550348985</v>
      </c>
    </row>
    <row r="1394" spans="4:28" x14ac:dyDescent="0.25">
      <c r="D1394" s="40">
        <v>23.099077000001028</v>
      </c>
      <c r="E1394" s="40">
        <v>11.603686114735167</v>
      </c>
      <c r="F1394" s="40">
        <v>23.083332999999996</v>
      </c>
      <c r="G1394" s="40">
        <v>9.0146840538904254</v>
      </c>
      <c r="H1394" s="40">
        <v>23.083334000000008</v>
      </c>
      <c r="I1394" s="40">
        <v>7.3653696475415291</v>
      </c>
      <c r="J1394" s="40">
        <v>23.083324797619198</v>
      </c>
      <c r="K1394" s="40">
        <v>7.6298356880156613</v>
      </c>
      <c r="L1394" s="40"/>
      <c r="M1394" s="40"/>
      <c r="N1394" s="40"/>
      <c r="AB1394">
        <v>4.169516070151154</v>
      </c>
    </row>
    <row r="1395" spans="4:28" x14ac:dyDescent="0.25">
      <c r="D1395" s="40">
        <v>23.115743000001029</v>
      </c>
      <c r="E1395" s="40">
        <v>11.608529293324588</v>
      </c>
      <c r="F1395" s="40">
        <v>23.099999999999994</v>
      </c>
      <c r="G1395" s="40">
        <v>9.0146840538904254</v>
      </c>
      <c r="H1395" s="40">
        <v>23.100000000000009</v>
      </c>
      <c r="I1395" s="40">
        <v>7.368722383684962</v>
      </c>
      <c r="J1395" s="40">
        <v>23.099991458333498</v>
      </c>
      <c r="K1395" s="40">
        <v>7.6346867317248943</v>
      </c>
      <c r="L1395" s="40"/>
      <c r="M1395" s="40"/>
      <c r="N1395" s="40"/>
      <c r="AB1395">
        <v>4.1703275899533434</v>
      </c>
    </row>
    <row r="1396" spans="4:28" x14ac:dyDescent="0.25">
      <c r="D1396" s="40">
        <v>23.132409000001029</v>
      </c>
      <c r="E1396" s="40">
        <v>11.613372471914136</v>
      </c>
      <c r="F1396" s="40">
        <v>23.116666999999993</v>
      </c>
      <c r="G1396" s="40">
        <v>9.019299437860326</v>
      </c>
      <c r="H1396" s="40">
        <v>23.116667000000007</v>
      </c>
      <c r="I1396" s="40">
        <v>7.3720751198282191</v>
      </c>
      <c r="J1396" s="40">
        <v>23.116658119047798</v>
      </c>
      <c r="K1396" s="40">
        <v>7.6393950976779532</v>
      </c>
      <c r="L1396" s="40"/>
      <c r="M1396" s="40"/>
      <c r="N1396" s="40"/>
      <c r="AB1396">
        <v>4.171151221991356</v>
      </c>
    </row>
    <row r="1397" spans="4:28" x14ac:dyDescent="0.25">
      <c r="D1397" s="40">
        <v>23.14907500000103</v>
      </c>
      <c r="E1397" s="40">
        <v>11.62291638266411</v>
      </c>
      <c r="F1397" s="40">
        <v>23.133332999999993</v>
      </c>
      <c r="G1397" s="40">
        <v>9.024054681950421</v>
      </c>
      <c r="H1397" s="40">
        <v>23.133334000000005</v>
      </c>
      <c r="I1397" s="40">
        <v>7.3753292460849815</v>
      </c>
      <c r="J1397" s="40">
        <v>23.133324779762098</v>
      </c>
      <c r="K1397" s="40">
        <v>7.6393950976779532</v>
      </c>
      <c r="L1397" s="40"/>
      <c r="M1397" s="40"/>
      <c r="N1397" s="40"/>
      <c r="AB1397">
        <v>4.1723745578125522</v>
      </c>
    </row>
    <row r="1398" spans="4:28" x14ac:dyDescent="0.25">
      <c r="D1398" s="40">
        <v>23.165741000001031</v>
      </c>
      <c r="E1398" s="40">
        <v>11.627759561253532</v>
      </c>
      <c r="F1398" s="40">
        <v>23.149999999999991</v>
      </c>
      <c r="G1398" s="40">
        <v>9.0288099260406405</v>
      </c>
      <c r="H1398" s="40">
        <v>23.150000000000006</v>
      </c>
      <c r="I1398" s="40">
        <v>7.3786819822282386</v>
      </c>
      <c r="J1398" s="40">
        <v>23.149991440476299</v>
      </c>
      <c r="K1398" s="40">
        <v>7.6442461413870593</v>
      </c>
      <c r="L1398" s="40"/>
      <c r="M1398" s="40"/>
      <c r="N1398" s="40"/>
      <c r="AB1398">
        <v>4.1731860776147203</v>
      </c>
    </row>
    <row r="1399" spans="4:28" x14ac:dyDescent="0.25">
      <c r="D1399" s="40">
        <v>23.182407000001032</v>
      </c>
      <c r="E1399" s="40">
        <v>11.632460293413956</v>
      </c>
      <c r="F1399" s="40">
        <v>23.16666699999999</v>
      </c>
      <c r="G1399" s="40">
        <v>9.0334253100105411</v>
      </c>
      <c r="H1399" s="40">
        <v>23.166667000000004</v>
      </c>
      <c r="I1399" s="40">
        <v>7.3852888446284339</v>
      </c>
      <c r="J1399" s="40">
        <v>23.166658101190599</v>
      </c>
      <c r="K1399" s="40">
        <v>7.6490971850962923</v>
      </c>
      <c r="L1399" s="40"/>
      <c r="M1399" s="40"/>
      <c r="N1399" s="40"/>
      <c r="AB1399">
        <v>4.1739975974168892</v>
      </c>
    </row>
    <row r="1400" spans="4:28" x14ac:dyDescent="0.25">
      <c r="D1400" s="40">
        <v>23.199073000001032</v>
      </c>
      <c r="E1400" s="40">
        <v>11.637303472003506</v>
      </c>
      <c r="F1400" s="40">
        <v>23.18333299999999</v>
      </c>
      <c r="G1400" s="40">
        <v>9.0381805541006361</v>
      </c>
      <c r="H1400" s="40">
        <v>23.183334000000002</v>
      </c>
      <c r="I1400" s="40">
        <v>7.3886415807716919</v>
      </c>
      <c r="J1400" s="40">
        <v>23.183324761904899</v>
      </c>
      <c r="K1400" s="40">
        <v>7.6490971850962923</v>
      </c>
      <c r="L1400" s="40"/>
      <c r="M1400" s="40"/>
      <c r="N1400" s="40"/>
      <c r="AB1400">
        <v>4.1748212294549232</v>
      </c>
    </row>
    <row r="1401" spans="4:28" x14ac:dyDescent="0.25">
      <c r="D1401" s="40">
        <v>23.215739000001033</v>
      </c>
      <c r="E1401" s="40">
        <v>11.642146650592927</v>
      </c>
      <c r="F1401" s="40">
        <v>23.199999999999989</v>
      </c>
      <c r="G1401" s="40">
        <v>9.0429357981908556</v>
      </c>
      <c r="H1401" s="40">
        <v>23.200000000000003</v>
      </c>
      <c r="I1401" s="40">
        <v>7.3919943169149489</v>
      </c>
      <c r="J1401" s="40">
        <v>23.199991422619199</v>
      </c>
      <c r="K1401" s="40">
        <v>7.6538055510493512</v>
      </c>
      <c r="L1401" s="40"/>
      <c r="M1401" s="40"/>
      <c r="N1401" s="40"/>
      <c r="AB1401">
        <v>4.1756327492570922</v>
      </c>
    </row>
    <row r="1402" spans="4:28" x14ac:dyDescent="0.25">
      <c r="D1402" s="40">
        <v>23.232405000001034</v>
      </c>
      <c r="E1402" s="40">
        <v>11.642146650592927</v>
      </c>
      <c r="F1402" s="40">
        <v>23.216667000000001</v>
      </c>
      <c r="G1402" s="40">
        <v>9.0475511821607562</v>
      </c>
      <c r="H1402" s="40">
        <v>23.216667000000001</v>
      </c>
      <c r="I1402" s="40">
        <v>7.3952484431717114</v>
      </c>
      <c r="J1402" s="40">
        <v>23.216658083333499</v>
      </c>
      <c r="K1402" s="40">
        <v>7.6586565947584573</v>
      </c>
      <c r="L1402" s="40"/>
      <c r="M1402" s="40"/>
      <c r="N1402" s="40"/>
      <c r="AB1402">
        <v>4.1764442690592594</v>
      </c>
    </row>
    <row r="1403" spans="4:28" x14ac:dyDescent="0.25">
      <c r="D1403" s="40">
        <v>23.249071000001035</v>
      </c>
      <c r="E1403" s="40">
        <v>11.646847382753354</v>
      </c>
      <c r="F1403" s="40">
        <v>23.233332999999988</v>
      </c>
      <c r="G1403" s="40">
        <v>9.0523064262508495</v>
      </c>
      <c r="H1403" s="40">
        <v>23.233334000000013</v>
      </c>
      <c r="I1403" s="40">
        <v>7.3986011793149684</v>
      </c>
      <c r="J1403" s="40">
        <v>23.233324744047799</v>
      </c>
      <c r="K1403" s="40">
        <v>7.6586565947584573</v>
      </c>
      <c r="L1403" s="40"/>
      <c r="M1403" s="40"/>
      <c r="N1403" s="40"/>
      <c r="AB1403">
        <v>4.1772679010972942</v>
      </c>
    </row>
    <row r="1404" spans="4:28" x14ac:dyDescent="0.25">
      <c r="D1404" s="40">
        <v>23.265737000001035</v>
      </c>
      <c r="E1404" s="40">
        <v>11.651690561342901</v>
      </c>
      <c r="F1404" s="40">
        <v>23.25</v>
      </c>
      <c r="G1404" s="40">
        <v>9.0570616703410689</v>
      </c>
      <c r="H1404" s="40">
        <v>23.25</v>
      </c>
      <c r="I1404" s="40">
        <v>7.4019539154584013</v>
      </c>
      <c r="J1404" s="40">
        <v>23.249991404762099</v>
      </c>
      <c r="K1404" s="40">
        <v>7.6586565947584573</v>
      </c>
      <c r="L1404" s="40"/>
      <c r="M1404" s="40"/>
      <c r="N1404" s="40"/>
      <c r="AB1404">
        <v>4.1780794208994623</v>
      </c>
    </row>
    <row r="1405" spans="4:28" x14ac:dyDescent="0.25">
      <c r="D1405" s="40">
        <v>23.282403000001036</v>
      </c>
      <c r="E1405" s="40">
        <v>11.656533739932325</v>
      </c>
      <c r="F1405" s="40">
        <v>23.266666999999998</v>
      </c>
      <c r="G1405" s="40">
        <v>9.0616770543109695</v>
      </c>
      <c r="H1405" s="40">
        <v>23.266667000000012</v>
      </c>
      <c r="I1405" s="40">
        <v>7.4052080417151647</v>
      </c>
      <c r="J1405" s="40">
        <v>23.2666580654763</v>
      </c>
      <c r="K1405" s="40">
        <v>7.6635076384676895</v>
      </c>
      <c r="L1405" s="40"/>
      <c r="M1405" s="40"/>
      <c r="N1405" s="40"/>
      <c r="AB1405">
        <v>4.1793027567206584</v>
      </c>
    </row>
    <row r="1406" spans="4:28" x14ac:dyDescent="0.25">
      <c r="D1406" s="40">
        <v>23.299069000001037</v>
      </c>
      <c r="E1406" s="40">
        <v>11.661376918521873</v>
      </c>
      <c r="F1406" s="40">
        <v>23.283332999999999</v>
      </c>
      <c r="G1406" s="40">
        <v>9.0616770543109695</v>
      </c>
      <c r="H1406" s="40">
        <v>23.283334000000011</v>
      </c>
      <c r="I1406" s="40">
        <v>7.4119135140016787</v>
      </c>
      <c r="J1406" s="40">
        <v>23.2833247261906</v>
      </c>
      <c r="K1406" s="40">
        <v>7.6682160044207492</v>
      </c>
      <c r="L1406" s="40"/>
      <c r="M1406" s="40"/>
      <c r="N1406" s="40"/>
      <c r="AB1406">
        <v>4.1801142765228265</v>
      </c>
    </row>
    <row r="1407" spans="4:28" x14ac:dyDescent="0.25">
      <c r="D1407" s="40">
        <v>23.315735000001037</v>
      </c>
      <c r="E1407" s="40">
        <v>11.666077650682297</v>
      </c>
      <c r="F1407" s="40">
        <v>23.299999999999997</v>
      </c>
      <c r="G1407" s="40">
        <v>9.0664322984011907</v>
      </c>
      <c r="H1407" s="40">
        <v>23.300000000000011</v>
      </c>
      <c r="I1407" s="40">
        <v>7.4151676402584421</v>
      </c>
      <c r="J1407" s="40">
        <v>23.2999913869049</v>
      </c>
      <c r="K1407" s="40">
        <v>7.6682160044207492</v>
      </c>
      <c r="L1407" s="40"/>
      <c r="M1407" s="40"/>
      <c r="N1407" s="40"/>
      <c r="AB1407">
        <v>4.1809257963249955</v>
      </c>
    </row>
    <row r="1408" spans="4:28" x14ac:dyDescent="0.25">
      <c r="D1408" s="40">
        <v>23.332401000001038</v>
      </c>
      <c r="E1408" s="40">
        <v>11.670920829271845</v>
      </c>
      <c r="F1408" s="40">
        <v>23.316666999999995</v>
      </c>
      <c r="G1408" s="40">
        <v>9.071187542491284</v>
      </c>
      <c r="H1408" s="40">
        <v>23.31666700000001</v>
      </c>
      <c r="I1408" s="40">
        <v>7.4185203764016983</v>
      </c>
      <c r="J1408" s="40">
        <v>23.3166580476192</v>
      </c>
      <c r="K1408" s="40">
        <v>7.6730670481298544</v>
      </c>
      <c r="L1408" s="40"/>
      <c r="M1408" s="40"/>
      <c r="N1408" s="40"/>
      <c r="AB1408">
        <v>4.1817494283630294</v>
      </c>
    </row>
    <row r="1409" spans="4:28" x14ac:dyDescent="0.25">
      <c r="D1409" s="40">
        <v>23.349067000001039</v>
      </c>
      <c r="E1409" s="40">
        <v>11.675764007861266</v>
      </c>
      <c r="F1409" s="40">
        <v>23.333332999999996</v>
      </c>
      <c r="G1409" s="40">
        <v>9.0758029264611846</v>
      </c>
      <c r="H1409" s="40">
        <v>23.333334000000008</v>
      </c>
      <c r="I1409" s="40">
        <v>7.4218731125451312</v>
      </c>
      <c r="J1409" s="40">
        <v>23.3333247083335</v>
      </c>
      <c r="K1409" s="40">
        <v>7.6730670481298544</v>
      </c>
      <c r="L1409" s="40"/>
      <c r="M1409" s="40"/>
      <c r="N1409" s="40"/>
      <c r="AB1409">
        <v>4.1825609481651984</v>
      </c>
    </row>
    <row r="1410" spans="4:28" x14ac:dyDescent="0.25">
      <c r="D1410" s="40">
        <v>23.36573300000104</v>
      </c>
      <c r="E1410" s="40">
        <v>11.680464740021693</v>
      </c>
      <c r="F1410" s="40">
        <v>23.349999999999994</v>
      </c>
      <c r="G1410" s="40">
        <v>9.080558170551404</v>
      </c>
      <c r="H1410" s="40">
        <v>23.350000000000009</v>
      </c>
      <c r="I1410" s="40">
        <v>7.4251272388018945</v>
      </c>
      <c r="J1410" s="40">
        <v>23.3499913690478</v>
      </c>
      <c r="K1410" s="40">
        <v>7.6779180918390875</v>
      </c>
      <c r="L1410" s="40"/>
      <c r="M1410" s="40"/>
      <c r="N1410" s="40"/>
      <c r="AB1410">
        <v>4.1833724679673656</v>
      </c>
    </row>
    <row r="1411" spans="4:28" x14ac:dyDescent="0.25">
      <c r="D1411" s="40">
        <v>23.38239900000104</v>
      </c>
      <c r="E1411" s="40">
        <v>11.685307918611242</v>
      </c>
      <c r="F1411" s="40">
        <v>23.366666999999993</v>
      </c>
      <c r="G1411" s="40">
        <v>9.0899287986113997</v>
      </c>
      <c r="H1411" s="40">
        <v>23.366667000000007</v>
      </c>
      <c r="I1411" s="40">
        <v>7.4284799749451516</v>
      </c>
      <c r="J1411" s="40">
        <v>23.3666580297621</v>
      </c>
      <c r="K1411" s="40">
        <v>7.6779180918390875</v>
      </c>
      <c r="L1411" s="40"/>
      <c r="M1411" s="40"/>
      <c r="N1411" s="40"/>
      <c r="AB1411">
        <v>4.1841961000054004</v>
      </c>
    </row>
    <row r="1412" spans="4:28" x14ac:dyDescent="0.25">
      <c r="D1412" s="40">
        <v>23.399065000001041</v>
      </c>
      <c r="E1412" s="40">
        <v>11.690151097200664</v>
      </c>
      <c r="F1412" s="40">
        <v>23.383332999999993</v>
      </c>
      <c r="G1412" s="40">
        <v>9.0946840427016191</v>
      </c>
      <c r="H1412" s="40">
        <v>23.383334000000005</v>
      </c>
      <c r="I1412" s="40">
        <v>7.4318327110884086</v>
      </c>
      <c r="J1412" s="40">
        <v>23.3833246904763</v>
      </c>
      <c r="K1412" s="40">
        <v>7.6826264577921473</v>
      </c>
      <c r="L1412" s="40"/>
      <c r="M1412" s="40"/>
      <c r="N1412" s="40"/>
      <c r="AB1412">
        <v>4.1854194358265966</v>
      </c>
    </row>
    <row r="1413" spans="4:28" x14ac:dyDescent="0.25">
      <c r="D1413" s="40">
        <v>23.415731000001042</v>
      </c>
      <c r="E1413" s="40">
        <v>11.694851829361088</v>
      </c>
      <c r="F1413" s="40">
        <v>23.399999999999991</v>
      </c>
      <c r="G1413" s="40">
        <v>9.0994392867917124</v>
      </c>
      <c r="H1413" s="40">
        <v>23.400000000000006</v>
      </c>
      <c r="I1413" s="40">
        <v>7.435086837345172</v>
      </c>
      <c r="J1413" s="40">
        <v>23.3999913511906</v>
      </c>
      <c r="K1413" s="40">
        <v>7.6874775015013794</v>
      </c>
      <c r="L1413" s="40"/>
      <c r="M1413" s="40"/>
      <c r="N1413" s="40"/>
      <c r="AB1413">
        <v>4.1862309556287647</v>
      </c>
    </row>
    <row r="1414" spans="4:28" x14ac:dyDescent="0.25">
      <c r="D1414" s="40">
        <v>23.432397000001043</v>
      </c>
      <c r="E1414" s="40">
        <v>11.694851829361088</v>
      </c>
      <c r="F1414" s="40">
        <v>23.41666699999999</v>
      </c>
      <c r="G1414" s="40">
        <v>9.104054670761613</v>
      </c>
      <c r="H1414" s="40">
        <v>23.416667000000004</v>
      </c>
      <c r="I1414" s="40">
        <v>7.438439573488604</v>
      </c>
      <c r="J1414" s="40">
        <v>23.4166580119049</v>
      </c>
      <c r="K1414" s="40">
        <v>7.6923285452104855</v>
      </c>
      <c r="L1414" s="40"/>
      <c r="M1414" s="40"/>
      <c r="N1414" s="40"/>
      <c r="AB1414">
        <v>4.1870424754309337</v>
      </c>
    </row>
    <row r="1415" spans="4:28" x14ac:dyDescent="0.25">
      <c r="D1415" s="40">
        <v>23.449063000001043</v>
      </c>
      <c r="E1415" s="40">
        <v>11.699695007950636</v>
      </c>
      <c r="F1415" s="40">
        <v>23.43333299999999</v>
      </c>
      <c r="G1415" s="40">
        <v>9.1088099148518342</v>
      </c>
      <c r="H1415" s="40">
        <v>23.433334000000002</v>
      </c>
      <c r="I1415" s="40">
        <v>7.441792309631861</v>
      </c>
      <c r="J1415" s="40">
        <v>23.4333246726192</v>
      </c>
      <c r="K1415" s="40">
        <v>7.6970369111635444</v>
      </c>
      <c r="L1415" s="40"/>
      <c r="M1415" s="40"/>
      <c r="N1415" s="40"/>
      <c r="AB1415">
        <v>4.1878661074689676</v>
      </c>
    </row>
    <row r="1416" spans="4:28" x14ac:dyDescent="0.25">
      <c r="D1416" s="40">
        <v>23.465729000001044</v>
      </c>
      <c r="E1416" s="40">
        <v>11.704538186540058</v>
      </c>
      <c r="F1416" s="40">
        <v>23.449999999999989</v>
      </c>
      <c r="G1416" s="40">
        <v>9.1135651589420537</v>
      </c>
      <c r="H1416" s="40">
        <v>23.450000000000003</v>
      </c>
      <c r="I1416" s="40">
        <v>7.4450464358886244</v>
      </c>
      <c r="J1416" s="40">
        <v>23.4499913333335</v>
      </c>
      <c r="K1416" s="40">
        <v>7.6970369111635444</v>
      </c>
      <c r="L1416" s="40"/>
      <c r="M1416" s="40"/>
      <c r="N1416" s="40"/>
      <c r="AB1416">
        <v>4.1886776272711357</v>
      </c>
    </row>
    <row r="1417" spans="4:28" x14ac:dyDescent="0.25">
      <c r="D1417" s="40">
        <v>23.482395000001045</v>
      </c>
      <c r="E1417" s="40">
        <v>11.709238918700484</v>
      </c>
      <c r="F1417" s="40">
        <v>23.466667000000001</v>
      </c>
      <c r="G1417" s="40">
        <v>9.1181805429118281</v>
      </c>
      <c r="H1417" s="40">
        <v>23.466667000000001</v>
      </c>
      <c r="I1417" s="40">
        <v>7.4483991720318814</v>
      </c>
      <c r="J1417" s="40">
        <v>23.4666579940478</v>
      </c>
      <c r="K1417" s="40">
        <v>7.7018879548727774</v>
      </c>
      <c r="L1417" s="40"/>
      <c r="M1417" s="40"/>
      <c r="N1417" s="40"/>
      <c r="AB1417">
        <v>4.1894891470733038</v>
      </c>
    </row>
    <row r="1418" spans="4:28" x14ac:dyDescent="0.25">
      <c r="D1418" s="40">
        <v>23.499061000001046</v>
      </c>
      <c r="E1418" s="40">
        <v>11.714082097290033</v>
      </c>
      <c r="F1418" s="40">
        <v>23.483332999999988</v>
      </c>
      <c r="G1418" s="40">
        <v>9.1229357870020475</v>
      </c>
      <c r="H1418" s="40">
        <v>23.483334000000013</v>
      </c>
      <c r="I1418" s="40">
        <v>7.4483991720318814</v>
      </c>
      <c r="J1418" s="40">
        <v>23.4833246547621</v>
      </c>
      <c r="K1418" s="40">
        <v>7.7067389985818835</v>
      </c>
      <c r="L1418" s="40"/>
      <c r="M1418" s="40"/>
      <c r="N1418" s="40"/>
      <c r="AB1418">
        <v>4.1903127791113377</v>
      </c>
    </row>
    <row r="1419" spans="4:28" x14ac:dyDescent="0.25">
      <c r="D1419" s="40">
        <v>23.515727000001046</v>
      </c>
      <c r="E1419" s="40">
        <v>11.718925275879581</v>
      </c>
      <c r="F1419" s="40">
        <v>23.5</v>
      </c>
      <c r="G1419" s="40">
        <v>9.1276910310922688</v>
      </c>
      <c r="H1419" s="40">
        <v>23.5</v>
      </c>
      <c r="I1419" s="40">
        <v>7.4517519081751384</v>
      </c>
      <c r="J1419" s="40">
        <v>23.499991315476301</v>
      </c>
      <c r="K1419" s="40">
        <v>7.7115900422911157</v>
      </c>
      <c r="L1419" s="40"/>
      <c r="M1419" s="40"/>
      <c r="N1419" s="40"/>
      <c r="AB1419">
        <v>4.1911242989135067</v>
      </c>
    </row>
    <row r="1420" spans="4:28" x14ac:dyDescent="0.25">
      <c r="D1420" s="40">
        <v>23.532393000001047</v>
      </c>
      <c r="E1420" s="40">
        <v>11.723626008039881</v>
      </c>
      <c r="F1420" s="40">
        <v>23.516666999999998</v>
      </c>
      <c r="G1420" s="40">
        <v>9.1323064150620432</v>
      </c>
      <c r="H1420" s="40">
        <v>23.516667000000012</v>
      </c>
      <c r="I1420" s="40">
        <v>7.4550060344319018</v>
      </c>
      <c r="J1420" s="40">
        <v>23.516657976190601</v>
      </c>
      <c r="K1420" s="40">
        <v>7.7115900422911157</v>
      </c>
      <c r="L1420" s="40"/>
      <c r="M1420" s="40"/>
      <c r="N1420" s="40"/>
      <c r="AB1420">
        <v>4.1919358187156757</v>
      </c>
    </row>
    <row r="1421" spans="4:28" x14ac:dyDescent="0.25">
      <c r="D1421" s="40">
        <v>23.549059000001048</v>
      </c>
      <c r="E1421" s="40">
        <v>11.728469186629429</v>
      </c>
      <c r="F1421" s="40">
        <v>23.533332999999999</v>
      </c>
      <c r="G1421" s="40">
        <v>9.1323064150620432</v>
      </c>
      <c r="H1421" s="40">
        <v>23.533334000000011</v>
      </c>
      <c r="I1421" s="40">
        <v>7.4583587705753347</v>
      </c>
      <c r="J1421" s="40">
        <v>23.533324636904901</v>
      </c>
      <c r="K1421" s="40">
        <v>7.7162984082441755</v>
      </c>
      <c r="L1421" s="40"/>
      <c r="M1421" s="40"/>
      <c r="N1421" s="40"/>
      <c r="AB1421">
        <v>4.1927473385178438</v>
      </c>
    </row>
    <row r="1422" spans="4:28" x14ac:dyDescent="0.25">
      <c r="D1422" s="40">
        <v>23.565725000001049</v>
      </c>
      <c r="E1422" s="40">
        <v>11.733312365218977</v>
      </c>
      <c r="F1422" s="40">
        <v>23.549999999999997</v>
      </c>
      <c r="G1422" s="40">
        <v>9.1370616591522626</v>
      </c>
      <c r="H1422" s="40">
        <v>23.550000000000011</v>
      </c>
      <c r="I1422" s="40">
        <v>7.4617115067185908</v>
      </c>
      <c r="J1422" s="40">
        <v>23.549991297619201</v>
      </c>
      <c r="K1422" s="40">
        <v>7.7211494519532815</v>
      </c>
      <c r="L1422" s="40"/>
      <c r="M1422" s="40"/>
      <c r="N1422" s="40"/>
      <c r="AB1422">
        <v>4.1935709705558777</v>
      </c>
    </row>
    <row r="1423" spans="4:28" x14ac:dyDescent="0.25">
      <c r="D1423" s="40">
        <v>23.582391000001049</v>
      </c>
      <c r="E1423" s="40">
        <v>11.738013097379275</v>
      </c>
      <c r="F1423" s="40">
        <v>23.566666999999995</v>
      </c>
      <c r="G1423" s="40">
        <v>9.1464322872123827</v>
      </c>
      <c r="H1423" s="40">
        <v>23.56666700000001</v>
      </c>
      <c r="I1423" s="40">
        <v>7.4617115067185908</v>
      </c>
      <c r="J1423" s="40">
        <v>23.566657958333501</v>
      </c>
      <c r="K1423" s="40">
        <v>7.7260004956625137</v>
      </c>
      <c r="L1423" s="40"/>
      <c r="M1423" s="40"/>
      <c r="N1423" s="40"/>
      <c r="AB1423">
        <v>4.1943824903580458</v>
      </c>
    </row>
    <row r="1424" spans="4:28" x14ac:dyDescent="0.25">
      <c r="D1424" s="40">
        <v>23.59905700000105</v>
      </c>
      <c r="E1424" s="40">
        <v>11.742856275968824</v>
      </c>
      <c r="F1424" s="40">
        <v>23.583332999999996</v>
      </c>
      <c r="G1424" s="40">
        <v>9.1511875313024778</v>
      </c>
      <c r="H1424" s="40">
        <v>23.583334000000008</v>
      </c>
      <c r="I1424" s="40">
        <v>7.4649656329753542</v>
      </c>
      <c r="J1424" s="40">
        <v>23.583324619047801</v>
      </c>
      <c r="K1424" s="40">
        <v>7.7260004956625137</v>
      </c>
      <c r="L1424" s="40"/>
      <c r="M1424" s="40"/>
      <c r="N1424" s="40"/>
      <c r="AB1424">
        <v>4.1951940101602361</v>
      </c>
    </row>
    <row r="1425" spans="4:28" x14ac:dyDescent="0.25">
      <c r="D1425" s="40">
        <v>23.615723000001051</v>
      </c>
      <c r="E1425" s="40">
        <v>11.752400186718798</v>
      </c>
      <c r="F1425" s="40">
        <v>23.599999999999994</v>
      </c>
      <c r="G1425" s="40">
        <v>9.1559427753926972</v>
      </c>
      <c r="H1425" s="40">
        <v>23.600000000000009</v>
      </c>
      <c r="I1425" s="40">
        <v>7.4683183691186112</v>
      </c>
      <c r="J1425" s="40">
        <v>23.599991279762101</v>
      </c>
      <c r="K1425" s="40">
        <v>7.7307088616155735</v>
      </c>
      <c r="L1425" s="40"/>
      <c r="M1425" s="40"/>
      <c r="N1425" s="40"/>
      <c r="AB1425">
        <v>4.1960176421982487</v>
      </c>
    </row>
    <row r="1426" spans="4:28" x14ac:dyDescent="0.25">
      <c r="D1426" s="40">
        <v>23.632389000001051</v>
      </c>
      <c r="E1426" s="40">
        <v>11.75724336530822</v>
      </c>
      <c r="F1426" s="40">
        <v>23.616666999999993</v>
      </c>
      <c r="G1426" s="40">
        <v>9.1606980194827905</v>
      </c>
      <c r="H1426" s="40">
        <v>23.616667000000007</v>
      </c>
      <c r="I1426" s="40">
        <v>7.4716711052620441</v>
      </c>
      <c r="J1426" s="40">
        <v>23.616657940476301</v>
      </c>
      <c r="K1426" s="40">
        <v>7.7307088616155735</v>
      </c>
      <c r="L1426" s="40"/>
      <c r="M1426" s="40"/>
      <c r="N1426" s="40"/>
      <c r="AB1426">
        <v>4.19641734598141</v>
      </c>
    </row>
    <row r="1427" spans="4:28" x14ac:dyDescent="0.25">
      <c r="D1427" s="40">
        <v>23.649055000001052</v>
      </c>
      <c r="E1427" s="40">
        <v>11.762086543897768</v>
      </c>
      <c r="F1427" s="40">
        <v>23.633332999999993</v>
      </c>
      <c r="G1427" s="40">
        <v>9.1653134034526911</v>
      </c>
      <c r="H1427" s="40">
        <v>23.633334000000005</v>
      </c>
      <c r="I1427" s="40">
        <v>7.4716711052620441</v>
      </c>
      <c r="J1427" s="40">
        <v>23.633324601190601</v>
      </c>
      <c r="K1427" s="40">
        <v>7.7355599053246795</v>
      </c>
      <c r="L1427" s="40"/>
      <c r="M1427" s="40"/>
      <c r="N1427" s="40"/>
      <c r="AB1427">
        <v>4.1972409780194448</v>
      </c>
    </row>
    <row r="1428" spans="4:28" x14ac:dyDescent="0.25">
      <c r="D1428" s="40">
        <v>23.665721000001053</v>
      </c>
      <c r="E1428" s="40">
        <v>11.766787276058192</v>
      </c>
      <c r="F1428" s="40">
        <v>23.649999999999991</v>
      </c>
      <c r="G1428" s="40">
        <v>9.1700686475429123</v>
      </c>
      <c r="H1428" s="40">
        <v>23.650000000000006</v>
      </c>
      <c r="I1428" s="40">
        <v>7.4749252315186316</v>
      </c>
      <c r="J1428" s="40">
        <v>23.649991261904901</v>
      </c>
      <c r="K1428" s="40">
        <v>7.7404109490339108</v>
      </c>
      <c r="L1428" s="40"/>
      <c r="M1428" s="40"/>
      <c r="N1428" s="40"/>
      <c r="AB1428">
        <v>4.1980524978216129</v>
      </c>
    </row>
    <row r="1429" spans="4:28" x14ac:dyDescent="0.25">
      <c r="D1429" s="40">
        <v>23.682387000001054</v>
      </c>
      <c r="E1429" s="40">
        <v>11.771630454647614</v>
      </c>
      <c r="F1429" s="40">
        <v>23.66666699999999</v>
      </c>
      <c r="G1429" s="40">
        <v>9.1748238916331299</v>
      </c>
      <c r="H1429" s="40">
        <v>23.666667000000004</v>
      </c>
      <c r="I1429" s="40">
        <v>7.4782779676620645</v>
      </c>
      <c r="J1429" s="40">
        <v>23.666657922619201</v>
      </c>
      <c r="K1429" s="40">
        <v>7.7451193149869715</v>
      </c>
      <c r="L1429" s="40"/>
      <c r="M1429" s="40"/>
      <c r="N1429" s="40"/>
      <c r="AB1429">
        <v>4.1988640176237819</v>
      </c>
    </row>
    <row r="1430" spans="4:28" x14ac:dyDescent="0.25">
      <c r="D1430" s="40">
        <v>23.699053000001054</v>
      </c>
      <c r="E1430" s="40">
        <v>11.776473633237163</v>
      </c>
      <c r="F1430" s="40">
        <v>23.68333299999999</v>
      </c>
      <c r="G1430" s="40">
        <v>9.1794392756029062</v>
      </c>
      <c r="H1430" s="40">
        <v>23.683334000000002</v>
      </c>
      <c r="I1430" s="40">
        <v>7.4816307038053207</v>
      </c>
      <c r="J1430" s="40">
        <v>23.683324583333501</v>
      </c>
      <c r="K1430" s="40">
        <v>7.7451193149869715</v>
      </c>
      <c r="L1430" s="40"/>
      <c r="M1430" s="40"/>
      <c r="N1430" s="40"/>
      <c r="AB1430">
        <v>4.1996876496618158</v>
      </c>
    </row>
    <row r="1431" spans="4:28" x14ac:dyDescent="0.25">
      <c r="D1431" s="40">
        <v>23.715719000001055</v>
      </c>
      <c r="E1431" s="40">
        <v>11.78117436539759</v>
      </c>
      <c r="F1431" s="40">
        <v>23.699999999999989</v>
      </c>
      <c r="G1431" s="40">
        <v>9.1841945196931256</v>
      </c>
      <c r="H1431" s="40">
        <v>23.700000000000003</v>
      </c>
      <c r="I1431" s="40">
        <v>7.484884830062084</v>
      </c>
      <c r="J1431" s="40">
        <v>23.699991244047801</v>
      </c>
      <c r="K1431" s="40">
        <v>7.7499703586962037</v>
      </c>
      <c r="L1431" s="40"/>
      <c r="M1431" s="40"/>
      <c r="N1431" s="40"/>
      <c r="AB1431">
        <v>4.2004991694639839</v>
      </c>
    </row>
    <row r="1432" spans="4:28" x14ac:dyDescent="0.25">
      <c r="D1432" s="40">
        <v>23.732385000001056</v>
      </c>
      <c r="E1432" s="40">
        <v>11.786017543987011</v>
      </c>
      <c r="F1432" s="40">
        <v>23.716667000000001</v>
      </c>
      <c r="G1432" s="40">
        <v>9.1889497637833433</v>
      </c>
      <c r="H1432" s="40">
        <v>23.716667000000001</v>
      </c>
      <c r="I1432" s="40">
        <v>7.4882375662053411</v>
      </c>
      <c r="J1432" s="40">
        <v>23.716657904762101</v>
      </c>
      <c r="K1432" s="40">
        <v>7.7499703586962037</v>
      </c>
      <c r="L1432" s="40"/>
      <c r="M1432" s="40"/>
      <c r="N1432" s="40"/>
      <c r="AB1432">
        <v>4.201310689266152</v>
      </c>
    </row>
    <row r="1433" spans="4:28" x14ac:dyDescent="0.25">
      <c r="D1433" s="40">
        <v>23.749051000001057</v>
      </c>
      <c r="E1433" s="40">
        <v>11.790860722576559</v>
      </c>
      <c r="F1433" s="40">
        <v>23.733332999999988</v>
      </c>
      <c r="G1433" s="40">
        <v>9.1935651477531213</v>
      </c>
      <c r="H1433" s="40">
        <v>23.733334000000013</v>
      </c>
      <c r="I1433" s="40">
        <v>7.491590302348774</v>
      </c>
      <c r="J1433" s="40">
        <v>23.733324565476298</v>
      </c>
      <c r="K1433" s="40">
        <v>7.7548214024053088</v>
      </c>
      <c r="L1433" s="40"/>
      <c r="M1433" s="40"/>
      <c r="N1433" s="40"/>
      <c r="AB1433">
        <v>4.2021343213041868</v>
      </c>
    </row>
    <row r="1434" spans="4:28" x14ac:dyDescent="0.25">
      <c r="D1434" s="40">
        <v>23.765717000001057</v>
      </c>
      <c r="E1434" s="40">
        <v>11.795561454736985</v>
      </c>
      <c r="F1434" s="40">
        <v>23.75</v>
      </c>
      <c r="G1434" s="40">
        <v>9.1983203918433407</v>
      </c>
      <c r="H1434" s="40">
        <v>23.75</v>
      </c>
      <c r="I1434" s="40">
        <v>7.494943038492031</v>
      </c>
      <c r="J1434" s="40">
        <v>23.749991226190598</v>
      </c>
      <c r="K1434" s="40">
        <v>7.7595297683583695</v>
      </c>
      <c r="L1434" s="40"/>
      <c r="M1434" s="40"/>
      <c r="N1434" s="40"/>
      <c r="AB1434">
        <v>4.2029458411063549</v>
      </c>
    </row>
    <row r="1435" spans="4:28" x14ac:dyDescent="0.25">
      <c r="D1435" s="40">
        <v>23.782383000001058</v>
      </c>
      <c r="E1435" s="40">
        <v>11.800404633326407</v>
      </c>
      <c r="F1435" s="40">
        <v>23.766666999999998</v>
      </c>
      <c r="G1435" s="40">
        <v>9.2030756359335584</v>
      </c>
      <c r="H1435" s="40">
        <v>23.766667000000012</v>
      </c>
      <c r="I1435" s="40">
        <v>7.4981971647487944</v>
      </c>
      <c r="J1435" s="40">
        <v>23.766657886904898</v>
      </c>
      <c r="K1435" s="40">
        <v>7.7595297683583695</v>
      </c>
      <c r="L1435" s="40"/>
      <c r="M1435" s="40"/>
      <c r="N1435" s="40"/>
      <c r="AB1435">
        <v>4.2037573609085239</v>
      </c>
    </row>
    <row r="1436" spans="4:28" x14ac:dyDescent="0.25">
      <c r="D1436" s="40">
        <v>23.799049000001059</v>
      </c>
      <c r="E1436" s="40">
        <v>11.805247811915955</v>
      </c>
      <c r="F1436" s="40">
        <v>23.783332999999999</v>
      </c>
      <c r="G1436" s="40">
        <v>9.207691019903459</v>
      </c>
      <c r="H1436" s="40">
        <v>23.783334000000011</v>
      </c>
      <c r="I1436" s="40">
        <v>7.5015499008920514</v>
      </c>
      <c r="J1436" s="40">
        <v>23.783324547619198</v>
      </c>
      <c r="K1436" s="40">
        <v>7.7643808120676008</v>
      </c>
      <c r="L1436" s="40"/>
      <c r="M1436" s="40"/>
      <c r="N1436" s="40"/>
      <c r="AB1436">
        <v>4.2045809929465578</v>
      </c>
    </row>
    <row r="1437" spans="4:28" x14ac:dyDescent="0.25">
      <c r="D1437" s="40">
        <v>23.81571500000106</v>
      </c>
      <c r="E1437" s="40">
        <v>11.809948544076381</v>
      </c>
      <c r="F1437" s="40">
        <v>23.799999999999997</v>
      </c>
      <c r="G1437" s="40">
        <v>9.2124462639935558</v>
      </c>
      <c r="H1437" s="40">
        <v>23.800000000000011</v>
      </c>
      <c r="I1437" s="40">
        <v>7.5049026370354834</v>
      </c>
      <c r="J1437" s="40">
        <v>23.799991208333498</v>
      </c>
      <c r="K1437" s="40">
        <v>7.7692318557767068</v>
      </c>
      <c r="L1437" s="40"/>
      <c r="M1437" s="40"/>
      <c r="N1437" s="40"/>
      <c r="AB1437">
        <v>4.2053925127487259</v>
      </c>
    </row>
    <row r="1438" spans="4:28" x14ac:dyDescent="0.25">
      <c r="D1438" s="40">
        <v>23.83238100000106</v>
      </c>
      <c r="E1438" s="40">
        <v>11.814791722665928</v>
      </c>
      <c r="F1438" s="40">
        <v>23.816666999999995</v>
      </c>
      <c r="G1438" s="40">
        <v>9.2172015080837735</v>
      </c>
      <c r="H1438" s="40">
        <v>23.81666700000001</v>
      </c>
      <c r="I1438" s="40">
        <v>7.5115094994355038</v>
      </c>
      <c r="J1438" s="40">
        <v>23.816657869047798</v>
      </c>
      <c r="K1438" s="40">
        <v>7.7692318557767068</v>
      </c>
      <c r="L1438" s="40"/>
      <c r="M1438" s="40"/>
      <c r="N1438" s="40"/>
      <c r="AB1438">
        <v>4.206204032550894</v>
      </c>
    </row>
    <row r="1439" spans="4:28" x14ac:dyDescent="0.25">
      <c r="D1439" s="40">
        <v>23.849047000001061</v>
      </c>
      <c r="E1439" s="40">
        <v>11.81963490125535</v>
      </c>
      <c r="F1439" s="40">
        <v>23.833332999999996</v>
      </c>
      <c r="G1439" s="40">
        <v>9.2265721361437691</v>
      </c>
      <c r="H1439" s="40">
        <v>23.833334000000008</v>
      </c>
      <c r="I1439" s="40">
        <v>7.5148622355787609</v>
      </c>
      <c r="J1439" s="40">
        <v>23.833324529762098</v>
      </c>
      <c r="K1439" s="40">
        <v>7.7739402217297666</v>
      </c>
      <c r="L1439" s="40"/>
      <c r="M1439" s="40"/>
      <c r="N1439" s="40"/>
      <c r="AB1439">
        <v>4.2066158485699221</v>
      </c>
    </row>
    <row r="1440" spans="4:28" x14ac:dyDescent="0.25">
      <c r="D1440" s="40">
        <v>23.865713000001062</v>
      </c>
      <c r="E1440" s="40">
        <v>11.824335633415776</v>
      </c>
      <c r="F1440" s="40">
        <v>23.849999999999994</v>
      </c>
      <c r="G1440" s="40">
        <v>9.2313273802339886</v>
      </c>
      <c r="H1440" s="40">
        <v>23.850000000000009</v>
      </c>
      <c r="I1440" s="40">
        <v>7.5181163618355242</v>
      </c>
      <c r="J1440" s="40">
        <v>23.849991190476299</v>
      </c>
      <c r="K1440" s="40">
        <v>7.7787912654389988</v>
      </c>
      <c r="L1440" s="40"/>
      <c r="M1440" s="40"/>
      <c r="N1440" s="40"/>
      <c r="AB1440">
        <v>4.2074273683720902</v>
      </c>
    </row>
    <row r="1441" spans="4:28" x14ac:dyDescent="0.25">
      <c r="D1441" s="40">
        <v>23.882379000001063</v>
      </c>
      <c r="E1441" s="40">
        <v>11.834021990594747</v>
      </c>
      <c r="F1441" s="40">
        <v>23.866666999999993</v>
      </c>
      <c r="G1441" s="40">
        <v>9.2359427642038892</v>
      </c>
      <c r="H1441" s="40">
        <v>23.866667000000007</v>
      </c>
      <c r="I1441" s="40">
        <v>7.5214690979787813</v>
      </c>
      <c r="J1441" s="40">
        <v>23.866657851190599</v>
      </c>
      <c r="K1441" s="40">
        <v>7.7836423091481048</v>
      </c>
      <c r="L1441" s="40"/>
      <c r="M1441" s="40"/>
      <c r="N1441" s="40"/>
      <c r="AB1441">
        <v>4.2082388881742583</v>
      </c>
    </row>
    <row r="1442" spans="4:28" x14ac:dyDescent="0.25">
      <c r="D1442" s="40">
        <v>23.899045000001063</v>
      </c>
      <c r="E1442" s="40">
        <v>11.838865169184295</v>
      </c>
      <c r="F1442" s="40">
        <v>23.883332999999993</v>
      </c>
      <c r="G1442" s="40">
        <v>9.2406980082939842</v>
      </c>
      <c r="H1442" s="40">
        <v>23.883334000000005</v>
      </c>
      <c r="I1442" s="40">
        <v>7.5280759603789766</v>
      </c>
      <c r="J1442" s="40">
        <v>23.883324511904899</v>
      </c>
      <c r="K1442" s="40">
        <v>7.7836423091481048</v>
      </c>
      <c r="L1442" s="40"/>
      <c r="M1442" s="40"/>
      <c r="N1442" s="40"/>
      <c r="AB1442">
        <v>4.2090625202122931</v>
      </c>
    </row>
    <row r="1443" spans="4:28" x14ac:dyDescent="0.25">
      <c r="D1443" s="40">
        <v>23.915711000001064</v>
      </c>
      <c r="E1443" s="40">
        <v>11.84356590134472</v>
      </c>
      <c r="F1443" s="40">
        <v>23.899999999999991</v>
      </c>
      <c r="G1443" s="40">
        <v>9.2454532523842019</v>
      </c>
      <c r="H1443" s="40">
        <v>23.900000000000006</v>
      </c>
      <c r="I1443" s="40">
        <v>7.5314286965222337</v>
      </c>
      <c r="J1443" s="40">
        <v>23.899991172619199</v>
      </c>
      <c r="K1443" s="40">
        <v>7.7883506751011646</v>
      </c>
      <c r="L1443" s="40"/>
      <c r="M1443" s="40"/>
      <c r="N1443" s="40"/>
      <c r="AB1443">
        <v>4.2098740400144612</v>
      </c>
    </row>
    <row r="1444" spans="4:28" x14ac:dyDescent="0.25">
      <c r="D1444" s="40">
        <v>23.932377000001065</v>
      </c>
      <c r="E1444" s="40">
        <v>11.848409079934141</v>
      </c>
      <c r="F1444" s="40">
        <v>23.91666699999999</v>
      </c>
      <c r="G1444" s="40">
        <v>9.2500686363541025</v>
      </c>
      <c r="H1444" s="40">
        <v>23.916667000000004</v>
      </c>
      <c r="I1444" s="40">
        <v>7.5347814326654907</v>
      </c>
      <c r="J1444" s="40">
        <v>23.916657833333499</v>
      </c>
      <c r="K1444" s="40">
        <v>7.7883506751011646</v>
      </c>
      <c r="L1444" s="40"/>
      <c r="M1444" s="40"/>
      <c r="N1444" s="40"/>
      <c r="AB1444">
        <v>4.2106855598166302</v>
      </c>
    </row>
    <row r="1445" spans="4:28" x14ac:dyDescent="0.25">
      <c r="D1445" s="40">
        <v>23.949043000001065</v>
      </c>
      <c r="E1445" s="40">
        <v>11.853252258523691</v>
      </c>
      <c r="F1445" s="40">
        <v>23.93333299999999</v>
      </c>
      <c r="G1445" s="40">
        <v>9.2548238804443219</v>
      </c>
      <c r="H1445" s="40">
        <v>23.933334000000002</v>
      </c>
      <c r="I1445" s="40">
        <v>7.5380355589222541</v>
      </c>
      <c r="J1445" s="40">
        <v>23.933324494047799</v>
      </c>
      <c r="K1445" s="40">
        <v>7.7932017188103968</v>
      </c>
      <c r="L1445" s="40"/>
      <c r="M1445" s="40"/>
      <c r="N1445" s="40"/>
      <c r="AB1445">
        <v>4.2115091918546632</v>
      </c>
    </row>
    <row r="1446" spans="4:28" x14ac:dyDescent="0.25">
      <c r="D1446" s="40">
        <v>23.965709000001066</v>
      </c>
      <c r="E1446" s="40">
        <v>11.857952990684115</v>
      </c>
      <c r="F1446" s="40">
        <v>23.949999999999989</v>
      </c>
      <c r="G1446" s="40">
        <v>9.2641945085043176</v>
      </c>
      <c r="H1446" s="40">
        <v>23.950000000000003</v>
      </c>
      <c r="I1446" s="40">
        <v>7.5413882950655111</v>
      </c>
      <c r="J1446" s="40">
        <v>23.949991154762099</v>
      </c>
      <c r="K1446" s="40">
        <v>7.7932017188103968</v>
      </c>
      <c r="L1446" s="40"/>
      <c r="M1446" s="40"/>
      <c r="N1446" s="40"/>
      <c r="AB1446">
        <v>4.2123207116568322</v>
      </c>
    </row>
    <row r="1447" spans="4:28" x14ac:dyDescent="0.25">
      <c r="D1447" s="40">
        <v>23.982375000001067</v>
      </c>
      <c r="E1447" s="40">
        <v>11.862796169273665</v>
      </c>
      <c r="F1447" s="40">
        <v>23.966667000000001</v>
      </c>
      <c r="G1447" s="40">
        <v>9.268949752594537</v>
      </c>
      <c r="H1447" s="40">
        <v>23.966667000000001</v>
      </c>
      <c r="I1447" s="40">
        <v>7.544741031208944</v>
      </c>
      <c r="J1447" s="40">
        <v>23.966657815476299</v>
      </c>
      <c r="K1447" s="40">
        <v>7.7980527625196299</v>
      </c>
      <c r="L1447" s="40"/>
      <c r="M1447" s="40"/>
      <c r="N1447" s="40"/>
      <c r="AB1447">
        <v>4.2131322314590003</v>
      </c>
    </row>
    <row r="1448" spans="4:28" x14ac:dyDescent="0.25">
      <c r="D1448" s="40">
        <v>23.999041000001068</v>
      </c>
      <c r="E1448" s="40">
        <v>11.867639347863086</v>
      </c>
      <c r="F1448" s="40">
        <v>23.983332999999988</v>
      </c>
      <c r="G1448" s="40">
        <v>9.2737049966846339</v>
      </c>
      <c r="H1448" s="40">
        <v>23.983334000000013</v>
      </c>
      <c r="I1448" s="40">
        <v>7.5479951574657065</v>
      </c>
      <c r="J1448" s="40">
        <v>23.983324476190599</v>
      </c>
      <c r="K1448" s="40">
        <v>7.7980527625196299</v>
      </c>
      <c r="L1448" s="40"/>
      <c r="M1448" s="40"/>
      <c r="N1448" s="40"/>
      <c r="AB1448">
        <v>4.2139558634970351</v>
      </c>
    </row>
    <row r="1449" spans="4:28" x14ac:dyDescent="0.25">
      <c r="D1449" s="40">
        <v>24.015707000001068</v>
      </c>
      <c r="E1449" s="40">
        <v>11.877183258613059</v>
      </c>
      <c r="F1449" s="40">
        <v>24</v>
      </c>
      <c r="G1449" s="40">
        <v>9.2783203806545327</v>
      </c>
      <c r="H1449" s="40">
        <v>24</v>
      </c>
      <c r="I1449" s="40">
        <v>7.5513478936089635</v>
      </c>
      <c r="J1449" s="40">
        <v>23.999991136904899</v>
      </c>
      <c r="K1449" s="40">
        <v>7.8027611284725626</v>
      </c>
      <c r="L1449" s="40"/>
      <c r="M1449" s="40"/>
      <c r="N1449" s="40"/>
      <c r="AB1449">
        <v>4.2147673832992032</v>
      </c>
    </row>
    <row r="1450" spans="4:28" x14ac:dyDescent="0.25">
      <c r="D1450" s="40">
        <v>24.032373000001069</v>
      </c>
      <c r="E1450" s="40">
        <v>11.882026437202482</v>
      </c>
      <c r="F1450" s="40">
        <v>24.016666999999998</v>
      </c>
      <c r="G1450" s="40">
        <v>9.2830756247447521</v>
      </c>
      <c r="H1450" s="40">
        <v>24.016667000000012</v>
      </c>
      <c r="I1450" s="40">
        <v>7.5579547560089839</v>
      </c>
      <c r="J1450" s="40">
        <v>24.016657797619199</v>
      </c>
      <c r="K1450" s="40">
        <v>7.8027611284725626</v>
      </c>
      <c r="L1450" s="40"/>
      <c r="M1450" s="40"/>
      <c r="N1450" s="40"/>
      <c r="AB1450">
        <v>4.2151791993182304</v>
      </c>
    </row>
    <row r="1451" spans="4:28" x14ac:dyDescent="0.25">
      <c r="D1451" s="40">
        <v>24.04903900000107</v>
      </c>
      <c r="E1451" s="40">
        <v>11.891570347952456</v>
      </c>
      <c r="F1451" s="40">
        <v>24.033332999999999</v>
      </c>
      <c r="G1451" s="40">
        <v>9.2878308688348472</v>
      </c>
      <c r="H1451" s="40">
        <v>24.033334000000011</v>
      </c>
      <c r="I1451" s="40">
        <v>7.5613074921524168</v>
      </c>
      <c r="J1451" s="40">
        <v>24.0333244583335</v>
      </c>
      <c r="K1451" s="40">
        <v>7.8076121721817948</v>
      </c>
      <c r="L1451" s="40"/>
      <c r="M1451" s="40"/>
      <c r="N1451" s="40"/>
      <c r="AB1451">
        <v>4.2159907191203994</v>
      </c>
    </row>
    <row r="1452" spans="4:28" x14ac:dyDescent="0.25">
      <c r="D1452" s="40">
        <v>24.065705000001071</v>
      </c>
      <c r="E1452" s="40">
        <v>11.896413526541878</v>
      </c>
      <c r="F1452" s="40">
        <v>24.049999999999997</v>
      </c>
      <c r="G1452" s="40">
        <v>9.2924462528047478</v>
      </c>
      <c r="H1452" s="40">
        <v>24.050000000000011</v>
      </c>
      <c r="I1452" s="40">
        <v>7.5679143545524363</v>
      </c>
      <c r="J1452" s="40">
        <v>24.0499911190478</v>
      </c>
      <c r="K1452" s="40">
        <v>7.8076121721817948</v>
      </c>
      <c r="L1452" s="40"/>
      <c r="M1452" s="40"/>
      <c r="N1452" s="40"/>
      <c r="AB1452">
        <v>4.2168022389225683</v>
      </c>
    </row>
    <row r="1453" spans="4:28" x14ac:dyDescent="0.25">
      <c r="D1453" s="40">
        <v>24.082371000001071</v>
      </c>
      <c r="E1453" s="40">
        <v>11.901114258702304</v>
      </c>
      <c r="F1453" s="40">
        <v>24.066666999999995</v>
      </c>
      <c r="G1453" s="40">
        <v>9.2972014968949672</v>
      </c>
      <c r="H1453" s="40">
        <v>24.06666700000001</v>
      </c>
      <c r="I1453" s="40">
        <v>7.5712670906956934</v>
      </c>
      <c r="J1453" s="40">
        <v>24.0666577797621</v>
      </c>
      <c r="K1453" s="40">
        <v>7.8124632158910279</v>
      </c>
      <c r="L1453" s="40"/>
      <c r="M1453" s="40"/>
      <c r="N1453" s="40"/>
      <c r="AB1453">
        <v>4.2176258709606023</v>
      </c>
    </row>
    <row r="1454" spans="4:28" x14ac:dyDescent="0.25">
      <c r="D1454" s="40">
        <v>24.099037000001072</v>
      </c>
      <c r="E1454" s="40">
        <v>11.910800615881399</v>
      </c>
      <c r="F1454" s="40">
        <v>24.083332999999996</v>
      </c>
      <c r="G1454" s="40">
        <v>9.3019567409851867</v>
      </c>
      <c r="H1454" s="40">
        <v>24.083334000000008</v>
      </c>
      <c r="I1454" s="40">
        <v>7.5746198268389513</v>
      </c>
      <c r="J1454" s="40">
        <v>24.0833244404763</v>
      </c>
      <c r="K1454" s="40">
        <v>7.8124632158910279</v>
      </c>
      <c r="L1454" s="40"/>
      <c r="M1454" s="40"/>
      <c r="N1454" s="40"/>
      <c r="AB1454">
        <v>4.2184373907627704</v>
      </c>
    </row>
    <row r="1455" spans="4:28" x14ac:dyDescent="0.25">
      <c r="D1455" s="40">
        <v>24.115703000001073</v>
      </c>
      <c r="E1455" s="40">
        <v>11.915501348041698</v>
      </c>
      <c r="F1455" s="40">
        <v>24.099999999999994</v>
      </c>
      <c r="G1455" s="40">
        <v>9.3065721249549629</v>
      </c>
      <c r="H1455" s="40">
        <v>24.100000000000009</v>
      </c>
      <c r="I1455" s="40">
        <v>7.5778739530957138</v>
      </c>
      <c r="J1455" s="40">
        <v>24.0999911011906</v>
      </c>
      <c r="K1455" s="40">
        <v>7.8171715818439598</v>
      </c>
      <c r="L1455" s="40"/>
      <c r="M1455" s="40"/>
      <c r="N1455" s="40"/>
      <c r="AB1455">
        <v>4.2192489105649384</v>
      </c>
    </row>
    <row r="1456" spans="4:28" x14ac:dyDescent="0.25">
      <c r="D1456" s="40">
        <v>24.132369000001074</v>
      </c>
      <c r="E1456" s="40">
        <v>11.920344526631247</v>
      </c>
      <c r="F1456" s="40">
        <v>24.116666999999993</v>
      </c>
      <c r="G1456" s="40">
        <v>9.3113273690451805</v>
      </c>
      <c r="H1456" s="40">
        <v>24.116667000000007</v>
      </c>
      <c r="I1456" s="40">
        <v>7.5812266892391467</v>
      </c>
      <c r="J1456" s="40">
        <v>24.1166577619049</v>
      </c>
      <c r="K1456" s="40">
        <v>7.8220226255531919</v>
      </c>
      <c r="L1456" s="40"/>
      <c r="M1456" s="40"/>
      <c r="N1456" s="40"/>
      <c r="AB1456">
        <v>4.2196607265839665</v>
      </c>
    </row>
    <row r="1457" spans="4:28" x14ac:dyDescent="0.25">
      <c r="D1457" s="40">
        <v>24.149035000001074</v>
      </c>
      <c r="E1457" s="40">
        <v>11.925187705220795</v>
      </c>
      <c r="F1457" s="40">
        <v>24.133332999999993</v>
      </c>
      <c r="G1457" s="40">
        <v>9.3160826131354</v>
      </c>
      <c r="H1457" s="40">
        <v>24.133334000000005</v>
      </c>
      <c r="I1457" s="40">
        <v>7.5845794253824037</v>
      </c>
      <c r="J1457" s="40">
        <v>24.1333244226192</v>
      </c>
      <c r="K1457" s="40">
        <v>7.826873669262425</v>
      </c>
      <c r="L1457" s="40"/>
      <c r="M1457" s="40"/>
      <c r="N1457" s="40"/>
      <c r="AB1457">
        <v>4.2204722463861346</v>
      </c>
    </row>
    <row r="1458" spans="4:28" x14ac:dyDescent="0.25">
      <c r="D1458" s="40">
        <v>24.165701000001075</v>
      </c>
      <c r="E1458" s="40">
        <v>11.934731615970643</v>
      </c>
      <c r="F1458" s="40">
        <v>24.149999999999991</v>
      </c>
      <c r="G1458" s="40">
        <v>9.320697997105178</v>
      </c>
      <c r="H1458" s="40">
        <v>24.150000000000006</v>
      </c>
      <c r="I1458" s="40">
        <v>7.5878335516391671</v>
      </c>
      <c r="J1458" s="40">
        <v>24.1499910833335</v>
      </c>
      <c r="K1458" s="40">
        <v>7.826873669262425</v>
      </c>
      <c r="L1458" s="40"/>
      <c r="M1458" s="40"/>
      <c r="N1458" s="40"/>
      <c r="AB1458">
        <v>4.2212837661883027</v>
      </c>
    </row>
    <row r="1459" spans="4:28" x14ac:dyDescent="0.25">
      <c r="D1459" s="40">
        <v>24.182367000001076</v>
      </c>
      <c r="E1459" s="40">
        <v>11.939574794560192</v>
      </c>
      <c r="F1459" s="40">
        <v>24.16666699999999</v>
      </c>
      <c r="G1459" s="40">
        <v>9.3254532411953956</v>
      </c>
      <c r="H1459" s="40">
        <v>24.166667000000004</v>
      </c>
      <c r="I1459" s="40">
        <v>7.5878335516391671</v>
      </c>
      <c r="J1459" s="40">
        <v>24.1666577440478</v>
      </c>
      <c r="K1459" s="40">
        <v>7.8315820352154848</v>
      </c>
      <c r="L1459" s="40"/>
      <c r="M1459" s="40"/>
      <c r="N1459" s="40"/>
      <c r="AB1459">
        <v>4.2221073982263375</v>
      </c>
    </row>
    <row r="1460" spans="4:28" x14ac:dyDescent="0.25">
      <c r="D1460" s="40">
        <v>24.199033000001076</v>
      </c>
      <c r="E1460" s="40">
        <v>11.944275526720617</v>
      </c>
      <c r="F1460" s="40">
        <v>24.18333299999999</v>
      </c>
      <c r="G1460" s="40">
        <v>9.3302084852856151</v>
      </c>
      <c r="H1460" s="40">
        <v>24.183334000000002</v>
      </c>
      <c r="I1460" s="40">
        <v>7.5911862877824232</v>
      </c>
      <c r="J1460" s="40">
        <v>24.1833244047621</v>
      </c>
      <c r="K1460" s="40">
        <v>7.8315820352154848</v>
      </c>
      <c r="L1460" s="40"/>
      <c r="M1460" s="40"/>
      <c r="N1460" s="40"/>
      <c r="AB1460">
        <v>4.2229189180285056</v>
      </c>
    </row>
    <row r="1461" spans="4:28" x14ac:dyDescent="0.25">
      <c r="D1461" s="40">
        <v>24.215699000001077</v>
      </c>
      <c r="E1461" s="40">
        <v>11.949118705310038</v>
      </c>
      <c r="F1461" s="40">
        <v>24.199999999999989</v>
      </c>
      <c r="G1461" s="40">
        <v>9.3349637293757102</v>
      </c>
      <c r="H1461" s="40">
        <v>24.200000000000003</v>
      </c>
      <c r="I1461" s="40">
        <v>7.5945390239258561</v>
      </c>
      <c r="J1461" s="40">
        <v>24.199991065476301</v>
      </c>
      <c r="K1461" s="40">
        <v>7.8364330789245908</v>
      </c>
      <c r="L1461" s="40"/>
      <c r="M1461" s="40"/>
      <c r="N1461" s="40"/>
      <c r="AB1461">
        <v>4.2237304378306746</v>
      </c>
    </row>
    <row r="1462" spans="4:28" x14ac:dyDescent="0.25">
      <c r="D1462" s="40">
        <v>24.232365000001078</v>
      </c>
      <c r="E1462" s="40">
        <v>11.953961883899586</v>
      </c>
      <c r="F1462" s="40">
        <v>24.216667000000001</v>
      </c>
      <c r="G1462" s="40">
        <v>9.3349637293757102</v>
      </c>
      <c r="H1462" s="40">
        <v>24.216667000000001</v>
      </c>
      <c r="I1462" s="40">
        <v>7.5945390239258561</v>
      </c>
      <c r="J1462" s="40">
        <v>24.216657726190601</v>
      </c>
      <c r="K1462" s="40">
        <v>7.8364330789245908</v>
      </c>
      <c r="L1462" s="40"/>
      <c r="M1462" s="40"/>
      <c r="N1462" s="40"/>
      <c r="AB1462">
        <v>4.2245540698687076</v>
      </c>
    </row>
    <row r="1463" spans="4:28" x14ac:dyDescent="0.25">
      <c r="D1463" s="40">
        <v>24.249031000001079</v>
      </c>
      <c r="E1463" s="40">
        <v>11.958662616060012</v>
      </c>
      <c r="F1463" s="40">
        <v>24.233332999999988</v>
      </c>
      <c r="G1463" s="40">
        <v>9.3395791133456108</v>
      </c>
      <c r="H1463" s="40">
        <v>24.233334000000013</v>
      </c>
      <c r="I1463" s="40">
        <v>7.5977931501824436</v>
      </c>
      <c r="J1463" s="40">
        <v>24.233324386904901</v>
      </c>
      <c r="K1463" s="40">
        <v>7.8364330789245908</v>
      </c>
      <c r="L1463" s="40"/>
      <c r="M1463" s="40"/>
      <c r="N1463" s="40"/>
      <c r="AB1463">
        <v>4.2249537736518707</v>
      </c>
    </row>
    <row r="1464" spans="4:28" x14ac:dyDescent="0.25">
      <c r="D1464" s="40">
        <v>24.265697000001079</v>
      </c>
      <c r="E1464" s="40">
        <v>11.958662616060012</v>
      </c>
      <c r="F1464" s="40">
        <v>24.25</v>
      </c>
      <c r="G1464" s="40">
        <v>9.3443343574358302</v>
      </c>
      <c r="H1464" s="40">
        <v>24.25</v>
      </c>
      <c r="I1464" s="40">
        <v>7.6011458863258765</v>
      </c>
      <c r="J1464" s="40">
        <v>24.249991047619201</v>
      </c>
      <c r="K1464" s="40">
        <v>7.8412841226338239</v>
      </c>
      <c r="L1464" s="40"/>
      <c r="M1464" s="40"/>
      <c r="N1464" s="40"/>
      <c r="AB1464">
        <v>4.2257774056898834</v>
      </c>
    </row>
    <row r="1465" spans="4:28" x14ac:dyDescent="0.25">
      <c r="D1465" s="40">
        <v>24.28236300000108</v>
      </c>
      <c r="E1465" s="40">
        <v>11.963505794649434</v>
      </c>
      <c r="F1465" s="40">
        <v>24.266666999999998</v>
      </c>
      <c r="G1465" s="40">
        <v>9.3490896015259235</v>
      </c>
      <c r="H1465" s="40">
        <v>24.266667000000012</v>
      </c>
      <c r="I1465" s="40">
        <v>7.6044986224691336</v>
      </c>
      <c r="J1465" s="40">
        <v>24.266657708333501</v>
      </c>
      <c r="K1465" s="40">
        <v>7.8412841226338239</v>
      </c>
      <c r="L1465" s="40"/>
      <c r="M1465" s="40"/>
      <c r="N1465" s="40"/>
      <c r="AB1465">
        <v>4.2265889254920728</v>
      </c>
    </row>
    <row r="1466" spans="4:28" x14ac:dyDescent="0.25">
      <c r="D1466" s="40">
        <v>24.299029000001081</v>
      </c>
      <c r="E1466" s="40">
        <v>11.968348973238983</v>
      </c>
      <c r="F1466" s="40">
        <v>24.283332999999999</v>
      </c>
      <c r="G1466" s="40">
        <v>9.3537049854958241</v>
      </c>
      <c r="H1466" s="40">
        <v>24.283334000000011</v>
      </c>
      <c r="I1466" s="40">
        <v>7.6077527487258969</v>
      </c>
      <c r="J1466" s="40">
        <v>24.283324369047801</v>
      </c>
      <c r="K1466" s="40">
        <v>7.8459924885868819</v>
      </c>
      <c r="L1466" s="40"/>
      <c r="M1466" s="40"/>
      <c r="N1466" s="40"/>
      <c r="AB1466">
        <v>4.2274004452942409</v>
      </c>
    </row>
    <row r="1467" spans="4:28" x14ac:dyDescent="0.25">
      <c r="D1467" s="40">
        <v>24.315695000001082</v>
      </c>
      <c r="E1467" s="40">
        <v>11.977892883988829</v>
      </c>
      <c r="F1467" s="40">
        <v>24.299999999999997</v>
      </c>
      <c r="G1467" s="40">
        <v>9.3584602295860453</v>
      </c>
      <c r="H1467" s="40">
        <v>24.300000000000011</v>
      </c>
      <c r="I1467" s="40">
        <v>7.6111054848691531</v>
      </c>
      <c r="J1467" s="40">
        <v>24.299991029762101</v>
      </c>
      <c r="K1467" s="40">
        <v>7.8459924885868819</v>
      </c>
      <c r="L1467" s="40"/>
      <c r="M1467" s="40"/>
      <c r="N1467" s="40"/>
      <c r="AB1467">
        <v>4.2278122613132476</v>
      </c>
    </row>
    <row r="1468" spans="4:28" x14ac:dyDescent="0.25">
      <c r="D1468" s="40">
        <v>24.332361000001082</v>
      </c>
      <c r="E1468" s="40">
        <v>11.982736062578377</v>
      </c>
      <c r="F1468" s="40">
        <v>24.316666999999995</v>
      </c>
      <c r="G1468" s="40">
        <v>9.3632154736762647</v>
      </c>
      <c r="H1468" s="40">
        <v>24.31666700000001</v>
      </c>
      <c r="I1468" s="40">
        <v>7.614458221012586</v>
      </c>
      <c r="J1468" s="40">
        <v>24.316657690476301</v>
      </c>
      <c r="K1468" s="40">
        <v>7.850843532295988</v>
      </c>
      <c r="L1468" s="40"/>
      <c r="M1468" s="40"/>
      <c r="N1468" s="40"/>
      <c r="AB1468">
        <v>4.2286237811154157</v>
      </c>
    </row>
    <row r="1469" spans="4:28" x14ac:dyDescent="0.25">
      <c r="D1469" s="40">
        <v>24.349027000001083</v>
      </c>
      <c r="E1469" s="40">
        <v>11.987436794738803</v>
      </c>
      <c r="F1469" s="40">
        <v>24.333332999999996</v>
      </c>
      <c r="G1469" s="40">
        <v>9.3678308576460392</v>
      </c>
      <c r="H1469" s="40">
        <v>24.333334000000008</v>
      </c>
      <c r="I1469" s="40">
        <v>7.614458221012586</v>
      </c>
      <c r="J1469" s="40">
        <v>24.333324351190601</v>
      </c>
      <c r="K1469" s="40">
        <v>7.855694576005221</v>
      </c>
      <c r="L1469" s="40"/>
      <c r="M1469" s="40"/>
      <c r="N1469" s="40"/>
      <c r="AB1469">
        <v>4.2294474131534496</v>
      </c>
    </row>
    <row r="1470" spans="4:28" x14ac:dyDescent="0.25">
      <c r="D1470" s="40">
        <v>24.365693000001084</v>
      </c>
      <c r="E1470" s="40">
        <v>11.992279973328351</v>
      </c>
      <c r="F1470" s="40">
        <v>24.349999999999994</v>
      </c>
      <c r="G1470" s="40">
        <v>9.3725861017362586</v>
      </c>
      <c r="H1470" s="40">
        <v>24.350000000000009</v>
      </c>
      <c r="I1470" s="40">
        <v>7.6177123472693493</v>
      </c>
      <c r="J1470" s="40">
        <v>24.349991011904901</v>
      </c>
      <c r="K1470" s="40">
        <v>7.8604029419582808</v>
      </c>
      <c r="L1470" s="40"/>
      <c r="M1470" s="40"/>
      <c r="N1470" s="40"/>
      <c r="AB1470">
        <v>4.2302589329556186</v>
      </c>
    </row>
    <row r="1471" spans="4:28" x14ac:dyDescent="0.25">
      <c r="D1471" s="40">
        <v>24.382359000001085</v>
      </c>
      <c r="E1471" s="40">
        <v>11.997123151917773</v>
      </c>
      <c r="F1471" s="40">
        <v>24.366666999999993</v>
      </c>
      <c r="G1471" s="40">
        <v>9.3725861017362586</v>
      </c>
      <c r="H1471" s="40">
        <v>24.366667000000007</v>
      </c>
      <c r="I1471" s="40">
        <v>7.6244178195558634</v>
      </c>
      <c r="J1471" s="40">
        <v>24.366657672619201</v>
      </c>
      <c r="K1471" s="40">
        <v>7.8604029419582808</v>
      </c>
      <c r="L1471" s="40"/>
      <c r="M1471" s="40"/>
      <c r="N1471" s="40"/>
      <c r="AB1471">
        <v>4.2306707489746467</v>
      </c>
    </row>
    <row r="1472" spans="4:28" x14ac:dyDescent="0.25">
      <c r="D1472" s="40">
        <v>24.399025000001085</v>
      </c>
      <c r="E1472" s="40">
        <v>12.001823884078199</v>
      </c>
      <c r="F1472" s="40">
        <v>24.383332999999993</v>
      </c>
      <c r="G1472" s="40">
        <v>9.377341345826478</v>
      </c>
      <c r="H1472" s="40">
        <v>24.383334000000005</v>
      </c>
      <c r="I1472" s="40">
        <v>7.6277705556992963</v>
      </c>
      <c r="J1472" s="40">
        <v>24.383324333333501</v>
      </c>
      <c r="K1472" s="40">
        <v>7.8652539856673869</v>
      </c>
      <c r="L1472" s="40"/>
      <c r="M1472" s="40"/>
      <c r="N1472" s="40"/>
      <c r="AB1472">
        <v>4.2314822687768139</v>
      </c>
    </row>
    <row r="1473" spans="4:28" x14ac:dyDescent="0.25">
      <c r="D1473" s="40">
        <v>24.415691000001086</v>
      </c>
      <c r="E1473" s="40">
        <v>12.006667062667749</v>
      </c>
      <c r="F1473" s="40">
        <v>24.399999999999991</v>
      </c>
      <c r="G1473" s="40">
        <v>9.3819567297963786</v>
      </c>
      <c r="H1473" s="40">
        <v>24.400000000000006</v>
      </c>
      <c r="I1473" s="40">
        <v>7.6310246819558847</v>
      </c>
      <c r="J1473" s="40">
        <v>24.399990994047801</v>
      </c>
      <c r="K1473" s="40">
        <v>7.8652539856673869</v>
      </c>
      <c r="L1473" s="40"/>
      <c r="M1473" s="40"/>
      <c r="N1473" s="40"/>
      <c r="AB1473">
        <v>4.2322937885789829</v>
      </c>
    </row>
    <row r="1474" spans="4:28" x14ac:dyDescent="0.25">
      <c r="D1474" s="40">
        <v>24.432357000001087</v>
      </c>
      <c r="E1474" s="40">
        <v>12.006667062667749</v>
      </c>
      <c r="F1474" s="40">
        <v>24.41666699999999</v>
      </c>
      <c r="G1474" s="40">
        <v>9.3867119738864737</v>
      </c>
      <c r="H1474" s="40">
        <v>24.416667000000004</v>
      </c>
      <c r="I1474" s="40">
        <v>7.6343774180993158</v>
      </c>
      <c r="J1474" s="40">
        <v>24.416657654762101</v>
      </c>
      <c r="K1474" s="40">
        <v>7.8701050293766182</v>
      </c>
      <c r="L1474" s="40"/>
      <c r="M1474" s="40"/>
      <c r="N1474" s="40"/>
      <c r="AB1474">
        <v>4.2331174206170168</v>
      </c>
    </row>
    <row r="1475" spans="4:28" x14ac:dyDescent="0.25">
      <c r="D1475" s="40">
        <v>24.449023000001088</v>
      </c>
      <c r="E1475" s="40">
        <v>12.01151024125717</v>
      </c>
      <c r="F1475" s="40">
        <v>24.43333299999999</v>
      </c>
      <c r="G1475" s="40">
        <v>9.3914672179766931</v>
      </c>
      <c r="H1475" s="40">
        <v>24.433334000000002</v>
      </c>
      <c r="I1475" s="40">
        <v>7.6377301542425728</v>
      </c>
      <c r="J1475" s="40">
        <v>24.433324315476298</v>
      </c>
      <c r="K1475" s="40">
        <v>7.8701050293766182</v>
      </c>
      <c r="L1475" s="40"/>
      <c r="M1475" s="40"/>
      <c r="N1475" s="40"/>
      <c r="AB1475">
        <v>4.2339289404191858</v>
      </c>
    </row>
    <row r="1476" spans="4:28" x14ac:dyDescent="0.25">
      <c r="D1476" s="40">
        <v>24.465689000001088</v>
      </c>
      <c r="E1476" s="40">
        <v>12.01151024125717</v>
      </c>
      <c r="F1476" s="40">
        <v>24.449999999999989</v>
      </c>
      <c r="G1476" s="40">
        <v>9.3914672179766931</v>
      </c>
      <c r="H1476" s="40">
        <v>24.450000000000003</v>
      </c>
      <c r="I1476" s="40">
        <v>7.6409842804993362</v>
      </c>
      <c r="J1476" s="40">
        <v>24.449990976190598</v>
      </c>
      <c r="K1476" s="40">
        <v>7.8748133953296779</v>
      </c>
      <c r="L1476" s="40"/>
      <c r="M1476" s="40"/>
      <c r="N1476" s="40"/>
      <c r="AB1476">
        <v>4.2343286442023471</v>
      </c>
    </row>
    <row r="1477" spans="4:28" x14ac:dyDescent="0.25">
      <c r="D1477" s="40">
        <v>24.482355000001089</v>
      </c>
      <c r="E1477" s="40">
        <v>12.016210973417595</v>
      </c>
      <c r="F1477" s="40">
        <v>24.466667000000001</v>
      </c>
      <c r="G1477" s="40">
        <v>9.3960826019465937</v>
      </c>
      <c r="H1477" s="40">
        <v>24.466667000000001</v>
      </c>
      <c r="I1477" s="40">
        <v>7.6409842804993362</v>
      </c>
      <c r="J1477" s="40">
        <v>24.466657636904898</v>
      </c>
      <c r="K1477" s="40">
        <v>7.879664439038911</v>
      </c>
      <c r="L1477" s="40"/>
      <c r="M1477" s="40"/>
      <c r="N1477" s="40"/>
      <c r="AB1477">
        <v>4.2351522762403597</v>
      </c>
    </row>
    <row r="1478" spans="4:28" x14ac:dyDescent="0.25">
      <c r="D1478" s="40">
        <v>24.49902100000109</v>
      </c>
      <c r="E1478" s="40">
        <v>12.016210973417595</v>
      </c>
      <c r="F1478" s="40">
        <v>24.483332999999988</v>
      </c>
      <c r="G1478" s="40">
        <v>9.4008378460366888</v>
      </c>
      <c r="H1478" s="40">
        <v>24.483334000000013</v>
      </c>
      <c r="I1478" s="40">
        <v>7.6443370166425941</v>
      </c>
      <c r="J1478" s="40">
        <v>24.483324297619198</v>
      </c>
      <c r="K1478" s="40">
        <v>7.879664439038911</v>
      </c>
      <c r="L1478" s="40"/>
      <c r="M1478" s="40"/>
      <c r="N1478" s="40"/>
      <c r="AB1478">
        <v>4.23596379604255</v>
      </c>
    </row>
    <row r="1479" spans="4:28" x14ac:dyDescent="0.25">
      <c r="D1479" s="40">
        <v>24.51568700000109</v>
      </c>
      <c r="E1479" s="40">
        <v>12.021054152007142</v>
      </c>
      <c r="F1479" s="40">
        <v>24.5</v>
      </c>
      <c r="G1479" s="40">
        <v>9.4055930901269083</v>
      </c>
      <c r="H1479" s="40">
        <v>24.5</v>
      </c>
      <c r="I1479" s="40">
        <v>7.6476897527860261</v>
      </c>
      <c r="J1479" s="40">
        <v>24.499990958333498</v>
      </c>
      <c r="K1479" s="40">
        <v>7.8845154827480171</v>
      </c>
      <c r="L1479" s="40"/>
      <c r="M1479" s="40"/>
      <c r="N1479" s="40"/>
      <c r="AB1479">
        <v>4.236775315844719</v>
      </c>
    </row>
    <row r="1480" spans="4:28" x14ac:dyDescent="0.25">
      <c r="D1480" s="40">
        <v>24.532353000001091</v>
      </c>
      <c r="E1480" s="40">
        <v>12.025897330596564</v>
      </c>
      <c r="F1480" s="40">
        <v>24.516666999999998</v>
      </c>
      <c r="G1480" s="40">
        <v>9.4102084740968088</v>
      </c>
      <c r="H1480" s="40">
        <v>24.516667000000012</v>
      </c>
      <c r="I1480" s="40">
        <v>7.6476897527860261</v>
      </c>
      <c r="J1480" s="40">
        <v>24.516657619047798</v>
      </c>
      <c r="K1480" s="40">
        <v>7.8892238487010768</v>
      </c>
      <c r="L1480" s="40"/>
      <c r="M1480" s="40"/>
      <c r="N1480" s="40"/>
      <c r="AB1480">
        <v>4.2371871318637249</v>
      </c>
    </row>
    <row r="1481" spans="4:28" x14ac:dyDescent="0.25">
      <c r="D1481" s="40">
        <v>24.549019000001092</v>
      </c>
      <c r="E1481" s="40">
        <v>12.030740509186113</v>
      </c>
      <c r="F1481" s="40">
        <v>24.533332999999999</v>
      </c>
      <c r="G1481" s="40">
        <v>9.4102084740968088</v>
      </c>
      <c r="H1481" s="40">
        <v>24.533334000000011</v>
      </c>
      <c r="I1481" s="40">
        <v>7.6509438790427895</v>
      </c>
      <c r="J1481" s="40">
        <v>24.533324279762098</v>
      </c>
      <c r="K1481" s="40">
        <v>7.8940748924103081</v>
      </c>
      <c r="L1481" s="40"/>
      <c r="M1481" s="40"/>
      <c r="N1481" s="40"/>
      <c r="AB1481">
        <v>4.237998651665893</v>
      </c>
    </row>
    <row r="1482" spans="4:28" x14ac:dyDescent="0.25">
      <c r="D1482" s="40">
        <v>24.565685000001093</v>
      </c>
      <c r="E1482" s="40">
        <v>12.03544124134654</v>
      </c>
      <c r="F1482" s="40">
        <v>24.549999999999997</v>
      </c>
      <c r="G1482" s="40">
        <v>9.4149637181869021</v>
      </c>
      <c r="H1482" s="40">
        <v>24.550000000000011</v>
      </c>
      <c r="I1482" s="40">
        <v>7.6542966151860456</v>
      </c>
      <c r="J1482" s="40">
        <v>24.549990940476398</v>
      </c>
      <c r="K1482" s="40">
        <v>7.8940748924103081</v>
      </c>
      <c r="L1482" s="40"/>
      <c r="M1482" s="40"/>
      <c r="N1482" s="40"/>
      <c r="AB1482">
        <v>4.2388222837039278</v>
      </c>
    </row>
    <row r="1483" spans="4:28" x14ac:dyDescent="0.25">
      <c r="D1483" s="40">
        <v>24.582351000001093</v>
      </c>
      <c r="E1483" s="40">
        <v>12.03544124134654</v>
      </c>
      <c r="F1483" s="40">
        <v>24.566666999999995</v>
      </c>
      <c r="G1483" s="40">
        <v>9.4197189622771234</v>
      </c>
      <c r="H1483" s="40">
        <v>24.56666700000001</v>
      </c>
      <c r="I1483" s="40">
        <v>7.660903477586066</v>
      </c>
      <c r="J1483" s="40">
        <v>24.566657601190599</v>
      </c>
      <c r="K1483" s="40">
        <v>7.8989259361194142</v>
      </c>
      <c r="L1483" s="40"/>
      <c r="M1483" s="40"/>
      <c r="N1483" s="40"/>
      <c r="AB1483">
        <v>4.239633803506095</v>
      </c>
    </row>
    <row r="1484" spans="4:28" x14ac:dyDescent="0.25">
      <c r="D1484" s="40">
        <v>24.599017000001094</v>
      </c>
      <c r="E1484" s="40">
        <v>12.040284419935961</v>
      </c>
      <c r="F1484" s="40">
        <v>24.583332999999996</v>
      </c>
      <c r="G1484" s="40">
        <v>9.4243343462470222</v>
      </c>
      <c r="H1484" s="40">
        <v>24.583334000000008</v>
      </c>
      <c r="I1484" s="40">
        <v>7.664256213729324</v>
      </c>
      <c r="J1484" s="40">
        <v>24.583324261904899</v>
      </c>
      <c r="K1484" s="40">
        <v>7.9037769798286464</v>
      </c>
      <c r="L1484" s="40"/>
      <c r="M1484" s="40"/>
      <c r="N1484" s="40"/>
      <c r="AB1484">
        <v>4.240045619525123</v>
      </c>
    </row>
    <row r="1485" spans="4:28" x14ac:dyDescent="0.25">
      <c r="D1485" s="40">
        <v>24.615683000001095</v>
      </c>
      <c r="E1485" s="40">
        <v>12.045127598525509</v>
      </c>
      <c r="F1485" s="40">
        <v>24.599999999999994</v>
      </c>
      <c r="G1485" s="40">
        <v>9.4290895903371172</v>
      </c>
      <c r="H1485" s="40">
        <v>24.600000000000009</v>
      </c>
      <c r="I1485" s="40">
        <v>7.667608949872756</v>
      </c>
      <c r="J1485" s="40">
        <v>24.599990922619199</v>
      </c>
      <c r="K1485" s="40">
        <v>7.908485345781707</v>
      </c>
      <c r="L1485" s="40"/>
      <c r="M1485" s="40"/>
      <c r="N1485" s="40"/>
      <c r="AB1485">
        <v>4.240857139327292</v>
      </c>
    </row>
    <row r="1486" spans="4:28" x14ac:dyDescent="0.25">
      <c r="D1486" s="40">
        <v>24.632349000001096</v>
      </c>
      <c r="E1486" s="40">
        <v>12.049828330685934</v>
      </c>
      <c r="F1486" s="40">
        <v>24.616666999999993</v>
      </c>
      <c r="G1486" s="40">
        <v>9.4338448344273367</v>
      </c>
      <c r="H1486" s="40">
        <v>24.616667000000007</v>
      </c>
      <c r="I1486" s="40">
        <v>7.6742158122727764</v>
      </c>
      <c r="J1486" s="40">
        <v>24.616657583333499</v>
      </c>
      <c r="K1486" s="40">
        <v>7.9133363894908131</v>
      </c>
      <c r="L1486" s="40"/>
      <c r="M1486" s="40"/>
      <c r="N1486" s="40"/>
      <c r="AB1486">
        <v>4.2416686591294601</v>
      </c>
    </row>
    <row r="1487" spans="4:28" x14ac:dyDescent="0.25">
      <c r="D1487" s="40">
        <v>24.649015000001096</v>
      </c>
      <c r="E1487" s="40">
        <v>12.054671509275483</v>
      </c>
      <c r="F1487" s="40">
        <v>24.633332999999993</v>
      </c>
      <c r="G1487" s="40">
        <v>9.4384602183972373</v>
      </c>
      <c r="H1487" s="40">
        <v>24.633334000000005</v>
      </c>
      <c r="I1487" s="40">
        <v>7.6775685484160334</v>
      </c>
      <c r="J1487" s="40">
        <v>24.633324244047799</v>
      </c>
      <c r="K1487" s="40">
        <v>7.9133363894908131</v>
      </c>
      <c r="L1487" s="40"/>
      <c r="M1487" s="40"/>
      <c r="N1487" s="40"/>
      <c r="AB1487">
        <v>4.2420804751484669</v>
      </c>
    </row>
    <row r="1488" spans="4:28" x14ac:dyDescent="0.25">
      <c r="D1488" s="40">
        <v>24.665681000001097</v>
      </c>
      <c r="E1488" s="40">
        <v>12.059514687864905</v>
      </c>
      <c r="F1488" s="40">
        <v>24.649999999999991</v>
      </c>
      <c r="G1488" s="40">
        <v>9.4432154624874567</v>
      </c>
      <c r="H1488" s="40">
        <v>24.650000000000006</v>
      </c>
      <c r="I1488" s="40">
        <v>7.6808226746727959</v>
      </c>
      <c r="J1488" s="40">
        <v>24.649990904762099</v>
      </c>
      <c r="K1488" s="40">
        <v>7.9181874332000453</v>
      </c>
      <c r="L1488" s="40"/>
      <c r="M1488" s="40"/>
      <c r="N1488" s="40"/>
      <c r="AB1488">
        <v>4.2428919949506563</v>
      </c>
    </row>
    <row r="1489" spans="4:28" x14ac:dyDescent="0.25">
      <c r="D1489" s="40">
        <v>24.682347000001098</v>
      </c>
      <c r="E1489" s="40">
        <v>12.064215420025331</v>
      </c>
      <c r="F1489" s="40">
        <v>24.66666699999999</v>
      </c>
      <c r="G1489" s="40">
        <v>9.4479707065775518</v>
      </c>
      <c r="H1489" s="40">
        <v>24.666667000000004</v>
      </c>
      <c r="I1489" s="40">
        <v>7.6841754108162288</v>
      </c>
      <c r="J1489" s="40">
        <v>24.666657565476399</v>
      </c>
      <c r="K1489" s="40">
        <v>7.9228957991531042</v>
      </c>
      <c r="L1489" s="40"/>
      <c r="M1489" s="40"/>
      <c r="N1489" s="40"/>
      <c r="AB1489">
        <v>4.243303810969663</v>
      </c>
    </row>
    <row r="1490" spans="4:28" x14ac:dyDescent="0.25">
      <c r="D1490" s="40">
        <v>24.699013000001099</v>
      </c>
      <c r="E1490" s="40">
        <v>12.069058598614879</v>
      </c>
      <c r="F1490" s="40">
        <v>24.68333299999999</v>
      </c>
      <c r="G1490" s="40">
        <v>9.4525860905474524</v>
      </c>
      <c r="H1490" s="40">
        <v>24.683334000000002</v>
      </c>
      <c r="I1490" s="40">
        <v>7.6875281469594858</v>
      </c>
      <c r="J1490" s="40">
        <v>24.683324226190599</v>
      </c>
      <c r="K1490" s="40">
        <v>7.9277468428622102</v>
      </c>
      <c r="L1490" s="40"/>
      <c r="M1490" s="40"/>
      <c r="N1490" s="40"/>
      <c r="AB1490">
        <v>4.2441153307718311</v>
      </c>
    </row>
    <row r="1491" spans="4:28" x14ac:dyDescent="0.25">
      <c r="D1491" s="40">
        <v>24.715679000001099</v>
      </c>
      <c r="E1491" s="40">
        <v>12.0739017772043</v>
      </c>
      <c r="F1491" s="40">
        <v>24.699999999999989</v>
      </c>
      <c r="G1491" s="40">
        <v>9.4573413346376718</v>
      </c>
      <c r="H1491" s="40">
        <v>24.700000000000003</v>
      </c>
      <c r="I1491" s="40">
        <v>7.6941350093595062</v>
      </c>
      <c r="J1491" s="40">
        <v>24.699990886904899</v>
      </c>
      <c r="K1491" s="40">
        <v>7.9325978865714424</v>
      </c>
      <c r="L1491" s="40"/>
      <c r="M1491" s="40"/>
      <c r="N1491" s="40"/>
      <c r="AB1491">
        <v>4.244938962809865</v>
      </c>
    </row>
    <row r="1492" spans="4:28" x14ac:dyDescent="0.25">
      <c r="D1492" s="40">
        <v>24.7323450000011</v>
      </c>
      <c r="E1492" s="40">
        <v>12.0739017772043</v>
      </c>
      <c r="F1492" s="40">
        <v>24.716667000000001</v>
      </c>
      <c r="G1492" s="40">
        <v>9.4620965787277669</v>
      </c>
      <c r="H1492" s="40">
        <v>24.716667000000001</v>
      </c>
      <c r="I1492" s="40">
        <v>7.6974877455027633</v>
      </c>
      <c r="J1492" s="40">
        <v>24.716657547619199</v>
      </c>
      <c r="K1492" s="40">
        <v>7.9325978865714424</v>
      </c>
      <c r="L1492" s="40"/>
      <c r="M1492" s="40"/>
      <c r="N1492" s="40"/>
      <c r="AB1492">
        <v>4.2453386665930273</v>
      </c>
    </row>
    <row r="1493" spans="4:28" x14ac:dyDescent="0.25">
      <c r="D1493" s="40">
        <v>24.749011000001101</v>
      </c>
      <c r="E1493" s="40">
        <v>12.0739017772043</v>
      </c>
      <c r="F1493" s="40">
        <v>24.733332999999988</v>
      </c>
      <c r="G1493" s="40">
        <v>9.4667119626976675</v>
      </c>
      <c r="H1493" s="40">
        <v>24.733334000000013</v>
      </c>
      <c r="I1493" s="40">
        <v>7.7007418717595266</v>
      </c>
      <c r="J1493" s="40">
        <v>24.733324208333499</v>
      </c>
      <c r="K1493" s="40">
        <v>7.9373062525245031</v>
      </c>
      <c r="L1493" s="40"/>
      <c r="M1493" s="40"/>
      <c r="N1493" s="40"/>
      <c r="AB1493">
        <v>4.2461622986310399</v>
      </c>
    </row>
    <row r="1494" spans="4:28" x14ac:dyDescent="0.25">
      <c r="D1494" s="40">
        <v>24.765677000001102</v>
      </c>
      <c r="E1494" s="40">
        <v>12.078602509364726</v>
      </c>
      <c r="F1494" s="40">
        <v>24.75</v>
      </c>
      <c r="G1494" s="40">
        <v>9.4714672067878869</v>
      </c>
      <c r="H1494" s="40">
        <v>24.75</v>
      </c>
      <c r="I1494" s="40">
        <v>7.7040946079029586</v>
      </c>
      <c r="J1494" s="40">
        <v>24.749990869047799</v>
      </c>
      <c r="K1494" s="40">
        <v>7.9421572962337352</v>
      </c>
      <c r="L1494" s="40"/>
      <c r="M1494" s="40"/>
      <c r="N1494" s="40"/>
      <c r="AB1494">
        <v>4.2469738184332302</v>
      </c>
    </row>
    <row r="1495" spans="4:28" x14ac:dyDescent="0.25">
      <c r="D1495" s="40">
        <v>24.782343000001102</v>
      </c>
      <c r="E1495" s="40">
        <v>12.078602509364726</v>
      </c>
      <c r="F1495" s="40">
        <v>24.766666999999998</v>
      </c>
      <c r="G1495" s="40">
        <v>9.4714672067878869</v>
      </c>
      <c r="H1495" s="40">
        <v>24.766667000000012</v>
      </c>
      <c r="I1495" s="40">
        <v>7.7074473440462157</v>
      </c>
      <c r="J1495" s="40">
        <v>24.766657529762099</v>
      </c>
      <c r="K1495" s="40">
        <v>7.9421572962337352</v>
      </c>
      <c r="L1495" s="40"/>
      <c r="M1495" s="40"/>
      <c r="N1495" s="40"/>
      <c r="AB1495">
        <v>4.2473735222163915</v>
      </c>
    </row>
    <row r="1496" spans="4:28" x14ac:dyDescent="0.25">
      <c r="D1496" s="40">
        <v>24.799009000001103</v>
      </c>
      <c r="E1496" s="40">
        <v>12.083445687954274</v>
      </c>
      <c r="F1496" s="40">
        <v>24.783332999999999</v>
      </c>
      <c r="G1496" s="40">
        <v>9.4762224508779802</v>
      </c>
      <c r="H1496" s="40">
        <v>24.783334000000011</v>
      </c>
      <c r="I1496" s="40">
        <v>7.710701470302979</v>
      </c>
      <c r="J1496" s="40">
        <v>24.783324190476399</v>
      </c>
      <c r="K1496" s="40">
        <v>7.9470083399428395</v>
      </c>
      <c r="L1496" s="40"/>
      <c r="M1496" s="40"/>
      <c r="N1496" s="40"/>
      <c r="AB1496">
        <v>4.2481971542544041</v>
      </c>
    </row>
    <row r="1497" spans="4:28" x14ac:dyDescent="0.25">
      <c r="D1497" s="40">
        <v>24.815675000001104</v>
      </c>
      <c r="E1497" s="40">
        <v>12.088288866543696</v>
      </c>
      <c r="F1497" s="40">
        <v>24.799999999999997</v>
      </c>
      <c r="G1497" s="40">
        <v>9.4808378348478808</v>
      </c>
      <c r="H1497" s="40">
        <v>24.800000000000011</v>
      </c>
      <c r="I1497" s="40">
        <v>7.714054206446237</v>
      </c>
      <c r="J1497" s="40">
        <v>24.7999908511906</v>
      </c>
      <c r="K1497" s="40">
        <v>7.9470083399428395</v>
      </c>
      <c r="L1497" s="40"/>
      <c r="M1497" s="40"/>
      <c r="N1497" s="40"/>
      <c r="AB1497">
        <v>4.2490086740565731</v>
      </c>
    </row>
    <row r="1498" spans="4:28" x14ac:dyDescent="0.25">
      <c r="D1498" s="40">
        <v>24.832341000001104</v>
      </c>
      <c r="E1498" s="40">
        <v>12.092989598704122</v>
      </c>
      <c r="F1498" s="40">
        <v>24.816666999999995</v>
      </c>
      <c r="G1498" s="40">
        <v>9.4855930789381002</v>
      </c>
      <c r="H1498" s="40">
        <v>24.81666700000001</v>
      </c>
      <c r="I1498" s="40">
        <v>7.714054206446237</v>
      </c>
      <c r="J1498" s="40">
        <v>24.8166575119049</v>
      </c>
      <c r="K1498" s="40">
        <v>7.9517167058959002</v>
      </c>
      <c r="L1498" s="40"/>
      <c r="M1498" s="40"/>
      <c r="N1498" s="40"/>
      <c r="AB1498">
        <v>4.2494204900756003</v>
      </c>
    </row>
    <row r="1499" spans="4:28" x14ac:dyDescent="0.25">
      <c r="D1499" s="40">
        <v>24.849007000001105</v>
      </c>
      <c r="E1499" s="40">
        <v>12.09783277729367</v>
      </c>
      <c r="F1499" s="40">
        <v>24.833332999999996</v>
      </c>
      <c r="G1499" s="40">
        <v>9.4903483230283197</v>
      </c>
      <c r="H1499" s="40">
        <v>24.833334000000008</v>
      </c>
      <c r="I1499" s="40">
        <v>7.717406942589494</v>
      </c>
      <c r="J1499" s="40">
        <v>24.8333241726192</v>
      </c>
      <c r="K1499" s="40">
        <v>7.9565677496051324</v>
      </c>
      <c r="L1499" s="40"/>
      <c r="M1499" s="40"/>
      <c r="N1499" s="40"/>
      <c r="AB1499">
        <v>4.2502320098777693</v>
      </c>
    </row>
    <row r="1500" spans="4:28" x14ac:dyDescent="0.25">
      <c r="D1500" s="40">
        <v>24.865673000001106</v>
      </c>
      <c r="E1500" s="40">
        <v>12.09783277729367</v>
      </c>
      <c r="F1500" s="40">
        <v>24.849999999999994</v>
      </c>
      <c r="G1500" s="40">
        <v>9.4949637069980959</v>
      </c>
      <c r="H1500" s="40">
        <v>24.850000000000009</v>
      </c>
      <c r="I1500" s="40">
        <v>7.7206610688462565</v>
      </c>
      <c r="J1500" s="40">
        <v>24.8499908333335</v>
      </c>
      <c r="K1500" s="40">
        <v>7.9565677496051324</v>
      </c>
      <c r="L1500" s="40"/>
      <c r="M1500" s="40"/>
      <c r="N1500" s="40"/>
      <c r="AB1500">
        <v>4.2506438258967751</v>
      </c>
    </row>
    <row r="1501" spans="4:28" x14ac:dyDescent="0.25">
      <c r="D1501" s="40">
        <v>24.882339000001107</v>
      </c>
      <c r="E1501" s="40">
        <v>12.102675955883218</v>
      </c>
      <c r="F1501" s="40">
        <v>24.866666999999993</v>
      </c>
      <c r="G1501" s="40">
        <v>9.4997189510883153</v>
      </c>
      <c r="H1501" s="40">
        <v>24.866667000000007</v>
      </c>
      <c r="I1501" s="40">
        <v>7.7240138049896885</v>
      </c>
      <c r="J1501" s="40">
        <v>24.8666574940478</v>
      </c>
      <c r="K1501" s="40">
        <v>7.9614187933142384</v>
      </c>
      <c r="L1501" s="40"/>
      <c r="M1501" s="40"/>
      <c r="N1501" s="40"/>
      <c r="AB1501">
        <v>4.2514553456989654</v>
      </c>
    </row>
    <row r="1502" spans="4:28" x14ac:dyDescent="0.25">
      <c r="D1502" s="40">
        <v>24.899005000001107</v>
      </c>
      <c r="E1502" s="40">
        <v>12.112219866633065</v>
      </c>
      <c r="F1502" s="40">
        <v>24.883332999999993</v>
      </c>
      <c r="G1502" s="40">
        <v>9.504474195178533</v>
      </c>
      <c r="H1502" s="40">
        <v>24.883334000000005</v>
      </c>
      <c r="I1502" s="40">
        <v>7.7273665411329464</v>
      </c>
      <c r="J1502" s="40">
        <v>24.8833241547621</v>
      </c>
      <c r="K1502" s="40">
        <v>7.9614187933142384</v>
      </c>
      <c r="L1502" s="40"/>
      <c r="M1502" s="40"/>
      <c r="N1502" s="40"/>
      <c r="AB1502">
        <v>4.2522668655011335</v>
      </c>
    </row>
    <row r="1503" spans="4:28" x14ac:dyDescent="0.25">
      <c r="D1503" s="40">
        <v>24.915671000001108</v>
      </c>
      <c r="E1503" s="40">
        <v>12.121763777382911</v>
      </c>
      <c r="F1503" s="40">
        <v>24.899999999999991</v>
      </c>
      <c r="G1503" s="40">
        <v>9.509089579148311</v>
      </c>
      <c r="H1503" s="40">
        <v>24.900000000000006</v>
      </c>
      <c r="I1503" s="40">
        <v>7.7306206673897089</v>
      </c>
      <c r="J1503" s="40">
        <v>24.8999908154764</v>
      </c>
      <c r="K1503" s="40">
        <v>7.9661271592672991</v>
      </c>
      <c r="L1503" s="40"/>
      <c r="M1503" s="40"/>
      <c r="N1503" s="40"/>
      <c r="AB1503">
        <v>4.2526786815201394</v>
      </c>
    </row>
    <row r="1504" spans="4:28" x14ac:dyDescent="0.25">
      <c r="D1504" s="40">
        <v>24.932337000001109</v>
      </c>
      <c r="E1504" s="40">
        <v>12.131450134562009</v>
      </c>
      <c r="F1504" s="40">
        <v>24.91666699999999</v>
      </c>
      <c r="G1504" s="40">
        <v>9.5138448232385304</v>
      </c>
      <c r="H1504" s="40">
        <v>24.916667000000004</v>
      </c>
      <c r="I1504" s="40">
        <v>7.7373261396763988</v>
      </c>
      <c r="J1504" s="40">
        <v>24.916657476190601</v>
      </c>
      <c r="K1504" s="40">
        <v>7.9709782029765295</v>
      </c>
      <c r="L1504" s="40"/>
      <c r="M1504" s="40"/>
      <c r="N1504" s="40"/>
      <c r="AB1504">
        <v>4.2534902013223084</v>
      </c>
    </row>
    <row r="1505" spans="4:28" x14ac:dyDescent="0.25">
      <c r="D1505" s="40">
        <v>24.94900300000111</v>
      </c>
      <c r="E1505" s="40">
        <v>12.136150866722435</v>
      </c>
      <c r="F1505" s="40">
        <v>24.93333299999999</v>
      </c>
      <c r="G1505" s="40">
        <v>9.5186000673287481</v>
      </c>
      <c r="H1505" s="40">
        <v>24.933334000000002</v>
      </c>
      <c r="I1505" s="40">
        <v>7.7405802659331613</v>
      </c>
      <c r="J1505" s="40">
        <v>24.933324136904901</v>
      </c>
      <c r="K1505" s="40">
        <v>7.9758292466856355</v>
      </c>
      <c r="L1505" s="40"/>
      <c r="M1505" s="40"/>
      <c r="N1505" s="40"/>
      <c r="AB1505">
        <v>4.2539020173413364</v>
      </c>
    </row>
    <row r="1506" spans="4:28" x14ac:dyDescent="0.25">
      <c r="D1506" s="40">
        <v>24.96566900000111</v>
      </c>
      <c r="E1506" s="40">
        <v>12.145837223901406</v>
      </c>
      <c r="F1506" s="40">
        <v>24.949999999999989</v>
      </c>
      <c r="G1506" s="40">
        <v>9.5233553114188449</v>
      </c>
      <c r="H1506" s="40">
        <v>24.950000000000003</v>
      </c>
      <c r="I1506" s="40">
        <v>7.7439330020764183</v>
      </c>
      <c r="J1506" s="40">
        <v>24.949990797619201</v>
      </c>
      <c r="K1506" s="40">
        <v>7.9758292466856355</v>
      </c>
      <c r="L1506" s="40"/>
      <c r="M1506" s="40"/>
      <c r="N1506" s="40"/>
      <c r="AB1506">
        <v>4.2547135371435045</v>
      </c>
    </row>
    <row r="1507" spans="4:28" x14ac:dyDescent="0.25">
      <c r="D1507" s="40">
        <v>24.982335000001111</v>
      </c>
      <c r="E1507" s="40">
        <v>12.150537956061831</v>
      </c>
      <c r="F1507" s="40">
        <v>24.966667000000001</v>
      </c>
      <c r="G1507" s="40">
        <v>9.5279706953887455</v>
      </c>
      <c r="H1507" s="40">
        <v>24.966667000000001</v>
      </c>
      <c r="I1507" s="40">
        <v>7.7472857382196763</v>
      </c>
      <c r="J1507" s="40">
        <v>24.966657458333501</v>
      </c>
      <c r="K1507" s="40">
        <v>7.9805376126386962</v>
      </c>
      <c r="L1507" s="40"/>
      <c r="M1507" s="40"/>
      <c r="N1507" s="40"/>
      <c r="Y1507">
        <v>7.6833330000000046</v>
      </c>
      <c r="Z1507">
        <v>85.983333000000002</v>
      </c>
      <c r="AA1507">
        <v>8.6074560000000009</v>
      </c>
      <c r="AB1507">
        <v>4.2555371691815385</v>
      </c>
    </row>
    <row r="1508" spans="4:28" x14ac:dyDescent="0.25">
      <c r="D1508" s="40">
        <v>24.999001000001112</v>
      </c>
      <c r="E1508" s="40">
        <v>12.1602243132408</v>
      </c>
      <c r="F1508" s="40">
        <v>24.983332999999988</v>
      </c>
      <c r="G1508" s="40">
        <v>9.5327259394789632</v>
      </c>
      <c r="H1508" s="40">
        <v>24.983334000000013</v>
      </c>
      <c r="I1508" s="40">
        <v>7.7506384743629333</v>
      </c>
      <c r="J1508" s="40">
        <v>24.983324119047801</v>
      </c>
      <c r="K1508" s="40">
        <v>7.9853886563479284</v>
      </c>
      <c r="L1508" s="40"/>
      <c r="M1508" s="40"/>
      <c r="N1508" s="40"/>
      <c r="Y1508">
        <v>7.7000000000000028</v>
      </c>
      <c r="Z1508">
        <v>86</v>
      </c>
      <c r="AA1508">
        <v>8.6074889999999993</v>
      </c>
      <c r="AB1508">
        <v>4.2559368729646794</v>
      </c>
    </row>
    <row r="1509" spans="4:28" x14ac:dyDescent="0.25">
      <c r="D1509" s="40">
        <v>25.015667000001113</v>
      </c>
      <c r="E1509" s="40">
        <v>12.169768223990648</v>
      </c>
      <c r="F1509" s="40">
        <v>25</v>
      </c>
      <c r="G1509" s="40">
        <v>9.5374811835691826</v>
      </c>
      <c r="H1509" s="40">
        <v>25</v>
      </c>
      <c r="I1509" s="40">
        <v>7.7538926006196967</v>
      </c>
      <c r="J1509" s="40">
        <v>24.999990779762101</v>
      </c>
      <c r="K1509" s="40">
        <v>7.9902397000571614</v>
      </c>
      <c r="L1509" s="40"/>
      <c r="M1509" s="40"/>
      <c r="N1509" s="40"/>
      <c r="Y1509">
        <v>7.7166670000000011</v>
      </c>
      <c r="Z1509">
        <v>86.016666999999998</v>
      </c>
      <c r="AA1509">
        <v>8.6075569999999999</v>
      </c>
      <c r="AB1509">
        <v>4.2567605050027133</v>
      </c>
    </row>
    <row r="1510" spans="4:28" x14ac:dyDescent="0.25">
      <c r="D1510" s="40">
        <v>25.032333000001113</v>
      </c>
      <c r="E1510" s="40">
        <v>12.179312134740623</v>
      </c>
      <c r="F1510" s="40">
        <v>25.016666999999998</v>
      </c>
      <c r="G1510" s="40">
        <v>9.5420965675389589</v>
      </c>
      <c r="H1510" s="40">
        <v>25.016667000000012</v>
      </c>
      <c r="I1510" s="40">
        <v>7.7572453367631287</v>
      </c>
      <c r="J1510" s="40">
        <v>25.016657440476401</v>
      </c>
      <c r="K1510" s="40">
        <v>7.9949480660100933</v>
      </c>
      <c r="L1510" s="40"/>
      <c r="M1510" s="40"/>
      <c r="N1510" s="40"/>
      <c r="Y1510">
        <v>7.7333330000000018</v>
      </c>
      <c r="Z1510">
        <v>86.033332999999999</v>
      </c>
      <c r="AA1510">
        <v>8.6075900000000001</v>
      </c>
      <c r="AB1510">
        <v>4.2571602087858755</v>
      </c>
    </row>
    <row r="1511" spans="4:28" x14ac:dyDescent="0.25">
      <c r="D1511" s="40">
        <v>25.048999000001114</v>
      </c>
      <c r="E1511" s="40">
        <v>12.188998491919591</v>
      </c>
      <c r="F1511" s="40">
        <v>25.033332999999999</v>
      </c>
      <c r="G1511" s="40">
        <v>9.5468518116291765</v>
      </c>
      <c r="H1511" s="40">
        <v>25.033334000000011</v>
      </c>
      <c r="I1511" s="40">
        <v>7.7572453367631287</v>
      </c>
      <c r="J1511" s="40">
        <v>25.033324101190601</v>
      </c>
      <c r="K1511" s="40">
        <v>7.9997991097193255</v>
      </c>
      <c r="L1511" s="40"/>
      <c r="M1511" s="40"/>
      <c r="N1511" s="40"/>
      <c r="Y1511">
        <v>7.75</v>
      </c>
      <c r="Z1511">
        <v>86.05</v>
      </c>
      <c r="AA1511">
        <v>8.6076580000000007</v>
      </c>
      <c r="AB1511">
        <v>4.2579838408239095</v>
      </c>
    </row>
    <row r="1512" spans="4:28" x14ac:dyDescent="0.25">
      <c r="D1512" s="40">
        <v>25.065665000001115</v>
      </c>
      <c r="E1512" s="40">
        <v>12.193699224080017</v>
      </c>
      <c r="F1512" s="40">
        <v>25.049999999999997</v>
      </c>
      <c r="G1512" s="40">
        <v>9.5516070557193977</v>
      </c>
      <c r="H1512" s="40">
        <v>25.050000000000011</v>
      </c>
      <c r="I1512" s="40">
        <v>7.7605980729063866</v>
      </c>
      <c r="J1512" s="40">
        <v>25.049990761904901</v>
      </c>
      <c r="K1512" s="40">
        <v>7.9997991097193255</v>
      </c>
      <c r="L1512" s="40"/>
      <c r="M1512" s="40"/>
      <c r="N1512" s="40"/>
      <c r="Y1512">
        <v>7.7666669999999982</v>
      </c>
      <c r="Z1512">
        <v>86.066666999999995</v>
      </c>
      <c r="AA1512">
        <v>8.6076910000000009</v>
      </c>
      <c r="AB1512">
        <v>4.2583835446070717</v>
      </c>
    </row>
    <row r="1513" spans="4:28" x14ac:dyDescent="0.25">
      <c r="D1513" s="40">
        <v>25.082331000001115</v>
      </c>
      <c r="E1513" s="40">
        <v>12.203385581258988</v>
      </c>
      <c r="F1513" s="40">
        <v>25.066666999999995</v>
      </c>
      <c r="G1513" s="40">
        <v>9.556222439689174</v>
      </c>
      <c r="H1513" s="40">
        <v>25.06666700000001</v>
      </c>
      <c r="I1513" s="40">
        <v>7.7638521991631482</v>
      </c>
      <c r="J1513" s="40">
        <v>25.066657422619201</v>
      </c>
      <c r="K1513" s="40">
        <v>8.0046501534285586</v>
      </c>
      <c r="L1513" s="40"/>
      <c r="M1513" s="40"/>
      <c r="N1513" s="40"/>
      <c r="Y1513">
        <v>7.7833329999999989</v>
      </c>
      <c r="Z1513">
        <v>86.083332999999996</v>
      </c>
      <c r="AA1513">
        <v>8.6077250000000003</v>
      </c>
      <c r="AB1513">
        <v>4.2587953606260784</v>
      </c>
    </row>
    <row r="1514" spans="4:28" x14ac:dyDescent="0.25">
      <c r="D1514" s="40">
        <v>25.098997000001116</v>
      </c>
      <c r="E1514" s="40">
        <v>12.208228759848536</v>
      </c>
      <c r="F1514" s="40">
        <v>25.083332999999996</v>
      </c>
      <c r="G1514" s="40">
        <v>9.556222439689174</v>
      </c>
      <c r="H1514" s="40">
        <v>25.083334000000008</v>
      </c>
      <c r="I1514" s="40">
        <v>7.7672049353064061</v>
      </c>
      <c r="J1514" s="40">
        <v>25.083324083333501</v>
      </c>
      <c r="K1514" s="40">
        <v>8.0093585193814913</v>
      </c>
      <c r="L1514" s="40"/>
      <c r="M1514" s="40"/>
      <c r="N1514" s="40"/>
      <c r="Y1514">
        <v>7.7999999999999972</v>
      </c>
      <c r="Z1514">
        <v>86.1</v>
      </c>
      <c r="AA1514">
        <v>8.6077919999999999</v>
      </c>
      <c r="AB1514">
        <v>4.2596068804282456</v>
      </c>
    </row>
    <row r="1515" spans="4:28" x14ac:dyDescent="0.25">
      <c r="D1515" s="40">
        <v>25.115663000001117</v>
      </c>
      <c r="E1515" s="40">
        <v>12.212929492008962</v>
      </c>
      <c r="F1515" s="40">
        <v>25.099999999999994</v>
      </c>
      <c r="G1515" s="40">
        <v>9.5609776837793916</v>
      </c>
      <c r="H1515" s="40">
        <v>25.100000000000009</v>
      </c>
      <c r="I1515" s="40">
        <v>7.7705576714498381</v>
      </c>
      <c r="J1515" s="40">
        <v>25.099990744047801</v>
      </c>
      <c r="K1515" s="40">
        <v>8.0142095630907253</v>
      </c>
      <c r="L1515" s="40"/>
      <c r="M1515" s="40"/>
      <c r="N1515" s="40"/>
      <c r="Y1515">
        <v>7.8166670000000096</v>
      </c>
      <c r="Z1515">
        <v>86.116667000000007</v>
      </c>
      <c r="AA1515">
        <v>8.6078259999999993</v>
      </c>
      <c r="AB1515">
        <v>4.2600186964472524</v>
      </c>
    </row>
    <row r="1516" spans="4:28" x14ac:dyDescent="0.25">
      <c r="D1516" s="40">
        <v>25.132329000001118</v>
      </c>
      <c r="E1516" s="40">
        <v>12.217772670598384</v>
      </c>
      <c r="F1516" s="40">
        <v>25.116666999999993</v>
      </c>
      <c r="G1516" s="40">
        <v>9.565732927869611</v>
      </c>
      <c r="H1516" s="40">
        <v>25.116667000000007</v>
      </c>
      <c r="I1516" s="40">
        <v>7.7705576714498381</v>
      </c>
      <c r="J1516" s="40">
        <v>25.116657404762101</v>
      </c>
      <c r="K1516" s="40">
        <v>8.0190606067999575</v>
      </c>
      <c r="L1516" s="40"/>
      <c r="M1516" s="40"/>
      <c r="N1516" s="40"/>
      <c r="Y1516">
        <v>7.8333329999999961</v>
      </c>
      <c r="Z1516">
        <v>86.133332999999993</v>
      </c>
      <c r="AA1516">
        <v>8.6078930000000007</v>
      </c>
      <c r="AB1516">
        <v>4.2608302162494427</v>
      </c>
    </row>
    <row r="1517" spans="4:28" x14ac:dyDescent="0.25">
      <c r="D1517" s="40">
        <v>25.148995000001118</v>
      </c>
      <c r="E1517" s="40">
        <v>12.222615849187934</v>
      </c>
      <c r="F1517" s="40">
        <v>25.133332999999993</v>
      </c>
      <c r="G1517" s="40">
        <v>9.5703483118395116</v>
      </c>
      <c r="H1517" s="40">
        <v>25.133334000000005</v>
      </c>
      <c r="I1517" s="40">
        <v>7.7738117977064265</v>
      </c>
      <c r="J1517" s="40">
        <v>25.133324065476401</v>
      </c>
      <c r="K1517" s="40">
        <v>8.0190606067999575</v>
      </c>
      <c r="L1517" s="40"/>
      <c r="M1517" s="40"/>
      <c r="N1517" s="40"/>
      <c r="Y1517">
        <v>7.8500000000000085</v>
      </c>
      <c r="Z1517">
        <v>86.15</v>
      </c>
      <c r="AA1517">
        <v>8.6079600000000003</v>
      </c>
      <c r="AB1517">
        <v>4.2616417360516108</v>
      </c>
    </row>
    <row r="1518" spans="4:28" x14ac:dyDescent="0.25">
      <c r="D1518" s="40">
        <v>25.165661000001119</v>
      </c>
      <c r="E1518" s="40">
        <v>12.23215975993778</v>
      </c>
      <c r="F1518" s="40">
        <v>25.149999999999991</v>
      </c>
      <c r="G1518" s="40">
        <v>9.5751035559296085</v>
      </c>
      <c r="H1518" s="40">
        <v>25.150000000000006</v>
      </c>
      <c r="I1518" s="40">
        <v>7.7771645338498585</v>
      </c>
      <c r="J1518" s="40">
        <v>25.149990726190602</v>
      </c>
      <c r="K1518" s="40">
        <v>8.0237689727530164</v>
      </c>
      <c r="L1518" s="40"/>
      <c r="M1518" s="40"/>
      <c r="N1518" s="40"/>
      <c r="Y1518">
        <v>7.8666670000000067</v>
      </c>
      <c r="Z1518">
        <v>86.166667000000004</v>
      </c>
      <c r="AA1518">
        <v>8.6079939999999997</v>
      </c>
      <c r="AB1518">
        <v>4.2620535520706175</v>
      </c>
    </row>
    <row r="1519" spans="4:28" x14ac:dyDescent="0.25">
      <c r="D1519" s="40">
        <v>25.18232700000112</v>
      </c>
      <c r="E1519" s="40">
        <v>12.237002938527327</v>
      </c>
      <c r="F1519" s="40">
        <v>25.16666699999999</v>
      </c>
      <c r="G1519" s="40">
        <v>9.5751035559296085</v>
      </c>
      <c r="H1519" s="40">
        <v>25.166667000000004</v>
      </c>
      <c r="I1519" s="40">
        <v>7.7805172699931164</v>
      </c>
      <c r="J1519" s="40">
        <v>25.166657386904902</v>
      </c>
      <c r="K1519" s="40">
        <v>8.0286200164621224</v>
      </c>
      <c r="L1519" s="40"/>
      <c r="M1519" s="40"/>
      <c r="N1519" s="40"/>
      <c r="Y1519">
        <v>7.8833330000000075</v>
      </c>
      <c r="Z1519">
        <v>86.183333000000005</v>
      </c>
      <c r="AA1519">
        <v>8.6080609999999993</v>
      </c>
      <c r="AB1519">
        <v>4.2628650718727856</v>
      </c>
    </row>
    <row r="1520" spans="4:28" x14ac:dyDescent="0.25">
      <c r="D1520" s="40">
        <v>25.198993000001121</v>
      </c>
      <c r="E1520" s="40">
        <v>12.241703670687754</v>
      </c>
      <c r="F1520" s="40">
        <v>25.18333299999999</v>
      </c>
      <c r="G1520" s="40">
        <v>9.5798588000198261</v>
      </c>
      <c r="H1520" s="40">
        <v>25.183334000000002</v>
      </c>
      <c r="I1520" s="40">
        <v>7.7837713962498789</v>
      </c>
      <c r="J1520" s="40">
        <v>25.183324047619202</v>
      </c>
      <c r="K1520" s="40">
        <v>8.0286200164621224</v>
      </c>
      <c r="L1520" s="40"/>
      <c r="M1520" s="40"/>
      <c r="N1520" s="40"/>
      <c r="Y1520">
        <v>7.9000000000000057</v>
      </c>
      <c r="Z1520">
        <v>86.2</v>
      </c>
      <c r="AA1520">
        <v>8.6080950000000005</v>
      </c>
      <c r="AB1520">
        <v>4.2632768878918137</v>
      </c>
    </row>
    <row r="1521" spans="4:28" x14ac:dyDescent="0.25">
      <c r="D1521" s="40">
        <v>25.215659000001121</v>
      </c>
      <c r="E1521" s="40">
        <v>12.246546849277301</v>
      </c>
      <c r="F1521" s="40">
        <v>25.199999999999989</v>
      </c>
      <c r="G1521" s="40">
        <v>9.5844741839897267</v>
      </c>
      <c r="H1521" s="40">
        <v>25.200000000000003</v>
      </c>
      <c r="I1521" s="40">
        <v>7.7871241323931359</v>
      </c>
      <c r="J1521" s="40">
        <v>25.199990708333502</v>
      </c>
      <c r="K1521" s="40">
        <v>8.0334710601713546</v>
      </c>
      <c r="L1521" s="40"/>
      <c r="M1521" s="40"/>
      <c r="N1521" s="40"/>
      <c r="Y1521">
        <v>7.9166670000000039</v>
      </c>
      <c r="Z1521">
        <v>86.216667000000001</v>
      </c>
      <c r="AA1521">
        <v>8.6081289999999999</v>
      </c>
      <c r="AB1521">
        <v>4.2636887039108196</v>
      </c>
    </row>
    <row r="1522" spans="4:28" x14ac:dyDescent="0.25">
      <c r="D1522" s="40">
        <v>25.232325000001122</v>
      </c>
      <c r="E1522" s="40">
        <v>12.251390027866723</v>
      </c>
      <c r="F1522" s="40">
        <v>25.216667000000001</v>
      </c>
      <c r="G1522" s="40">
        <v>9.5892294280798236</v>
      </c>
      <c r="H1522" s="40">
        <v>25.216667000000001</v>
      </c>
      <c r="I1522" s="40">
        <v>7.7871241323931359</v>
      </c>
      <c r="J1522" s="40">
        <v>25.216657369047802</v>
      </c>
      <c r="K1522" s="40">
        <v>8.0334710601713546</v>
      </c>
      <c r="L1522" s="40"/>
      <c r="M1522" s="40"/>
      <c r="N1522" s="40"/>
      <c r="Y1522">
        <v>7.9333330000000046</v>
      </c>
      <c r="Z1522">
        <v>86.233333000000002</v>
      </c>
      <c r="AA1522">
        <v>8.6081959999999995</v>
      </c>
      <c r="AB1522">
        <v>4.2645002237129876</v>
      </c>
    </row>
    <row r="1523" spans="4:28" x14ac:dyDescent="0.25">
      <c r="D1523" s="40">
        <v>25.248991000001123</v>
      </c>
      <c r="E1523" s="40">
        <v>12.251390027866723</v>
      </c>
      <c r="F1523" s="40">
        <v>25.233332999999988</v>
      </c>
      <c r="G1523" s="40">
        <v>9.5892294280798236</v>
      </c>
      <c r="H1523" s="40">
        <v>25.233334000000013</v>
      </c>
      <c r="I1523" s="40">
        <v>7.790476868536568</v>
      </c>
      <c r="J1523" s="40">
        <v>25.233324029762102</v>
      </c>
      <c r="K1523" s="40">
        <v>8.0381794261244153</v>
      </c>
      <c r="L1523" s="40"/>
      <c r="M1523" s="40"/>
      <c r="N1523" s="40"/>
      <c r="Y1523">
        <v>7.9500000000000028</v>
      </c>
      <c r="Z1523">
        <v>86.25</v>
      </c>
      <c r="AA1523">
        <v>8.6082300000000007</v>
      </c>
      <c r="AB1523">
        <v>4.2649120397320157</v>
      </c>
    </row>
    <row r="1524" spans="4:28" x14ac:dyDescent="0.25">
      <c r="D1524" s="40">
        <v>25.265657000001124</v>
      </c>
      <c r="E1524" s="40">
        <v>12.260933938616697</v>
      </c>
      <c r="F1524" s="40">
        <v>25.25</v>
      </c>
      <c r="G1524" s="40">
        <v>9.5939846721700413</v>
      </c>
      <c r="H1524" s="40">
        <v>25.25</v>
      </c>
      <c r="I1524" s="40">
        <v>7.7937309947933313</v>
      </c>
      <c r="J1524" s="40">
        <v>25.249990690476402</v>
      </c>
      <c r="K1524" s="40">
        <v>8.0430304698335213</v>
      </c>
      <c r="L1524" s="40"/>
      <c r="M1524" s="40"/>
      <c r="N1524" s="40"/>
      <c r="Y1524">
        <v>7.9666670000000011</v>
      </c>
      <c r="Z1524">
        <v>86.266666999999998</v>
      </c>
      <c r="AA1524">
        <v>8.6082970000000003</v>
      </c>
      <c r="AB1524">
        <v>4.2657235595341838</v>
      </c>
    </row>
    <row r="1525" spans="4:28" x14ac:dyDescent="0.25">
      <c r="D1525" s="40">
        <v>25.282323000001124</v>
      </c>
      <c r="E1525" s="40">
        <v>12.265777117206119</v>
      </c>
      <c r="F1525" s="40">
        <v>25.266666999999998</v>
      </c>
      <c r="G1525" s="40">
        <v>9.5986000561399418</v>
      </c>
      <c r="H1525" s="40">
        <v>25.266667000000012</v>
      </c>
      <c r="I1525" s="40">
        <v>7.7970837309365892</v>
      </c>
      <c r="J1525" s="40">
        <v>25.266657351190599</v>
      </c>
      <c r="K1525" s="40">
        <v>8.0478815135427517</v>
      </c>
      <c r="L1525" s="40"/>
      <c r="M1525" s="40"/>
      <c r="N1525" s="40"/>
      <c r="Y1525">
        <v>7.9833330000000018</v>
      </c>
      <c r="Z1525">
        <v>86.283332999999999</v>
      </c>
      <c r="AA1525">
        <v>8.6083309999999997</v>
      </c>
      <c r="AB1525">
        <v>4.2661353755531906</v>
      </c>
    </row>
    <row r="1526" spans="4:28" x14ac:dyDescent="0.25">
      <c r="D1526" s="40">
        <v>25.298989000001125</v>
      </c>
      <c r="E1526" s="40">
        <v>12.270477849366545</v>
      </c>
      <c r="F1526" s="40">
        <v>25.283332999999999</v>
      </c>
      <c r="G1526" s="40">
        <v>9.6033553002300369</v>
      </c>
      <c r="H1526" s="40">
        <v>25.283334000000011</v>
      </c>
      <c r="I1526" s="40">
        <v>7.8004364670798463</v>
      </c>
      <c r="J1526" s="40">
        <v>25.283324011904899</v>
      </c>
      <c r="K1526" s="40">
        <v>8.0478815135427517</v>
      </c>
      <c r="L1526" s="40"/>
      <c r="M1526" s="40"/>
      <c r="N1526" s="40"/>
      <c r="Y1526">
        <v>8</v>
      </c>
      <c r="Z1526">
        <v>86.3</v>
      </c>
      <c r="AA1526">
        <v>8.6083979999999993</v>
      </c>
      <c r="AB1526">
        <v>4.2669468953553595</v>
      </c>
    </row>
    <row r="1527" spans="4:28" x14ac:dyDescent="0.25">
      <c r="D1527" s="40">
        <v>25.315655000001126</v>
      </c>
      <c r="E1527" s="40">
        <v>12.270477849366545</v>
      </c>
      <c r="F1527" s="40">
        <v>25.299999999999997</v>
      </c>
      <c r="G1527" s="40">
        <v>9.6033553002300369</v>
      </c>
      <c r="H1527" s="40">
        <v>25.300000000000011</v>
      </c>
      <c r="I1527" s="40">
        <v>7.8036905933366087</v>
      </c>
      <c r="J1527" s="40">
        <v>25.299990672619199</v>
      </c>
      <c r="K1527" s="40">
        <v>8.0525898794958124</v>
      </c>
      <c r="L1527" s="40"/>
      <c r="M1527" s="40"/>
      <c r="N1527" s="40"/>
      <c r="Y1527">
        <v>8.0166669999999982</v>
      </c>
      <c r="Z1527">
        <v>86.316666999999995</v>
      </c>
      <c r="AA1527">
        <v>8.6084320000000005</v>
      </c>
      <c r="AB1527">
        <v>4.2673587113743867</v>
      </c>
    </row>
    <row r="1528" spans="4:28" x14ac:dyDescent="0.25">
      <c r="D1528" s="40">
        <v>25.332321000001127</v>
      </c>
      <c r="E1528" s="40">
        <v>12.270477849366545</v>
      </c>
      <c r="F1528" s="40">
        <v>25.316666999999995</v>
      </c>
      <c r="G1528" s="40">
        <v>9.6081105443202546</v>
      </c>
      <c r="H1528" s="40">
        <v>25.31666700000001</v>
      </c>
      <c r="I1528" s="40">
        <v>7.8070433294798658</v>
      </c>
      <c r="J1528" s="40">
        <v>25.316657333333499</v>
      </c>
      <c r="K1528" s="40">
        <v>8.0574409232049184</v>
      </c>
      <c r="L1528" s="40"/>
      <c r="M1528" s="40"/>
      <c r="N1528" s="40"/>
      <c r="Y1528">
        <v>8.0333329999999989</v>
      </c>
      <c r="Z1528">
        <v>86.333332999999996</v>
      </c>
      <c r="AA1528">
        <v>8.6084650000000007</v>
      </c>
      <c r="AB1528">
        <v>4.2677584151575489</v>
      </c>
    </row>
    <row r="1529" spans="4:28" x14ac:dyDescent="0.25">
      <c r="D1529" s="40">
        <v>25.348987000001127</v>
      </c>
      <c r="E1529" s="40">
        <v>12.275321027956092</v>
      </c>
      <c r="F1529" s="40">
        <v>25.333332999999996</v>
      </c>
      <c r="G1529" s="40">
        <v>9.6127259282901552</v>
      </c>
      <c r="H1529" s="40">
        <v>25.333334000000008</v>
      </c>
      <c r="I1529" s="40">
        <v>7.8103960656232987</v>
      </c>
      <c r="J1529" s="40">
        <v>25.333323994047799</v>
      </c>
      <c r="K1529" s="40">
        <v>8.0574409232049184</v>
      </c>
      <c r="L1529" s="40"/>
      <c r="M1529" s="40"/>
      <c r="N1529" s="40"/>
      <c r="Y1529">
        <v>8.0499999999999972</v>
      </c>
      <c r="Z1529">
        <v>86.35</v>
      </c>
      <c r="AA1529">
        <v>8.6085329999999995</v>
      </c>
      <c r="AB1529">
        <v>4.2685820471955616</v>
      </c>
    </row>
    <row r="1530" spans="4:28" x14ac:dyDescent="0.25">
      <c r="D1530" s="40">
        <v>25.365653000001128</v>
      </c>
      <c r="E1530" s="40">
        <v>12.280164206545514</v>
      </c>
      <c r="F1530" s="40">
        <v>25.349999999999994</v>
      </c>
      <c r="G1530" s="40">
        <v>9.617481172380252</v>
      </c>
      <c r="H1530" s="40">
        <v>25.350000000000009</v>
      </c>
      <c r="I1530" s="40">
        <v>7.813650191880062</v>
      </c>
      <c r="J1530" s="40">
        <v>25.349990654762099</v>
      </c>
      <c r="K1530" s="40">
        <v>8.0622919669141506</v>
      </c>
      <c r="L1530" s="40"/>
      <c r="M1530" s="40"/>
      <c r="N1530" s="40"/>
      <c r="Y1530">
        <v>8.0666670000000096</v>
      </c>
      <c r="Z1530">
        <v>86.366667000000007</v>
      </c>
      <c r="AA1530">
        <v>8.6085659999999997</v>
      </c>
      <c r="AB1530">
        <v>4.2689817509787238</v>
      </c>
    </row>
    <row r="1531" spans="4:28" x14ac:dyDescent="0.25">
      <c r="D1531" s="40">
        <v>25.382319000001129</v>
      </c>
      <c r="E1531" s="40">
        <v>12.28486493870594</v>
      </c>
      <c r="F1531" s="40">
        <v>25.366666999999993</v>
      </c>
      <c r="G1531" s="40">
        <v>9.617481172380252</v>
      </c>
      <c r="H1531" s="40">
        <v>25.366667000000007</v>
      </c>
      <c r="I1531" s="40">
        <v>7.8170029280233182</v>
      </c>
      <c r="J1531" s="40">
        <v>25.366657315476399</v>
      </c>
      <c r="K1531" s="40">
        <v>8.0622919669141506</v>
      </c>
      <c r="L1531" s="40"/>
      <c r="M1531" s="40"/>
      <c r="N1531" s="40"/>
      <c r="Y1531">
        <v>8.0833329999999961</v>
      </c>
      <c r="Z1531">
        <v>86.383332999999993</v>
      </c>
      <c r="AA1531">
        <v>8.6086340000000003</v>
      </c>
      <c r="AB1531">
        <v>4.2698053830167577</v>
      </c>
    </row>
    <row r="1532" spans="4:28" x14ac:dyDescent="0.25">
      <c r="D1532" s="40">
        <v>25.398985000001129</v>
      </c>
      <c r="E1532" s="40">
        <v>12.28970811729549</v>
      </c>
      <c r="F1532" s="40">
        <v>25.383332999999993</v>
      </c>
      <c r="G1532" s="40">
        <v>9.6222364164704697</v>
      </c>
      <c r="H1532" s="40">
        <v>25.383334000000005</v>
      </c>
      <c r="I1532" s="40">
        <v>7.8170029280233182</v>
      </c>
      <c r="J1532" s="40">
        <v>25.383323976190599</v>
      </c>
      <c r="K1532" s="40">
        <v>8.0670003328672113</v>
      </c>
      <c r="L1532" s="40"/>
      <c r="M1532" s="40"/>
      <c r="N1532" s="40"/>
      <c r="Y1532">
        <v>8.1000000000000085</v>
      </c>
      <c r="Z1532">
        <v>86.4</v>
      </c>
      <c r="AA1532">
        <v>8.6086670000000005</v>
      </c>
      <c r="AB1532">
        <v>4.2702050867999199</v>
      </c>
    </row>
    <row r="1533" spans="4:28" x14ac:dyDescent="0.25">
      <c r="D1533" s="40">
        <v>25.41565100000113</v>
      </c>
      <c r="E1533" s="40">
        <v>12.294551295885036</v>
      </c>
      <c r="F1533" s="40">
        <v>25.399999999999991</v>
      </c>
      <c r="G1533" s="40">
        <v>9.6268518004403703</v>
      </c>
      <c r="H1533" s="40">
        <v>25.400000000000006</v>
      </c>
      <c r="I1533" s="40">
        <v>7.8203556641665752</v>
      </c>
      <c r="J1533" s="40">
        <v>25.399990636904899</v>
      </c>
      <c r="K1533" s="40">
        <v>8.0670003328672113</v>
      </c>
      <c r="L1533" s="40"/>
      <c r="M1533" s="40"/>
      <c r="N1533" s="40"/>
      <c r="Y1533">
        <v>8.1166670000000067</v>
      </c>
      <c r="Z1533">
        <v>86.416667000000004</v>
      </c>
      <c r="AA1533">
        <v>8.6087349999999994</v>
      </c>
      <c r="AB1533">
        <v>4.2710287188379326</v>
      </c>
    </row>
    <row r="1534" spans="4:28" x14ac:dyDescent="0.25">
      <c r="D1534" s="40">
        <v>25.432317000001131</v>
      </c>
      <c r="E1534" s="40">
        <v>12.294551295885036</v>
      </c>
      <c r="F1534" s="40">
        <v>25.41666699999999</v>
      </c>
      <c r="G1534" s="40">
        <v>9.6268518004403703</v>
      </c>
      <c r="H1534" s="40">
        <v>25.416667000000004</v>
      </c>
      <c r="I1534" s="40">
        <v>7.8269625265667706</v>
      </c>
      <c r="J1534" s="40">
        <v>25.416657297619199</v>
      </c>
      <c r="K1534" s="40">
        <v>8.0670003328672113</v>
      </c>
      <c r="L1534" s="40"/>
      <c r="M1534" s="40"/>
      <c r="N1534" s="40"/>
      <c r="Y1534">
        <v>8.1333330000000075</v>
      </c>
      <c r="Z1534">
        <v>86.433333000000005</v>
      </c>
      <c r="AA1534">
        <v>8.6087679999999995</v>
      </c>
      <c r="AB1534">
        <v>4.2714284226210948</v>
      </c>
    </row>
    <row r="1535" spans="4:28" x14ac:dyDescent="0.25">
      <c r="D1535" s="40">
        <v>25.448983000001132</v>
      </c>
      <c r="E1535" s="40">
        <v>12.294551295885036</v>
      </c>
      <c r="F1535" s="40">
        <v>25.43333299999999</v>
      </c>
      <c r="G1535" s="40">
        <v>9.6316070445305897</v>
      </c>
      <c r="H1535" s="40">
        <v>25.433334000000002</v>
      </c>
      <c r="I1535" s="40">
        <v>7.8303152627100285</v>
      </c>
      <c r="J1535" s="40">
        <v>25.433323958333499</v>
      </c>
      <c r="K1535" s="40">
        <v>8.0670003328672113</v>
      </c>
      <c r="L1535" s="40"/>
      <c r="M1535" s="40"/>
      <c r="N1535" s="40"/>
      <c r="Y1535">
        <v>8.1500000000000057</v>
      </c>
      <c r="Z1535">
        <v>86.45</v>
      </c>
      <c r="AA1535">
        <v>8.6088360000000002</v>
      </c>
      <c r="AB1535">
        <v>4.2722520546591287</v>
      </c>
    </row>
    <row r="1536" spans="4:28" x14ac:dyDescent="0.25">
      <c r="D1536" s="40">
        <v>25.465649000001132</v>
      </c>
      <c r="E1536" s="40">
        <v>12.294551295885036</v>
      </c>
      <c r="F1536" s="40">
        <v>25.449999999999989</v>
      </c>
      <c r="G1536" s="40">
        <v>9.6363622886206848</v>
      </c>
      <c r="H1536" s="40">
        <v>25.450000000000003</v>
      </c>
      <c r="I1536" s="40">
        <v>7.833569388966791</v>
      </c>
      <c r="J1536" s="40">
        <v>25.449990619047799</v>
      </c>
      <c r="K1536" s="40">
        <v>8.0718513765764417</v>
      </c>
      <c r="L1536" s="40"/>
      <c r="M1536" s="40"/>
      <c r="N1536" s="40"/>
      <c r="Y1536">
        <v>8.1666670000000039</v>
      </c>
      <c r="Z1536">
        <v>86.466667000000001</v>
      </c>
      <c r="AA1536">
        <v>8.6088690000000003</v>
      </c>
      <c r="AB1536">
        <v>4.2726517584422901</v>
      </c>
    </row>
    <row r="1537" spans="4:28" x14ac:dyDescent="0.25">
      <c r="D1537" s="40">
        <v>25.482315000001133</v>
      </c>
      <c r="E1537" s="40">
        <v>12.299252028045336</v>
      </c>
      <c r="F1537" s="40">
        <v>25.466667000000001</v>
      </c>
      <c r="G1537" s="40">
        <v>9.6363622886206848</v>
      </c>
      <c r="H1537" s="40">
        <v>25.466667000000001</v>
      </c>
      <c r="I1537" s="40">
        <v>7.840274861253306</v>
      </c>
      <c r="J1537" s="40">
        <v>25.466657279762099</v>
      </c>
      <c r="K1537" s="40">
        <v>8.0718513765764417</v>
      </c>
      <c r="L1537" s="40"/>
      <c r="M1537" s="40"/>
      <c r="N1537" s="40"/>
      <c r="Y1537">
        <v>8.1833330000000046</v>
      </c>
      <c r="Z1537">
        <v>86.483333000000002</v>
      </c>
      <c r="AA1537">
        <v>8.6089369999999992</v>
      </c>
      <c r="AB1537">
        <v>4.2734753904803036</v>
      </c>
    </row>
    <row r="1538" spans="4:28" x14ac:dyDescent="0.25">
      <c r="D1538" s="40">
        <v>25.498981000001134</v>
      </c>
      <c r="E1538" s="40">
        <v>12.304095206634884</v>
      </c>
      <c r="F1538" s="40">
        <v>25.483332999999988</v>
      </c>
      <c r="G1538" s="40">
        <v>9.6409776725905854</v>
      </c>
      <c r="H1538" s="40">
        <v>25.483334000000013</v>
      </c>
      <c r="I1538" s="40">
        <v>7.8435289875100693</v>
      </c>
      <c r="J1538" s="40">
        <v>25.483323940476399</v>
      </c>
      <c r="K1538" s="40">
        <v>8.0767024202855477</v>
      </c>
      <c r="L1538" s="40"/>
      <c r="M1538" s="40"/>
      <c r="N1538" s="40"/>
      <c r="Y1538">
        <v>8.2000000000000028</v>
      </c>
      <c r="Z1538">
        <v>86.5</v>
      </c>
      <c r="AA1538">
        <v>8.6090040000000005</v>
      </c>
      <c r="AB1538">
        <v>4.274286910282493</v>
      </c>
    </row>
    <row r="1539" spans="4:28" x14ac:dyDescent="0.25">
      <c r="D1539" s="40">
        <v>25.515647000001135</v>
      </c>
      <c r="E1539" s="40">
        <v>12.313639117384731</v>
      </c>
      <c r="F1539" s="40">
        <v>25.5</v>
      </c>
      <c r="G1539" s="40">
        <v>9.6457329166808048</v>
      </c>
      <c r="H1539" s="40">
        <v>25.5</v>
      </c>
      <c r="I1539" s="40">
        <v>7.8468817236535013</v>
      </c>
      <c r="J1539" s="40">
        <v>25.4999906011906</v>
      </c>
      <c r="K1539" s="40">
        <v>8.0767024202855477</v>
      </c>
      <c r="L1539" s="40"/>
      <c r="M1539" s="40"/>
      <c r="N1539" s="40"/>
      <c r="Y1539">
        <v>8.2166670000000011</v>
      </c>
      <c r="Z1539">
        <v>86.516666999999998</v>
      </c>
      <c r="AA1539">
        <v>8.6090370000000007</v>
      </c>
      <c r="AB1539">
        <v>4.2746866140656552</v>
      </c>
    </row>
    <row r="1540" spans="4:28" x14ac:dyDescent="0.25">
      <c r="D1540" s="40">
        <v>25.532313000001135</v>
      </c>
      <c r="E1540" s="40">
        <v>12.318482295974281</v>
      </c>
      <c r="F1540" s="40">
        <v>25.516666999999998</v>
      </c>
      <c r="G1540" s="40">
        <v>9.6504881607708999</v>
      </c>
      <c r="H1540" s="40">
        <v>25.516667000000012</v>
      </c>
      <c r="I1540" s="40">
        <v>7.8502344597967593</v>
      </c>
      <c r="J1540" s="40">
        <v>25.5166572619049</v>
      </c>
      <c r="K1540" s="40">
        <v>8.0767024202855477</v>
      </c>
      <c r="L1540" s="40"/>
      <c r="M1540" s="40"/>
      <c r="N1540" s="40"/>
      <c r="Y1540">
        <v>8.2333330000000018</v>
      </c>
      <c r="Z1540">
        <v>86.533332999999999</v>
      </c>
      <c r="AA1540">
        <v>8.6091049999999996</v>
      </c>
      <c r="AB1540">
        <v>4.2755102461036678</v>
      </c>
    </row>
    <row r="1541" spans="4:28" x14ac:dyDescent="0.25">
      <c r="D1541" s="40">
        <v>25.548979000001136</v>
      </c>
      <c r="E1541" s="40">
        <v>12.323325474563829</v>
      </c>
      <c r="F1541" s="40">
        <v>25.533332999999999</v>
      </c>
      <c r="G1541" s="40">
        <v>9.6551035447407987</v>
      </c>
      <c r="H1541" s="40">
        <v>25.533334000000011</v>
      </c>
      <c r="I1541" s="40">
        <v>7.8534885860535217</v>
      </c>
      <c r="J1541" s="40">
        <v>25.5333239226192</v>
      </c>
      <c r="K1541" s="40">
        <v>8.0815534639947799</v>
      </c>
      <c r="L1541" s="40"/>
      <c r="M1541" s="40"/>
      <c r="N1541" s="40"/>
      <c r="Y1541">
        <v>8.25</v>
      </c>
      <c r="Z1541">
        <v>86.55</v>
      </c>
      <c r="AA1541">
        <v>8.6091379999999997</v>
      </c>
      <c r="AB1541">
        <v>4.27590994988683</v>
      </c>
    </row>
    <row r="1542" spans="4:28" x14ac:dyDescent="0.25">
      <c r="D1542" s="40">
        <v>25.565645000001137</v>
      </c>
      <c r="E1542" s="40">
        <v>12.328026206724253</v>
      </c>
      <c r="F1542" s="40">
        <v>25.549999999999997</v>
      </c>
      <c r="G1542" s="40">
        <v>9.6598587888310199</v>
      </c>
      <c r="H1542" s="40">
        <v>25.550000000000011</v>
      </c>
      <c r="I1542" s="40">
        <v>7.8601940583402099</v>
      </c>
      <c r="J1542" s="40">
        <v>25.5499905833335</v>
      </c>
      <c r="K1542" s="40">
        <v>8.0815534639947799</v>
      </c>
      <c r="L1542" s="40"/>
      <c r="M1542" s="40"/>
      <c r="N1542" s="40"/>
      <c r="Y1542">
        <v>8.2666669999999982</v>
      </c>
      <c r="Z1542">
        <v>86.566666999999995</v>
      </c>
      <c r="AA1542">
        <v>8.6092060000000004</v>
      </c>
      <c r="AB1542">
        <v>4.276733581924864</v>
      </c>
    </row>
    <row r="1543" spans="4:28" x14ac:dyDescent="0.25">
      <c r="D1543" s="40">
        <v>25.582311000001138</v>
      </c>
      <c r="E1543" s="40">
        <v>12.328026206724253</v>
      </c>
      <c r="F1543" s="40">
        <v>25.566666999999995</v>
      </c>
      <c r="G1543" s="40">
        <v>9.6646140329211132</v>
      </c>
      <c r="H1543" s="40">
        <v>25.56666700000001</v>
      </c>
      <c r="I1543" s="40">
        <v>7.8634481845967983</v>
      </c>
      <c r="J1543" s="40">
        <v>25.5666572440478</v>
      </c>
      <c r="K1543" s="40">
        <v>8.0862618299478406</v>
      </c>
      <c r="L1543" s="40"/>
      <c r="M1543" s="40"/>
      <c r="N1543" s="40"/>
      <c r="Y1543">
        <v>8.2833329999999989</v>
      </c>
      <c r="Z1543">
        <v>86.583332999999996</v>
      </c>
      <c r="AA1543">
        <v>8.6092390000000005</v>
      </c>
      <c r="AB1543">
        <v>4.2771332857080262</v>
      </c>
    </row>
    <row r="1544" spans="4:28" x14ac:dyDescent="0.25">
      <c r="D1544" s="40">
        <v>25.598977000001138</v>
      </c>
      <c r="E1544" s="40">
        <v>12.332869385313675</v>
      </c>
      <c r="F1544" s="40">
        <v>25.583332999999996</v>
      </c>
      <c r="G1544" s="40">
        <v>9.6692294168910138</v>
      </c>
      <c r="H1544" s="40">
        <v>25.583334000000008</v>
      </c>
      <c r="I1544" s="40">
        <v>7.8668009207402312</v>
      </c>
      <c r="J1544" s="40">
        <v>25.5833239047621</v>
      </c>
      <c r="K1544" s="40">
        <v>8.0911128736569466</v>
      </c>
      <c r="L1544" s="40"/>
      <c r="M1544" s="40"/>
      <c r="N1544" s="40"/>
      <c r="Y1544">
        <v>8.2999999999999972</v>
      </c>
      <c r="Z1544">
        <v>86.6</v>
      </c>
      <c r="AA1544">
        <v>8.6093069999999994</v>
      </c>
      <c r="AB1544">
        <v>4.2779569177460388</v>
      </c>
    </row>
    <row r="1545" spans="4:28" x14ac:dyDescent="0.25">
      <c r="D1545" s="40">
        <v>25.615643000001139</v>
      </c>
      <c r="E1545" s="40">
        <v>12.337712563903223</v>
      </c>
      <c r="F1545" s="40">
        <v>25.599999999999994</v>
      </c>
      <c r="G1545" s="40">
        <v>9.6692294168910138</v>
      </c>
      <c r="H1545" s="40">
        <v>25.600000000000009</v>
      </c>
      <c r="I1545" s="40">
        <v>7.8701536568834882</v>
      </c>
      <c r="J1545" s="40">
        <v>25.5999905654764</v>
      </c>
      <c r="K1545" s="40">
        <v>8.0911128736569466</v>
      </c>
      <c r="L1545" s="40"/>
      <c r="M1545" s="40"/>
      <c r="N1545" s="40"/>
      <c r="Y1545">
        <v>8.3166670000000096</v>
      </c>
      <c r="Z1545">
        <v>86.616667000000007</v>
      </c>
      <c r="AA1545">
        <v>8.6093399999999995</v>
      </c>
      <c r="AB1545">
        <v>4.278356621529201</v>
      </c>
    </row>
    <row r="1546" spans="4:28" x14ac:dyDescent="0.25">
      <c r="D1546" s="40">
        <v>25.63230900000114</v>
      </c>
      <c r="E1546" s="40">
        <v>12.34725647465307</v>
      </c>
      <c r="F1546" s="40">
        <v>25.616666999999993</v>
      </c>
      <c r="G1546" s="40">
        <v>9.6739846609812332</v>
      </c>
      <c r="H1546" s="40">
        <v>25.616667000000007</v>
      </c>
      <c r="I1546" s="40">
        <v>7.8734077831402516</v>
      </c>
      <c r="J1546" s="40">
        <v>25.6166572261906</v>
      </c>
      <c r="K1546" s="40">
        <v>8.0959639173661788</v>
      </c>
      <c r="L1546" s="40"/>
      <c r="M1546" s="40"/>
      <c r="N1546" s="40"/>
      <c r="Y1546">
        <v>8.3333329999999961</v>
      </c>
      <c r="Z1546">
        <v>86.633332999999993</v>
      </c>
      <c r="AA1546">
        <v>8.6094080000000002</v>
      </c>
      <c r="AB1546">
        <v>4.279180253567235</v>
      </c>
    </row>
    <row r="1547" spans="4:28" x14ac:dyDescent="0.25">
      <c r="D1547" s="40">
        <v>25.648975000001141</v>
      </c>
      <c r="E1547" s="40">
        <v>12.35209965324262</v>
      </c>
      <c r="F1547" s="40">
        <v>25.633332999999993</v>
      </c>
      <c r="G1547" s="40">
        <v>9.6787399050714544</v>
      </c>
      <c r="H1547" s="40">
        <v>25.633334000000005</v>
      </c>
      <c r="I1547" s="40">
        <v>7.8767605192835086</v>
      </c>
      <c r="J1547" s="40">
        <v>25.6333238869049</v>
      </c>
      <c r="K1547" s="40">
        <v>8.1006722833192377</v>
      </c>
      <c r="L1547" s="40"/>
      <c r="M1547" s="40"/>
      <c r="N1547" s="40"/>
      <c r="Y1547">
        <v>8.3500000000000085</v>
      </c>
      <c r="Z1547">
        <v>86.65</v>
      </c>
      <c r="AA1547">
        <v>8.6094410000000003</v>
      </c>
      <c r="AB1547">
        <v>4.2795799573503972</v>
      </c>
    </row>
    <row r="1548" spans="4:28" x14ac:dyDescent="0.25">
      <c r="D1548" s="40">
        <v>25.665641000001141</v>
      </c>
      <c r="E1548" s="40">
        <v>12.356800385403046</v>
      </c>
      <c r="F1548" s="40">
        <v>25.649999999999991</v>
      </c>
      <c r="G1548" s="40">
        <v>9.6833552890412289</v>
      </c>
      <c r="H1548" s="40">
        <v>25.650000000000006</v>
      </c>
      <c r="I1548" s="40">
        <v>7.8801132554269415</v>
      </c>
      <c r="J1548" s="40">
        <v>25.6499905476192</v>
      </c>
      <c r="K1548" s="40">
        <v>8.1055233270283438</v>
      </c>
      <c r="L1548" s="40"/>
      <c r="M1548" s="40"/>
      <c r="N1548" s="40"/>
      <c r="Y1548">
        <v>8.3666670000000067</v>
      </c>
      <c r="Z1548">
        <v>86.666667000000004</v>
      </c>
      <c r="AA1548">
        <v>8.6094749999999998</v>
      </c>
      <c r="AB1548">
        <v>4.279991773369404</v>
      </c>
    </row>
    <row r="1549" spans="4:28" x14ac:dyDescent="0.25">
      <c r="D1549" s="40">
        <v>25.682307000001142</v>
      </c>
      <c r="E1549" s="40">
        <v>12.361643563992468</v>
      </c>
      <c r="F1549" s="40">
        <v>25.66666699999999</v>
      </c>
      <c r="G1549" s="40">
        <v>9.6881105331314483</v>
      </c>
      <c r="H1549" s="40">
        <v>25.666667000000004</v>
      </c>
      <c r="I1549" s="40">
        <v>7.8834659915701986</v>
      </c>
      <c r="J1549" s="40">
        <v>25.666657208333501</v>
      </c>
      <c r="K1549" s="40">
        <v>8.1055233270283438</v>
      </c>
      <c r="L1549" s="40"/>
      <c r="M1549" s="40"/>
      <c r="N1549" s="40"/>
      <c r="Y1549">
        <v>8.3833330000000075</v>
      </c>
      <c r="Z1549">
        <v>86.683333000000005</v>
      </c>
      <c r="AA1549">
        <v>8.6095419999999994</v>
      </c>
      <c r="AB1549">
        <v>4.2808032931715712</v>
      </c>
    </row>
    <row r="1550" spans="4:28" x14ac:dyDescent="0.25">
      <c r="D1550" s="40">
        <v>25.698973000001143</v>
      </c>
      <c r="E1550" s="40">
        <v>12.366486742582014</v>
      </c>
      <c r="F1550" s="40">
        <v>25.68333299999999</v>
      </c>
      <c r="G1550" s="40">
        <v>9.6881105331314483</v>
      </c>
      <c r="H1550" s="40">
        <v>25.683334000000002</v>
      </c>
      <c r="I1550" s="40">
        <v>7.8867201178269619</v>
      </c>
      <c r="J1550" s="40">
        <v>25.683323869047801</v>
      </c>
      <c r="K1550" s="40">
        <v>8.1103743707375759</v>
      </c>
      <c r="L1550" s="40"/>
      <c r="M1550" s="40"/>
      <c r="N1550" s="40"/>
      <c r="Y1550">
        <v>8.4000000000000057</v>
      </c>
      <c r="Z1550">
        <v>86.7</v>
      </c>
      <c r="AA1550">
        <v>8.6095760000000006</v>
      </c>
      <c r="AB1550">
        <v>4.2812151091905992</v>
      </c>
    </row>
    <row r="1551" spans="4:28" x14ac:dyDescent="0.25">
      <c r="D1551" s="40">
        <v>25.715639000001143</v>
      </c>
      <c r="E1551" s="40">
        <v>12.37118747474244</v>
      </c>
      <c r="F1551" s="40">
        <v>25.699999999999989</v>
      </c>
      <c r="G1551" s="40">
        <v>9.6928657772216678</v>
      </c>
      <c r="H1551" s="40">
        <v>25.700000000000003</v>
      </c>
      <c r="I1551" s="40">
        <v>7.890072853970219</v>
      </c>
      <c r="J1551" s="40">
        <v>25.699990529762101</v>
      </c>
      <c r="K1551" s="40">
        <v>8.1150827366906366</v>
      </c>
      <c r="L1551" s="40"/>
      <c r="M1551" s="40"/>
      <c r="N1551" s="40"/>
      <c r="Y1551">
        <v>8.4166670000000039</v>
      </c>
      <c r="Z1551">
        <v>86.716667000000001</v>
      </c>
      <c r="AA1551">
        <v>8.6096430000000002</v>
      </c>
      <c r="AB1551">
        <v>4.2820266289927682</v>
      </c>
    </row>
    <row r="1552" spans="4:28" x14ac:dyDescent="0.25">
      <c r="D1552" s="40">
        <v>25.732305000001144</v>
      </c>
      <c r="E1552" s="40">
        <v>12.376030653331989</v>
      </c>
      <c r="F1552" s="40">
        <v>25.716667000000001</v>
      </c>
      <c r="G1552" s="40">
        <v>9.697481161191444</v>
      </c>
      <c r="H1552" s="40">
        <v>25.716667000000001</v>
      </c>
      <c r="I1552" s="40">
        <v>7.8934255901136519</v>
      </c>
      <c r="J1552" s="40">
        <v>25.716657190476401</v>
      </c>
      <c r="K1552" s="40">
        <v>8.1199337803998688</v>
      </c>
      <c r="L1552" s="40"/>
      <c r="M1552" s="40"/>
      <c r="N1552" s="40"/>
      <c r="Y1552">
        <v>8.4333330000000046</v>
      </c>
      <c r="Z1552">
        <v>86.733333000000002</v>
      </c>
      <c r="AA1552">
        <v>8.6096769999999996</v>
      </c>
      <c r="AB1552">
        <v>4.2824384450117741</v>
      </c>
    </row>
    <row r="1553" spans="4:28" x14ac:dyDescent="0.25">
      <c r="D1553" s="40">
        <v>25.748971000001145</v>
      </c>
      <c r="E1553" s="40">
        <v>12.380873831921411</v>
      </c>
      <c r="F1553" s="40">
        <v>25.733332999999988</v>
      </c>
      <c r="G1553" s="40">
        <v>9.7022364052816634</v>
      </c>
      <c r="H1553" s="40">
        <v>25.733334000000013</v>
      </c>
      <c r="I1553" s="40">
        <v>7.8966797163702394</v>
      </c>
      <c r="J1553" s="40">
        <v>25.733323851190601</v>
      </c>
      <c r="K1553" s="40">
        <v>8.1247848241089731</v>
      </c>
      <c r="L1553" s="40"/>
      <c r="M1553" s="40"/>
      <c r="N1553" s="40"/>
      <c r="Y1553">
        <v>8.4500000000000028</v>
      </c>
      <c r="Z1553">
        <v>86.75</v>
      </c>
      <c r="AA1553">
        <v>8.6097110000000008</v>
      </c>
      <c r="AB1553">
        <v>4.2828502610308021</v>
      </c>
    </row>
    <row r="1554" spans="4:28" x14ac:dyDescent="0.25">
      <c r="D1554" s="40">
        <v>25.765637000001146</v>
      </c>
      <c r="E1554" s="40">
        <v>12.385574564081837</v>
      </c>
      <c r="F1554" s="40">
        <v>25.75</v>
      </c>
      <c r="G1554" s="40">
        <v>9.7069916493718829</v>
      </c>
      <c r="H1554" s="40">
        <v>25.75</v>
      </c>
      <c r="I1554" s="40">
        <v>7.9000324525136723</v>
      </c>
      <c r="J1554" s="40">
        <v>25.749990511904901</v>
      </c>
      <c r="K1554" s="40">
        <v>8.1294931900620337</v>
      </c>
      <c r="L1554" s="40"/>
      <c r="M1554" s="40"/>
      <c r="N1554" s="40"/>
      <c r="Y1554">
        <v>8.4666670000000011</v>
      </c>
      <c r="Z1554">
        <v>86.766666999999998</v>
      </c>
      <c r="AA1554">
        <v>8.6097780000000004</v>
      </c>
      <c r="AB1554">
        <v>4.2836617808329702</v>
      </c>
    </row>
    <row r="1555" spans="4:28" x14ac:dyDescent="0.25">
      <c r="D1555" s="40">
        <v>25.782303000001146</v>
      </c>
      <c r="E1555" s="40">
        <v>12.390417742671385</v>
      </c>
      <c r="F1555" s="40">
        <v>25.766666999999998</v>
      </c>
      <c r="G1555" s="40">
        <v>9.7117468934619779</v>
      </c>
      <c r="H1555" s="40">
        <v>25.766667000000012</v>
      </c>
      <c r="I1555" s="40">
        <v>7.9066393149136909</v>
      </c>
      <c r="J1555" s="40">
        <v>25.766657172619201</v>
      </c>
      <c r="K1555" s="40">
        <v>8.1343442337712659</v>
      </c>
      <c r="L1555" s="40"/>
      <c r="M1555" s="40"/>
      <c r="N1555" s="40"/>
      <c r="Y1555">
        <v>8.4833330000000018</v>
      </c>
      <c r="Z1555">
        <v>86.783332999999999</v>
      </c>
      <c r="AA1555">
        <v>8.6098119999999998</v>
      </c>
      <c r="AB1555">
        <v>4.284073596851977</v>
      </c>
    </row>
    <row r="1556" spans="4:28" x14ac:dyDescent="0.25">
      <c r="D1556" s="40">
        <v>25.798969000001147</v>
      </c>
      <c r="E1556" s="40">
        <v>12.395260921260807</v>
      </c>
      <c r="F1556" s="40">
        <v>25.783332999999999</v>
      </c>
      <c r="G1556" s="40">
        <v>9.7163622774318767</v>
      </c>
      <c r="H1556" s="40">
        <v>25.783334000000011</v>
      </c>
      <c r="I1556" s="40">
        <v>7.9099920510569479</v>
      </c>
      <c r="J1556" s="40">
        <v>25.783323833333501</v>
      </c>
      <c r="K1556" s="40">
        <v>8.139195277480372</v>
      </c>
      <c r="L1556" s="40"/>
      <c r="M1556" s="40"/>
      <c r="N1556" s="40"/>
      <c r="Y1556">
        <v>8.5</v>
      </c>
      <c r="Z1556">
        <v>86.8</v>
      </c>
      <c r="AA1556">
        <v>8.609845</v>
      </c>
      <c r="AB1556">
        <v>4.2844733006351383</v>
      </c>
    </row>
    <row r="1557" spans="4:28" x14ac:dyDescent="0.25">
      <c r="D1557" s="40">
        <v>25.815635000001148</v>
      </c>
      <c r="E1557" s="40">
        <v>12.400104099850356</v>
      </c>
      <c r="F1557" s="40">
        <v>25.799999999999997</v>
      </c>
      <c r="G1557" s="40">
        <v>9.721117521522098</v>
      </c>
      <c r="H1557" s="40">
        <v>25.800000000000011</v>
      </c>
      <c r="I1557" s="40">
        <v>7.9133447872003808</v>
      </c>
      <c r="J1557" s="40">
        <v>25.799990494047801</v>
      </c>
      <c r="K1557" s="40">
        <v>8.139195277480372</v>
      </c>
      <c r="L1557" s="40"/>
      <c r="M1557" s="40"/>
      <c r="N1557" s="40"/>
      <c r="Y1557">
        <v>8.5166669999999982</v>
      </c>
      <c r="Z1557">
        <v>86.816666999999995</v>
      </c>
      <c r="AA1557">
        <v>8.6099130000000006</v>
      </c>
      <c r="AB1557">
        <v>4.2852969326731731</v>
      </c>
    </row>
    <row r="1558" spans="4:28" x14ac:dyDescent="0.25">
      <c r="D1558" s="40">
        <v>25.832301000001149</v>
      </c>
      <c r="E1558" s="40">
        <v>12.400104099850356</v>
      </c>
      <c r="F1558" s="40">
        <v>25.816666999999995</v>
      </c>
      <c r="G1558" s="40">
        <v>9.7258727656123174</v>
      </c>
      <c r="H1558" s="40">
        <v>25.81666700000001</v>
      </c>
      <c r="I1558" s="40">
        <v>7.9165989134571433</v>
      </c>
      <c r="J1558" s="40">
        <v>25.816657154762101</v>
      </c>
      <c r="K1558" s="40">
        <v>8.1439036434334326</v>
      </c>
      <c r="L1558" s="40"/>
      <c r="M1558" s="40"/>
      <c r="N1558" s="40"/>
      <c r="Y1558">
        <v>8.5333329999999989</v>
      </c>
      <c r="Z1558">
        <v>86.833332999999996</v>
      </c>
      <c r="AA1558">
        <v>8.6099460000000008</v>
      </c>
      <c r="AB1558">
        <v>4.2856966364563345</v>
      </c>
    </row>
    <row r="1559" spans="4:28" x14ac:dyDescent="0.25">
      <c r="D1559" s="40">
        <v>25.848967000001149</v>
      </c>
      <c r="E1559" s="40">
        <v>12.404804832010781</v>
      </c>
      <c r="F1559" s="40">
        <v>25.833332999999996</v>
      </c>
      <c r="G1559" s="40">
        <v>9.7258727656123174</v>
      </c>
      <c r="H1559" s="40">
        <v>25.833334000000008</v>
      </c>
      <c r="I1559" s="40">
        <v>7.9199516496004012</v>
      </c>
      <c r="J1559" s="40">
        <v>25.833323815476401</v>
      </c>
      <c r="K1559" s="40">
        <v>8.148754687142663</v>
      </c>
      <c r="L1559" s="40"/>
      <c r="M1559" s="40"/>
      <c r="N1559" s="40"/>
      <c r="Y1559">
        <v>8.5499999999999972</v>
      </c>
      <c r="Z1559">
        <v>86.85</v>
      </c>
      <c r="AA1559">
        <v>8.6099800000000002</v>
      </c>
      <c r="AB1559">
        <v>4.2861084524753412</v>
      </c>
    </row>
    <row r="1560" spans="4:28" x14ac:dyDescent="0.25">
      <c r="D1560" s="40">
        <v>25.86563300000115</v>
      </c>
      <c r="E1560" s="40">
        <v>12.409648010600202</v>
      </c>
      <c r="F1560" s="40">
        <v>25.849999999999994</v>
      </c>
      <c r="G1560" s="40">
        <v>9.7304881495820919</v>
      </c>
      <c r="H1560" s="40">
        <v>25.850000000000009</v>
      </c>
      <c r="I1560" s="40">
        <v>7.9199516496004012</v>
      </c>
      <c r="J1560" s="40">
        <v>25.849990476190602</v>
      </c>
      <c r="K1560" s="40">
        <v>8.1536057308517691</v>
      </c>
      <c r="L1560" s="40"/>
      <c r="M1560" s="40"/>
      <c r="N1560" s="40"/>
      <c r="Y1560">
        <v>8.5666670000000096</v>
      </c>
      <c r="Z1560">
        <v>86.866667000000007</v>
      </c>
      <c r="AA1560">
        <v>8.6100469999999998</v>
      </c>
      <c r="AB1560">
        <v>4.2869199722775102</v>
      </c>
    </row>
    <row r="1561" spans="4:28" x14ac:dyDescent="0.25">
      <c r="D1561" s="40">
        <v>25.882299000001151</v>
      </c>
      <c r="E1561" s="40">
        <v>12.41449118918975</v>
      </c>
      <c r="F1561" s="40">
        <v>25.866666999999993</v>
      </c>
      <c r="G1561" s="40">
        <v>9.7352433936723113</v>
      </c>
      <c r="H1561" s="40">
        <v>25.866667000000007</v>
      </c>
      <c r="I1561" s="40">
        <v>7.9233043857436583</v>
      </c>
      <c r="J1561" s="40">
        <v>25.866657136904902</v>
      </c>
      <c r="K1561" s="40">
        <v>8.1583140968048298</v>
      </c>
      <c r="L1561" s="40"/>
      <c r="M1561" s="40"/>
      <c r="N1561" s="40"/>
      <c r="Y1561">
        <v>8.5833329999999961</v>
      </c>
      <c r="Z1561">
        <v>86.883332999999993</v>
      </c>
      <c r="AA1561">
        <v>8.6100809999999992</v>
      </c>
      <c r="AB1561">
        <v>4.2873317882965161</v>
      </c>
    </row>
    <row r="1562" spans="4:28" x14ac:dyDescent="0.25">
      <c r="D1562" s="40">
        <v>25.898965000001152</v>
      </c>
      <c r="E1562" s="40">
        <v>12.419191921350176</v>
      </c>
      <c r="F1562" s="40">
        <v>25.883332999999993</v>
      </c>
      <c r="G1562" s="40">
        <v>9.7399986377625325</v>
      </c>
      <c r="H1562" s="40">
        <v>25.883334000000005</v>
      </c>
      <c r="I1562" s="40">
        <v>7.9265585120004216</v>
      </c>
      <c r="J1562" s="40">
        <v>25.883323797619202</v>
      </c>
      <c r="K1562" s="40">
        <v>8.1631651405140619</v>
      </c>
      <c r="L1562" s="40"/>
      <c r="M1562" s="40"/>
      <c r="N1562" s="40"/>
      <c r="Y1562">
        <v>8.6000000000000085</v>
      </c>
      <c r="Z1562">
        <v>86.9</v>
      </c>
      <c r="AA1562">
        <v>8.6101139999999994</v>
      </c>
      <c r="AB1562">
        <v>4.2877314920796783</v>
      </c>
    </row>
    <row r="1563" spans="4:28" x14ac:dyDescent="0.25">
      <c r="D1563" s="40">
        <v>25.915631000001152</v>
      </c>
      <c r="E1563" s="40">
        <v>12.419191921350176</v>
      </c>
      <c r="F1563" s="40">
        <v>25.899999999999991</v>
      </c>
      <c r="G1563" s="40">
        <v>9.744614021732307</v>
      </c>
      <c r="H1563" s="40">
        <v>25.900000000000006</v>
      </c>
      <c r="I1563" s="40">
        <v>7.9265585120004216</v>
      </c>
      <c r="J1563" s="40">
        <v>25.899990458333502</v>
      </c>
      <c r="K1563" s="40">
        <v>8.168016184223168</v>
      </c>
      <c r="L1563" s="40"/>
      <c r="M1563" s="40"/>
      <c r="N1563" s="40"/>
      <c r="Y1563">
        <v>8.6166670000000067</v>
      </c>
      <c r="Z1563">
        <v>86.916667000000004</v>
      </c>
      <c r="AA1563">
        <v>8.610182</v>
      </c>
      <c r="AB1563">
        <v>4.2885551241177122</v>
      </c>
    </row>
    <row r="1564" spans="4:28" x14ac:dyDescent="0.25">
      <c r="D1564" s="40">
        <v>25.932297000001153</v>
      </c>
      <c r="E1564" s="40">
        <v>12.424035099939724</v>
      </c>
      <c r="F1564" s="40">
        <v>25.91666699999999</v>
      </c>
      <c r="G1564" s="40">
        <v>9.744614021732307</v>
      </c>
      <c r="H1564" s="40">
        <v>25.916667000000004</v>
      </c>
      <c r="I1564" s="40">
        <v>7.9299112481436786</v>
      </c>
      <c r="J1564" s="40">
        <v>25.916657119047802</v>
      </c>
      <c r="K1564" s="40">
        <v>8.1727245501762269</v>
      </c>
      <c r="L1564" s="40"/>
      <c r="M1564" s="40"/>
      <c r="N1564" s="40"/>
      <c r="Y1564">
        <v>8.6333330000000075</v>
      </c>
      <c r="Z1564">
        <v>86.933333000000005</v>
      </c>
      <c r="AA1564">
        <v>8.6102150000000002</v>
      </c>
      <c r="AB1564">
        <v>4.2889548279008745</v>
      </c>
    </row>
    <row r="1565" spans="4:28" x14ac:dyDescent="0.25">
      <c r="D1565" s="40">
        <v>25.948963000001154</v>
      </c>
      <c r="E1565" s="40">
        <v>12.428878278529147</v>
      </c>
      <c r="F1565" s="40">
        <v>25.93333299999999</v>
      </c>
      <c r="G1565" s="40">
        <v>9.7493692658225264</v>
      </c>
      <c r="H1565" s="40">
        <v>25.933334000000002</v>
      </c>
      <c r="I1565" s="40">
        <v>7.9332639842871115</v>
      </c>
      <c r="J1565" s="40">
        <v>25.933323779762102</v>
      </c>
      <c r="K1565" s="40">
        <v>8.1727245501762269</v>
      </c>
      <c r="L1565" s="40"/>
      <c r="M1565" s="40"/>
      <c r="N1565" s="40"/>
      <c r="Y1565">
        <v>8.6500000000000057</v>
      </c>
      <c r="Z1565">
        <v>86.95</v>
      </c>
      <c r="AA1565">
        <v>8.6102489999999996</v>
      </c>
      <c r="AB1565">
        <v>4.2893666439198803</v>
      </c>
    </row>
    <row r="1566" spans="4:28" x14ac:dyDescent="0.25">
      <c r="D1566" s="40">
        <v>25.965629000001154</v>
      </c>
      <c r="E1566" s="40">
        <v>12.43357901068957</v>
      </c>
      <c r="F1566" s="40">
        <v>25.949999999999989</v>
      </c>
      <c r="G1566" s="40">
        <v>9.7541245099127458</v>
      </c>
      <c r="H1566" s="40">
        <v>25.950000000000003</v>
      </c>
      <c r="I1566" s="40">
        <v>7.936518110543874</v>
      </c>
      <c r="J1566" s="40">
        <v>25.949990440476402</v>
      </c>
      <c r="K1566" s="40">
        <v>8.1775755938854591</v>
      </c>
      <c r="L1566" s="40"/>
      <c r="M1566" s="40"/>
      <c r="N1566" s="40"/>
      <c r="Y1566">
        <v>8.6666670000000039</v>
      </c>
      <c r="Z1566">
        <v>86.966667000000001</v>
      </c>
      <c r="AA1566">
        <v>8.6102830000000008</v>
      </c>
      <c r="AB1566">
        <v>4.2897784599389084</v>
      </c>
    </row>
    <row r="1567" spans="4:28" x14ac:dyDescent="0.25">
      <c r="D1567" s="40">
        <v>25.982295000001155</v>
      </c>
      <c r="E1567" s="40">
        <v>12.43842218927912</v>
      </c>
      <c r="F1567" s="40">
        <v>25.966667000000001</v>
      </c>
      <c r="G1567" s="40">
        <v>9.7541245099127458</v>
      </c>
      <c r="H1567" s="40">
        <v>25.966667000000001</v>
      </c>
      <c r="I1567" s="40">
        <v>7.943223582830389</v>
      </c>
      <c r="J1567" s="40">
        <v>25.966657101190599</v>
      </c>
      <c r="K1567" s="40">
        <v>8.1824266375946912</v>
      </c>
      <c r="L1567" s="40"/>
      <c r="M1567" s="40"/>
      <c r="N1567" s="40"/>
      <c r="Y1567">
        <v>8.6833330000000046</v>
      </c>
      <c r="Z1567">
        <v>86.983333000000002</v>
      </c>
      <c r="AA1567">
        <v>8.6103500000000004</v>
      </c>
      <c r="AB1567">
        <v>4.2905899797410765</v>
      </c>
    </row>
    <row r="1568" spans="4:28" x14ac:dyDescent="0.25">
      <c r="D1568" s="40">
        <v>25.998961000001156</v>
      </c>
      <c r="E1568" s="40">
        <v>12.443265367868541</v>
      </c>
      <c r="F1568" s="40">
        <v>25.983332999999988</v>
      </c>
      <c r="G1568" s="40">
        <v>9.7587398938826464</v>
      </c>
      <c r="H1568" s="40">
        <v>25.983334000000013</v>
      </c>
      <c r="I1568" s="40">
        <v>7.9464777090871506</v>
      </c>
      <c r="J1568" s="40">
        <v>25.983323761904899</v>
      </c>
      <c r="K1568" s="40">
        <v>8.1871350035476258</v>
      </c>
      <c r="L1568" s="40"/>
      <c r="M1568" s="40"/>
      <c r="N1568" s="40"/>
      <c r="Y1568">
        <v>8.7000000000000028</v>
      </c>
      <c r="Z1568">
        <v>87</v>
      </c>
      <c r="AA1568">
        <v>8.6103839999999998</v>
      </c>
      <c r="AB1568">
        <v>4.2910017957600832</v>
      </c>
    </row>
    <row r="1569" spans="4:28" x14ac:dyDescent="0.25">
      <c r="D1569" s="40">
        <v>26.015627000001157</v>
      </c>
      <c r="E1569" s="40">
        <v>12.447966100028967</v>
      </c>
      <c r="F1569" s="40">
        <v>26</v>
      </c>
      <c r="G1569" s="40">
        <v>9.7634951379727415</v>
      </c>
      <c r="H1569" s="40">
        <v>26</v>
      </c>
      <c r="I1569" s="40">
        <v>7.9531831813738405</v>
      </c>
      <c r="J1569" s="40">
        <v>25.999990422619199</v>
      </c>
      <c r="K1569" s="40">
        <v>8.1871350035476258</v>
      </c>
      <c r="L1569" s="40"/>
      <c r="M1569" s="40"/>
      <c r="N1569" s="40"/>
      <c r="Y1569">
        <v>8.7166670000000011</v>
      </c>
      <c r="Z1569">
        <v>87.016666999999998</v>
      </c>
      <c r="AA1569">
        <v>8.610417</v>
      </c>
      <c r="AB1569">
        <v>4.2914014995432455</v>
      </c>
    </row>
    <row r="1570" spans="4:28" x14ac:dyDescent="0.25">
      <c r="D1570" s="40">
        <v>26.032293000001157</v>
      </c>
      <c r="E1570" s="40">
        <v>12.452809278618515</v>
      </c>
      <c r="F1570" s="40">
        <v>26.016666999999998</v>
      </c>
      <c r="G1570" s="40">
        <v>9.7682503820629609</v>
      </c>
      <c r="H1570" s="40">
        <v>26.016667000000012</v>
      </c>
      <c r="I1570" s="40">
        <v>7.9564373076306039</v>
      </c>
      <c r="J1570" s="40">
        <v>26.016657083333499</v>
      </c>
      <c r="K1570" s="40">
        <v>8.191986047256858</v>
      </c>
      <c r="L1570" s="40"/>
      <c r="M1570" s="40"/>
      <c r="N1570" s="40"/>
      <c r="Y1570">
        <v>8.7333330000000018</v>
      </c>
      <c r="Z1570">
        <v>87.033332999999999</v>
      </c>
      <c r="AA1570">
        <v>8.6104850000000006</v>
      </c>
      <c r="AB1570">
        <v>4.2922251315812794</v>
      </c>
    </row>
    <row r="1571" spans="4:28" x14ac:dyDescent="0.25">
      <c r="D1571" s="40">
        <v>26.048959000001158</v>
      </c>
      <c r="E1571" s="40">
        <v>12.457652457207939</v>
      </c>
      <c r="F1571" s="40">
        <v>26.033332999999999</v>
      </c>
      <c r="G1571" s="40">
        <v>9.7776210101229548</v>
      </c>
      <c r="H1571" s="40">
        <v>26.033334000000011</v>
      </c>
      <c r="I1571" s="40">
        <v>7.9597900437738609</v>
      </c>
      <c r="J1571" s="40">
        <v>26.033323744047799</v>
      </c>
      <c r="K1571" s="40">
        <v>8.1968370909660901</v>
      </c>
      <c r="L1571" s="40"/>
      <c r="M1571" s="40"/>
      <c r="N1571" s="40"/>
      <c r="Y1571">
        <v>8.75</v>
      </c>
      <c r="Z1571">
        <v>87.05</v>
      </c>
      <c r="AA1571">
        <v>8.6105180000000008</v>
      </c>
      <c r="AB1571">
        <v>4.2926248353644416</v>
      </c>
    </row>
    <row r="1572" spans="4:28" x14ac:dyDescent="0.25">
      <c r="D1572" s="40">
        <v>26.065625000001159</v>
      </c>
      <c r="E1572" s="40">
        <v>12.462353189368363</v>
      </c>
      <c r="F1572" s="40">
        <v>26.049999999999997</v>
      </c>
      <c r="G1572" s="40">
        <v>9.782376254213176</v>
      </c>
      <c r="H1572" s="40">
        <v>26.050000000000011</v>
      </c>
      <c r="I1572" s="40">
        <v>7.9631427799171179</v>
      </c>
      <c r="J1572" s="40">
        <v>26.049990404762099</v>
      </c>
      <c r="K1572" s="40">
        <v>8.1968370909660901</v>
      </c>
      <c r="L1572" s="40"/>
      <c r="M1572" s="40"/>
      <c r="N1572" s="40"/>
      <c r="Y1572">
        <v>8.7666669999999982</v>
      </c>
      <c r="Z1572">
        <v>87.066666999999995</v>
      </c>
      <c r="AA1572">
        <v>8.6105520000000002</v>
      </c>
      <c r="AB1572">
        <v>4.2930366513834484</v>
      </c>
    </row>
    <row r="1573" spans="4:28" x14ac:dyDescent="0.25">
      <c r="D1573" s="40">
        <v>26.08229100000116</v>
      </c>
      <c r="E1573" s="40">
        <v>12.467196367957913</v>
      </c>
      <c r="F1573" s="40">
        <v>26.066666999999995</v>
      </c>
      <c r="G1573" s="40">
        <v>9.7869916381830766</v>
      </c>
      <c r="H1573" s="40">
        <v>26.06666700000001</v>
      </c>
      <c r="I1573" s="40">
        <v>7.9663969061738813</v>
      </c>
      <c r="J1573" s="40">
        <v>26.066657065476399</v>
      </c>
      <c r="K1573" s="40">
        <v>8.2015454569190229</v>
      </c>
      <c r="L1573" s="40"/>
      <c r="M1573" s="40"/>
      <c r="N1573" s="40"/>
      <c r="Y1573">
        <v>8.7833329999999989</v>
      </c>
      <c r="Z1573">
        <v>87.083332999999996</v>
      </c>
      <c r="AA1573">
        <v>8.6106189999999998</v>
      </c>
      <c r="AB1573">
        <v>4.2938481711856156</v>
      </c>
    </row>
    <row r="1574" spans="4:28" x14ac:dyDescent="0.25">
      <c r="D1574" s="40">
        <v>26.09895700000116</v>
      </c>
      <c r="E1574" s="40">
        <v>12.467196367957913</v>
      </c>
      <c r="F1574" s="40">
        <v>26.083332999999996</v>
      </c>
      <c r="G1574" s="40">
        <v>9.7917468822731699</v>
      </c>
      <c r="H1574" s="40">
        <v>26.083334000000008</v>
      </c>
      <c r="I1574" s="40">
        <v>7.9697496423173142</v>
      </c>
      <c r="J1574" s="40">
        <v>26.083323726190599</v>
      </c>
      <c r="K1574" s="40">
        <v>8.2015454569190229</v>
      </c>
      <c r="L1574" s="40"/>
      <c r="M1574" s="40"/>
      <c r="N1574" s="40"/>
      <c r="Y1574">
        <v>8.7999999999999972</v>
      </c>
      <c r="Z1574">
        <v>87.1</v>
      </c>
      <c r="AA1574">
        <v>8.6106529999999992</v>
      </c>
      <c r="AB1574">
        <v>4.2942599872046223</v>
      </c>
    </row>
    <row r="1575" spans="4:28" x14ac:dyDescent="0.25">
      <c r="D1575" s="40">
        <v>26.115623000001161</v>
      </c>
      <c r="E1575" s="40">
        <v>12.472039546547332</v>
      </c>
      <c r="F1575" s="40">
        <v>26.099999999999994</v>
      </c>
      <c r="G1575" s="40">
        <v>9.7965021263633894</v>
      </c>
      <c r="H1575" s="40">
        <v>26.100000000000009</v>
      </c>
      <c r="I1575" s="40">
        <v>7.9731023784605712</v>
      </c>
      <c r="J1575" s="40">
        <v>26.099990386904899</v>
      </c>
      <c r="K1575" s="40">
        <v>8.2015454569190229</v>
      </c>
      <c r="L1575" s="40"/>
      <c r="M1575" s="40"/>
      <c r="N1575" s="40"/>
      <c r="Y1575">
        <v>8.8166670000000096</v>
      </c>
      <c r="Z1575">
        <v>87.116667000000007</v>
      </c>
      <c r="AA1575">
        <v>8.6106870000000004</v>
      </c>
      <c r="AB1575">
        <v>4.2946718032236504</v>
      </c>
    </row>
    <row r="1576" spans="4:28" x14ac:dyDescent="0.25">
      <c r="D1576" s="40">
        <v>26.132289000001162</v>
      </c>
      <c r="E1576" s="40">
        <v>12.476740278707759</v>
      </c>
      <c r="F1576" s="40">
        <v>26.116666999999993</v>
      </c>
      <c r="G1576" s="40">
        <v>9.8011175103332899</v>
      </c>
      <c r="H1576" s="40">
        <v>26.116667000000007</v>
      </c>
      <c r="I1576" s="40">
        <v>7.9763565047173346</v>
      </c>
      <c r="J1576" s="40">
        <v>26.116657047619199</v>
      </c>
      <c r="K1576" s="40">
        <v>8.2063965006282551</v>
      </c>
      <c r="L1576" s="40"/>
      <c r="M1576" s="40"/>
      <c r="N1576" s="40"/>
      <c r="Y1576">
        <v>8.8333329999999961</v>
      </c>
      <c r="Z1576">
        <v>87.133332999999993</v>
      </c>
      <c r="AA1576">
        <v>8.610754</v>
      </c>
      <c r="AB1576">
        <v>4.2954833230258185</v>
      </c>
    </row>
    <row r="1577" spans="4:28" x14ac:dyDescent="0.25">
      <c r="D1577" s="40">
        <v>26.148955000001163</v>
      </c>
      <c r="E1577" s="40">
        <v>12.481583457297306</v>
      </c>
      <c r="F1577" s="40">
        <v>26.133332999999993</v>
      </c>
      <c r="G1577" s="40">
        <v>9.805872754423385</v>
      </c>
      <c r="H1577" s="40">
        <v>26.133334000000005</v>
      </c>
      <c r="I1577" s="40">
        <v>7.9797092408605916</v>
      </c>
      <c r="J1577" s="40">
        <v>26.133323708333499</v>
      </c>
      <c r="K1577" s="40">
        <v>8.2063965006282551</v>
      </c>
      <c r="L1577" s="40"/>
      <c r="M1577" s="40"/>
      <c r="N1577" s="40"/>
      <c r="Y1577">
        <v>8.8500000000000085</v>
      </c>
      <c r="Z1577">
        <v>87.15</v>
      </c>
      <c r="AA1577">
        <v>8.6107879999999994</v>
      </c>
      <c r="AB1577">
        <v>4.2958951390448252</v>
      </c>
    </row>
    <row r="1578" spans="4:28" x14ac:dyDescent="0.25">
      <c r="D1578" s="40">
        <v>26.165621000001163</v>
      </c>
      <c r="E1578" s="40">
        <v>12.491127368047154</v>
      </c>
      <c r="F1578" s="40">
        <v>26.149999999999991</v>
      </c>
      <c r="G1578" s="40">
        <v>9.8106279985136045</v>
      </c>
      <c r="H1578" s="40">
        <v>26.150000000000006</v>
      </c>
      <c r="I1578" s="40">
        <v>7.9830619770040245</v>
      </c>
      <c r="J1578" s="40">
        <v>26.149990369047799</v>
      </c>
      <c r="K1578" s="40">
        <v>8.2112475443374873</v>
      </c>
      <c r="L1578" s="40"/>
      <c r="M1578" s="40"/>
      <c r="N1578" s="40"/>
      <c r="Y1578">
        <v>8.8666670000000067</v>
      </c>
      <c r="Z1578">
        <v>87.166667000000004</v>
      </c>
      <c r="AA1578">
        <v>8.6108209999999996</v>
      </c>
      <c r="AB1578">
        <v>4.2962948428279875</v>
      </c>
    </row>
    <row r="1579" spans="4:28" x14ac:dyDescent="0.25">
      <c r="D1579" s="40">
        <v>26.182287000001164</v>
      </c>
      <c r="E1579" s="40">
        <v>12.495970546636704</v>
      </c>
      <c r="F1579" s="40">
        <v>26.16666699999999</v>
      </c>
      <c r="G1579" s="40">
        <v>9.815243382483505</v>
      </c>
      <c r="H1579" s="40">
        <v>26.166667000000004</v>
      </c>
      <c r="I1579" s="40">
        <v>7.986316103260612</v>
      </c>
      <c r="J1579" s="40">
        <v>26.166657029762099</v>
      </c>
      <c r="K1579" s="40">
        <v>8.2112475443374873</v>
      </c>
      <c r="L1579" s="40"/>
      <c r="M1579" s="40"/>
      <c r="N1579" s="40"/>
      <c r="Y1579">
        <v>8.8833330000000075</v>
      </c>
      <c r="Z1579">
        <v>87.183333000000005</v>
      </c>
      <c r="AA1579">
        <v>8.6108890000000002</v>
      </c>
      <c r="AB1579">
        <v>4.2971184748660214</v>
      </c>
    </row>
    <row r="1580" spans="4:28" x14ac:dyDescent="0.25">
      <c r="D1580" s="40">
        <v>26.198953000001165</v>
      </c>
      <c r="E1580" s="40">
        <v>12.500813725226251</v>
      </c>
      <c r="F1580" s="40">
        <v>26.18333299999999</v>
      </c>
      <c r="G1580" s="40">
        <v>9.8199986265737227</v>
      </c>
      <c r="H1580" s="40">
        <v>26.183334000000002</v>
      </c>
      <c r="I1580" s="40">
        <v>7.9896688394040432</v>
      </c>
      <c r="J1580" s="40">
        <v>26.183323690476399</v>
      </c>
      <c r="K1580" s="40">
        <v>8.2112475443374873</v>
      </c>
      <c r="L1580" s="40"/>
      <c r="M1580" s="40"/>
      <c r="N1580" s="40"/>
      <c r="Y1580">
        <v>8.9000000000000057</v>
      </c>
      <c r="Z1580">
        <v>87.2</v>
      </c>
      <c r="AA1580">
        <v>8.6109220000000004</v>
      </c>
      <c r="AB1580">
        <v>4.2975181786491827</v>
      </c>
    </row>
    <row r="1581" spans="4:28" x14ac:dyDescent="0.25">
      <c r="D1581" s="40">
        <v>26.215619000001166</v>
      </c>
      <c r="E1581" s="40">
        <v>12.50551445738655</v>
      </c>
      <c r="F1581" s="40">
        <v>26.199999999999989</v>
      </c>
      <c r="G1581" s="40">
        <v>9.8247538706638196</v>
      </c>
      <c r="H1581" s="40">
        <v>26.200000000000003</v>
      </c>
      <c r="I1581" s="40">
        <v>7.9896688394040432</v>
      </c>
      <c r="J1581" s="40">
        <v>26.1999903511906</v>
      </c>
      <c r="K1581" s="40">
        <v>8.2159559102905479</v>
      </c>
      <c r="L1581" s="40"/>
      <c r="M1581" s="40"/>
      <c r="N1581" s="40"/>
      <c r="Y1581">
        <v>8.9166670000000039</v>
      </c>
      <c r="Z1581">
        <v>87.216667000000001</v>
      </c>
      <c r="AA1581">
        <v>8.6109559999999998</v>
      </c>
      <c r="AB1581">
        <v>4.2979299946681895</v>
      </c>
    </row>
    <row r="1582" spans="4:28" x14ac:dyDescent="0.25">
      <c r="D1582" s="40">
        <v>26.232285000001166</v>
      </c>
      <c r="E1582" s="40">
        <v>12.50551445738655</v>
      </c>
      <c r="F1582" s="40">
        <v>26.216667000000001</v>
      </c>
      <c r="G1582" s="40">
        <v>9.8293692546337201</v>
      </c>
      <c r="H1582" s="40">
        <v>26.216667000000001</v>
      </c>
      <c r="I1582" s="40">
        <v>7.9930215755473002</v>
      </c>
      <c r="J1582" s="40">
        <v>26.2166570119049</v>
      </c>
      <c r="K1582" s="40">
        <v>8.220806953999654</v>
      </c>
      <c r="L1582" s="40"/>
      <c r="M1582" s="40"/>
      <c r="N1582" s="40"/>
      <c r="Y1582">
        <v>8.9333330000000046</v>
      </c>
      <c r="Z1582">
        <v>87.233333000000002</v>
      </c>
      <c r="AA1582">
        <v>8.6110229999999994</v>
      </c>
      <c r="AB1582">
        <v>4.2987415144703576</v>
      </c>
    </row>
    <row r="1583" spans="4:28" x14ac:dyDescent="0.25">
      <c r="D1583" s="40">
        <v>26.248951000001167</v>
      </c>
      <c r="E1583" s="40">
        <v>12.510357635976098</v>
      </c>
      <c r="F1583" s="40">
        <v>26.233332999999988</v>
      </c>
      <c r="G1583" s="40">
        <v>9.8388797428140329</v>
      </c>
      <c r="H1583" s="40">
        <v>26.233334000000013</v>
      </c>
      <c r="I1583" s="40">
        <v>7.9930215755473002</v>
      </c>
      <c r="J1583" s="40">
        <v>26.2333236726192</v>
      </c>
      <c r="K1583" s="40">
        <v>8.220806953999654</v>
      </c>
      <c r="L1583" s="40"/>
      <c r="M1583" s="40"/>
      <c r="N1583" s="40"/>
      <c r="Y1583">
        <v>8.9500000000000028</v>
      </c>
      <c r="Z1583">
        <v>87.25</v>
      </c>
      <c r="AA1583">
        <v>8.6110570000000006</v>
      </c>
      <c r="AB1583">
        <v>4.2991533304893856</v>
      </c>
    </row>
    <row r="1584" spans="4:28" x14ac:dyDescent="0.25">
      <c r="D1584" s="40">
        <v>26.265617000001168</v>
      </c>
      <c r="E1584" s="40">
        <v>12.519901546726071</v>
      </c>
      <c r="F1584" s="40">
        <v>26.25</v>
      </c>
      <c r="G1584" s="40">
        <v>9.8434951267839335</v>
      </c>
      <c r="H1584" s="40">
        <v>26.25</v>
      </c>
      <c r="I1584" s="40">
        <v>7.9962757018040636</v>
      </c>
      <c r="J1584" s="40">
        <v>26.2499903333335</v>
      </c>
      <c r="K1584" s="40">
        <v>8.2256579977088844</v>
      </c>
      <c r="L1584" s="40"/>
      <c r="M1584" s="40"/>
      <c r="N1584" s="40"/>
      <c r="Y1584">
        <v>8.9666670000000011</v>
      </c>
      <c r="Z1584">
        <v>87.266666999999998</v>
      </c>
      <c r="AA1584">
        <v>8.6110910000000001</v>
      </c>
      <c r="AB1584">
        <v>4.2995651465083915</v>
      </c>
    </row>
    <row r="1585" spans="4:28" x14ac:dyDescent="0.25">
      <c r="D1585" s="40">
        <v>26.282283000001168</v>
      </c>
      <c r="E1585" s="40">
        <v>12.524744725315495</v>
      </c>
      <c r="F1585" s="40">
        <v>26.266666999999998</v>
      </c>
      <c r="G1585" s="40">
        <v>9.8482503708741529</v>
      </c>
      <c r="H1585" s="40">
        <v>26.266667000000012</v>
      </c>
      <c r="I1585" s="40">
        <v>7.9996284379473206</v>
      </c>
      <c r="J1585" s="40">
        <v>26.2666569940478</v>
      </c>
      <c r="K1585" s="40">
        <v>8.2256579977088844</v>
      </c>
      <c r="L1585" s="40"/>
      <c r="M1585" s="40"/>
      <c r="N1585" s="40"/>
      <c r="Y1585">
        <v>8.9833330000000018</v>
      </c>
      <c r="Z1585">
        <v>87.283332999999999</v>
      </c>
      <c r="AA1585">
        <v>8.6111579999999996</v>
      </c>
      <c r="AB1585">
        <v>4.3003766663105605</v>
      </c>
    </row>
    <row r="1586" spans="4:28" x14ac:dyDescent="0.25">
      <c r="D1586" s="40">
        <v>26.298949000001169</v>
      </c>
      <c r="E1586" s="40">
        <v>12.529587903905043</v>
      </c>
      <c r="F1586" s="40">
        <v>26.283332999999999</v>
      </c>
      <c r="G1586" s="40">
        <v>9.8482503708741529</v>
      </c>
      <c r="H1586" s="40">
        <v>26.283334000000011</v>
      </c>
      <c r="I1586" s="40">
        <v>8.0029811740907526</v>
      </c>
      <c r="J1586" s="40">
        <v>26.2833236547621</v>
      </c>
      <c r="K1586" s="40">
        <v>8.2303663636619451</v>
      </c>
      <c r="L1586" s="40"/>
      <c r="M1586" s="40"/>
      <c r="N1586" s="40"/>
      <c r="Y1586">
        <v>9</v>
      </c>
      <c r="Z1586">
        <v>87.3</v>
      </c>
      <c r="AA1586">
        <v>8.6111920000000008</v>
      </c>
      <c r="AB1586">
        <v>4.3007884823295885</v>
      </c>
    </row>
    <row r="1587" spans="4:28" x14ac:dyDescent="0.25">
      <c r="D1587" s="40">
        <v>26.31561500000117</v>
      </c>
      <c r="E1587" s="40">
        <v>12.539131814654889</v>
      </c>
      <c r="F1587" s="40">
        <v>26.299999999999997</v>
      </c>
      <c r="G1587" s="40">
        <v>9.853005614964248</v>
      </c>
      <c r="H1587" s="40">
        <v>26.300000000000011</v>
      </c>
      <c r="I1587" s="40">
        <v>8.0063339102340105</v>
      </c>
      <c r="J1587" s="40">
        <v>26.2999903154764</v>
      </c>
      <c r="K1587" s="40">
        <v>8.2352174073710511</v>
      </c>
      <c r="L1587" s="40"/>
      <c r="M1587" s="40"/>
      <c r="N1587" s="40"/>
      <c r="Y1587">
        <v>9.0166669999999982</v>
      </c>
      <c r="Z1587">
        <v>87.316666999999995</v>
      </c>
      <c r="AA1587">
        <v>8.6112249999999992</v>
      </c>
      <c r="AB1587">
        <v>4.3011881861127286</v>
      </c>
    </row>
    <row r="1588" spans="4:28" x14ac:dyDescent="0.25">
      <c r="D1588" s="40">
        <v>26.332281000001171</v>
      </c>
      <c r="E1588" s="40">
        <v>12.543974993244438</v>
      </c>
      <c r="F1588" s="40">
        <v>26.316666999999995</v>
      </c>
      <c r="G1588" s="40">
        <v>9.8576209989341486</v>
      </c>
      <c r="H1588" s="40">
        <v>26.31666700000001</v>
      </c>
      <c r="I1588" s="40">
        <v>8.0063339102340105</v>
      </c>
      <c r="J1588" s="40">
        <v>26.3166569761907</v>
      </c>
      <c r="K1588" s="40">
        <v>8.2352174073710511</v>
      </c>
      <c r="L1588" s="40"/>
      <c r="M1588" s="40"/>
      <c r="N1588" s="40"/>
      <c r="Y1588">
        <v>9.0333329999999989</v>
      </c>
      <c r="Z1588">
        <v>87.333332999999996</v>
      </c>
      <c r="AA1588">
        <v>8.6112920000000006</v>
      </c>
      <c r="AB1588">
        <v>4.3019997059149189</v>
      </c>
    </row>
    <row r="1589" spans="4:28" x14ac:dyDescent="0.25">
      <c r="D1589" s="40">
        <v>26.348947000001171</v>
      </c>
      <c r="E1589" s="40">
        <v>12.548675725404863</v>
      </c>
      <c r="F1589" s="40">
        <v>26.333332999999996</v>
      </c>
      <c r="G1589" s="40">
        <v>9.8623762430243662</v>
      </c>
      <c r="H1589" s="40">
        <v>26.333334000000008</v>
      </c>
      <c r="I1589" s="40">
        <v>8.0095880364907739</v>
      </c>
      <c r="J1589" s="40">
        <v>26.3333236369049</v>
      </c>
      <c r="K1589" s="40">
        <v>8.2352174073710511</v>
      </c>
      <c r="L1589" s="40"/>
      <c r="M1589" s="40"/>
      <c r="N1589" s="40"/>
      <c r="Y1589">
        <v>9.0499999999999972</v>
      </c>
      <c r="Z1589">
        <v>87.35</v>
      </c>
      <c r="AA1589">
        <v>8.611326</v>
      </c>
      <c r="AB1589">
        <v>4.3024115219339247</v>
      </c>
    </row>
    <row r="1590" spans="4:28" x14ac:dyDescent="0.25">
      <c r="D1590" s="40">
        <v>26.365613000001172</v>
      </c>
      <c r="E1590" s="40">
        <v>12.558362082583834</v>
      </c>
      <c r="F1590" s="40">
        <v>26.349999999999994</v>
      </c>
      <c r="G1590" s="40">
        <v>9.8671314871145857</v>
      </c>
      <c r="H1590" s="40">
        <v>26.350000000000009</v>
      </c>
      <c r="I1590" s="40">
        <v>8.0129407726340318</v>
      </c>
      <c r="J1590" s="40">
        <v>26.3499902976192</v>
      </c>
      <c r="K1590" s="40">
        <v>8.2400684510802833</v>
      </c>
      <c r="L1590" s="40"/>
      <c r="M1590" s="40"/>
      <c r="N1590" s="40"/>
      <c r="Y1590">
        <v>9.0666670000000096</v>
      </c>
      <c r="Z1590">
        <v>87.366667000000007</v>
      </c>
      <c r="AA1590">
        <v>8.6113599999999995</v>
      </c>
      <c r="AB1590">
        <v>4.3028233379529315</v>
      </c>
    </row>
    <row r="1591" spans="4:28" x14ac:dyDescent="0.25">
      <c r="D1591" s="40">
        <v>26.382279000001173</v>
      </c>
      <c r="E1591" s="40">
        <v>12.56306281474426</v>
      </c>
      <c r="F1591" s="40">
        <v>26.366666999999993</v>
      </c>
      <c r="G1591" s="40">
        <v>9.8671314871145857</v>
      </c>
      <c r="H1591" s="40">
        <v>26.366667000000007</v>
      </c>
      <c r="I1591" s="40">
        <v>8.016293508777288</v>
      </c>
      <c r="J1591" s="40">
        <v>26.3666569583335</v>
      </c>
      <c r="K1591" s="40">
        <v>8.2400684510802833</v>
      </c>
      <c r="L1591" s="40"/>
      <c r="M1591" s="40"/>
      <c r="N1591" s="40"/>
      <c r="Y1591">
        <v>9.0833329999999961</v>
      </c>
      <c r="Z1591">
        <v>87.383332999999993</v>
      </c>
      <c r="AA1591">
        <v>8.6114270000000008</v>
      </c>
      <c r="AB1591">
        <v>4.3036348577551209</v>
      </c>
    </row>
    <row r="1592" spans="4:28" x14ac:dyDescent="0.25">
      <c r="D1592" s="40">
        <v>26.398945000001174</v>
      </c>
      <c r="E1592" s="40">
        <v>12.567905993333808</v>
      </c>
      <c r="F1592" s="40">
        <v>26.383332999999993</v>
      </c>
      <c r="G1592" s="40">
        <v>9.8717468710843637</v>
      </c>
      <c r="H1592" s="40">
        <v>26.383334000000005</v>
      </c>
      <c r="I1592" s="40">
        <v>8.0195476350340513</v>
      </c>
      <c r="J1592" s="40">
        <v>26.3833236190478</v>
      </c>
      <c r="K1592" s="40">
        <v>8.2400684510802833</v>
      </c>
      <c r="L1592" s="40"/>
      <c r="M1592" s="40"/>
      <c r="N1592" s="40"/>
      <c r="Y1592">
        <v>9.1000000000000085</v>
      </c>
      <c r="Z1592">
        <v>87.4</v>
      </c>
      <c r="AA1592">
        <v>8.6114610000000003</v>
      </c>
      <c r="AB1592">
        <v>4.3040466737741276</v>
      </c>
    </row>
    <row r="1593" spans="4:28" x14ac:dyDescent="0.25">
      <c r="D1593" s="40">
        <v>26.415611000001174</v>
      </c>
      <c r="E1593" s="40">
        <v>12.577592350512777</v>
      </c>
      <c r="F1593" s="40">
        <v>26.399999999999991</v>
      </c>
      <c r="G1593" s="40">
        <v>9.8765021151745831</v>
      </c>
      <c r="H1593" s="40">
        <v>26.400000000000006</v>
      </c>
      <c r="I1593" s="40">
        <v>8.0195476350340513</v>
      </c>
      <c r="J1593" s="40">
        <v>26.3999902797621</v>
      </c>
      <c r="K1593" s="40">
        <v>8.244776817033344</v>
      </c>
      <c r="L1593" s="40"/>
      <c r="M1593" s="40"/>
      <c r="N1593" s="40"/>
      <c r="Y1593">
        <v>9.1166670000000067</v>
      </c>
      <c r="Z1593">
        <v>87.416667000000004</v>
      </c>
      <c r="AA1593">
        <v>8.6114940000000004</v>
      </c>
      <c r="AB1593">
        <v>4.3044463775572899</v>
      </c>
    </row>
    <row r="1594" spans="4:28" x14ac:dyDescent="0.25">
      <c r="D1594" s="40">
        <v>26.432277000001175</v>
      </c>
      <c r="E1594" s="40">
        <v>12.582293082673203</v>
      </c>
      <c r="F1594" s="40">
        <v>26.41666699999999</v>
      </c>
      <c r="G1594" s="40">
        <v>9.8765021151745831</v>
      </c>
      <c r="H1594" s="40">
        <v>26.416667000000004</v>
      </c>
      <c r="I1594" s="40">
        <v>8.0229003711774833</v>
      </c>
      <c r="J1594" s="40">
        <v>26.4166569404764</v>
      </c>
      <c r="K1594" s="40">
        <v>8.244776817033344</v>
      </c>
      <c r="L1594" s="40"/>
      <c r="M1594" s="40"/>
      <c r="N1594" s="40"/>
      <c r="Y1594">
        <v>9.1333330000000075</v>
      </c>
      <c r="Z1594">
        <v>87.433333000000005</v>
      </c>
      <c r="AA1594">
        <v>8.6115279999999998</v>
      </c>
      <c r="AB1594">
        <v>4.3048581935762957</v>
      </c>
    </row>
    <row r="1595" spans="4:28" x14ac:dyDescent="0.25">
      <c r="D1595" s="40">
        <v>26.448943000001176</v>
      </c>
      <c r="E1595" s="40">
        <v>12.591979439852173</v>
      </c>
      <c r="F1595" s="40">
        <v>26.43333299999999</v>
      </c>
      <c r="G1595" s="40">
        <v>9.8812573592648008</v>
      </c>
      <c r="H1595" s="40">
        <v>26.433334000000002</v>
      </c>
      <c r="I1595" s="40">
        <v>8.0262531073207413</v>
      </c>
      <c r="J1595" s="40">
        <v>26.4333236011907</v>
      </c>
      <c r="K1595" s="40">
        <v>8.2496278607424482</v>
      </c>
      <c r="L1595" s="40"/>
      <c r="M1595" s="40"/>
      <c r="N1595" s="40"/>
      <c r="Y1595">
        <v>9.1500000000000057</v>
      </c>
      <c r="Z1595">
        <v>87.45</v>
      </c>
      <c r="AA1595">
        <v>8.6115949999999994</v>
      </c>
      <c r="AB1595">
        <v>4.3056697133784638</v>
      </c>
    </row>
    <row r="1596" spans="4:28" x14ac:dyDescent="0.25">
      <c r="D1596" s="40">
        <v>26.465609000001177</v>
      </c>
      <c r="E1596" s="40">
        <v>12.596680172012599</v>
      </c>
      <c r="F1596" s="40">
        <v>26.449999999999989</v>
      </c>
      <c r="G1596" s="40">
        <v>9.8812573592648008</v>
      </c>
      <c r="H1596" s="40">
        <v>26.450000000000003</v>
      </c>
      <c r="I1596" s="40">
        <v>8.0295072335775046</v>
      </c>
      <c r="J1596" s="40">
        <v>26.449990261904901</v>
      </c>
      <c r="K1596" s="40">
        <v>8.2544789044516804</v>
      </c>
      <c r="L1596" s="40"/>
      <c r="M1596" s="40"/>
      <c r="N1596" s="40"/>
      <c r="Y1596">
        <v>9.1666670000000039</v>
      </c>
      <c r="Z1596">
        <v>87.466667000000001</v>
      </c>
      <c r="AA1596">
        <v>8.6116290000000006</v>
      </c>
      <c r="AB1596">
        <v>4.3060815293974919</v>
      </c>
    </row>
    <row r="1597" spans="4:28" x14ac:dyDescent="0.25">
      <c r="D1597" s="40">
        <v>26.482275000001177</v>
      </c>
      <c r="E1597" s="40">
        <v>12.60636652919157</v>
      </c>
      <c r="F1597" s="40">
        <v>26.466667000000001</v>
      </c>
      <c r="G1597" s="40">
        <v>9.8860126033548976</v>
      </c>
      <c r="H1597" s="40">
        <v>26.466667000000001</v>
      </c>
      <c r="I1597" s="40">
        <v>8.0328599697207608</v>
      </c>
      <c r="J1597" s="40">
        <v>26.466656922619201</v>
      </c>
      <c r="K1597" s="40">
        <v>8.2591872704047411</v>
      </c>
      <c r="L1597" s="40"/>
      <c r="M1597" s="40"/>
      <c r="N1597" s="40"/>
      <c r="Y1597">
        <v>9.1833330000000046</v>
      </c>
      <c r="Z1597">
        <v>87.483333000000002</v>
      </c>
      <c r="AA1597">
        <v>8.6116630000000001</v>
      </c>
      <c r="AB1597">
        <v>4.3064933454164986</v>
      </c>
    </row>
    <row r="1598" spans="4:28" x14ac:dyDescent="0.25">
      <c r="D1598" s="40">
        <v>26.498941000001178</v>
      </c>
      <c r="E1598" s="40">
        <v>12.611067261351995</v>
      </c>
      <c r="F1598" s="40">
        <v>26.483332999999988</v>
      </c>
      <c r="G1598" s="40">
        <v>9.8906279873247982</v>
      </c>
      <c r="H1598" s="40">
        <v>26.483334000000013</v>
      </c>
      <c r="I1598" s="40">
        <v>8.0362127058641928</v>
      </c>
      <c r="J1598" s="40">
        <v>26.483323583333501</v>
      </c>
      <c r="K1598" s="40">
        <v>8.2640383141139733</v>
      </c>
      <c r="L1598" s="40"/>
      <c r="M1598" s="40"/>
      <c r="N1598" s="40"/>
      <c r="Y1598">
        <v>9.2000000000000028</v>
      </c>
      <c r="Z1598">
        <v>87.5</v>
      </c>
      <c r="AA1598">
        <v>8.6116960000000002</v>
      </c>
      <c r="AB1598">
        <v>4.30689304919966</v>
      </c>
    </row>
    <row r="1599" spans="4:28" x14ac:dyDescent="0.25">
      <c r="D1599" s="40">
        <v>26.515607000001179</v>
      </c>
      <c r="E1599" s="40">
        <v>12.620753618530964</v>
      </c>
      <c r="F1599" s="40">
        <v>26.5</v>
      </c>
      <c r="G1599" s="40">
        <v>9.8906279873247982</v>
      </c>
      <c r="H1599" s="40">
        <v>26.5</v>
      </c>
      <c r="I1599" s="40">
        <v>8.0394668321207803</v>
      </c>
      <c r="J1599" s="40">
        <v>26.499990244047801</v>
      </c>
      <c r="K1599" s="40">
        <v>8.2688893578230793</v>
      </c>
      <c r="L1599" s="40"/>
      <c r="M1599" s="40"/>
      <c r="N1599" s="40"/>
      <c r="Y1599">
        <v>9.2166670000000011</v>
      </c>
      <c r="Z1599">
        <v>87.516666999999998</v>
      </c>
      <c r="AA1599">
        <v>8.6117299999999997</v>
      </c>
      <c r="AB1599">
        <v>4.3073048652186667</v>
      </c>
    </row>
    <row r="1600" spans="4:28" x14ac:dyDescent="0.25">
      <c r="D1600" s="40">
        <v>26.532273000001179</v>
      </c>
      <c r="E1600" s="40">
        <v>12.62545435069139</v>
      </c>
      <c r="F1600" s="40">
        <v>26.516666999999998</v>
      </c>
      <c r="G1600" s="40">
        <v>9.8953832314150159</v>
      </c>
      <c r="H1600" s="40">
        <v>26.516667000000012</v>
      </c>
      <c r="I1600" s="40">
        <v>8.0428195682642123</v>
      </c>
      <c r="J1600" s="40">
        <v>26.516656904762101</v>
      </c>
      <c r="K1600" s="40">
        <v>8.2737404015323133</v>
      </c>
      <c r="L1600" s="40"/>
      <c r="M1600" s="40"/>
      <c r="N1600" s="40"/>
      <c r="Y1600">
        <v>9.2333330000000018</v>
      </c>
      <c r="Z1600">
        <v>87.533332999999999</v>
      </c>
      <c r="AA1600">
        <v>8.6117640000000009</v>
      </c>
      <c r="AB1600">
        <v>4.3077166812376948</v>
      </c>
    </row>
    <row r="1601" spans="4:28" x14ac:dyDescent="0.25">
      <c r="D1601" s="40">
        <v>26.54893900000118</v>
      </c>
      <c r="E1601" s="40">
        <v>12.63029752928094</v>
      </c>
      <c r="F1601" s="40">
        <v>26.533332999999999</v>
      </c>
      <c r="G1601" s="40">
        <v>9.8953832314150159</v>
      </c>
      <c r="H1601" s="40">
        <v>26.533334000000011</v>
      </c>
      <c r="I1601" s="40">
        <v>8.0461723044074702</v>
      </c>
      <c r="J1601" s="40">
        <v>26.533323565476401</v>
      </c>
      <c r="K1601" s="40">
        <v>8.2784487674853704</v>
      </c>
      <c r="L1601" s="40"/>
      <c r="M1601" s="40"/>
      <c r="N1601" s="40"/>
      <c r="Y1601">
        <v>9.25</v>
      </c>
      <c r="Z1601">
        <v>87.55</v>
      </c>
      <c r="AA1601">
        <v>8.6118310000000005</v>
      </c>
      <c r="AB1601">
        <v>4.3085282010398629</v>
      </c>
    </row>
    <row r="1602" spans="4:28" x14ac:dyDescent="0.25">
      <c r="D1602" s="40">
        <v>26.565605000001181</v>
      </c>
      <c r="E1602" s="40">
        <v>12.639841440030787</v>
      </c>
      <c r="F1602" s="40">
        <v>26.549999999999997</v>
      </c>
      <c r="G1602" s="40">
        <v>9.9001384755051109</v>
      </c>
      <c r="H1602" s="40">
        <v>26.550000000000011</v>
      </c>
      <c r="I1602" s="40">
        <v>8.0494264306642336</v>
      </c>
      <c r="J1602" s="40">
        <v>26.549990226190701</v>
      </c>
      <c r="K1602" s="40">
        <v>8.2832998111944764</v>
      </c>
      <c r="L1602" s="40"/>
      <c r="M1602" s="40"/>
      <c r="N1602" s="40"/>
      <c r="Y1602">
        <v>9.2666669999999982</v>
      </c>
      <c r="Z1602">
        <v>87.566666999999995</v>
      </c>
      <c r="AA1602">
        <v>8.6118649999999999</v>
      </c>
      <c r="AB1602">
        <v>4.3089400170588696</v>
      </c>
    </row>
    <row r="1603" spans="4:28" x14ac:dyDescent="0.25">
      <c r="D1603" s="40">
        <v>26.582271000001182</v>
      </c>
      <c r="E1603" s="40">
        <v>12.644684618620333</v>
      </c>
      <c r="F1603" s="40">
        <v>26.566666999999995</v>
      </c>
      <c r="G1603" s="40">
        <v>9.9047538594750115</v>
      </c>
      <c r="H1603" s="40">
        <v>26.56666700000001</v>
      </c>
      <c r="I1603" s="40">
        <v>8.0527791668074915</v>
      </c>
      <c r="J1603" s="40">
        <v>26.566656886904902</v>
      </c>
      <c r="K1603" s="40">
        <v>8.2881508549037104</v>
      </c>
      <c r="L1603" s="40"/>
      <c r="M1603" s="40"/>
      <c r="N1603" s="40"/>
      <c r="Y1603">
        <v>9.2833329999999989</v>
      </c>
      <c r="Z1603">
        <v>87.583332999999996</v>
      </c>
      <c r="AA1603">
        <v>8.6118980000000001</v>
      </c>
      <c r="AB1603">
        <v>4.309339720842031</v>
      </c>
    </row>
    <row r="1604" spans="4:28" x14ac:dyDescent="0.25">
      <c r="D1604" s="40">
        <v>26.598937000001182</v>
      </c>
      <c r="E1604" s="40">
        <v>12.649527797209755</v>
      </c>
      <c r="F1604" s="40">
        <v>26.583332999999996</v>
      </c>
      <c r="G1604" s="40">
        <v>9.9142643476554504</v>
      </c>
      <c r="H1604" s="40">
        <v>26.583334000000008</v>
      </c>
      <c r="I1604" s="40">
        <v>8.0561319029509235</v>
      </c>
      <c r="J1604" s="40">
        <v>26.583323547619202</v>
      </c>
      <c r="K1604" s="40">
        <v>8.2928592208567693</v>
      </c>
      <c r="L1604" s="40"/>
      <c r="M1604" s="40"/>
      <c r="N1604" s="40"/>
      <c r="Y1604">
        <v>9.2999999999999972</v>
      </c>
      <c r="Z1604">
        <v>87.6</v>
      </c>
      <c r="AA1604">
        <v>8.6119319999999995</v>
      </c>
      <c r="AB1604">
        <v>4.3097515368610377</v>
      </c>
    </row>
    <row r="1605" spans="4:28" x14ac:dyDescent="0.25">
      <c r="D1605" s="40">
        <v>26.615603000001183</v>
      </c>
      <c r="E1605" s="40">
        <v>12.654228529370181</v>
      </c>
      <c r="F1605" s="40">
        <v>26.599999999999994</v>
      </c>
      <c r="G1605" s="40">
        <v>9.9142643476554504</v>
      </c>
      <c r="H1605" s="40">
        <v>26.600000000000009</v>
      </c>
      <c r="I1605" s="40">
        <v>8.0593860292076869</v>
      </c>
      <c r="J1605" s="40">
        <v>26.599990208333502</v>
      </c>
      <c r="K1605" s="40">
        <v>8.2928592208567693</v>
      </c>
      <c r="L1605" s="40"/>
      <c r="M1605" s="40"/>
      <c r="N1605" s="40"/>
      <c r="Y1605">
        <v>9.3166670000000096</v>
      </c>
      <c r="Z1605">
        <v>87.616667000000007</v>
      </c>
      <c r="AA1605">
        <v>8.6119990000000008</v>
      </c>
      <c r="AB1605">
        <v>4.3105630566632271</v>
      </c>
    </row>
    <row r="1606" spans="4:28" x14ac:dyDescent="0.25">
      <c r="D1606" s="40">
        <v>26.632269000001184</v>
      </c>
      <c r="E1606" s="40">
        <v>12.659071707959731</v>
      </c>
      <c r="F1606" s="40">
        <v>26.616666999999993</v>
      </c>
      <c r="G1606" s="40">
        <v>9.9188797316252266</v>
      </c>
      <c r="H1606" s="40">
        <v>26.616667000000007</v>
      </c>
      <c r="I1606" s="40">
        <v>8.0627387653509448</v>
      </c>
      <c r="J1606" s="40">
        <v>26.616656869047802</v>
      </c>
      <c r="K1606" s="40">
        <v>8.2977102645658736</v>
      </c>
      <c r="L1606" s="40"/>
      <c r="M1606" s="40"/>
      <c r="N1606" s="40"/>
      <c r="Y1606">
        <v>9.3333329999999961</v>
      </c>
      <c r="Z1606">
        <v>87.633332999999993</v>
      </c>
      <c r="AA1606">
        <v>8.6120330000000003</v>
      </c>
      <c r="AB1606">
        <v>4.3109748726822339</v>
      </c>
    </row>
    <row r="1607" spans="4:28" x14ac:dyDescent="0.25">
      <c r="D1607" s="40">
        <v>26.648935000001185</v>
      </c>
      <c r="E1607" s="40">
        <v>12.663914886549152</v>
      </c>
      <c r="F1607" s="40">
        <v>26.633332999999993</v>
      </c>
      <c r="G1607" s="40">
        <v>9.9236349757154443</v>
      </c>
      <c r="H1607" s="40">
        <v>26.633334000000005</v>
      </c>
      <c r="I1607" s="40">
        <v>8.066091501494201</v>
      </c>
      <c r="J1607" s="40">
        <v>26.633323529762102</v>
      </c>
      <c r="K1607" s="40">
        <v>8.2977102645658736</v>
      </c>
      <c r="L1607" s="40"/>
      <c r="M1607" s="40"/>
      <c r="N1607" s="40"/>
      <c r="Y1607">
        <v>9.3500000000000085</v>
      </c>
      <c r="Z1607">
        <v>87.65</v>
      </c>
      <c r="AA1607">
        <v>8.6120669999999997</v>
      </c>
      <c r="AB1607">
        <v>4.3113866887012398</v>
      </c>
    </row>
    <row r="1608" spans="4:28" x14ac:dyDescent="0.25">
      <c r="D1608" s="40">
        <v>26.665601000001185</v>
      </c>
      <c r="E1608" s="40">
        <v>12.668615618709577</v>
      </c>
      <c r="F1608" s="40">
        <v>26.649999999999991</v>
      </c>
      <c r="G1608" s="40">
        <v>9.9283902198056637</v>
      </c>
      <c r="H1608" s="40">
        <v>26.650000000000006</v>
      </c>
      <c r="I1608" s="40">
        <v>8.0693456277509643</v>
      </c>
      <c r="J1608" s="40">
        <v>26.649990190476402</v>
      </c>
      <c r="K1608" s="40">
        <v>8.2977102645658736</v>
      </c>
      <c r="L1608" s="40"/>
      <c r="M1608" s="40"/>
      <c r="N1608" s="40"/>
      <c r="Y1608">
        <v>9.3666670000000067</v>
      </c>
      <c r="Z1608">
        <v>87.666667000000004</v>
      </c>
      <c r="AA1608">
        <v>8.6120999999999999</v>
      </c>
      <c r="AB1608">
        <v>4.311786392484402</v>
      </c>
    </row>
    <row r="1609" spans="4:28" x14ac:dyDescent="0.25">
      <c r="D1609" s="40">
        <v>26.682267000001186</v>
      </c>
      <c r="E1609" s="40">
        <v>12.673458797299126</v>
      </c>
      <c r="F1609" s="40">
        <v>26.66666699999999</v>
      </c>
      <c r="G1609" s="40">
        <v>9.9330056037754417</v>
      </c>
      <c r="H1609" s="40">
        <v>26.666667000000004</v>
      </c>
      <c r="I1609" s="40">
        <v>8.0726983638942222</v>
      </c>
      <c r="J1609" s="40">
        <v>26.666656851190702</v>
      </c>
      <c r="K1609" s="40">
        <v>8.3025613082751075</v>
      </c>
      <c r="L1609" s="40"/>
      <c r="M1609" s="40"/>
      <c r="N1609" s="40"/>
      <c r="Y1609">
        <v>9.3833330000000075</v>
      </c>
      <c r="Z1609">
        <v>87.683333000000005</v>
      </c>
      <c r="AA1609">
        <v>8.6121339999999993</v>
      </c>
      <c r="AB1609">
        <v>4.3121982085034087</v>
      </c>
    </row>
    <row r="1610" spans="4:28" x14ac:dyDescent="0.25">
      <c r="D1610" s="40">
        <v>26.698933000001187</v>
      </c>
      <c r="E1610" s="40">
        <v>12.683002708048972</v>
      </c>
      <c r="F1610" s="40">
        <v>26.68333299999999</v>
      </c>
      <c r="G1610" s="40">
        <v>9.9377608478656594</v>
      </c>
      <c r="H1610" s="40">
        <v>26.683334000000002</v>
      </c>
      <c r="I1610" s="40">
        <v>8.0760511000376525</v>
      </c>
      <c r="J1610" s="40">
        <v>26.683323511904899</v>
      </c>
      <c r="K1610" s="40">
        <v>8.3072696742281664</v>
      </c>
      <c r="L1610" s="40"/>
      <c r="M1610" s="40"/>
      <c r="N1610" s="40"/>
      <c r="Y1610">
        <v>9.4000000000000057</v>
      </c>
      <c r="Z1610">
        <v>87.7</v>
      </c>
      <c r="AA1610">
        <v>8.6121680000000005</v>
      </c>
      <c r="AB1610">
        <v>4.3126100245224359</v>
      </c>
    </row>
    <row r="1611" spans="4:28" x14ac:dyDescent="0.25">
      <c r="D1611" s="40">
        <v>26.715599000001188</v>
      </c>
      <c r="E1611" s="40">
        <v>12.683002708048972</v>
      </c>
      <c r="F1611" s="40">
        <v>26.699999999999989</v>
      </c>
      <c r="G1611" s="40">
        <v>9.9425160919558788</v>
      </c>
      <c r="H1611" s="40">
        <v>26.700000000000003</v>
      </c>
      <c r="I1611" s="40">
        <v>8.0793052262944158</v>
      </c>
      <c r="J1611" s="40">
        <v>26.699990172619199</v>
      </c>
      <c r="K1611" s="40">
        <v>8.3121207179374004</v>
      </c>
      <c r="L1611" s="40"/>
      <c r="M1611" s="40"/>
      <c r="N1611" s="40"/>
      <c r="Y1611">
        <v>9.4166670000000039</v>
      </c>
      <c r="Z1611">
        <v>87.716667000000001</v>
      </c>
      <c r="AA1611">
        <v>8.6122010000000007</v>
      </c>
      <c r="AB1611">
        <v>4.313009728305599</v>
      </c>
    </row>
    <row r="1612" spans="4:28" x14ac:dyDescent="0.25">
      <c r="D1612" s="40">
        <v>26.732265000001188</v>
      </c>
      <c r="E1612" s="40">
        <v>12.68784588663852</v>
      </c>
      <c r="F1612" s="40">
        <v>26.716667000000001</v>
      </c>
      <c r="G1612" s="40">
        <v>9.9471314759257794</v>
      </c>
      <c r="H1612" s="40">
        <v>26.716667000000001</v>
      </c>
      <c r="I1612" s="40">
        <v>8.0826579624376738</v>
      </c>
      <c r="J1612" s="40">
        <v>26.716656833333499</v>
      </c>
      <c r="K1612" s="40">
        <v>8.3169717616465064</v>
      </c>
      <c r="L1612" s="40"/>
      <c r="M1612" s="40"/>
      <c r="N1612" s="40"/>
      <c r="Y1612">
        <v>9.4333330000000046</v>
      </c>
      <c r="Z1612">
        <v>87.733333000000002</v>
      </c>
      <c r="AA1612">
        <v>8.6122350000000001</v>
      </c>
      <c r="AB1612">
        <v>4.3134215443246049</v>
      </c>
    </row>
    <row r="1613" spans="4:28" x14ac:dyDescent="0.25">
      <c r="D1613" s="40">
        <v>26.748931000001189</v>
      </c>
      <c r="E1613" s="40">
        <v>12.69268906522807</v>
      </c>
      <c r="F1613" s="40">
        <v>26.733332999999988</v>
      </c>
      <c r="G1613" s="40">
        <v>9.9518867200158745</v>
      </c>
      <c r="H1613" s="40">
        <v>26.733334000000013</v>
      </c>
      <c r="I1613" s="40">
        <v>8.0860106985809299</v>
      </c>
      <c r="J1613" s="40">
        <v>26.733323494047799</v>
      </c>
      <c r="K1613" s="40">
        <v>8.3216801275995635</v>
      </c>
      <c r="L1613" s="40"/>
      <c r="M1613" s="40"/>
      <c r="N1613" s="40"/>
      <c r="Y1613">
        <v>9.4500000000000028</v>
      </c>
      <c r="Z1613">
        <v>87.75</v>
      </c>
      <c r="AA1613">
        <v>8.6122689999999995</v>
      </c>
      <c r="AB1613">
        <v>4.3138333603436116</v>
      </c>
    </row>
    <row r="1614" spans="4:28" x14ac:dyDescent="0.25">
      <c r="D1614" s="40">
        <v>26.76559700000119</v>
      </c>
      <c r="E1614" s="40">
        <v>12.702232975977918</v>
      </c>
      <c r="F1614" s="40">
        <v>26.75</v>
      </c>
      <c r="G1614" s="40">
        <v>9.9566419641060939</v>
      </c>
      <c r="H1614" s="40">
        <v>26.75</v>
      </c>
      <c r="I1614" s="40">
        <v>8.0892648248376933</v>
      </c>
      <c r="J1614" s="40">
        <v>26.749990154762099</v>
      </c>
      <c r="K1614" s="40">
        <v>8.3265311713087975</v>
      </c>
      <c r="L1614" s="40"/>
      <c r="M1614" s="40"/>
      <c r="N1614" s="40"/>
      <c r="Y1614">
        <v>9.4666670000000011</v>
      </c>
      <c r="Z1614">
        <v>87.766666999999998</v>
      </c>
      <c r="AA1614">
        <v>8.6123360000000009</v>
      </c>
      <c r="AB1614">
        <v>4.3146448801458011</v>
      </c>
    </row>
    <row r="1615" spans="4:28" x14ac:dyDescent="0.25">
      <c r="D1615" s="40">
        <v>26.782263000001191</v>
      </c>
      <c r="E1615" s="40">
        <v>12.707076154567465</v>
      </c>
      <c r="F1615" s="40">
        <v>26.766666999999998</v>
      </c>
      <c r="G1615" s="40">
        <v>9.9612573480759945</v>
      </c>
      <c r="H1615" s="40">
        <v>26.766667000000012</v>
      </c>
      <c r="I1615" s="40">
        <v>8.0926175609811253</v>
      </c>
      <c r="J1615" s="40">
        <v>26.766656815476399</v>
      </c>
      <c r="K1615" s="40">
        <v>8.3313822150179035</v>
      </c>
      <c r="L1615" s="40"/>
      <c r="M1615" s="40"/>
      <c r="N1615" s="40"/>
      <c r="Y1615">
        <v>9.4833330000000018</v>
      </c>
      <c r="Z1615">
        <v>87.783332999999999</v>
      </c>
      <c r="AA1615">
        <v>8.6123689999999993</v>
      </c>
      <c r="AB1615">
        <v>4.315044583928942</v>
      </c>
    </row>
    <row r="1616" spans="4:28" x14ac:dyDescent="0.25">
      <c r="D1616" s="40">
        <v>26.798929000001191</v>
      </c>
      <c r="E1616" s="40">
        <v>12.71177688672789</v>
      </c>
      <c r="F1616" s="40">
        <v>26.783332999999999</v>
      </c>
      <c r="G1616" s="40">
        <v>9.9660125921660878</v>
      </c>
      <c r="H1616" s="40">
        <v>26.783334000000011</v>
      </c>
      <c r="I1616" s="40">
        <v>8.0959702971243832</v>
      </c>
      <c r="J1616" s="40">
        <v>26.783323476190699</v>
      </c>
      <c r="K1616" s="40">
        <v>8.3360905809709624</v>
      </c>
      <c r="L1616" s="40"/>
      <c r="M1616" s="40"/>
      <c r="N1616" s="40"/>
      <c r="Y1616">
        <v>9.5</v>
      </c>
      <c r="Z1616">
        <v>87.8</v>
      </c>
      <c r="AA1616">
        <v>8.6124030000000005</v>
      </c>
      <c r="AB1616">
        <v>4.3154563999479691</v>
      </c>
    </row>
    <row r="1617" spans="4:28" x14ac:dyDescent="0.25">
      <c r="D1617" s="40">
        <v>26.815595000001192</v>
      </c>
      <c r="E1617" s="40">
        <v>12.716620065317311</v>
      </c>
      <c r="F1617" s="40">
        <v>26.799999999999997</v>
      </c>
      <c r="G1617" s="40">
        <v>9.970767836256309</v>
      </c>
      <c r="H1617" s="40">
        <v>26.800000000000011</v>
      </c>
      <c r="I1617" s="40">
        <v>8.0992244233811466</v>
      </c>
      <c r="J1617" s="40">
        <v>26.799990136904899</v>
      </c>
      <c r="K1617" s="40">
        <v>8.3409416246801964</v>
      </c>
      <c r="L1617" s="40"/>
      <c r="M1617" s="40"/>
      <c r="N1617" s="40"/>
      <c r="Y1617">
        <v>9.5166669999999982</v>
      </c>
      <c r="Z1617">
        <v>87.816666999999995</v>
      </c>
      <c r="AA1617">
        <v>8.6124369999999999</v>
      </c>
      <c r="AB1617">
        <v>4.3158682159669759</v>
      </c>
    </row>
    <row r="1618" spans="4:28" x14ac:dyDescent="0.25">
      <c r="D1618" s="40">
        <v>26.832261000001193</v>
      </c>
      <c r="E1618" s="40">
        <v>12.721463243906861</v>
      </c>
      <c r="F1618" s="40">
        <v>26.816666999999995</v>
      </c>
      <c r="G1618" s="40">
        <v>9.9753832202262078</v>
      </c>
      <c r="H1618" s="40">
        <v>26.81666700000001</v>
      </c>
      <c r="I1618" s="40">
        <v>8.1025771595244045</v>
      </c>
      <c r="J1618" s="40">
        <v>26.816656797619199</v>
      </c>
      <c r="K1618" s="40">
        <v>8.3457926683893024</v>
      </c>
      <c r="L1618" s="40"/>
      <c r="M1618" s="40"/>
      <c r="N1618" s="40"/>
      <c r="Y1618">
        <v>9.5333329999999989</v>
      </c>
      <c r="Z1618">
        <v>87.833332999999996</v>
      </c>
      <c r="AA1618">
        <v>8.6124700000000001</v>
      </c>
      <c r="AB1618">
        <v>4.3162679197501381</v>
      </c>
    </row>
    <row r="1619" spans="4:28" x14ac:dyDescent="0.25">
      <c r="D1619" s="40">
        <v>26.848927000001193</v>
      </c>
      <c r="E1619" s="40">
        <v>12.721463243906861</v>
      </c>
      <c r="F1619" s="40">
        <v>26.833332999999996</v>
      </c>
      <c r="G1619" s="40">
        <v>9.9801384643163029</v>
      </c>
      <c r="H1619" s="40">
        <v>26.833334000000008</v>
      </c>
      <c r="I1619" s="40">
        <v>8.1059298956676606</v>
      </c>
      <c r="J1619" s="40">
        <v>26.833323458333499</v>
      </c>
      <c r="K1619" s="40">
        <v>8.3505010343423596</v>
      </c>
      <c r="L1619" s="40"/>
      <c r="M1619" s="40"/>
      <c r="N1619" s="40"/>
      <c r="Y1619">
        <v>9.5499999999999972</v>
      </c>
      <c r="Z1619">
        <v>87.85</v>
      </c>
      <c r="AA1619">
        <v>8.6125380000000007</v>
      </c>
      <c r="AB1619">
        <v>4.3170915517881721</v>
      </c>
    </row>
    <row r="1620" spans="4:28" x14ac:dyDescent="0.25">
      <c r="D1620" s="40">
        <v>26.865593000001194</v>
      </c>
      <c r="E1620" s="40">
        <v>12.726163976067287</v>
      </c>
      <c r="F1620" s="40">
        <v>26.849999999999994</v>
      </c>
      <c r="G1620" s="40">
        <v>9.9848937084065224</v>
      </c>
      <c r="H1620" s="40">
        <v>26.850000000000009</v>
      </c>
      <c r="I1620" s="40">
        <v>8.109184021924424</v>
      </c>
      <c r="J1620" s="40">
        <v>26.849990119047799</v>
      </c>
      <c r="K1620" s="40">
        <v>8.3505010343423596</v>
      </c>
      <c r="L1620" s="40"/>
      <c r="M1620" s="40"/>
      <c r="N1620" s="40"/>
      <c r="Y1620">
        <v>9.5666670000000096</v>
      </c>
      <c r="Z1620">
        <v>87.866667000000007</v>
      </c>
      <c r="AA1620">
        <v>8.6125710000000009</v>
      </c>
      <c r="AB1620">
        <v>4.3174912555713343</v>
      </c>
    </row>
    <row r="1621" spans="4:28" x14ac:dyDescent="0.25">
      <c r="D1621" s="40">
        <v>26.882259000001195</v>
      </c>
      <c r="E1621" s="40">
        <v>12.731007154656709</v>
      </c>
      <c r="F1621" s="40">
        <v>26.866666999999993</v>
      </c>
      <c r="G1621" s="40">
        <v>9.9895090923764229</v>
      </c>
      <c r="H1621" s="40">
        <v>26.866667000000007</v>
      </c>
      <c r="I1621" s="40">
        <v>8.112536758067856</v>
      </c>
      <c r="J1621" s="40">
        <v>26.866656779762099</v>
      </c>
      <c r="K1621" s="40">
        <v>8.3553520780515935</v>
      </c>
      <c r="L1621" s="40"/>
      <c r="M1621" s="40"/>
      <c r="N1621" s="40"/>
      <c r="Y1621">
        <v>9.5833329999999961</v>
      </c>
      <c r="Z1621">
        <v>87.883332999999993</v>
      </c>
      <c r="AA1621">
        <v>8.6126050000000003</v>
      </c>
      <c r="AB1621">
        <v>4.3179030715903401</v>
      </c>
    </row>
    <row r="1622" spans="4:28" x14ac:dyDescent="0.25">
      <c r="D1622" s="40">
        <v>26.898925000001196</v>
      </c>
      <c r="E1622" s="40">
        <v>12.735850333246256</v>
      </c>
      <c r="F1622" s="40">
        <v>26.883332999999993</v>
      </c>
      <c r="G1622" s="40">
        <v>9.9942643364666424</v>
      </c>
      <c r="H1622" s="40">
        <v>26.883334000000005</v>
      </c>
      <c r="I1622" s="40">
        <v>8.1158894942111139</v>
      </c>
      <c r="J1622" s="40">
        <v>26.883323440476399</v>
      </c>
      <c r="K1622" s="40">
        <v>8.3553520780515935</v>
      </c>
      <c r="L1622" s="40"/>
      <c r="M1622" s="40"/>
      <c r="N1622" s="40"/>
      <c r="Y1622">
        <v>9.6000000000000085</v>
      </c>
      <c r="Z1622">
        <v>87.9</v>
      </c>
      <c r="AA1622">
        <v>8.6126389999999997</v>
      </c>
      <c r="AB1622">
        <v>4.3183148876093469</v>
      </c>
    </row>
    <row r="1623" spans="4:28" x14ac:dyDescent="0.25">
      <c r="D1623" s="40">
        <v>26.915591000001196</v>
      </c>
      <c r="E1623" s="40">
        <v>12.740551065406683</v>
      </c>
      <c r="F1623" s="40">
        <v>26.899999999999991</v>
      </c>
      <c r="G1623" s="40">
        <v>9.9990195805567375</v>
      </c>
      <c r="H1623" s="40">
        <v>26.900000000000006</v>
      </c>
      <c r="I1623" s="40">
        <v>8.1191436204678755</v>
      </c>
      <c r="J1623" s="40">
        <v>26.899990101190699</v>
      </c>
      <c r="K1623" s="40">
        <v>8.3602031217606996</v>
      </c>
      <c r="L1623" s="40"/>
      <c r="M1623" s="40"/>
      <c r="N1623" s="40"/>
      <c r="Y1623">
        <v>9.6166670000000067</v>
      </c>
      <c r="Z1623">
        <v>87.916667000000004</v>
      </c>
      <c r="AA1623">
        <v>8.6127059999999993</v>
      </c>
      <c r="AB1623">
        <v>4.319126407411515</v>
      </c>
    </row>
    <row r="1624" spans="4:28" x14ac:dyDescent="0.25">
      <c r="D1624" s="40">
        <v>26.932257000001197</v>
      </c>
      <c r="E1624" s="40">
        <v>12.745394243996104</v>
      </c>
      <c r="F1624" s="40">
        <v>26.91666699999999</v>
      </c>
      <c r="G1624" s="40">
        <v>10.003634964526638</v>
      </c>
      <c r="H1624" s="40">
        <v>26.916667000000004</v>
      </c>
      <c r="I1624" s="40">
        <v>8.1191436204678755</v>
      </c>
      <c r="J1624" s="40">
        <v>26.9166567619049</v>
      </c>
      <c r="K1624" s="40">
        <v>8.3602031217606996</v>
      </c>
      <c r="L1624" s="40"/>
      <c r="M1624" s="40"/>
      <c r="N1624" s="40"/>
      <c r="Y1624">
        <v>9.6333330000000075</v>
      </c>
      <c r="Z1624">
        <v>87.933333000000005</v>
      </c>
      <c r="AA1624">
        <v>8.6127400000000005</v>
      </c>
      <c r="AB1624">
        <v>4.3195382234305431</v>
      </c>
    </row>
    <row r="1625" spans="4:28" x14ac:dyDescent="0.25">
      <c r="D1625" s="40">
        <v>26.948923000001198</v>
      </c>
      <c r="E1625" s="40">
        <v>12.745394243996104</v>
      </c>
      <c r="F1625" s="40">
        <v>26.93333299999999</v>
      </c>
      <c r="G1625" s="40">
        <v>10.008390208616857</v>
      </c>
      <c r="H1625" s="40">
        <v>26.933334000000002</v>
      </c>
      <c r="I1625" s="40">
        <v>8.1224963566111335</v>
      </c>
      <c r="J1625" s="40">
        <v>26.9333234226192</v>
      </c>
      <c r="K1625" s="40">
        <v>8.3649114877137585</v>
      </c>
      <c r="L1625" s="40"/>
      <c r="M1625" s="40"/>
      <c r="N1625" s="40"/>
      <c r="Y1625">
        <v>9.6500000000000057</v>
      </c>
      <c r="Z1625">
        <v>87.95</v>
      </c>
      <c r="AA1625">
        <v>8.6127730000000007</v>
      </c>
      <c r="AB1625">
        <v>4.3199379272137044</v>
      </c>
    </row>
    <row r="1626" spans="4:28" x14ac:dyDescent="0.25">
      <c r="D1626" s="40">
        <v>26.965589000001199</v>
      </c>
      <c r="E1626" s="40">
        <v>12.750237422585652</v>
      </c>
      <c r="F1626" s="40">
        <v>26.949999999999989</v>
      </c>
      <c r="G1626" s="40">
        <v>10.013145452706953</v>
      </c>
      <c r="H1626" s="40">
        <v>26.950000000000003</v>
      </c>
      <c r="I1626" s="40">
        <v>8.1224963566111335</v>
      </c>
      <c r="J1626" s="40">
        <v>26.9499900833335</v>
      </c>
      <c r="K1626" s="40">
        <v>8.3649114877137585</v>
      </c>
      <c r="L1626" s="40"/>
      <c r="M1626" s="40"/>
      <c r="N1626" s="40"/>
      <c r="Y1626">
        <v>9.6666670000000039</v>
      </c>
      <c r="Z1626">
        <v>87.966667000000001</v>
      </c>
      <c r="AA1626">
        <v>8.6128070000000001</v>
      </c>
      <c r="AB1626">
        <v>4.3203497432327111</v>
      </c>
    </row>
    <row r="1627" spans="4:28" x14ac:dyDescent="0.25">
      <c r="D1627" s="40">
        <v>26.982255000001199</v>
      </c>
      <c r="E1627" s="40">
        <v>12.754938154746078</v>
      </c>
      <c r="F1627" s="40">
        <v>26.966667000000001</v>
      </c>
      <c r="G1627" s="40">
        <v>10.017760836676853</v>
      </c>
      <c r="H1627" s="40">
        <v>26.966667000000001</v>
      </c>
      <c r="I1627" s="40">
        <v>8.1258490927545655</v>
      </c>
      <c r="J1627" s="40">
        <v>26.9666567440478</v>
      </c>
      <c r="K1627" s="40">
        <v>8.3697625314229924</v>
      </c>
      <c r="L1627" s="40"/>
      <c r="M1627" s="40"/>
      <c r="N1627" s="40"/>
      <c r="Y1627">
        <v>9.6833330000000046</v>
      </c>
      <c r="Z1627">
        <v>87.983333000000002</v>
      </c>
      <c r="AA1627">
        <v>8.6128739999999997</v>
      </c>
      <c r="AB1627">
        <v>4.3211612630348801</v>
      </c>
    </row>
    <row r="1628" spans="4:28" x14ac:dyDescent="0.25">
      <c r="D1628" s="40">
        <v>26.9989210000012</v>
      </c>
      <c r="E1628" s="40">
        <v>12.759781333335626</v>
      </c>
      <c r="F1628" s="40">
        <v>26.983332999999988</v>
      </c>
      <c r="G1628" s="40">
        <v>10.017760836676853</v>
      </c>
      <c r="H1628" s="40">
        <v>26.983334000000013</v>
      </c>
      <c r="I1628" s="40">
        <v>8.129103219011153</v>
      </c>
      <c r="J1628" s="40">
        <v>26.9833234047621</v>
      </c>
      <c r="K1628" s="40">
        <v>8.3697625314229924</v>
      </c>
      <c r="L1628" s="40"/>
      <c r="M1628" s="40"/>
      <c r="N1628" s="40"/>
      <c r="Y1628">
        <v>9.7000000000000028</v>
      </c>
      <c r="Z1628">
        <v>88</v>
      </c>
      <c r="AA1628">
        <v>8.6129079999999991</v>
      </c>
      <c r="AB1628">
        <v>4.321573079053886</v>
      </c>
    </row>
    <row r="1629" spans="4:28" x14ac:dyDescent="0.25">
      <c r="D1629" s="40">
        <v>27.015587000001201</v>
      </c>
      <c r="E1629" s="40">
        <v>12.759781333335626</v>
      </c>
      <c r="F1629" s="40">
        <v>27</v>
      </c>
      <c r="G1629" s="40">
        <v>10.022516080767073</v>
      </c>
      <c r="H1629" s="40">
        <v>27</v>
      </c>
      <c r="I1629" s="40">
        <v>8.1324559551545867</v>
      </c>
      <c r="J1629" s="40">
        <v>26.9999900654764</v>
      </c>
      <c r="K1629" s="40">
        <v>8.3697625314229924</v>
      </c>
      <c r="L1629" s="40"/>
      <c r="M1629" s="40"/>
      <c r="N1629" s="40"/>
      <c r="Y1629">
        <v>9.7166670000000011</v>
      </c>
      <c r="Z1629">
        <v>88.016666999999998</v>
      </c>
      <c r="AA1629">
        <v>8.6129420000000003</v>
      </c>
      <c r="AB1629">
        <v>4.3219848950729141</v>
      </c>
    </row>
    <row r="1630" spans="4:28" x14ac:dyDescent="0.25">
      <c r="D1630" s="40">
        <v>27.032253000001202</v>
      </c>
      <c r="E1630" s="40">
        <v>12.764624511925048</v>
      </c>
      <c r="F1630" s="40">
        <v>27.016666999999998</v>
      </c>
      <c r="G1630" s="40">
        <v>10.027271324857166</v>
      </c>
      <c r="H1630" s="40">
        <v>27.016667000000012</v>
      </c>
      <c r="I1630" s="40">
        <v>8.1391614274411008</v>
      </c>
      <c r="J1630" s="40">
        <v>27.0166567261907</v>
      </c>
      <c r="K1630" s="40">
        <v>8.3697625314229924</v>
      </c>
      <c r="L1630" s="40"/>
      <c r="M1630" s="40"/>
      <c r="N1630" s="40"/>
      <c r="Y1630">
        <v>9.7333330000000018</v>
      </c>
      <c r="Z1630">
        <v>88.033332999999999</v>
      </c>
      <c r="AA1630">
        <v>8.6129750000000005</v>
      </c>
      <c r="AB1630">
        <v>4.3223845988560754</v>
      </c>
    </row>
    <row r="1631" spans="4:28" x14ac:dyDescent="0.25">
      <c r="D1631" s="40">
        <v>27.048919000001202</v>
      </c>
      <c r="E1631" s="40">
        <v>12.769467690514597</v>
      </c>
      <c r="F1631" s="40">
        <v>27.033332999999999</v>
      </c>
      <c r="G1631" s="40">
        <v>10.027271324857166</v>
      </c>
      <c r="H1631" s="40">
        <v>27.033334000000011</v>
      </c>
      <c r="I1631" s="40">
        <v>8.1424155536978642</v>
      </c>
      <c r="J1631" s="40">
        <v>27.0333233869049</v>
      </c>
      <c r="K1631" s="40">
        <v>8.3697625314229924</v>
      </c>
      <c r="L1631" s="40"/>
      <c r="M1631" s="40"/>
      <c r="N1631" s="40"/>
      <c r="Y1631">
        <v>9.75</v>
      </c>
      <c r="Z1631">
        <v>88.05</v>
      </c>
      <c r="AA1631">
        <v>8.6130089999999999</v>
      </c>
      <c r="AB1631">
        <v>4.3227964148750821</v>
      </c>
    </row>
    <row r="1632" spans="4:28" x14ac:dyDescent="0.25">
      <c r="D1632" s="40">
        <v>27.065585000001203</v>
      </c>
      <c r="E1632" s="40">
        <v>12.774168422675022</v>
      </c>
      <c r="F1632" s="40">
        <v>27.049999999999997</v>
      </c>
      <c r="G1632" s="40">
        <v>10.031886708827066</v>
      </c>
      <c r="H1632" s="40">
        <v>27.050000000000011</v>
      </c>
      <c r="I1632" s="40">
        <v>8.1457682898412962</v>
      </c>
      <c r="J1632" s="40">
        <v>27.0499900476192</v>
      </c>
      <c r="K1632" s="40">
        <v>8.3746135751322246</v>
      </c>
      <c r="L1632" s="40"/>
      <c r="M1632" s="40"/>
      <c r="N1632" s="40"/>
      <c r="Y1632">
        <v>9.7666669999999982</v>
      </c>
      <c r="Z1632">
        <v>88.066666999999995</v>
      </c>
      <c r="AA1632">
        <v>8.6130759999999995</v>
      </c>
      <c r="AB1632">
        <v>4.3236079346772502</v>
      </c>
    </row>
    <row r="1633" spans="4:28" x14ac:dyDescent="0.25">
      <c r="D1633" s="40">
        <v>27.082251000001204</v>
      </c>
      <c r="E1633" s="40">
        <v>12.779011601264445</v>
      </c>
      <c r="F1633" s="40">
        <v>27.066666999999995</v>
      </c>
      <c r="G1633" s="40">
        <v>10.036641952917286</v>
      </c>
      <c r="H1633" s="40">
        <v>27.06666700000001</v>
      </c>
      <c r="I1633" s="40">
        <v>8.1491210259845541</v>
      </c>
      <c r="J1633" s="40">
        <v>27.0666567083335</v>
      </c>
      <c r="K1633" s="40">
        <v>8.3793219410851556</v>
      </c>
      <c r="L1633" s="40"/>
      <c r="M1633" s="40"/>
      <c r="N1633" s="40"/>
      <c r="Y1633">
        <v>9.7833329999999989</v>
      </c>
      <c r="Z1633">
        <v>88.083332999999996</v>
      </c>
      <c r="AA1633">
        <v>8.6131100000000007</v>
      </c>
      <c r="AB1633">
        <v>4.3240197506962783</v>
      </c>
    </row>
    <row r="1634" spans="4:28" x14ac:dyDescent="0.25">
      <c r="D1634" s="40">
        <v>27.098917000001205</v>
      </c>
      <c r="E1634" s="40">
        <v>12.783854779853993</v>
      </c>
      <c r="F1634" s="40">
        <v>27.083332999999996</v>
      </c>
      <c r="G1634" s="40">
        <v>10.041397197007381</v>
      </c>
      <c r="H1634" s="40">
        <v>27.083334000000008</v>
      </c>
      <c r="I1634" s="40">
        <v>8.1523751522413175</v>
      </c>
      <c r="J1634" s="40">
        <v>27.0833233690478</v>
      </c>
      <c r="K1634" s="40">
        <v>8.3793219410851556</v>
      </c>
      <c r="L1634" s="40"/>
      <c r="M1634" s="40"/>
      <c r="N1634" s="40"/>
      <c r="Y1634">
        <v>9.7999999999999972</v>
      </c>
      <c r="Z1634">
        <v>88.1</v>
      </c>
      <c r="AA1634">
        <v>8.6131440000000001</v>
      </c>
      <c r="AB1634">
        <v>4.3244315667152842</v>
      </c>
    </row>
    <row r="1635" spans="4:28" x14ac:dyDescent="0.25">
      <c r="D1635" s="40">
        <v>27.115583000001205</v>
      </c>
      <c r="E1635" s="40">
        <v>12.783854779853993</v>
      </c>
      <c r="F1635" s="40">
        <v>27.099999999999994</v>
      </c>
      <c r="G1635" s="40">
        <v>10.046012580977282</v>
      </c>
      <c r="H1635" s="40">
        <v>27.100000000000009</v>
      </c>
      <c r="I1635" s="40">
        <v>8.1557278883845736</v>
      </c>
      <c r="J1635" s="40">
        <v>27.0999900297621</v>
      </c>
      <c r="K1635" s="40">
        <v>8.3793219410851556</v>
      </c>
      <c r="L1635" s="40"/>
      <c r="M1635" s="40"/>
      <c r="N1635" s="40"/>
      <c r="Y1635">
        <v>9.8166670000000096</v>
      </c>
      <c r="Z1635">
        <v>88.116667000000007</v>
      </c>
      <c r="AA1635">
        <v>8.6131770000000003</v>
      </c>
      <c r="AB1635">
        <v>4.3248312704984464</v>
      </c>
    </row>
    <row r="1636" spans="4:28" x14ac:dyDescent="0.25">
      <c r="D1636" s="40">
        <v>27.132249000001206</v>
      </c>
      <c r="E1636" s="40">
        <v>12.788555512014417</v>
      </c>
      <c r="F1636" s="40">
        <v>27.116666999999993</v>
      </c>
      <c r="G1636" s="40">
        <v>10.050767825067501</v>
      </c>
      <c r="H1636" s="40">
        <v>27.116667000000007</v>
      </c>
      <c r="I1636" s="40">
        <v>8.1623347507845931</v>
      </c>
      <c r="J1636" s="40">
        <v>27.1166566904764</v>
      </c>
      <c r="K1636" s="40">
        <v>8.3793219410851556</v>
      </c>
      <c r="L1636" s="40"/>
      <c r="M1636" s="40"/>
      <c r="N1636" s="40"/>
      <c r="Y1636">
        <v>9.8333329999999961</v>
      </c>
      <c r="Z1636">
        <v>88.133332999999993</v>
      </c>
      <c r="AA1636">
        <v>8.6132109999999997</v>
      </c>
      <c r="AB1636">
        <v>4.3252430865174532</v>
      </c>
    </row>
    <row r="1637" spans="4:28" x14ac:dyDescent="0.25">
      <c r="D1637" s="40">
        <v>27.148915000001207</v>
      </c>
      <c r="E1637" s="40">
        <v>12.788555512014417</v>
      </c>
      <c r="F1637" s="40">
        <v>27.133332999999993</v>
      </c>
      <c r="G1637" s="40">
        <v>10.05552306915772</v>
      </c>
      <c r="H1637" s="40">
        <v>27.133334000000005</v>
      </c>
      <c r="I1637" s="40">
        <v>8.1656874869280252</v>
      </c>
      <c r="J1637" s="40">
        <v>27.1333233511907</v>
      </c>
      <c r="K1637" s="40">
        <v>8.3793219410851556</v>
      </c>
      <c r="L1637" s="40"/>
      <c r="M1637" s="40"/>
      <c r="N1637" s="40"/>
      <c r="Y1637">
        <v>9.8500000000000085</v>
      </c>
      <c r="Z1637">
        <v>88.15</v>
      </c>
      <c r="AA1637">
        <v>8.6132449999999992</v>
      </c>
      <c r="AB1637">
        <v>4.325654902536459</v>
      </c>
    </row>
    <row r="1638" spans="4:28" x14ac:dyDescent="0.25">
      <c r="D1638" s="40">
        <v>27.165581000001207</v>
      </c>
      <c r="E1638" s="40">
        <v>12.793398690603839</v>
      </c>
      <c r="F1638" s="40">
        <v>27.149999999999991</v>
      </c>
      <c r="G1638" s="40">
        <v>10.060138453127497</v>
      </c>
      <c r="H1638" s="40">
        <v>27.150000000000006</v>
      </c>
      <c r="I1638" s="40">
        <v>8.1690402230712831</v>
      </c>
      <c r="J1638" s="40">
        <v>27.149990011904901</v>
      </c>
      <c r="K1638" s="40">
        <v>8.3841729847943895</v>
      </c>
      <c r="L1638" s="40"/>
      <c r="M1638" s="40"/>
      <c r="N1638" s="40"/>
      <c r="Y1638">
        <v>9.8666670000000067</v>
      </c>
      <c r="Z1638">
        <v>88.166667000000004</v>
      </c>
      <c r="AA1638">
        <v>8.6133120000000005</v>
      </c>
      <c r="AB1638">
        <v>4.3264664223386493</v>
      </c>
    </row>
    <row r="1639" spans="4:28" x14ac:dyDescent="0.25">
      <c r="D1639" s="40">
        <v>27.182247000001208</v>
      </c>
      <c r="E1639" s="40">
        <v>12.798241869193388</v>
      </c>
      <c r="F1639" s="40">
        <v>27.16666699999999</v>
      </c>
      <c r="G1639" s="40">
        <v>10.060138453127497</v>
      </c>
      <c r="H1639" s="40">
        <v>27.166667000000004</v>
      </c>
      <c r="I1639" s="40">
        <v>8.1722943493280464</v>
      </c>
      <c r="J1639" s="40">
        <v>27.166656672619201</v>
      </c>
      <c r="K1639" s="40">
        <v>8.3841729847943895</v>
      </c>
      <c r="L1639" s="40"/>
      <c r="M1639" s="40"/>
      <c r="N1639" s="40"/>
      <c r="Y1639">
        <v>9.8833330000000075</v>
      </c>
      <c r="Z1639">
        <v>88.183333000000005</v>
      </c>
      <c r="AA1639">
        <v>8.6133459999999999</v>
      </c>
      <c r="AB1639">
        <v>4.3268782383576561</v>
      </c>
    </row>
    <row r="1640" spans="4:28" x14ac:dyDescent="0.25">
      <c r="D1640" s="40">
        <v>27.198913000001209</v>
      </c>
      <c r="E1640" s="40">
        <v>12.798241869193388</v>
      </c>
      <c r="F1640" s="40">
        <v>27.18333299999999</v>
      </c>
      <c r="G1640" s="40">
        <v>10.064893697217716</v>
      </c>
      <c r="H1640" s="40">
        <v>27.183334000000002</v>
      </c>
      <c r="I1640" s="40">
        <v>8.1722943493280464</v>
      </c>
      <c r="J1640" s="40">
        <v>27.183323333333501</v>
      </c>
      <c r="K1640" s="40">
        <v>8.3890240285036217</v>
      </c>
      <c r="L1640" s="40"/>
      <c r="M1640" s="40"/>
      <c r="N1640" s="40"/>
      <c r="Y1640">
        <v>9.9000000000000057</v>
      </c>
      <c r="Z1640">
        <v>88.2</v>
      </c>
      <c r="AA1640">
        <v>8.6133790000000001</v>
      </c>
      <c r="AB1640">
        <v>4.3272779421408174</v>
      </c>
    </row>
    <row r="1641" spans="4:28" x14ac:dyDescent="0.25">
      <c r="D1641" s="40">
        <v>27.21557900000121</v>
      </c>
      <c r="E1641" s="40">
        <v>12.802942601353813</v>
      </c>
      <c r="F1641" s="40">
        <v>27.199999999999989</v>
      </c>
      <c r="G1641" s="40">
        <v>10.069648941307936</v>
      </c>
      <c r="H1641" s="40">
        <v>27.200000000000003</v>
      </c>
      <c r="I1641" s="40">
        <v>8.1756470854713026</v>
      </c>
      <c r="J1641" s="40">
        <v>27.199989994047801</v>
      </c>
      <c r="K1641" s="40">
        <v>8.3890240285036217</v>
      </c>
      <c r="L1641" s="40"/>
      <c r="M1641" s="40"/>
      <c r="N1641" s="40"/>
      <c r="Y1641">
        <v>9.9166670000000039</v>
      </c>
      <c r="Z1641">
        <v>88.216667000000001</v>
      </c>
      <c r="AA1641">
        <v>8.6134129999999995</v>
      </c>
      <c r="AB1641">
        <v>4.3276897581598233</v>
      </c>
    </row>
    <row r="1642" spans="4:28" x14ac:dyDescent="0.25">
      <c r="D1642" s="40">
        <v>27.23224500000121</v>
      </c>
      <c r="E1642" s="40">
        <v>12.807785779943362</v>
      </c>
      <c r="F1642" s="40">
        <v>27.216667000000001</v>
      </c>
      <c r="G1642" s="40">
        <v>10.069648941307936</v>
      </c>
      <c r="H1642" s="40">
        <v>27.216667000000001</v>
      </c>
      <c r="I1642" s="40">
        <v>8.1789998216147364</v>
      </c>
      <c r="J1642" s="40">
        <v>27.216656654762101</v>
      </c>
      <c r="K1642" s="40">
        <v>8.3937323944566824</v>
      </c>
      <c r="L1642" s="40"/>
      <c r="M1642" s="40"/>
      <c r="N1642" s="40"/>
      <c r="Y1642">
        <v>9.9333330000000046</v>
      </c>
      <c r="Z1642">
        <v>88.233333000000002</v>
      </c>
      <c r="AA1642">
        <v>8.6134470000000007</v>
      </c>
      <c r="AB1642">
        <v>4.3281015741788522</v>
      </c>
    </row>
    <row r="1643" spans="4:28" x14ac:dyDescent="0.25">
      <c r="D1643" s="40">
        <v>27.248911000001211</v>
      </c>
      <c r="E1643" s="40">
        <v>12.812628958532784</v>
      </c>
      <c r="F1643" s="40">
        <v>27.233332999999988</v>
      </c>
      <c r="G1643" s="40">
        <v>10.074404185398031</v>
      </c>
      <c r="H1643" s="40">
        <v>27.233334000000013</v>
      </c>
      <c r="I1643" s="40">
        <v>8.1789998216147364</v>
      </c>
      <c r="J1643" s="40">
        <v>27.233323315476401</v>
      </c>
      <c r="K1643" s="40">
        <v>8.3937323944566824</v>
      </c>
      <c r="L1643" s="40"/>
      <c r="M1643" s="40"/>
      <c r="N1643" s="40"/>
      <c r="Y1643">
        <v>9.9500000000000028</v>
      </c>
      <c r="Z1643">
        <v>88.25</v>
      </c>
      <c r="AA1643">
        <v>8.6134799999999991</v>
      </c>
      <c r="AB1643">
        <v>4.3285012779619922</v>
      </c>
    </row>
    <row r="1644" spans="4:28" x14ac:dyDescent="0.25">
      <c r="D1644" s="40">
        <v>27.265577000001212</v>
      </c>
      <c r="E1644" s="40">
        <v>12.817329690693208</v>
      </c>
      <c r="F1644" s="40">
        <v>27.25</v>
      </c>
      <c r="G1644" s="40">
        <v>10.079019569367931</v>
      </c>
      <c r="H1644" s="40">
        <v>27.25</v>
      </c>
      <c r="I1644" s="40">
        <v>8.182253947871498</v>
      </c>
      <c r="J1644" s="40">
        <v>27.249989976190701</v>
      </c>
      <c r="K1644" s="40">
        <v>8.3985834381657867</v>
      </c>
      <c r="L1644" s="40"/>
      <c r="M1644" s="40"/>
      <c r="N1644" s="40"/>
      <c r="Y1644">
        <v>9.9666670000000011</v>
      </c>
      <c r="Z1644">
        <v>88.266666999999998</v>
      </c>
      <c r="AA1644">
        <v>8.6135140000000003</v>
      </c>
      <c r="AB1644">
        <v>4.3289130939810203</v>
      </c>
    </row>
    <row r="1645" spans="4:28" x14ac:dyDescent="0.25">
      <c r="D1645" s="40">
        <v>27.282243000001213</v>
      </c>
      <c r="E1645" s="40">
        <v>12.822172869282756</v>
      </c>
      <c r="F1645" s="40">
        <v>27.266666999999998</v>
      </c>
      <c r="G1645" s="40">
        <v>10.083774813458151</v>
      </c>
      <c r="H1645" s="40">
        <v>27.266667000000012</v>
      </c>
      <c r="I1645" s="40">
        <v>8.1856066840147559</v>
      </c>
      <c r="J1645" s="40">
        <v>27.266656636904901</v>
      </c>
      <c r="K1645" s="40">
        <v>8.3985834381657867</v>
      </c>
      <c r="L1645" s="40"/>
      <c r="M1645" s="40"/>
      <c r="N1645" s="40"/>
      <c r="Y1645">
        <v>9.9833330000000018</v>
      </c>
      <c r="Z1645">
        <v>88.283332999999999</v>
      </c>
      <c r="AA1645">
        <v>8.6135470000000005</v>
      </c>
      <c r="AB1645">
        <v>4.3293127977641825</v>
      </c>
    </row>
    <row r="1646" spans="4:28" x14ac:dyDescent="0.25">
      <c r="D1646" s="40">
        <v>27.298909000001213</v>
      </c>
      <c r="E1646" s="40">
        <v>12.827016047872178</v>
      </c>
      <c r="F1646" s="40">
        <v>27.283332999999999</v>
      </c>
      <c r="G1646" s="40">
        <v>10.088530057548244</v>
      </c>
      <c r="H1646" s="40">
        <v>27.283334000000011</v>
      </c>
      <c r="I1646" s="40">
        <v>8.1889594201580138</v>
      </c>
      <c r="J1646" s="40">
        <v>27.283323297619201</v>
      </c>
      <c r="K1646" s="40">
        <v>8.4034344818750188</v>
      </c>
      <c r="L1646" s="40"/>
      <c r="M1646" s="40"/>
      <c r="N1646" s="40"/>
      <c r="Y1646">
        <v>10</v>
      </c>
      <c r="Z1646">
        <v>88.3</v>
      </c>
      <c r="AA1646">
        <v>8.6135809999999999</v>
      </c>
      <c r="AB1646">
        <v>4.3297246137831884</v>
      </c>
    </row>
    <row r="1647" spans="4:28" x14ac:dyDescent="0.25">
      <c r="D1647" s="40">
        <v>27.315575000001214</v>
      </c>
      <c r="E1647" s="40">
        <v>12.827016047872178</v>
      </c>
      <c r="F1647" s="40">
        <v>27.299999999999997</v>
      </c>
      <c r="G1647" s="40">
        <v>10.093145441518145</v>
      </c>
      <c r="H1647" s="40">
        <v>27.300000000000011</v>
      </c>
      <c r="I1647" s="40">
        <v>8.1922135464147772</v>
      </c>
      <c r="J1647" s="40">
        <v>27.299989958333502</v>
      </c>
      <c r="K1647" s="40">
        <v>8.4081428478280795</v>
      </c>
      <c r="L1647" s="40"/>
      <c r="M1647" s="40"/>
      <c r="N1647" s="40"/>
      <c r="Y1647">
        <v>10.016666999999998</v>
      </c>
      <c r="Z1647">
        <v>88.316666999999995</v>
      </c>
      <c r="AA1647">
        <v>8.6136149999999994</v>
      </c>
      <c r="AB1647">
        <v>4.3301364298021952</v>
      </c>
    </row>
    <row r="1648" spans="4:28" x14ac:dyDescent="0.25">
      <c r="D1648" s="40">
        <v>27.332241000001215</v>
      </c>
      <c r="E1648" s="40">
        <v>12.831716780032604</v>
      </c>
      <c r="F1648" s="40">
        <v>27.316666999999995</v>
      </c>
      <c r="G1648" s="40">
        <v>10.097900685608364</v>
      </c>
      <c r="H1648" s="40">
        <v>27.31666700000001</v>
      </c>
      <c r="I1648" s="40">
        <v>8.1922135464147772</v>
      </c>
      <c r="J1648" s="40">
        <v>27.316656619047802</v>
      </c>
      <c r="K1648" s="40">
        <v>8.4081428478280795</v>
      </c>
      <c r="L1648" s="40"/>
      <c r="M1648" s="40"/>
      <c r="N1648" s="40"/>
      <c r="Y1648">
        <v>10.033332999999999</v>
      </c>
      <c r="Z1648">
        <v>88.333332999999996</v>
      </c>
      <c r="AA1648">
        <v>8.6136479999999995</v>
      </c>
      <c r="AB1648">
        <v>4.3305361335853565</v>
      </c>
    </row>
    <row r="1649" spans="4:28" x14ac:dyDescent="0.25">
      <c r="D1649" s="40">
        <v>27.348907000001216</v>
      </c>
      <c r="E1649" s="40">
        <v>12.836559958622153</v>
      </c>
      <c r="F1649" s="40">
        <v>27.333332999999996</v>
      </c>
      <c r="G1649" s="40">
        <v>10.102655929698583</v>
      </c>
      <c r="H1649" s="40">
        <v>27.333334000000008</v>
      </c>
      <c r="I1649" s="40">
        <v>8.1955662825580333</v>
      </c>
      <c r="J1649" s="40">
        <v>27.333323279762102</v>
      </c>
      <c r="K1649" s="40">
        <v>8.4129938915371856</v>
      </c>
      <c r="L1649" s="40"/>
      <c r="M1649" s="40"/>
      <c r="N1649" s="40"/>
      <c r="Y1649">
        <v>10.049999999999997</v>
      </c>
      <c r="Z1649">
        <v>88.35</v>
      </c>
      <c r="AA1649">
        <v>8.6136820000000007</v>
      </c>
      <c r="AB1649">
        <v>4.3309479496043846</v>
      </c>
    </row>
    <row r="1650" spans="4:28" x14ac:dyDescent="0.25">
      <c r="D1650" s="40">
        <v>27.365573000001216</v>
      </c>
      <c r="E1650" s="40">
        <v>12.846103869372001</v>
      </c>
      <c r="F1650" s="40">
        <v>27.349999999999994</v>
      </c>
      <c r="G1650" s="40">
        <v>10.102655929698583</v>
      </c>
      <c r="H1650" s="40">
        <v>27.350000000000009</v>
      </c>
      <c r="I1650" s="40">
        <v>8.1989190187014671</v>
      </c>
      <c r="J1650" s="40">
        <v>27.349989940476402</v>
      </c>
      <c r="K1650" s="40">
        <v>8.4178449352464177</v>
      </c>
      <c r="L1650" s="40"/>
      <c r="M1650" s="40"/>
      <c r="N1650" s="40"/>
      <c r="Y1650">
        <v>10.06666700000001</v>
      </c>
      <c r="Z1650">
        <v>88.366667000000007</v>
      </c>
      <c r="AA1650">
        <v>8.6137490000000003</v>
      </c>
      <c r="AB1650">
        <v>4.3317594694065527</v>
      </c>
    </row>
    <row r="1651" spans="4:28" x14ac:dyDescent="0.25">
      <c r="D1651" s="40">
        <v>27.382239000001217</v>
      </c>
      <c r="E1651" s="40">
        <v>12.850947047961549</v>
      </c>
      <c r="F1651" s="40">
        <v>27.366666999999993</v>
      </c>
      <c r="G1651" s="40">
        <v>10.10727131366836</v>
      </c>
      <c r="H1651" s="40">
        <v>27.366667000000007</v>
      </c>
      <c r="I1651" s="40">
        <v>8.2021731449582287</v>
      </c>
      <c r="J1651" s="40">
        <v>27.366656601190702</v>
      </c>
      <c r="K1651" s="40">
        <v>8.4178449352464177</v>
      </c>
      <c r="L1651" s="40"/>
      <c r="M1651" s="40"/>
      <c r="N1651" s="40"/>
      <c r="Y1651">
        <v>10.083332999999996</v>
      </c>
      <c r="Z1651">
        <v>88.383332999999993</v>
      </c>
      <c r="AA1651">
        <v>8.6137829999999997</v>
      </c>
      <c r="AB1651">
        <v>4.3321712854255594</v>
      </c>
    </row>
    <row r="1652" spans="4:28" x14ac:dyDescent="0.25">
      <c r="D1652" s="40">
        <v>27.398905000001218</v>
      </c>
      <c r="E1652" s="40">
        <v>12.860490958711395</v>
      </c>
      <c r="F1652" s="40">
        <v>27.383332999999993</v>
      </c>
      <c r="G1652" s="40">
        <v>10.112026557758579</v>
      </c>
      <c r="H1652" s="40">
        <v>27.383334000000005</v>
      </c>
      <c r="I1652" s="40">
        <v>8.2055258811014848</v>
      </c>
      <c r="J1652" s="40">
        <v>27.383323261904899</v>
      </c>
      <c r="K1652" s="40">
        <v>8.4225533011994766</v>
      </c>
      <c r="L1652" s="40"/>
      <c r="M1652" s="40"/>
      <c r="N1652" s="40"/>
      <c r="Y1652">
        <v>10.100000000000009</v>
      </c>
      <c r="Z1652">
        <v>88.4</v>
      </c>
      <c r="AA1652">
        <v>8.6138169999999992</v>
      </c>
      <c r="AB1652">
        <v>4.3325831014445653</v>
      </c>
    </row>
    <row r="1653" spans="4:28" x14ac:dyDescent="0.25">
      <c r="D1653" s="40">
        <v>27.415571000001218</v>
      </c>
      <c r="E1653" s="40">
        <v>12.865334137300945</v>
      </c>
      <c r="F1653" s="40">
        <v>27.399999999999991</v>
      </c>
      <c r="G1653" s="40">
        <v>10.116781801848797</v>
      </c>
      <c r="H1653" s="40">
        <v>27.400000000000006</v>
      </c>
      <c r="I1653" s="40">
        <v>8.2088786172447428</v>
      </c>
      <c r="J1653" s="40">
        <v>27.399989922619199</v>
      </c>
      <c r="K1653" s="40">
        <v>8.4274043449085827</v>
      </c>
      <c r="L1653" s="40"/>
      <c r="M1653" s="40"/>
      <c r="N1653" s="40"/>
      <c r="Y1653">
        <v>10.116667000000007</v>
      </c>
      <c r="Z1653">
        <v>88.416667000000004</v>
      </c>
      <c r="AA1653">
        <v>8.6138499999999993</v>
      </c>
      <c r="AB1653">
        <v>4.3329828052277275</v>
      </c>
    </row>
    <row r="1654" spans="4:28" x14ac:dyDescent="0.25">
      <c r="D1654" s="40">
        <v>27.432237000001219</v>
      </c>
      <c r="E1654" s="40">
        <v>12.870177315890492</v>
      </c>
      <c r="F1654" s="40">
        <v>27.41666699999999</v>
      </c>
      <c r="G1654" s="40">
        <v>10.116781801848797</v>
      </c>
      <c r="H1654" s="40">
        <v>27.416667000000004</v>
      </c>
      <c r="I1654" s="40">
        <v>8.2121327435015061</v>
      </c>
      <c r="J1654" s="40">
        <v>27.416656583333499</v>
      </c>
      <c r="K1654" s="40">
        <v>8.4322553886178149</v>
      </c>
      <c r="L1654" s="40"/>
      <c r="M1654" s="40"/>
      <c r="N1654" s="40"/>
      <c r="Y1654">
        <v>10.133333000000007</v>
      </c>
      <c r="Z1654">
        <v>88.433333000000005</v>
      </c>
      <c r="AA1654">
        <v>8.6138840000000005</v>
      </c>
      <c r="AB1654">
        <v>4.3333946212467556</v>
      </c>
    </row>
    <row r="1655" spans="4:28" x14ac:dyDescent="0.25">
      <c r="D1655" s="40">
        <v>27.44890300000122</v>
      </c>
      <c r="E1655" s="40">
        <v>12.874878048050793</v>
      </c>
      <c r="F1655" s="40">
        <v>27.43333299999999</v>
      </c>
      <c r="G1655" s="40">
        <v>10.121397185818575</v>
      </c>
      <c r="H1655" s="40">
        <v>27.433334000000002</v>
      </c>
      <c r="I1655" s="40">
        <v>8.2154854796449381</v>
      </c>
      <c r="J1655" s="40">
        <v>27.433323244047799</v>
      </c>
      <c r="K1655" s="40">
        <v>8.4369637545708756</v>
      </c>
      <c r="L1655" s="40"/>
      <c r="M1655" s="40"/>
      <c r="N1655" s="40"/>
      <c r="Y1655">
        <v>10.150000000000006</v>
      </c>
      <c r="Z1655">
        <v>88.45</v>
      </c>
      <c r="AA1655">
        <v>8.6139510000000001</v>
      </c>
      <c r="AB1655">
        <v>4.3342061410489237</v>
      </c>
    </row>
    <row r="1656" spans="4:28" x14ac:dyDescent="0.25">
      <c r="D1656" s="40">
        <v>27.465569000001221</v>
      </c>
      <c r="E1656" s="40">
        <v>12.87972122664034</v>
      </c>
      <c r="F1656" s="40">
        <v>27.449999999999989</v>
      </c>
      <c r="G1656" s="40">
        <v>10.126152429908794</v>
      </c>
      <c r="H1656" s="40">
        <v>27.450000000000003</v>
      </c>
      <c r="I1656" s="40">
        <v>8.2154854796449381</v>
      </c>
      <c r="J1656" s="40">
        <v>27.449989904762099</v>
      </c>
      <c r="K1656" s="40">
        <v>8.4418147982799816</v>
      </c>
      <c r="L1656" s="40"/>
      <c r="M1656" s="40"/>
      <c r="N1656" s="40"/>
      <c r="Y1656">
        <v>10.166667000000004</v>
      </c>
      <c r="Z1656">
        <v>88.466667000000001</v>
      </c>
      <c r="AA1656">
        <v>8.6139849999999996</v>
      </c>
      <c r="AB1656">
        <v>4.3346179570679304</v>
      </c>
    </row>
    <row r="1657" spans="4:28" x14ac:dyDescent="0.25">
      <c r="D1657" s="40">
        <v>27.482235000001221</v>
      </c>
      <c r="E1657" s="40">
        <v>12.88456440522989</v>
      </c>
      <c r="F1657" s="40">
        <v>27.466667000000001</v>
      </c>
      <c r="G1657" s="40">
        <v>10.130907673999012</v>
      </c>
      <c r="H1657" s="40">
        <v>27.466667000000001</v>
      </c>
      <c r="I1657" s="40">
        <v>8.2188382157881961</v>
      </c>
      <c r="J1657" s="40">
        <v>27.466656565476399</v>
      </c>
      <c r="K1657" s="40">
        <v>8.4418147982799816</v>
      </c>
      <c r="L1657" s="40"/>
      <c r="M1657" s="40"/>
      <c r="N1657" s="40"/>
      <c r="Y1657">
        <v>10.183333000000005</v>
      </c>
      <c r="Z1657">
        <v>88.483333000000002</v>
      </c>
      <c r="AA1657">
        <v>8.6140190000000008</v>
      </c>
      <c r="AB1657">
        <v>4.3350297730869585</v>
      </c>
    </row>
    <row r="1658" spans="4:28" x14ac:dyDescent="0.25">
      <c r="D1658" s="40">
        <v>27.498901000001222</v>
      </c>
      <c r="E1658" s="40">
        <v>12.889265137390312</v>
      </c>
      <c r="F1658" s="40">
        <v>27.483332999999988</v>
      </c>
      <c r="G1658" s="40">
        <v>10.130907673999012</v>
      </c>
      <c r="H1658" s="40">
        <v>27.483334000000013</v>
      </c>
      <c r="I1658" s="40">
        <v>8.2220923420449594</v>
      </c>
      <c r="J1658" s="40">
        <v>27.483323226190699</v>
      </c>
      <c r="K1658" s="40">
        <v>8.4466658419892138</v>
      </c>
      <c r="L1658" s="40"/>
      <c r="M1658" s="40"/>
      <c r="N1658" s="40"/>
      <c r="Y1658">
        <v>10.200000000000003</v>
      </c>
      <c r="Z1658">
        <v>88.5</v>
      </c>
      <c r="AA1658">
        <v>8.6140519999999992</v>
      </c>
      <c r="AB1658">
        <v>4.3354294768700985</v>
      </c>
    </row>
    <row r="1659" spans="4:28" x14ac:dyDescent="0.25">
      <c r="D1659" s="40">
        <v>27.515567000001223</v>
      </c>
      <c r="E1659" s="40">
        <v>12.894108315979736</v>
      </c>
      <c r="F1659" s="40">
        <v>27.5</v>
      </c>
      <c r="G1659" s="40">
        <v>10.135523057968912</v>
      </c>
      <c r="H1659" s="40">
        <v>27.5</v>
      </c>
      <c r="I1659" s="40">
        <v>8.2254450781882156</v>
      </c>
      <c r="J1659" s="40">
        <v>27.499989886904899</v>
      </c>
      <c r="K1659" s="40">
        <v>8.4466658419892138</v>
      </c>
      <c r="L1659" s="40"/>
      <c r="M1659" s="40"/>
      <c r="N1659" s="40"/>
      <c r="Y1659">
        <v>10.216667000000001</v>
      </c>
      <c r="Z1659">
        <v>88.516666999999998</v>
      </c>
      <c r="AA1659">
        <v>8.6140860000000004</v>
      </c>
      <c r="AB1659">
        <v>4.3358412928891266</v>
      </c>
    </row>
    <row r="1660" spans="4:28" x14ac:dyDescent="0.25">
      <c r="D1660" s="40">
        <v>27.532233000001224</v>
      </c>
      <c r="E1660" s="40">
        <v>12.894108315979736</v>
      </c>
      <c r="F1660" s="40">
        <v>27.516666999999998</v>
      </c>
      <c r="G1660" s="40">
        <v>10.140278302059009</v>
      </c>
      <c r="H1660" s="40">
        <v>27.516667000000012</v>
      </c>
      <c r="I1660" s="40">
        <v>8.2287978143314735</v>
      </c>
      <c r="J1660" s="40">
        <v>27.516656547619199</v>
      </c>
      <c r="K1660" s="40">
        <v>8.4513742079422727</v>
      </c>
      <c r="L1660" s="40"/>
      <c r="M1660" s="40"/>
      <c r="N1660" s="40"/>
      <c r="Y1660">
        <v>10.233333000000002</v>
      </c>
      <c r="Z1660">
        <v>88.533332999999999</v>
      </c>
      <c r="AA1660">
        <v>8.6141199999999998</v>
      </c>
      <c r="AB1660">
        <v>4.3362531089081324</v>
      </c>
    </row>
    <row r="1661" spans="4:28" x14ac:dyDescent="0.25">
      <c r="D1661" s="40">
        <v>27.548899000001224</v>
      </c>
      <c r="E1661" s="40">
        <v>12.90365222672971</v>
      </c>
      <c r="F1661" s="40">
        <v>27.533332999999999</v>
      </c>
      <c r="G1661" s="40">
        <v>10.140278302059009</v>
      </c>
      <c r="H1661" s="40">
        <v>27.533334000000011</v>
      </c>
      <c r="I1661" s="40">
        <v>8.2287978143314735</v>
      </c>
      <c r="J1661" s="40">
        <v>27.533323208333499</v>
      </c>
      <c r="K1661" s="40">
        <v>8.4513742079422727</v>
      </c>
      <c r="L1661" s="40"/>
      <c r="M1661" s="40"/>
      <c r="N1661" s="40"/>
      <c r="Y1661">
        <v>10.25</v>
      </c>
      <c r="Z1661">
        <v>88.55</v>
      </c>
      <c r="AA1661">
        <v>8.6141529999999999</v>
      </c>
      <c r="AB1661">
        <v>4.3366528126912947</v>
      </c>
    </row>
    <row r="1662" spans="4:28" x14ac:dyDescent="0.25">
      <c r="D1662" s="40">
        <v>27.565565000001225</v>
      </c>
      <c r="E1662" s="40">
        <v>12.908495405319131</v>
      </c>
      <c r="F1662" s="40">
        <v>27.549999999999997</v>
      </c>
      <c r="G1662" s="40">
        <v>10.145033546149227</v>
      </c>
      <c r="H1662" s="40">
        <v>27.550000000000011</v>
      </c>
      <c r="I1662" s="40">
        <v>8.2320519405882369</v>
      </c>
      <c r="J1662" s="40">
        <v>27.549989869047799</v>
      </c>
      <c r="K1662" s="40">
        <v>8.4513742079422727</v>
      </c>
      <c r="L1662" s="40"/>
      <c r="M1662" s="40"/>
      <c r="N1662" s="40"/>
      <c r="Y1662">
        <v>10.266666999999998</v>
      </c>
      <c r="Z1662">
        <v>88.566666999999995</v>
      </c>
      <c r="AA1662">
        <v>8.6141869999999994</v>
      </c>
      <c r="AB1662">
        <v>4.3370646287103014</v>
      </c>
    </row>
    <row r="1663" spans="4:28" x14ac:dyDescent="0.25">
      <c r="D1663" s="40">
        <v>27.582231000001226</v>
      </c>
      <c r="E1663" s="40">
        <v>12.913338583908679</v>
      </c>
      <c r="F1663" s="40">
        <v>27.566666999999995</v>
      </c>
      <c r="G1663" s="40">
        <v>10.149648930119127</v>
      </c>
      <c r="H1663" s="40">
        <v>27.56666700000001</v>
      </c>
      <c r="I1663" s="40">
        <v>8.2354046767316689</v>
      </c>
      <c r="J1663" s="40">
        <v>27.566656529762099</v>
      </c>
      <c r="K1663" s="40">
        <v>8.4562252516515048</v>
      </c>
      <c r="L1663" s="40"/>
      <c r="M1663" s="40"/>
      <c r="N1663" s="40"/>
      <c r="Y1663">
        <v>10.283332999999999</v>
      </c>
      <c r="Z1663">
        <v>88.583332999999996</v>
      </c>
      <c r="AA1663">
        <v>8.6142210000000006</v>
      </c>
      <c r="AB1663">
        <v>4.3374764447293286</v>
      </c>
    </row>
    <row r="1664" spans="4:28" x14ac:dyDescent="0.25">
      <c r="D1664" s="40">
        <v>27.598897000001227</v>
      </c>
      <c r="E1664" s="40">
        <v>12.918039316069105</v>
      </c>
      <c r="F1664" s="40">
        <v>27.583332999999996</v>
      </c>
      <c r="G1664" s="40">
        <v>10.154404174209223</v>
      </c>
      <c r="H1664" s="40">
        <v>27.583334000000008</v>
      </c>
      <c r="I1664" s="40">
        <v>8.2387574128749268</v>
      </c>
      <c r="J1664" s="40">
        <v>27.583323190476399</v>
      </c>
      <c r="K1664" s="40">
        <v>8.4562252516515048</v>
      </c>
      <c r="L1664" s="40"/>
      <c r="M1664" s="40"/>
      <c r="N1664" s="40"/>
      <c r="Y1664">
        <v>10.299999999999997</v>
      </c>
      <c r="Z1664">
        <v>88.6</v>
      </c>
      <c r="AA1664">
        <v>8.6142540000000007</v>
      </c>
      <c r="AB1664">
        <v>4.3378761485124908</v>
      </c>
    </row>
    <row r="1665" spans="4:28" x14ac:dyDescent="0.25">
      <c r="D1665" s="40">
        <v>27.615563000001227</v>
      </c>
      <c r="E1665" s="40">
        <v>12.922882494658527</v>
      </c>
      <c r="F1665" s="40">
        <v>27.599999999999994</v>
      </c>
      <c r="G1665" s="40">
        <v>10.159159418299442</v>
      </c>
      <c r="H1665" s="40">
        <v>27.600000000000009</v>
      </c>
      <c r="I1665" s="40">
        <v>8.2420115391316902</v>
      </c>
      <c r="J1665" s="40">
        <v>27.599989851190699</v>
      </c>
      <c r="K1665" s="40">
        <v>8.4610762953606109</v>
      </c>
      <c r="L1665" s="40"/>
      <c r="M1665" s="40"/>
      <c r="N1665" s="40"/>
      <c r="Y1665">
        <v>10.31666700000001</v>
      </c>
      <c r="Z1665">
        <v>88.616667000000007</v>
      </c>
      <c r="AA1665">
        <v>8.6142880000000002</v>
      </c>
      <c r="AB1665">
        <v>4.3382879645314976</v>
      </c>
    </row>
    <row r="1666" spans="4:28" x14ac:dyDescent="0.25">
      <c r="D1666" s="40">
        <v>27.632229000001228</v>
      </c>
      <c r="E1666" s="40">
        <v>12.922882494658527</v>
      </c>
      <c r="F1666" s="40">
        <v>27.616666999999993</v>
      </c>
      <c r="G1666" s="40">
        <v>10.163774802269341</v>
      </c>
      <c r="H1666" s="40">
        <v>27.616667000000007</v>
      </c>
      <c r="I1666" s="40">
        <v>8.2420115391316902</v>
      </c>
      <c r="J1666" s="40">
        <v>27.6166565119049</v>
      </c>
      <c r="K1666" s="40">
        <v>8.4610762953606109</v>
      </c>
      <c r="L1666" s="40"/>
      <c r="M1666" s="40"/>
      <c r="N1666" s="40"/>
      <c r="Y1666">
        <v>10.333332999999996</v>
      </c>
      <c r="Z1666">
        <v>88.633332999999993</v>
      </c>
      <c r="AA1666">
        <v>8.6143219999999996</v>
      </c>
      <c r="AB1666">
        <v>4.3386997805505034</v>
      </c>
    </row>
    <row r="1667" spans="4:28" x14ac:dyDescent="0.25">
      <c r="D1667" s="40">
        <v>27.648895000001229</v>
      </c>
      <c r="E1667" s="40">
        <v>12.927725673248075</v>
      </c>
      <c r="F1667" s="40">
        <v>27.633332999999993</v>
      </c>
      <c r="G1667" s="40">
        <v>10.168530046359438</v>
      </c>
      <c r="H1667" s="40">
        <v>27.633334000000005</v>
      </c>
      <c r="I1667" s="40">
        <v>8.2453642752749445</v>
      </c>
      <c r="J1667" s="40">
        <v>27.6333231726192</v>
      </c>
      <c r="K1667" s="40">
        <v>8.4659273390698431</v>
      </c>
      <c r="L1667" s="40"/>
      <c r="M1667" s="40"/>
      <c r="N1667" s="40"/>
      <c r="Y1667">
        <v>10.350000000000009</v>
      </c>
      <c r="Z1667">
        <v>88.65</v>
      </c>
      <c r="AA1667">
        <v>8.6143889999999992</v>
      </c>
      <c r="AB1667">
        <v>4.3395113003526724</v>
      </c>
    </row>
    <row r="1668" spans="4:28" x14ac:dyDescent="0.25">
      <c r="D1668" s="40">
        <v>27.66556100000123</v>
      </c>
      <c r="E1668" s="40">
        <v>12.932426405408501</v>
      </c>
      <c r="F1668" s="40">
        <v>27.649999999999991</v>
      </c>
      <c r="G1668" s="40">
        <v>10.173285290449657</v>
      </c>
      <c r="H1668" s="40">
        <v>27.650000000000006</v>
      </c>
      <c r="I1668" s="40">
        <v>8.2453642752749445</v>
      </c>
      <c r="J1668" s="40">
        <v>27.6499898333335</v>
      </c>
      <c r="K1668" s="40">
        <v>8.4659273390698431</v>
      </c>
      <c r="L1668" s="40"/>
      <c r="M1668" s="40"/>
      <c r="N1668" s="40"/>
      <c r="Y1668">
        <v>10.366667000000007</v>
      </c>
      <c r="Z1668">
        <v>88.666667000000004</v>
      </c>
      <c r="AA1668">
        <v>8.6144230000000004</v>
      </c>
      <c r="AB1668">
        <v>4.3399231163717005</v>
      </c>
    </row>
    <row r="1669" spans="4:28" x14ac:dyDescent="0.25">
      <c r="D1669" s="40">
        <v>27.68222700000123</v>
      </c>
      <c r="E1669" s="40">
        <v>12.937269583997923</v>
      </c>
      <c r="F1669" s="40">
        <v>27.66666699999999</v>
      </c>
      <c r="G1669" s="40">
        <v>10.177900674419556</v>
      </c>
      <c r="H1669" s="40">
        <v>27.666667000000004</v>
      </c>
      <c r="I1669" s="40">
        <v>8.2487170114183783</v>
      </c>
      <c r="J1669" s="40">
        <v>27.6666564940478</v>
      </c>
      <c r="K1669" s="40">
        <v>8.4659273390698431</v>
      </c>
      <c r="L1669" s="40"/>
      <c r="M1669" s="40"/>
      <c r="N1669" s="40"/>
      <c r="Y1669">
        <v>10.383333000000007</v>
      </c>
      <c r="Z1669">
        <v>88.683333000000005</v>
      </c>
      <c r="AA1669">
        <v>8.6144560000000006</v>
      </c>
      <c r="AB1669">
        <v>4.3403228201548618</v>
      </c>
    </row>
    <row r="1670" spans="4:28" x14ac:dyDescent="0.25">
      <c r="D1670" s="40">
        <v>27.698893000001231</v>
      </c>
      <c r="E1670" s="40">
        <v>12.94211276258747</v>
      </c>
      <c r="F1670" s="40">
        <v>27.68333299999999</v>
      </c>
      <c r="G1670" s="40">
        <v>10.177900674419556</v>
      </c>
      <c r="H1670" s="40">
        <v>27.683334000000002</v>
      </c>
      <c r="I1670" s="40">
        <v>8.2519711376749658</v>
      </c>
      <c r="J1670" s="40">
        <v>27.6833231547621</v>
      </c>
      <c r="K1670" s="40">
        <v>8.4659273390698431</v>
      </c>
      <c r="L1670" s="40"/>
      <c r="M1670" s="40"/>
      <c r="N1670" s="40"/>
      <c r="Y1670">
        <v>10.400000000000006</v>
      </c>
      <c r="Z1670">
        <v>88.7</v>
      </c>
      <c r="AA1670">
        <v>8.61449</v>
      </c>
      <c r="AB1670">
        <v>4.3407346361738677</v>
      </c>
    </row>
    <row r="1671" spans="4:28" x14ac:dyDescent="0.25">
      <c r="D1671" s="40">
        <v>27.715559000001232</v>
      </c>
      <c r="E1671" s="40">
        <v>12.946813494747897</v>
      </c>
      <c r="F1671" s="40">
        <v>27.699999999999989</v>
      </c>
      <c r="G1671" s="40">
        <v>10.182655918509775</v>
      </c>
      <c r="H1671" s="40">
        <v>27.700000000000003</v>
      </c>
      <c r="I1671" s="40">
        <v>8.2519711376749658</v>
      </c>
      <c r="J1671" s="40">
        <v>27.6999898154764</v>
      </c>
      <c r="K1671" s="40">
        <v>8.4706357050229037</v>
      </c>
      <c r="L1671" s="40"/>
      <c r="M1671" s="40"/>
      <c r="N1671" s="40"/>
      <c r="Y1671">
        <v>10.416667000000004</v>
      </c>
      <c r="Z1671">
        <v>88.716667000000001</v>
      </c>
      <c r="AA1671">
        <v>8.6145239999999994</v>
      </c>
      <c r="AB1671">
        <v>4.3411464521928744</v>
      </c>
    </row>
    <row r="1672" spans="4:28" x14ac:dyDescent="0.25">
      <c r="D1672" s="40">
        <v>27.732225000001232</v>
      </c>
      <c r="E1672" s="40">
        <v>12.951656673337446</v>
      </c>
      <c r="F1672" s="40">
        <v>27.716667000000001</v>
      </c>
      <c r="G1672" s="40">
        <v>10.187411162599872</v>
      </c>
      <c r="H1672" s="40">
        <v>27.716667000000001</v>
      </c>
      <c r="I1672" s="40">
        <v>8.2553238738183978</v>
      </c>
      <c r="J1672" s="40">
        <v>27.7166564761907</v>
      </c>
      <c r="K1672" s="40">
        <v>8.4706357050229037</v>
      </c>
      <c r="L1672" s="40"/>
      <c r="M1672" s="40"/>
      <c r="N1672" s="40"/>
      <c r="Y1672">
        <v>10.433333000000005</v>
      </c>
      <c r="Z1672">
        <v>88.733333000000002</v>
      </c>
      <c r="AA1672">
        <v>8.6145569999999996</v>
      </c>
      <c r="AB1672">
        <v>4.3415461559760367</v>
      </c>
    </row>
    <row r="1673" spans="4:28" x14ac:dyDescent="0.25">
      <c r="D1673" s="40">
        <v>27.748891000001233</v>
      </c>
      <c r="E1673" s="40">
        <v>12.956499851926868</v>
      </c>
      <c r="F1673" s="40">
        <v>27.733332999999988</v>
      </c>
      <c r="G1673" s="40">
        <v>10.192026546569773</v>
      </c>
      <c r="H1673" s="40">
        <v>27.733334000000013</v>
      </c>
      <c r="I1673" s="40">
        <v>8.2586766099616558</v>
      </c>
      <c r="J1673" s="40">
        <v>27.7333231369049</v>
      </c>
      <c r="K1673" s="40">
        <v>8.4706357050229037</v>
      </c>
      <c r="L1673" s="40"/>
      <c r="M1673" s="40"/>
      <c r="N1673" s="40"/>
      <c r="Y1673">
        <v>10.450000000000003</v>
      </c>
      <c r="Z1673">
        <v>88.75</v>
      </c>
      <c r="AA1673">
        <v>8.6145910000000008</v>
      </c>
      <c r="AB1673">
        <v>4.3419579719950647</v>
      </c>
    </row>
    <row r="1674" spans="4:28" x14ac:dyDescent="0.25">
      <c r="D1674" s="40">
        <v>27.765557000001234</v>
      </c>
      <c r="E1674" s="40">
        <v>12.961343030516414</v>
      </c>
      <c r="F1674" s="40">
        <v>27.75</v>
      </c>
      <c r="G1674" s="40">
        <v>10.192026546569773</v>
      </c>
      <c r="H1674" s="40">
        <v>27.75</v>
      </c>
      <c r="I1674" s="40">
        <v>8.2620293461049119</v>
      </c>
      <c r="J1674" s="40">
        <v>27.7499897976192</v>
      </c>
      <c r="K1674" s="40">
        <v>8.475486748732008</v>
      </c>
      <c r="L1674" s="40"/>
      <c r="M1674" s="40"/>
      <c r="N1674" s="40"/>
      <c r="Y1674">
        <v>10.466667000000001</v>
      </c>
      <c r="Z1674">
        <v>88.766666999999998</v>
      </c>
      <c r="AA1674">
        <v>8.6146239999999992</v>
      </c>
      <c r="AB1674">
        <v>4.3423576757782048</v>
      </c>
    </row>
    <row r="1675" spans="4:28" x14ac:dyDescent="0.25">
      <c r="D1675" s="40">
        <v>27.782223000001235</v>
      </c>
      <c r="E1675" s="40">
        <v>12.96604376267684</v>
      </c>
      <c r="F1675" s="40">
        <v>27.766666999999998</v>
      </c>
      <c r="G1675" s="40">
        <v>10.19678179065999</v>
      </c>
      <c r="H1675" s="40">
        <v>27.766667000000012</v>
      </c>
      <c r="I1675" s="40">
        <v>8.2620293461049119</v>
      </c>
      <c r="J1675" s="40">
        <v>27.7666564583335</v>
      </c>
      <c r="K1675" s="40">
        <v>8.475486748732008</v>
      </c>
      <c r="L1675" s="40"/>
      <c r="M1675" s="40"/>
      <c r="N1675" s="40"/>
      <c r="Y1675">
        <v>10.483333000000002</v>
      </c>
      <c r="Z1675">
        <v>88.783332999999999</v>
      </c>
      <c r="AA1675">
        <v>8.6146580000000004</v>
      </c>
      <c r="AB1675">
        <v>4.3427694917972328</v>
      </c>
    </row>
    <row r="1676" spans="4:28" x14ac:dyDescent="0.25">
      <c r="D1676" s="40">
        <v>27.798889000001235</v>
      </c>
      <c r="E1676" s="40">
        <v>12.970886941266262</v>
      </c>
      <c r="F1676" s="40">
        <v>27.783332999999999</v>
      </c>
      <c r="G1676" s="40">
        <v>10.201537034750087</v>
      </c>
      <c r="H1676" s="40">
        <v>27.783334000000011</v>
      </c>
      <c r="I1676" s="40">
        <v>8.2652834723616753</v>
      </c>
      <c r="J1676" s="40">
        <v>27.7833231190478</v>
      </c>
      <c r="K1676" s="40">
        <v>8.475486748732008</v>
      </c>
      <c r="L1676" s="40"/>
      <c r="M1676" s="40"/>
      <c r="N1676" s="40"/>
      <c r="Y1676">
        <v>10.5</v>
      </c>
      <c r="Z1676">
        <v>88.8</v>
      </c>
      <c r="AA1676">
        <v>8.6146919999999998</v>
      </c>
      <c r="AB1676">
        <v>4.3431813078162396</v>
      </c>
    </row>
    <row r="1677" spans="4:28" x14ac:dyDescent="0.25">
      <c r="D1677" s="40">
        <v>27.815555000001236</v>
      </c>
      <c r="E1677" s="40">
        <v>12.970886941266262</v>
      </c>
      <c r="F1677" s="40">
        <v>27.799999999999997</v>
      </c>
      <c r="G1677" s="40">
        <v>10.206152418719988</v>
      </c>
      <c r="H1677" s="40">
        <v>27.800000000000011</v>
      </c>
      <c r="I1677" s="40">
        <v>8.2686362085051091</v>
      </c>
      <c r="J1677" s="40">
        <v>27.7999897797621</v>
      </c>
      <c r="K1677" s="40">
        <v>8.4803377924412402</v>
      </c>
      <c r="L1677" s="40"/>
      <c r="M1677" s="40"/>
      <c r="N1677" s="40"/>
      <c r="Y1677">
        <v>10.516666999999998</v>
      </c>
      <c r="Z1677">
        <v>88.816666999999995</v>
      </c>
      <c r="AA1677">
        <v>8.614725</v>
      </c>
      <c r="AB1677">
        <v>4.3435810115994009</v>
      </c>
    </row>
    <row r="1678" spans="4:28" x14ac:dyDescent="0.25">
      <c r="D1678" s="40">
        <v>27.832221000001237</v>
      </c>
      <c r="E1678" s="40">
        <v>12.975730119855811</v>
      </c>
      <c r="F1678" s="40">
        <v>27.816666999999995</v>
      </c>
      <c r="G1678" s="40">
        <v>10.210907662810206</v>
      </c>
      <c r="H1678" s="40">
        <v>27.81666700000001</v>
      </c>
      <c r="I1678" s="40">
        <v>8.2719889446483652</v>
      </c>
      <c r="J1678" s="40">
        <v>27.8166564404764</v>
      </c>
      <c r="K1678" s="40">
        <v>8.4803377924412402</v>
      </c>
      <c r="L1678" s="40"/>
      <c r="M1678" s="40"/>
      <c r="N1678" s="40"/>
      <c r="Y1678">
        <v>10.533332999999999</v>
      </c>
      <c r="Z1678">
        <v>88.833332999999996</v>
      </c>
      <c r="AA1678">
        <v>8.6147589999999994</v>
      </c>
      <c r="AB1678">
        <v>4.3439928276184077</v>
      </c>
    </row>
    <row r="1679" spans="4:28" x14ac:dyDescent="0.25">
      <c r="D1679" s="40">
        <v>27.848887000001238</v>
      </c>
      <c r="E1679" s="40">
        <v>12.980430852016237</v>
      </c>
      <c r="F1679" s="40">
        <v>27.833332999999996</v>
      </c>
      <c r="G1679" s="40">
        <v>10.210907662810206</v>
      </c>
      <c r="H1679" s="40">
        <v>27.833334000000008</v>
      </c>
      <c r="I1679" s="40">
        <v>8.2752430709051286</v>
      </c>
      <c r="J1679" s="40">
        <v>27.8333231011907</v>
      </c>
      <c r="K1679" s="40">
        <v>8.4803377924412402</v>
      </c>
      <c r="L1679" s="40"/>
      <c r="M1679" s="40"/>
      <c r="N1679" s="40"/>
      <c r="Y1679">
        <v>10.549999999999997</v>
      </c>
      <c r="Z1679">
        <v>88.85</v>
      </c>
      <c r="AA1679">
        <v>8.6147930000000006</v>
      </c>
      <c r="AB1679">
        <v>4.3444046436374357</v>
      </c>
    </row>
    <row r="1680" spans="4:28" x14ac:dyDescent="0.25">
      <c r="D1680" s="40">
        <v>27.865553000001238</v>
      </c>
      <c r="E1680" s="40">
        <v>12.985274030605659</v>
      </c>
      <c r="F1680" s="40">
        <v>27.849999999999994</v>
      </c>
      <c r="G1680" s="40">
        <v>10.215662906900301</v>
      </c>
      <c r="H1680" s="40">
        <v>27.850000000000009</v>
      </c>
      <c r="I1680" s="40">
        <v>8.2785958070483865</v>
      </c>
      <c r="J1680" s="40">
        <v>27.849989761904901</v>
      </c>
      <c r="K1680" s="40">
        <v>8.4850461583943009</v>
      </c>
      <c r="L1680" s="40"/>
      <c r="M1680" s="40"/>
      <c r="N1680" s="40"/>
      <c r="Y1680">
        <v>10.56666700000001</v>
      </c>
      <c r="Z1680">
        <v>88.866667000000007</v>
      </c>
      <c r="AA1680">
        <v>8.6148260000000008</v>
      </c>
      <c r="AB1680">
        <v>4.3448043474205971</v>
      </c>
    </row>
    <row r="1681" spans="4:28" x14ac:dyDescent="0.25">
      <c r="D1681" s="40">
        <v>27.882219000001239</v>
      </c>
      <c r="E1681" s="40">
        <v>12.990117209195207</v>
      </c>
      <c r="F1681" s="40">
        <v>27.866666999999993</v>
      </c>
      <c r="G1681" s="40">
        <v>10.220278290870201</v>
      </c>
      <c r="H1681" s="40">
        <v>27.866667000000007</v>
      </c>
      <c r="I1681" s="40">
        <v>8.2819485431918185</v>
      </c>
      <c r="J1681" s="40">
        <v>27.866656422619201</v>
      </c>
      <c r="K1681" s="40">
        <v>8.4850461583943009</v>
      </c>
      <c r="L1681" s="40"/>
      <c r="M1681" s="40"/>
      <c r="N1681" s="40"/>
      <c r="Y1681">
        <v>10.583332999999996</v>
      </c>
      <c r="Z1681">
        <v>88.883332999999993</v>
      </c>
      <c r="AA1681">
        <v>8.6148600000000002</v>
      </c>
      <c r="AB1681">
        <v>4.3452161634396038</v>
      </c>
    </row>
    <row r="1682" spans="4:28" x14ac:dyDescent="0.25">
      <c r="D1682" s="40">
        <v>27.89888500000124</v>
      </c>
      <c r="E1682" s="40">
        <v>12.999661119945179</v>
      </c>
      <c r="F1682" s="40">
        <v>27.883332999999993</v>
      </c>
      <c r="G1682" s="40">
        <v>10.225033534960419</v>
      </c>
      <c r="H1682" s="40">
        <v>27.883334000000005</v>
      </c>
      <c r="I1682" s="40">
        <v>8.285202669448406</v>
      </c>
      <c r="J1682" s="40">
        <v>27.883323083333501</v>
      </c>
      <c r="K1682" s="40">
        <v>8.4898972021034069</v>
      </c>
      <c r="L1682" s="40"/>
      <c r="M1682" s="40"/>
      <c r="N1682" s="40"/>
      <c r="Y1682">
        <v>10.600000000000009</v>
      </c>
      <c r="Z1682">
        <v>88.9</v>
      </c>
      <c r="AA1682">
        <v>8.6148939999999996</v>
      </c>
      <c r="AB1682">
        <v>4.3456279794586097</v>
      </c>
    </row>
    <row r="1683" spans="4:28" x14ac:dyDescent="0.25">
      <c r="D1683" s="40">
        <v>27.915551000001241</v>
      </c>
      <c r="E1683" s="40">
        <v>13.004504298534602</v>
      </c>
      <c r="F1683" s="40">
        <v>27.899999999999991</v>
      </c>
      <c r="G1683" s="40">
        <v>10.229788779050516</v>
      </c>
      <c r="H1683" s="40">
        <v>27.900000000000006</v>
      </c>
      <c r="I1683" s="40">
        <v>8.2919081417350942</v>
      </c>
      <c r="J1683" s="40">
        <v>27.899989744047801</v>
      </c>
      <c r="K1683" s="40">
        <v>8.4947482458126391</v>
      </c>
      <c r="L1683" s="40"/>
      <c r="M1683" s="40"/>
      <c r="N1683" s="40"/>
      <c r="Y1683">
        <v>10.616667000000007</v>
      </c>
      <c r="Z1683">
        <v>88.916667000000004</v>
      </c>
      <c r="AA1683">
        <v>8.6149269999999998</v>
      </c>
      <c r="AB1683">
        <v>4.3460276832417719</v>
      </c>
    </row>
    <row r="1684" spans="4:28" x14ac:dyDescent="0.25">
      <c r="D1684" s="40">
        <v>27.932217000001241</v>
      </c>
      <c r="E1684" s="40">
        <v>13.009205030695027</v>
      </c>
      <c r="F1684" s="40">
        <v>27.91666699999999</v>
      </c>
      <c r="G1684" s="40">
        <v>10.234404163020416</v>
      </c>
      <c r="H1684" s="40">
        <v>27.916667000000004</v>
      </c>
      <c r="I1684" s="40">
        <v>8.2951622679918575</v>
      </c>
      <c r="J1684" s="40">
        <v>27.916656404762101</v>
      </c>
      <c r="K1684" s="40">
        <v>8.4947482458126391</v>
      </c>
      <c r="L1684" s="40"/>
      <c r="M1684" s="40"/>
      <c r="N1684" s="40"/>
      <c r="Y1684">
        <v>10.633333000000007</v>
      </c>
      <c r="Z1684">
        <v>88.933333000000005</v>
      </c>
      <c r="AA1684">
        <v>8.6149609999999992</v>
      </c>
      <c r="AB1684">
        <v>4.3464394992607787</v>
      </c>
    </row>
    <row r="1685" spans="4:28" x14ac:dyDescent="0.25">
      <c r="D1685" s="40">
        <v>27.948883000001242</v>
      </c>
      <c r="E1685" s="40">
        <v>13.018891387873998</v>
      </c>
      <c r="F1685" s="40">
        <v>27.93333299999999</v>
      </c>
      <c r="G1685" s="40">
        <v>10.239159407110634</v>
      </c>
      <c r="H1685" s="40">
        <v>27.933334000000002</v>
      </c>
      <c r="I1685" s="40">
        <v>8.2985150041351154</v>
      </c>
      <c r="J1685" s="40">
        <v>27.933323065476401</v>
      </c>
      <c r="K1685" s="40">
        <v>8.499456611765698</v>
      </c>
      <c r="L1685" s="40"/>
      <c r="M1685" s="40"/>
      <c r="N1685" s="40"/>
      <c r="Y1685">
        <v>10.650000000000006</v>
      </c>
      <c r="Z1685">
        <v>88.95</v>
      </c>
      <c r="AA1685">
        <v>8.6150280000000006</v>
      </c>
      <c r="AB1685">
        <v>4.3472510190629681</v>
      </c>
    </row>
    <row r="1686" spans="4:28" x14ac:dyDescent="0.25">
      <c r="D1686" s="40">
        <v>27.965549000001243</v>
      </c>
      <c r="E1686" s="40">
        <v>13.023592120034424</v>
      </c>
      <c r="F1686" s="40">
        <v>27.949999999999989</v>
      </c>
      <c r="G1686" s="40">
        <v>10.243914651200853</v>
      </c>
      <c r="H1686" s="40">
        <v>27.950000000000003</v>
      </c>
      <c r="I1686" s="40">
        <v>8.3018677402785475</v>
      </c>
      <c r="J1686" s="40">
        <v>27.949989726190701</v>
      </c>
      <c r="K1686" s="40">
        <v>8.5043076554749302</v>
      </c>
      <c r="L1686" s="40"/>
      <c r="M1686" s="40"/>
      <c r="N1686" s="40"/>
      <c r="Y1686">
        <v>10.666667000000004</v>
      </c>
      <c r="Z1686">
        <v>88.966667000000001</v>
      </c>
      <c r="AA1686">
        <v>8.615062</v>
      </c>
      <c r="AB1686">
        <v>4.3476628350819748</v>
      </c>
    </row>
    <row r="1687" spans="4:28" x14ac:dyDescent="0.25">
      <c r="D1687" s="40">
        <v>27.982215000001244</v>
      </c>
      <c r="E1687" s="40">
        <v>13.02843529862397</v>
      </c>
      <c r="F1687" s="40">
        <v>27.966667000000001</v>
      </c>
      <c r="G1687" s="40">
        <v>10.248669895290949</v>
      </c>
      <c r="H1687" s="40">
        <v>27.966667000000001</v>
      </c>
      <c r="I1687" s="40">
        <v>8.3051218665353108</v>
      </c>
      <c r="J1687" s="40">
        <v>27.966656386904901</v>
      </c>
      <c r="K1687" s="40">
        <v>8.5091586991840362</v>
      </c>
      <c r="L1687" s="40"/>
      <c r="M1687" s="40"/>
      <c r="N1687" s="40"/>
      <c r="Y1687">
        <v>10.683333000000005</v>
      </c>
      <c r="Z1687">
        <v>88.983333000000002</v>
      </c>
      <c r="AA1687">
        <v>8.6150959999999994</v>
      </c>
      <c r="AB1687">
        <v>4.3480746511009816</v>
      </c>
    </row>
    <row r="1688" spans="4:28" x14ac:dyDescent="0.25">
      <c r="D1688" s="40">
        <v>27.998881000001244</v>
      </c>
      <c r="E1688" s="40">
        <v>13.033278477213393</v>
      </c>
      <c r="F1688" s="40">
        <v>27.983332999999988</v>
      </c>
      <c r="G1688" s="40">
        <v>10.248669895290949</v>
      </c>
      <c r="H1688" s="40">
        <v>27.983334000000013</v>
      </c>
      <c r="I1688" s="40">
        <v>8.3084746026785687</v>
      </c>
      <c r="J1688" s="40">
        <v>27.983323047619201</v>
      </c>
      <c r="K1688" s="40">
        <v>8.5138670651370969</v>
      </c>
      <c r="L1688" s="40"/>
      <c r="M1688" s="40"/>
      <c r="N1688" s="40"/>
      <c r="Y1688">
        <v>10.700000000000003</v>
      </c>
      <c r="Z1688">
        <v>89</v>
      </c>
      <c r="AA1688">
        <v>8.6151289999999996</v>
      </c>
      <c r="AB1688">
        <v>4.3484743548841429</v>
      </c>
    </row>
    <row r="1689" spans="4:28" x14ac:dyDescent="0.25">
      <c r="D1689" s="40">
        <v>28.015547000001245</v>
      </c>
      <c r="E1689" s="40">
        <v>13.042822387963367</v>
      </c>
      <c r="F1689" s="40">
        <v>28</v>
      </c>
      <c r="G1689" s="40">
        <v>10.253285279260849</v>
      </c>
      <c r="H1689" s="40">
        <v>28</v>
      </c>
      <c r="I1689" s="40">
        <v>8.3118273388218249</v>
      </c>
      <c r="J1689" s="40">
        <v>27.999989708333501</v>
      </c>
      <c r="K1689" s="40">
        <v>8.5187181088463291</v>
      </c>
      <c r="L1689" s="40"/>
      <c r="M1689" s="40"/>
      <c r="N1689" s="40"/>
      <c r="Y1689">
        <v>10.716667000000001</v>
      </c>
      <c r="Z1689">
        <v>89.016666999999998</v>
      </c>
      <c r="AA1689">
        <v>8.6151630000000008</v>
      </c>
      <c r="AB1689">
        <v>4.3488861709031701</v>
      </c>
    </row>
    <row r="1690" spans="4:28" x14ac:dyDescent="0.25">
      <c r="D1690" s="40">
        <v>28.032213000001246</v>
      </c>
      <c r="E1690" s="40">
        <v>13.047665566552915</v>
      </c>
      <c r="F1690" s="40">
        <v>28.016666999999998</v>
      </c>
      <c r="G1690" s="40">
        <v>10.258040523351069</v>
      </c>
      <c r="H1690" s="40">
        <v>28.016667000000012</v>
      </c>
      <c r="I1690" s="40">
        <v>8.3150814650785883</v>
      </c>
      <c r="J1690" s="40">
        <v>28.016656369047801</v>
      </c>
      <c r="K1690" s="40">
        <v>8.5235691525554351</v>
      </c>
      <c r="L1690" s="40"/>
      <c r="M1690" s="40"/>
      <c r="N1690" s="40"/>
      <c r="Y1690">
        <v>10.733333000000002</v>
      </c>
      <c r="Z1690">
        <v>89.033332999999999</v>
      </c>
      <c r="AA1690">
        <v>8.6151970000000002</v>
      </c>
      <c r="AB1690">
        <v>4.3492979869221768</v>
      </c>
    </row>
    <row r="1691" spans="4:28" x14ac:dyDescent="0.25">
      <c r="D1691" s="40">
        <v>28.048879000001246</v>
      </c>
      <c r="E1691" s="40">
        <v>13.052366298713215</v>
      </c>
      <c r="F1691" s="40">
        <v>28.033332999999999</v>
      </c>
      <c r="G1691" s="40">
        <v>10.262795767441164</v>
      </c>
      <c r="H1691" s="40">
        <v>28.033334000000011</v>
      </c>
      <c r="I1691" s="40">
        <v>8.3184342012218462</v>
      </c>
      <c r="J1691" s="40">
        <v>28.033323029762101</v>
      </c>
      <c r="K1691" s="40">
        <v>8.528277518508494</v>
      </c>
      <c r="L1691" s="40"/>
      <c r="M1691" s="40"/>
      <c r="N1691" s="40"/>
      <c r="Y1691">
        <v>10.75</v>
      </c>
      <c r="Z1691">
        <v>89.05</v>
      </c>
      <c r="AA1691">
        <v>8.6152639999999998</v>
      </c>
      <c r="AB1691">
        <v>4.3501095067243458</v>
      </c>
    </row>
    <row r="1692" spans="4:28" x14ac:dyDescent="0.25">
      <c r="D1692" s="40">
        <v>28.065545000001247</v>
      </c>
      <c r="E1692" s="40">
        <v>13.062052655892312</v>
      </c>
      <c r="F1692" s="40">
        <v>28.049999999999997</v>
      </c>
      <c r="G1692" s="40">
        <v>10.267411151411064</v>
      </c>
      <c r="H1692" s="40">
        <v>28.050000000000011</v>
      </c>
      <c r="I1692" s="40">
        <v>8.3217869373652782</v>
      </c>
      <c r="J1692" s="40">
        <v>28.049989690476401</v>
      </c>
      <c r="K1692" s="40">
        <v>8.5331285622177262</v>
      </c>
      <c r="L1692" s="40"/>
      <c r="M1692" s="40"/>
      <c r="N1692" s="40"/>
      <c r="Y1692">
        <v>10.766666999999998</v>
      </c>
      <c r="Z1692">
        <v>89.066666999999995</v>
      </c>
      <c r="AA1692">
        <v>8.6152979999999992</v>
      </c>
      <c r="AB1692">
        <v>4.3505213227433517</v>
      </c>
    </row>
    <row r="1693" spans="4:28" x14ac:dyDescent="0.25">
      <c r="D1693" s="40">
        <v>28.082211000001248</v>
      </c>
      <c r="E1693" s="40">
        <v>13.066753388052609</v>
      </c>
      <c r="F1693" s="40">
        <v>28.066666999999995</v>
      </c>
      <c r="G1693" s="40">
        <v>10.267411151411064</v>
      </c>
      <c r="H1693" s="40">
        <v>28.06666700000001</v>
      </c>
      <c r="I1693" s="40">
        <v>8.3250410636220415</v>
      </c>
      <c r="J1693" s="40">
        <v>28.066656351190701</v>
      </c>
      <c r="K1693" s="40">
        <v>8.5379796059268322</v>
      </c>
      <c r="L1693" s="40"/>
      <c r="M1693" s="40"/>
      <c r="N1693" s="40"/>
      <c r="Y1693">
        <v>10.783332999999999</v>
      </c>
      <c r="Z1693">
        <v>89.083332999999996</v>
      </c>
      <c r="AA1693">
        <v>8.6153309999999994</v>
      </c>
      <c r="AB1693">
        <v>4.3509210265265139</v>
      </c>
    </row>
    <row r="1694" spans="4:28" x14ac:dyDescent="0.25">
      <c r="D1694" s="40">
        <v>28.098877000001249</v>
      </c>
      <c r="E1694" s="40">
        <v>13.071596566642159</v>
      </c>
      <c r="F1694" s="40">
        <v>28.083332999999996</v>
      </c>
      <c r="G1694" s="40">
        <v>10.272166395501284</v>
      </c>
      <c r="H1694" s="40">
        <v>28.083334000000008</v>
      </c>
      <c r="I1694" s="40">
        <v>8.3283937997652995</v>
      </c>
      <c r="J1694" s="40">
        <v>28.083323011904898</v>
      </c>
      <c r="K1694" s="40">
        <v>8.5426879718798929</v>
      </c>
      <c r="L1694" s="40"/>
      <c r="M1694" s="40"/>
      <c r="N1694" s="40"/>
      <c r="Y1694">
        <v>10.799999999999997</v>
      </c>
      <c r="Z1694">
        <v>89.1</v>
      </c>
      <c r="AA1694">
        <v>8.6153650000000006</v>
      </c>
      <c r="AB1694">
        <v>4.351332842545542</v>
      </c>
    </row>
    <row r="1695" spans="4:28" x14ac:dyDescent="0.25">
      <c r="D1695" s="40">
        <v>28.115543000001249</v>
      </c>
      <c r="E1695" s="40">
        <v>13.071596566642159</v>
      </c>
      <c r="F1695" s="40">
        <v>28.099999999999994</v>
      </c>
      <c r="G1695" s="40">
        <v>10.276921639591377</v>
      </c>
      <c r="H1695" s="40">
        <v>28.100000000000009</v>
      </c>
      <c r="I1695" s="40">
        <v>8.3317465359085556</v>
      </c>
      <c r="J1695" s="40">
        <v>28.099989672619198</v>
      </c>
      <c r="K1695" s="40">
        <v>8.5426879718798929</v>
      </c>
      <c r="L1695" s="40"/>
      <c r="M1695" s="40"/>
      <c r="N1695" s="40"/>
      <c r="Y1695">
        <v>10.81666700000001</v>
      </c>
      <c r="Z1695">
        <v>89.116667000000007</v>
      </c>
      <c r="AA1695">
        <v>8.615399</v>
      </c>
      <c r="AB1695">
        <v>4.3517446585645478</v>
      </c>
    </row>
    <row r="1696" spans="4:28" x14ac:dyDescent="0.25">
      <c r="D1696" s="40">
        <v>28.13220900000125</v>
      </c>
      <c r="E1696" s="40">
        <v>13.076439745231706</v>
      </c>
      <c r="F1696" s="40">
        <v>28.116666999999993</v>
      </c>
      <c r="G1696" s="40">
        <v>10.281537023561278</v>
      </c>
      <c r="H1696" s="40">
        <v>28.116667000000007</v>
      </c>
      <c r="I1696" s="40">
        <v>8.3350006621653172</v>
      </c>
      <c r="J1696" s="40">
        <v>28.116656333333498</v>
      </c>
      <c r="K1696" s="40">
        <v>8.5475390155891251</v>
      </c>
      <c r="L1696" s="40"/>
      <c r="M1696" s="40"/>
      <c r="N1696" s="40"/>
      <c r="Y1696">
        <v>10.833332999999996</v>
      </c>
      <c r="Z1696">
        <v>89.133332999999993</v>
      </c>
      <c r="AA1696">
        <v>8.6154320000000002</v>
      </c>
      <c r="AB1696">
        <v>4.3521443623477101</v>
      </c>
    </row>
    <row r="1697" spans="4:28" x14ac:dyDescent="0.25">
      <c r="D1697" s="40">
        <v>28.148875000001251</v>
      </c>
      <c r="E1697" s="40">
        <v>13.081140477392132</v>
      </c>
      <c r="F1697" s="40">
        <v>28.133332999999993</v>
      </c>
      <c r="G1697" s="40">
        <v>10.286292267651497</v>
      </c>
      <c r="H1697" s="40">
        <v>28.133334000000005</v>
      </c>
      <c r="I1697" s="40">
        <v>8.3383533983085751</v>
      </c>
      <c r="J1697" s="40">
        <v>28.133322994047798</v>
      </c>
      <c r="K1697" s="40">
        <v>8.5523900592983555</v>
      </c>
      <c r="L1697" s="40"/>
      <c r="M1697" s="40"/>
      <c r="N1697" s="40"/>
      <c r="Y1697">
        <v>10.850000000000009</v>
      </c>
      <c r="Z1697">
        <v>89.15</v>
      </c>
      <c r="AA1697">
        <v>8.6154659999999996</v>
      </c>
      <c r="AB1697">
        <v>4.3525561783667159</v>
      </c>
    </row>
    <row r="1698" spans="4:28" x14ac:dyDescent="0.25">
      <c r="D1698" s="40">
        <v>28.165541000001252</v>
      </c>
      <c r="E1698" s="40">
        <v>13.081140477392132</v>
      </c>
      <c r="F1698" s="40">
        <v>28.149999999999991</v>
      </c>
      <c r="G1698" s="40">
        <v>10.291047511741718</v>
      </c>
      <c r="H1698" s="40">
        <v>28.150000000000006</v>
      </c>
      <c r="I1698" s="40">
        <v>8.3417061344520071</v>
      </c>
      <c r="J1698" s="40">
        <v>28.149989654762098</v>
      </c>
      <c r="K1698" s="40">
        <v>8.5570984252512901</v>
      </c>
      <c r="L1698" s="40"/>
      <c r="M1698" s="40"/>
      <c r="N1698" s="40"/>
      <c r="Y1698">
        <v>10.866667000000007</v>
      </c>
      <c r="Z1698">
        <v>89.166667000000004</v>
      </c>
      <c r="AA1698">
        <v>8.6155329999999992</v>
      </c>
      <c r="AB1698">
        <v>4.3533676981688849</v>
      </c>
    </row>
    <row r="1699" spans="4:28" x14ac:dyDescent="0.25">
      <c r="D1699" s="40">
        <v>28.182207000001252</v>
      </c>
      <c r="E1699" s="40">
        <v>13.081140477392132</v>
      </c>
      <c r="F1699" s="40">
        <v>28.16666699999999</v>
      </c>
      <c r="G1699" s="40">
        <v>10.295662895711493</v>
      </c>
      <c r="H1699" s="40">
        <v>28.166667000000004</v>
      </c>
      <c r="I1699" s="40">
        <v>8.3449602607087705</v>
      </c>
      <c r="J1699" s="40">
        <v>28.166656315476398</v>
      </c>
      <c r="K1699" s="40">
        <v>8.5619494689605222</v>
      </c>
      <c r="L1699" s="40"/>
      <c r="M1699" s="40"/>
      <c r="N1699" s="40"/>
      <c r="Y1699">
        <v>10.883333000000007</v>
      </c>
      <c r="Z1699">
        <v>89.183333000000005</v>
      </c>
      <c r="AA1699">
        <v>8.6155670000000004</v>
      </c>
      <c r="AB1699">
        <v>4.3537795141879121</v>
      </c>
    </row>
    <row r="1700" spans="4:28" x14ac:dyDescent="0.25">
      <c r="D1700" s="40">
        <v>28.198873000001253</v>
      </c>
      <c r="E1700" s="40">
        <v>13.085983655981554</v>
      </c>
      <c r="F1700" s="40">
        <v>28.18333299999999</v>
      </c>
      <c r="G1700" s="40">
        <v>10.295662895711493</v>
      </c>
      <c r="H1700" s="40">
        <v>28.183334000000002</v>
      </c>
      <c r="I1700" s="40">
        <v>8.3483129968520284</v>
      </c>
      <c r="J1700" s="40">
        <v>28.183322976190698</v>
      </c>
      <c r="K1700" s="40">
        <v>8.5668005126697544</v>
      </c>
      <c r="L1700" s="40"/>
      <c r="M1700" s="40"/>
      <c r="N1700" s="40"/>
      <c r="Y1700">
        <v>10.900000000000006</v>
      </c>
      <c r="Z1700">
        <v>89.2</v>
      </c>
      <c r="AA1700">
        <v>8.6156009999999998</v>
      </c>
      <c r="AB1700">
        <v>4.3541913302069188</v>
      </c>
    </row>
    <row r="1701" spans="4:28" x14ac:dyDescent="0.25">
      <c r="D1701" s="40">
        <v>28.215539000001254</v>
      </c>
      <c r="E1701" s="40">
        <v>13.085983655981554</v>
      </c>
      <c r="F1701" s="40">
        <v>28.199999999999989</v>
      </c>
      <c r="G1701" s="40">
        <v>10.300418139801712</v>
      </c>
      <c r="H1701" s="40">
        <v>28.200000000000003</v>
      </c>
      <c r="I1701" s="40">
        <v>8.3516657329952846</v>
      </c>
      <c r="J1701" s="40">
        <v>28.199989636904998</v>
      </c>
      <c r="K1701" s="40">
        <v>8.5668005126697544</v>
      </c>
      <c r="L1701" s="40"/>
      <c r="M1701" s="40"/>
      <c r="N1701" s="40"/>
      <c r="Y1701">
        <v>10.916667000000004</v>
      </c>
      <c r="Z1701">
        <v>89.216667000000001</v>
      </c>
      <c r="AA1701">
        <v>8.615634</v>
      </c>
      <c r="AB1701">
        <v>4.3545910339900811</v>
      </c>
    </row>
    <row r="1702" spans="4:28" x14ac:dyDescent="0.25">
      <c r="D1702" s="40">
        <v>28.232205000001255</v>
      </c>
      <c r="E1702" s="40">
        <v>13.085983655981554</v>
      </c>
      <c r="F1702" s="40">
        <v>28.216667000000001</v>
      </c>
      <c r="G1702" s="40">
        <v>10.305173383891931</v>
      </c>
      <c r="H1702" s="40">
        <v>28.216667000000001</v>
      </c>
      <c r="I1702" s="40">
        <v>8.3549198592520479</v>
      </c>
      <c r="J1702" s="40">
        <v>28.216656297619199</v>
      </c>
      <c r="K1702" s="40">
        <v>8.571508878622689</v>
      </c>
      <c r="L1702" s="40"/>
      <c r="M1702" s="40"/>
      <c r="N1702" s="40"/>
      <c r="Y1702">
        <v>10.933333000000005</v>
      </c>
      <c r="Z1702">
        <v>89.233333000000002</v>
      </c>
      <c r="AA1702">
        <v>8.6156679999999994</v>
      </c>
      <c r="AB1702">
        <v>4.3550028500090878</v>
      </c>
    </row>
    <row r="1703" spans="4:28" x14ac:dyDescent="0.25">
      <c r="D1703" s="40">
        <v>28.248871000001255</v>
      </c>
      <c r="E1703" s="40">
        <v>13.085983655981554</v>
      </c>
      <c r="F1703" s="40">
        <v>28.233332999999988</v>
      </c>
      <c r="G1703" s="40">
        <v>10.309788767861708</v>
      </c>
      <c r="H1703" s="40">
        <v>28.233334000000013</v>
      </c>
      <c r="I1703" s="40">
        <v>8.3582725953954817</v>
      </c>
      <c r="J1703" s="40">
        <v>28.233322958333499</v>
      </c>
      <c r="K1703" s="40">
        <v>8.5763599223319193</v>
      </c>
      <c r="L1703" s="40"/>
      <c r="M1703" s="40"/>
      <c r="N1703" s="40"/>
      <c r="Y1703">
        <v>10.950000000000003</v>
      </c>
      <c r="Z1703">
        <v>89.25</v>
      </c>
      <c r="AA1703">
        <v>8.6157020000000006</v>
      </c>
      <c r="AB1703">
        <v>4.355414666028115</v>
      </c>
    </row>
    <row r="1704" spans="4:28" x14ac:dyDescent="0.25">
      <c r="D1704" s="40">
        <v>28.265537000001256</v>
      </c>
      <c r="E1704" s="40">
        <v>13.090826834571104</v>
      </c>
      <c r="F1704" s="40">
        <v>28.25</v>
      </c>
      <c r="G1704" s="40">
        <v>10.314544011951927</v>
      </c>
      <c r="H1704" s="40">
        <v>28.25</v>
      </c>
      <c r="I1704" s="40">
        <v>8.3616253315387379</v>
      </c>
      <c r="J1704" s="40">
        <v>28.249989619047799</v>
      </c>
      <c r="K1704" s="40">
        <v>8.5812109660411515</v>
      </c>
      <c r="L1704" s="40"/>
      <c r="M1704" s="40"/>
      <c r="N1704" s="40"/>
      <c r="Y1704">
        <v>10.966667000000001</v>
      </c>
      <c r="Z1704">
        <v>89.266666999999998</v>
      </c>
      <c r="AA1704">
        <v>8.6157350000000008</v>
      </c>
      <c r="AB1704">
        <v>4.3558143698112772</v>
      </c>
    </row>
    <row r="1705" spans="4:28" x14ac:dyDescent="0.25">
      <c r="D1705" s="40">
        <v>28.282203000001257</v>
      </c>
      <c r="E1705" s="40">
        <v>13.095527566731528</v>
      </c>
      <c r="F1705" s="40">
        <v>28.266666999999998</v>
      </c>
      <c r="G1705" s="40">
        <v>10.319299256042147</v>
      </c>
      <c r="H1705" s="40">
        <v>28.266667000000012</v>
      </c>
      <c r="I1705" s="40">
        <v>8.3648794577955012</v>
      </c>
      <c r="J1705" s="40">
        <v>28.266656279762099</v>
      </c>
      <c r="K1705" s="40">
        <v>8.5859193319942122</v>
      </c>
      <c r="L1705" s="40"/>
      <c r="M1705" s="40"/>
      <c r="N1705" s="40"/>
      <c r="Y1705">
        <v>10.983333000000002</v>
      </c>
      <c r="Z1705">
        <v>89.283332999999999</v>
      </c>
      <c r="AA1705">
        <v>8.6157690000000002</v>
      </c>
      <c r="AB1705">
        <v>4.356226185830284</v>
      </c>
    </row>
    <row r="1706" spans="4:28" x14ac:dyDescent="0.25">
      <c r="D1706" s="40">
        <v>28.298869000001257</v>
      </c>
      <c r="E1706" s="40">
        <v>13.10037074532095</v>
      </c>
      <c r="F1706" s="40">
        <v>28.283332999999999</v>
      </c>
      <c r="G1706" s="40">
        <v>10.323914640012047</v>
      </c>
      <c r="H1706" s="40">
        <v>28.283334000000011</v>
      </c>
      <c r="I1706" s="40">
        <v>8.3648794577955012</v>
      </c>
      <c r="J1706" s="40">
        <v>28.283322940476399</v>
      </c>
      <c r="K1706" s="40">
        <v>8.5907703757033183</v>
      </c>
      <c r="L1706" s="40"/>
      <c r="M1706" s="40"/>
      <c r="N1706" s="40"/>
      <c r="Y1706">
        <v>11</v>
      </c>
      <c r="Z1706">
        <v>89.3</v>
      </c>
      <c r="AA1706">
        <v>8.6158020000000004</v>
      </c>
      <c r="AB1706">
        <v>4.3566258896134453</v>
      </c>
    </row>
    <row r="1707" spans="4:28" x14ac:dyDescent="0.25">
      <c r="D1707" s="40">
        <v>28.315535000001258</v>
      </c>
      <c r="E1707" s="40">
        <v>13.10037074532095</v>
      </c>
      <c r="F1707" s="40">
        <v>28.299999999999997</v>
      </c>
      <c r="G1707" s="40">
        <v>10.32866988410214</v>
      </c>
      <c r="H1707" s="40">
        <v>28.300000000000011</v>
      </c>
      <c r="I1707" s="40">
        <v>8.3682321939387592</v>
      </c>
      <c r="J1707" s="40">
        <v>28.299989601190699</v>
      </c>
      <c r="K1707" s="40">
        <v>8.5907703757033183</v>
      </c>
      <c r="L1707" s="40"/>
      <c r="M1707" s="40"/>
      <c r="N1707" s="40"/>
      <c r="Y1707">
        <v>11.016666999999998</v>
      </c>
      <c r="Z1707">
        <v>89.316666999999995</v>
      </c>
      <c r="AA1707">
        <v>8.6158359999999998</v>
      </c>
      <c r="AB1707">
        <v>4.3570377056324521</v>
      </c>
    </row>
    <row r="1708" spans="4:28" x14ac:dyDescent="0.25">
      <c r="D1708" s="40">
        <v>28.332201000001259</v>
      </c>
      <c r="E1708" s="40">
        <v>13.105213923910497</v>
      </c>
      <c r="F1708" s="40">
        <v>28.316666999999995</v>
      </c>
      <c r="G1708" s="40">
        <v>10.333425128192362</v>
      </c>
      <c r="H1708" s="40">
        <v>28.31666700000001</v>
      </c>
      <c r="I1708" s="40">
        <v>8.3715849300820171</v>
      </c>
      <c r="J1708" s="40">
        <v>28.316656261904999</v>
      </c>
      <c r="K1708" s="40">
        <v>8.5956214194125504</v>
      </c>
      <c r="L1708" s="40"/>
      <c r="M1708" s="40"/>
      <c r="N1708" s="40"/>
      <c r="Y1708">
        <v>11.033332999999999</v>
      </c>
      <c r="Z1708">
        <v>89.333332999999996</v>
      </c>
      <c r="AA1708">
        <v>8.6158699999999993</v>
      </c>
      <c r="AB1708">
        <v>4.3574495216514579</v>
      </c>
    </row>
    <row r="1709" spans="4:28" x14ac:dyDescent="0.25">
      <c r="D1709" s="40">
        <v>28.34886700000126</v>
      </c>
      <c r="E1709" s="40">
        <v>13.105213923910497</v>
      </c>
      <c r="F1709" s="40">
        <v>28.333332999999996</v>
      </c>
      <c r="G1709" s="40">
        <v>10.333425128192362</v>
      </c>
      <c r="H1709" s="40">
        <v>28.333334000000008</v>
      </c>
      <c r="I1709" s="40">
        <v>8.3715849300820171</v>
      </c>
      <c r="J1709" s="40">
        <v>28.3333229226192</v>
      </c>
      <c r="K1709" s="40">
        <v>8.5956214194125504</v>
      </c>
      <c r="L1709" s="40"/>
      <c r="M1709" s="40"/>
      <c r="N1709" s="40"/>
      <c r="Y1709">
        <v>11.049999999999997</v>
      </c>
      <c r="Z1709">
        <v>89.35</v>
      </c>
      <c r="AA1709">
        <v>8.6159029999999994</v>
      </c>
      <c r="AB1709">
        <v>4.3578492254346202</v>
      </c>
    </row>
    <row r="1710" spans="4:28" x14ac:dyDescent="0.25">
      <c r="D1710" s="40">
        <v>28.36553300000126</v>
      </c>
      <c r="E1710" s="40">
        <v>13.105213923910497</v>
      </c>
      <c r="F1710" s="40">
        <v>28.349999999999994</v>
      </c>
      <c r="G1710" s="40">
        <v>10.338040512162262</v>
      </c>
      <c r="H1710" s="40">
        <v>28.350000000000009</v>
      </c>
      <c r="I1710" s="40">
        <v>8.3748390563387769</v>
      </c>
      <c r="J1710" s="40">
        <v>28.3499895833335</v>
      </c>
      <c r="K1710" s="40">
        <v>8.6003297853656093</v>
      </c>
      <c r="L1710" s="40"/>
      <c r="M1710" s="40"/>
      <c r="N1710" s="40"/>
      <c r="Y1710">
        <v>11.06666700000001</v>
      </c>
      <c r="Z1710">
        <v>89.366667000000007</v>
      </c>
      <c r="AA1710">
        <v>8.6159370000000006</v>
      </c>
      <c r="AB1710">
        <v>4.3582610414536482</v>
      </c>
    </row>
    <row r="1711" spans="4:28" x14ac:dyDescent="0.25">
      <c r="D1711" s="40">
        <v>28.382199000001261</v>
      </c>
      <c r="E1711" s="40">
        <v>13.109914656070924</v>
      </c>
      <c r="F1711" s="40">
        <v>28.366666999999993</v>
      </c>
      <c r="G1711" s="40">
        <v>10.342795756252356</v>
      </c>
      <c r="H1711" s="40">
        <v>28.366667000000007</v>
      </c>
      <c r="I1711" s="40">
        <v>8.3748390563387769</v>
      </c>
      <c r="J1711" s="40">
        <v>28.3666562440478</v>
      </c>
      <c r="K1711" s="40">
        <v>8.6051808290747154</v>
      </c>
      <c r="L1711" s="40"/>
      <c r="M1711" s="40"/>
      <c r="N1711" s="40"/>
      <c r="Y1711">
        <v>11.083332999999996</v>
      </c>
      <c r="Z1711">
        <v>89.383332999999993</v>
      </c>
      <c r="AA1711">
        <v>8.615971</v>
      </c>
      <c r="AB1711">
        <v>4.3586728574726541</v>
      </c>
    </row>
    <row r="1712" spans="4:28" x14ac:dyDescent="0.25">
      <c r="D1712" s="40">
        <v>28.398865000001262</v>
      </c>
      <c r="E1712" s="40">
        <v>13.109914656070924</v>
      </c>
      <c r="F1712" s="40">
        <v>28.383332999999993</v>
      </c>
      <c r="G1712" s="40">
        <v>10.347551000342575</v>
      </c>
      <c r="H1712" s="40">
        <v>28.383334000000005</v>
      </c>
      <c r="I1712" s="40">
        <v>8.3781917924822107</v>
      </c>
      <c r="J1712" s="40">
        <v>28.3833229047621</v>
      </c>
      <c r="K1712" s="40">
        <v>8.6051808290747154</v>
      </c>
      <c r="L1712" s="40"/>
      <c r="M1712" s="40"/>
      <c r="N1712" s="40"/>
      <c r="Y1712">
        <v>11.100000000000009</v>
      </c>
      <c r="Z1712">
        <v>89.4</v>
      </c>
      <c r="AA1712">
        <v>8.6160040000000002</v>
      </c>
      <c r="AB1712">
        <v>4.3590725612558163</v>
      </c>
    </row>
    <row r="1713" spans="4:28" x14ac:dyDescent="0.25">
      <c r="D1713" s="40">
        <v>28.415531000001263</v>
      </c>
      <c r="E1713" s="40">
        <v>13.109914656070924</v>
      </c>
      <c r="F1713" s="40">
        <v>28.399999999999991</v>
      </c>
      <c r="G1713" s="40">
        <v>10.352166384312476</v>
      </c>
      <c r="H1713" s="40">
        <v>28.400000000000006</v>
      </c>
      <c r="I1713" s="40">
        <v>8.3781917924822107</v>
      </c>
      <c r="J1713" s="40">
        <v>28.3999895654764</v>
      </c>
      <c r="K1713" s="40">
        <v>8.6100318727839475</v>
      </c>
      <c r="L1713" s="40"/>
      <c r="M1713" s="40"/>
      <c r="N1713" s="40"/>
      <c r="Y1713">
        <v>11.116667000000007</v>
      </c>
      <c r="Z1713">
        <v>89.416667000000004</v>
      </c>
      <c r="AA1713">
        <v>8.6160379999999996</v>
      </c>
      <c r="AB1713">
        <v>4.3594843772748231</v>
      </c>
    </row>
    <row r="1714" spans="4:28" x14ac:dyDescent="0.25">
      <c r="D1714" s="40">
        <v>28.432197000001263</v>
      </c>
      <c r="E1714" s="40">
        <v>13.114757834660345</v>
      </c>
      <c r="F1714" s="40">
        <v>28.41666699999999</v>
      </c>
      <c r="G1714" s="40">
        <v>10.356921628402571</v>
      </c>
      <c r="H1714" s="40">
        <v>28.416667000000004</v>
      </c>
      <c r="I1714" s="40">
        <v>8.3815445286254668</v>
      </c>
      <c r="J1714" s="40">
        <v>28.4166562261907</v>
      </c>
      <c r="K1714" s="40">
        <v>8.6100318727839475</v>
      </c>
      <c r="L1714" s="40"/>
      <c r="M1714" s="40"/>
      <c r="N1714" s="40"/>
      <c r="Y1714">
        <v>11.133333000000007</v>
      </c>
      <c r="Z1714">
        <v>89.433333000000005</v>
      </c>
      <c r="AA1714">
        <v>8.6161049999999992</v>
      </c>
      <c r="AB1714">
        <v>4.3602958970769912</v>
      </c>
    </row>
    <row r="1715" spans="4:28" x14ac:dyDescent="0.25">
      <c r="D1715" s="40">
        <v>28.448863000001264</v>
      </c>
      <c r="E1715" s="40">
        <v>13.114757834660345</v>
      </c>
      <c r="F1715" s="40">
        <v>28.43333299999999</v>
      </c>
      <c r="G1715" s="40">
        <v>10.36167687249279</v>
      </c>
      <c r="H1715" s="40">
        <v>28.433334000000002</v>
      </c>
      <c r="I1715" s="40">
        <v>8.3847986548822302</v>
      </c>
      <c r="J1715" s="40">
        <v>28.433322886905</v>
      </c>
      <c r="K1715" s="40">
        <v>8.6147402387370082</v>
      </c>
      <c r="L1715" s="40"/>
      <c r="M1715" s="40"/>
      <c r="N1715" s="40"/>
      <c r="Y1715">
        <v>11.150000000000006</v>
      </c>
      <c r="Z1715">
        <v>89.45</v>
      </c>
      <c r="AA1715">
        <v>8.6161390000000004</v>
      </c>
      <c r="AB1715">
        <v>4.3607077130960192</v>
      </c>
    </row>
    <row r="1716" spans="4:28" x14ac:dyDescent="0.25">
      <c r="D1716" s="40">
        <v>28.465529000001265</v>
      </c>
      <c r="E1716" s="40">
        <v>13.114757834660345</v>
      </c>
      <c r="F1716" s="40">
        <v>28.449999999999989</v>
      </c>
      <c r="G1716" s="40">
        <v>10.366292256462691</v>
      </c>
      <c r="H1716" s="40">
        <v>28.450000000000003</v>
      </c>
      <c r="I1716" s="40">
        <v>8.3881513910254881</v>
      </c>
      <c r="J1716" s="40">
        <v>28.4499895476192</v>
      </c>
      <c r="K1716" s="40">
        <v>8.6147402387370082</v>
      </c>
      <c r="L1716" s="40"/>
      <c r="M1716" s="40"/>
      <c r="N1716" s="40"/>
      <c r="Y1716">
        <v>11.166667000000004</v>
      </c>
      <c r="Z1716">
        <v>89.466667000000001</v>
      </c>
      <c r="AA1716">
        <v>8.6161729999999999</v>
      </c>
      <c r="AB1716">
        <v>4.3611195291150251</v>
      </c>
    </row>
    <row r="1717" spans="4:28" x14ac:dyDescent="0.25">
      <c r="D1717" s="40">
        <v>28.482195000001266</v>
      </c>
      <c r="E1717" s="40">
        <v>13.114757834660345</v>
      </c>
      <c r="F1717" s="40">
        <v>28.466667000000001</v>
      </c>
      <c r="G1717" s="40">
        <v>10.37104750055291</v>
      </c>
      <c r="H1717" s="40">
        <v>28.466667000000001</v>
      </c>
      <c r="I1717" s="40">
        <v>8.3915041271689201</v>
      </c>
      <c r="J1717" s="40">
        <v>28.4666562083335</v>
      </c>
      <c r="K1717" s="40">
        <v>8.6147402387370082</v>
      </c>
      <c r="L1717" s="40"/>
      <c r="M1717" s="40"/>
      <c r="N1717" s="40"/>
      <c r="Y1717">
        <v>11.183333000000005</v>
      </c>
      <c r="Z1717">
        <v>89.483333000000002</v>
      </c>
      <c r="AA1717">
        <v>8.616206</v>
      </c>
      <c r="AB1717">
        <v>4.3615192328981873</v>
      </c>
    </row>
    <row r="1718" spans="4:28" x14ac:dyDescent="0.25">
      <c r="D1718" s="40">
        <v>28.498861000001266</v>
      </c>
      <c r="E1718" s="40">
        <v>13.119601013249895</v>
      </c>
      <c r="F1718" s="40">
        <v>28.483332999999988</v>
      </c>
      <c r="G1718" s="40">
        <v>10.37104750055291</v>
      </c>
      <c r="H1718" s="40">
        <v>28.483334000000013</v>
      </c>
      <c r="I1718" s="40">
        <v>8.3948568633121781</v>
      </c>
      <c r="J1718" s="40">
        <v>28.4833228690478</v>
      </c>
      <c r="K1718" s="40">
        <v>8.6147402387370082</v>
      </c>
      <c r="L1718" s="40"/>
      <c r="M1718" s="40"/>
      <c r="N1718" s="40"/>
      <c r="Y1718">
        <v>11.200000000000003</v>
      </c>
      <c r="Z1718">
        <v>89.5</v>
      </c>
      <c r="AA1718">
        <v>8.6162399999999995</v>
      </c>
      <c r="AB1718">
        <v>4.3619310489171932</v>
      </c>
    </row>
    <row r="1719" spans="4:28" x14ac:dyDescent="0.25">
      <c r="D1719" s="40">
        <v>28.515527000001267</v>
      </c>
      <c r="E1719" s="40">
        <v>13.124301745410319</v>
      </c>
      <c r="F1719" s="40">
        <v>28.5</v>
      </c>
      <c r="G1719" s="40">
        <v>10.375802744643005</v>
      </c>
      <c r="H1719" s="40">
        <v>28.5</v>
      </c>
      <c r="I1719" s="40">
        <v>8.3981109895689414</v>
      </c>
      <c r="J1719" s="40">
        <v>28.4999895297621</v>
      </c>
      <c r="K1719" s="40">
        <v>8.6195912824461143</v>
      </c>
      <c r="L1719" s="40"/>
      <c r="M1719" s="40"/>
      <c r="N1719" s="40"/>
      <c r="Y1719">
        <v>11.216667000000001</v>
      </c>
      <c r="Z1719">
        <v>89.516666999999998</v>
      </c>
      <c r="AA1719">
        <v>8.6162740000000007</v>
      </c>
      <c r="AB1719">
        <v>4.3623428649362213</v>
      </c>
    </row>
    <row r="1720" spans="4:28" x14ac:dyDescent="0.25">
      <c r="D1720" s="40">
        <v>28.532193000001268</v>
      </c>
      <c r="E1720" s="40">
        <v>13.124301745410319</v>
      </c>
      <c r="F1720" s="40">
        <v>28.516666999999998</v>
      </c>
      <c r="G1720" s="40">
        <v>10.380418128612906</v>
      </c>
      <c r="H1720" s="40">
        <v>28.516667000000012</v>
      </c>
      <c r="I1720" s="40">
        <v>8.4014637257121976</v>
      </c>
      <c r="J1720" s="40">
        <v>28.5166561904764</v>
      </c>
      <c r="K1720" s="40">
        <v>8.6195912824461143</v>
      </c>
      <c r="L1720" s="40"/>
      <c r="M1720" s="40"/>
      <c r="N1720" s="40"/>
      <c r="Y1720">
        <v>11.233333000000002</v>
      </c>
      <c r="Z1720">
        <v>89.533332999999999</v>
      </c>
      <c r="AA1720">
        <v>8.6163070000000008</v>
      </c>
      <c r="AB1720">
        <v>4.3627425687193835</v>
      </c>
    </row>
    <row r="1721" spans="4:28" x14ac:dyDescent="0.25">
      <c r="D1721" s="40">
        <v>28.548859000001269</v>
      </c>
      <c r="E1721" s="40">
        <v>13.129144923999743</v>
      </c>
      <c r="F1721" s="40">
        <v>28.533332999999999</v>
      </c>
      <c r="G1721" s="40">
        <v>10.385173372703125</v>
      </c>
      <c r="H1721" s="40">
        <v>28.533334000000011</v>
      </c>
      <c r="I1721" s="40">
        <v>8.4014637257121976</v>
      </c>
      <c r="J1721" s="40">
        <v>28.5333228511907</v>
      </c>
      <c r="K1721" s="40">
        <v>8.6244423261553464</v>
      </c>
      <c r="L1721" s="40"/>
      <c r="M1721" s="40"/>
      <c r="N1721" s="40"/>
      <c r="Y1721">
        <v>11.25</v>
      </c>
      <c r="Z1721">
        <v>89.55</v>
      </c>
      <c r="AA1721">
        <v>8.6163410000000002</v>
      </c>
      <c r="AB1721">
        <v>4.3631543847383902</v>
      </c>
    </row>
    <row r="1722" spans="4:28" x14ac:dyDescent="0.25">
      <c r="D1722" s="40">
        <v>28.565525000001269</v>
      </c>
      <c r="E1722" s="40">
        <v>13.138831281178838</v>
      </c>
      <c r="F1722" s="40">
        <v>28.549999999999997</v>
      </c>
      <c r="G1722" s="40">
        <v>10.389928616793219</v>
      </c>
      <c r="H1722" s="40">
        <v>28.550000000000011</v>
      </c>
      <c r="I1722" s="40">
        <v>8.4048164618554555</v>
      </c>
      <c r="J1722" s="40">
        <v>28.549989511905</v>
      </c>
      <c r="K1722" s="40">
        <v>8.6244423261553464</v>
      </c>
      <c r="L1722" s="40"/>
      <c r="M1722" s="40"/>
      <c r="N1722" s="40"/>
      <c r="Y1722">
        <v>11.266666999999998</v>
      </c>
      <c r="Z1722">
        <v>89.566666999999995</v>
      </c>
      <c r="AA1722">
        <v>8.6163749999999997</v>
      </c>
      <c r="AB1722">
        <v>4.3635662007573961</v>
      </c>
    </row>
    <row r="1723" spans="4:28" x14ac:dyDescent="0.25">
      <c r="D1723" s="40">
        <v>28.58219100000127</v>
      </c>
      <c r="E1723" s="40">
        <v>13.143532013339263</v>
      </c>
      <c r="F1723" s="40">
        <v>28.566666999999995</v>
      </c>
      <c r="G1723" s="40">
        <v>10.394544000763119</v>
      </c>
      <c r="H1723" s="40">
        <v>28.56666700000001</v>
      </c>
      <c r="I1723" s="40">
        <v>8.4080705881122189</v>
      </c>
      <c r="J1723" s="40">
        <v>28.566656172619201</v>
      </c>
      <c r="K1723" s="40">
        <v>8.6291506921084054</v>
      </c>
      <c r="L1723" s="40"/>
      <c r="M1723" s="40"/>
      <c r="N1723" s="40"/>
      <c r="Y1723">
        <v>11.283332999999999</v>
      </c>
      <c r="Z1723">
        <v>89.583332999999996</v>
      </c>
      <c r="AA1723">
        <v>8.6164079999999998</v>
      </c>
      <c r="AB1723">
        <v>4.3639659045405583</v>
      </c>
    </row>
    <row r="1724" spans="4:28" x14ac:dyDescent="0.25">
      <c r="D1724" s="40">
        <v>28.598857000001271</v>
      </c>
      <c r="E1724" s="40">
        <v>13.148375191928686</v>
      </c>
      <c r="F1724" s="40">
        <v>28.583332999999996</v>
      </c>
      <c r="G1724" s="40">
        <v>10.39929924485334</v>
      </c>
      <c r="H1724" s="40">
        <v>28.583334000000008</v>
      </c>
      <c r="I1724" s="40">
        <v>8.4114233242556509</v>
      </c>
      <c r="J1724" s="40">
        <v>28.583322833333501</v>
      </c>
      <c r="K1724" s="40">
        <v>8.6291506921084054</v>
      </c>
      <c r="L1724" s="40"/>
      <c r="M1724" s="40"/>
      <c r="N1724" s="40"/>
      <c r="Y1724">
        <v>11.299999999999997</v>
      </c>
      <c r="Z1724">
        <v>89.6</v>
      </c>
      <c r="AA1724">
        <v>8.6164079999999998</v>
      </c>
      <c r="AB1724">
        <v>4.3639659045405583</v>
      </c>
    </row>
    <row r="1725" spans="4:28" x14ac:dyDescent="0.25">
      <c r="D1725" s="40">
        <v>28.615523000001271</v>
      </c>
      <c r="E1725" s="40">
        <v>13.15791910267866</v>
      </c>
      <c r="F1725" s="40">
        <v>28.599999999999994</v>
      </c>
      <c r="G1725" s="40">
        <v>10.404054488943434</v>
      </c>
      <c r="H1725" s="40">
        <v>28.600000000000009</v>
      </c>
      <c r="I1725" s="40">
        <v>8.4114233242556509</v>
      </c>
      <c r="J1725" s="40">
        <v>28.599989494047801</v>
      </c>
      <c r="K1725" s="40">
        <v>8.6340017358175114</v>
      </c>
      <c r="L1725" s="40"/>
      <c r="M1725" s="40"/>
      <c r="N1725" s="40"/>
      <c r="Y1725">
        <v>11.31666700000001</v>
      </c>
      <c r="Z1725">
        <v>89.616667000000007</v>
      </c>
      <c r="AA1725">
        <v>8.6164419999999993</v>
      </c>
      <c r="AB1725">
        <v>4.3643777205595651</v>
      </c>
    </row>
    <row r="1726" spans="4:28" x14ac:dyDescent="0.25">
      <c r="D1726" s="40">
        <v>28.632189000001272</v>
      </c>
      <c r="E1726" s="40">
        <v>13.167605459857629</v>
      </c>
      <c r="F1726" s="40">
        <v>28.616666999999993</v>
      </c>
      <c r="G1726" s="40">
        <v>10.408669872913334</v>
      </c>
      <c r="H1726" s="40">
        <v>28.616667000000007</v>
      </c>
      <c r="I1726" s="40">
        <v>8.4147760603989088</v>
      </c>
      <c r="J1726" s="40">
        <v>28.616656154762101</v>
      </c>
      <c r="K1726" s="40">
        <v>8.6388527795267436</v>
      </c>
      <c r="L1726" s="40"/>
      <c r="M1726" s="40"/>
      <c r="N1726" s="40"/>
      <c r="Y1726">
        <v>11.333332999999996</v>
      </c>
      <c r="Z1726">
        <v>89.633332999999993</v>
      </c>
      <c r="AA1726">
        <v>8.6164760000000005</v>
      </c>
      <c r="AB1726">
        <v>4.3647895365785923</v>
      </c>
    </row>
    <row r="1727" spans="4:28" x14ac:dyDescent="0.25">
      <c r="D1727" s="40">
        <v>28.648855000001273</v>
      </c>
      <c r="E1727" s="40">
        <v>13.172306192018054</v>
      </c>
      <c r="F1727" s="40">
        <v>28.633332999999993</v>
      </c>
      <c r="G1727" s="40">
        <v>10.413425117003554</v>
      </c>
      <c r="H1727" s="40">
        <v>28.633334000000005</v>
      </c>
      <c r="I1727" s="40">
        <v>8.4180301866556704</v>
      </c>
      <c r="J1727" s="40">
        <v>28.633322815476401</v>
      </c>
      <c r="K1727" s="40">
        <v>8.6388527795267436</v>
      </c>
      <c r="L1727" s="40"/>
      <c r="M1727" s="40"/>
      <c r="N1727" s="40"/>
      <c r="Y1727">
        <v>11.350000000000009</v>
      </c>
      <c r="Z1727">
        <v>89.65</v>
      </c>
      <c r="AA1727">
        <v>8.6165090000000006</v>
      </c>
      <c r="AB1727">
        <v>4.3651892403617545</v>
      </c>
    </row>
    <row r="1728" spans="4:28" x14ac:dyDescent="0.25">
      <c r="D1728" s="40">
        <v>28.665521000001274</v>
      </c>
      <c r="E1728" s="40">
        <v>13.181992549197025</v>
      </c>
      <c r="F1728" s="40">
        <v>28.649999999999991</v>
      </c>
      <c r="G1728" s="40">
        <v>10.418180361093771</v>
      </c>
      <c r="H1728" s="40">
        <v>28.650000000000006</v>
      </c>
      <c r="I1728" s="40">
        <v>8.4180301866556704</v>
      </c>
      <c r="J1728" s="40">
        <v>28.649989476190701</v>
      </c>
      <c r="K1728" s="40">
        <v>8.6437038232359775</v>
      </c>
      <c r="L1728" s="40"/>
      <c r="M1728" s="40"/>
      <c r="N1728" s="40"/>
      <c r="Y1728">
        <v>11.366667000000007</v>
      </c>
      <c r="Z1728">
        <v>89.666667000000004</v>
      </c>
      <c r="AA1728">
        <v>8.6165430000000001</v>
      </c>
      <c r="AB1728">
        <v>4.3656010563807603</v>
      </c>
    </row>
    <row r="1729" spans="4:28" x14ac:dyDescent="0.25">
      <c r="D1729" s="40">
        <v>28.682187000001274</v>
      </c>
      <c r="E1729" s="40">
        <v>13.191536459946999</v>
      </c>
      <c r="F1729" s="40">
        <v>28.66666699999999</v>
      </c>
      <c r="G1729" s="40">
        <v>10.418180361093771</v>
      </c>
      <c r="H1729" s="40">
        <v>28.666667000000004</v>
      </c>
      <c r="I1729" s="40">
        <v>8.4213829227989265</v>
      </c>
      <c r="J1729" s="40">
        <v>28.666656136905001</v>
      </c>
      <c r="K1729" s="40">
        <v>8.6484121891890364</v>
      </c>
      <c r="L1729" s="40"/>
      <c r="M1729" s="40"/>
      <c r="N1729" s="40"/>
      <c r="Y1729">
        <v>11.383333000000007</v>
      </c>
      <c r="Z1729">
        <v>89.683333000000005</v>
      </c>
      <c r="AA1729">
        <v>8.6165769999999995</v>
      </c>
      <c r="AB1729">
        <v>4.3660128723997671</v>
      </c>
    </row>
    <row r="1730" spans="4:28" x14ac:dyDescent="0.25">
      <c r="D1730" s="40">
        <v>28.698853000001275</v>
      </c>
      <c r="E1730" s="40">
        <v>13.19637963853642</v>
      </c>
      <c r="F1730" s="40">
        <v>28.68333299999999</v>
      </c>
      <c r="G1730" s="40">
        <v>10.422795745063549</v>
      </c>
      <c r="H1730" s="40">
        <v>28.683334000000002</v>
      </c>
      <c r="I1730" s="40">
        <v>8.4247356589423603</v>
      </c>
      <c r="J1730" s="40">
        <v>28.683322797619201</v>
      </c>
      <c r="K1730" s="40">
        <v>8.6484121891890364</v>
      </c>
      <c r="L1730" s="40"/>
      <c r="M1730" s="40"/>
      <c r="N1730" s="40"/>
      <c r="Y1730">
        <v>11.400000000000006</v>
      </c>
      <c r="Z1730">
        <v>89.7</v>
      </c>
      <c r="AA1730">
        <v>8.6166099999999997</v>
      </c>
      <c r="AB1730">
        <v>4.3664125761829293</v>
      </c>
    </row>
    <row r="1731" spans="4:28" x14ac:dyDescent="0.25">
      <c r="D1731" s="40">
        <v>28.715519000001276</v>
      </c>
      <c r="E1731" s="40">
        <v>13.201080370696847</v>
      </c>
      <c r="F1731" s="40">
        <v>28.699999999999989</v>
      </c>
      <c r="G1731" s="40">
        <v>10.427550989153769</v>
      </c>
      <c r="H1731" s="40">
        <v>28.700000000000003</v>
      </c>
      <c r="I1731" s="40">
        <v>8.4279897851989478</v>
      </c>
      <c r="J1731" s="40">
        <v>28.699989458333501</v>
      </c>
      <c r="K1731" s="40">
        <v>8.6532632328981407</v>
      </c>
      <c r="L1731" s="40"/>
      <c r="M1731" s="40"/>
      <c r="N1731" s="40"/>
      <c r="Y1731">
        <v>11.416667000000004</v>
      </c>
      <c r="Z1731">
        <v>89.716667000000001</v>
      </c>
      <c r="AA1731">
        <v>8.6166440000000009</v>
      </c>
      <c r="AB1731">
        <v>4.3668243922019565</v>
      </c>
    </row>
    <row r="1732" spans="4:28" x14ac:dyDescent="0.25">
      <c r="D1732" s="40">
        <v>28.732185000001277</v>
      </c>
      <c r="E1732" s="40">
        <v>13.205923549286394</v>
      </c>
      <c r="F1732" s="40">
        <v>28.716667000000001</v>
      </c>
      <c r="G1732" s="40">
        <v>10.432306233243986</v>
      </c>
      <c r="H1732" s="40">
        <v>28.716667000000001</v>
      </c>
      <c r="I1732" s="40">
        <v>8.4313425213423798</v>
      </c>
      <c r="J1732" s="40">
        <v>28.716656119047801</v>
      </c>
      <c r="K1732" s="40">
        <v>8.6532632328981407</v>
      </c>
      <c r="L1732" s="40"/>
      <c r="M1732" s="40"/>
      <c r="N1732" s="40"/>
      <c r="Y1732">
        <v>11.433333000000005</v>
      </c>
      <c r="Z1732">
        <v>89.733333000000002</v>
      </c>
      <c r="AA1732">
        <v>8.6166780000000003</v>
      </c>
      <c r="AB1732">
        <v>4.3672362082209633</v>
      </c>
    </row>
    <row r="1733" spans="4:28" x14ac:dyDescent="0.25">
      <c r="D1733" s="40">
        <v>28.748851000001277</v>
      </c>
      <c r="E1733" s="40">
        <v>13.210766727875816</v>
      </c>
      <c r="F1733" s="40">
        <v>28.733332999999988</v>
      </c>
      <c r="G1733" s="40">
        <v>10.437061477334083</v>
      </c>
      <c r="H1733" s="40">
        <v>28.733334000000013</v>
      </c>
      <c r="I1733" s="40">
        <v>8.4346952574856378</v>
      </c>
      <c r="J1733" s="40">
        <v>28.733322779762101</v>
      </c>
      <c r="K1733" s="40">
        <v>8.6532632328981407</v>
      </c>
      <c r="L1733" s="40"/>
      <c r="M1733" s="40"/>
      <c r="N1733" s="40"/>
      <c r="Y1733">
        <v>11.450000000000003</v>
      </c>
      <c r="Z1733">
        <v>89.75</v>
      </c>
      <c r="AA1733">
        <v>8.6167110000000005</v>
      </c>
      <c r="AB1733">
        <v>4.3676359120041255</v>
      </c>
    </row>
    <row r="1734" spans="4:28" x14ac:dyDescent="0.25">
      <c r="D1734" s="40">
        <v>28.765517000001278</v>
      </c>
      <c r="E1734" s="40">
        <v>13.210766727875816</v>
      </c>
      <c r="F1734" s="40">
        <v>28.75</v>
      </c>
      <c r="G1734" s="40">
        <v>10.441676861303984</v>
      </c>
      <c r="H1734" s="40">
        <v>28.75</v>
      </c>
      <c r="I1734" s="40">
        <v>8.441302119885659</v>
      </c>
      <c r="J1734" s="40">
        <v>28.749989440476401</v>
      </c>
      <c r="K1734" s="40">
        <v>8.6532632328981407</v>
      </c>
      <c r="L1734" s="40"/>
      <c r="M1734" s="40"/>
      <c r="N1734" s="40"/>
      <c r="Y1734">
        <v>11.466667000000001</v>
      </c>
      <c r="Z1734">
        <v>89.766666999999998</v>
      </c>
      <c r="AA1734">
        <v>8.6167449999999999</v>
      </c>
      <c r="AB1734">
        <v>4.3680477280231322</v>
      </c>
    </row>
    <row r="1735" spans="4:28" x14ac:dyDescent="0.25">
      <c r="D1735" s="40">
        <v>28.782183000001279</v>
      </c>
      <c r="E1735" s="40">
        <v>13.215467460036242</v>
      </c>
      <c r="F1735" s="40">
        <v>28.766666999999998</v>
      </c>
      <c r="G1735" s="40">
        <v>10.446432105394202</v>
      </c>
      <c r="H1735" s="40">
        <v>28.766667000000012</v>
      </c>
      <c r="I1735" s="40">
        <v>8.4446548560290911</v>
      </c>
      <c r="J1735" s="40">
        <v>28.766656101190701</v>
      </c>
      <c r="K1735" s="40">
        <v>8.6581142766073746</v>
      </c>
      <c r="L1735" s="40"/>
      <c r="M1735" s="40"/>
      <c r="N1735" s="40"/>
      <c r="Y1735">
        <v>11.483333000000002</v>
      </c>
      <c r="Z1735">
        <v>89.783332999999999</v>
      </c>
      <c r="AA1735">
        <v>8.6167789999999993</v>
      </c>
      <c r="AB1735">
        <v>4.3684595440421381</v>
      </c>
    </row>
    <row r="1736" spans="4:28" x14ac:dyDescent="0.25">
      <c r="D1736" s="40">
        <v>28.79884900000128</v>
      </c>
      <c r="E1736" s="40">
        <v>13.225153817215212</v>
      </c>
      <c r="F1736" s="40">
        <v>28.783332999999999</v>
      </c>
      <c r="G1736" s="40">
        <v>10.451187349484297</v>
      </c>
      <c r="H1736" s="40">
        <v>28.783334000000011</v>
      </c>
      <c r="I1736" s="40">
        <v>8.4479089822858544</v>
      </c>
      <c r="J1736" s="40">
        <v>28.783322761905001</v>
      </c>
      <c r="K1736" s="40">
        <v>8.6581142766073746</v>
      </c>
      <c r="L1736" s="40"/>
      <c r="M1736" s="40"/>
      <c r="N1736" s="40"/>
      <c r="Y1736">
        <v>11.5</v>
      </c>
      <c r="Z1736">
        <v>89.8</v>
      </c>
      <c r="AA1736">
        <v>8.6168119999999995</v>
      </c>
      <c r="AB1736">
        <v>4.3688592478252994</v>
      </c>
    </row>
    <row r="1737" spans="4:28" x14ac:dyDescent="0.25">
      <c r="D1737" s="40">
        <v>28.81551500000128</v>
      </c>
      <c r="E1737" s="40">
        <v>13.229854549375638</v>
      </c>
      <c r="F1737" s="40">
        <v>28.799999999999997</v>
      </c>
      <c r="G1737" s="40">
        <v>10.455802733454197</v>
      </c>
      <c r="H1737" s="40">
        <v>28.800000000000011</v>
      </c>
      <c r="I1737" s="40">
        <v>8.4512617184291106</v>
      </c>
      <c r="J1737" s="40">
        <v>28.799989422619198</v>
      </c>
      <c r="K1737" s="40">
        <v>8.6581142766073746</v>
      </c>
      <c r="L1737" s="40"/>
      <c r="M1737" s="40"/>
      <c r="N1737" s="40"/>
      <c r="Y1737">
        <v>11.516666999999998</v>
      </c>
      <c r="Z1737">
        <v>89.816666999999995</v>
      </c>
      <c r="AA1737">
        <v>8.6168460000000007</v>
      </c>
      <c r="AB1737">
        <v>4.3692710638443284</v>
      </c>
    </row>
    <row r="1738" spans="4:28" x14ac:dyDescent="0.25">
      <c r="D1738" s="40">
        <v>28.832181000001281</v>
      </c>
      <c r="E1738" s="40">
        <v>13.234697727965187</v>
      </c>
      <c r="F1738" s="40">
        <v>28.816666999999995</v>
      </c>
      <c r="G1738" s="40">
        <v>10.460557977544417</v>
      </c>
      <c r="H1738" s="40">
        <v>28.81666700000001</v>
      </c>
      <c r="I1738" s="40">
        <v>8.4512617184291106</v>
      </c>
      <c r="J1738" s="40">
        <v>28.816656083333498</v>
      </c>
      <c r="K1738" s="40">
        <v>8.6628226425604336</v>
      </c>
      <c r="L1738" s="40"/>
      <c r="M1738" s="40"/>
      <c r="N1738" s="40"/>
      <c r="Y1738">
        <v>11.533332999999999</v>
      </c>
      <c r="Z1738">
        <v>89.833332999999996</v>
      </c>
      <c r="AA1738">
        <v>8.6168460000000007</v>
      </c>
      <c r="AB1738">
        <v>4.3692710638443284</v>
      </c>
    </row>
    <row r="1739" spans="4:28" x14ac:dyDescent="0.25">
      <c r="D1739" s="40">
        <v>28.848847000001282</v>
      </c>
      <c r="E1739" s="40">
        <v>13.239540906554735</v>
      </c>
      <c r="F1739" s="40">
        <v>28.833332999999996</v>
      </c>
      <c r="G1739" s="40">
        <v>10.465313221634512</v>
      </c>
      <c r="H1739" s="40">
        <v>28.833334000000008</v>
      </c>
      <c r="I1739" s="40">
        <v>8.4546144545723685</v>
      </c>
      <c r="J1739" s="40">
        <v>28.833322744047798</v>
      </c>
      <c r="K1739" s="40">
        <v>8.6628226425604336</v>
      </c>
      <c r="L1739" s="40"/>
      <c r="M1739" s="40"/>
      <c r="N1739" s="40"/>
      <c r="Y1739">
        <v>11.549999999999997</v>
      </c>
      <c r="Z1739">
        <v>89.85</v>
      </c>
      <c r="AA1739">
        <v>8.6168790000000008</v>
      </c>
      <c r="AB1739">
        <v>4.3696707676274897</v>
      </c>
    </row>
    <row r="1740" spans="4:28" x14ac:dyDescent="0.25">
      <c r="D1740" s="40">
        <v>28.865513000001283</v>
      </c>
      <c r="E1740" s="40">
        <v>13.249084817304581</v>
      </c>
      <c r="F1740" s="40">
        <v>28.849999999999994</v>
      </c>
      <c r="G1740" s="40">
        <v>10.469928605604412</v>
      </c>
      <c r="H1740" s="40">
        <v>28.850000000000009</v>
      </c>
      <c r="I1740" s="40">
        <v>8.4578685808291318</v>
      </c>
      <c r="J1740" s="40">
        <v>28.849989404762098</v>
      </c>
      <c r="K1740" s="40">
        <v>8.6676736862695396</v>
      </c>
      <c r="L1740" s="40"/>
      <c r="M1740" s="40"/>
      <c r="N1740" s="40"/>
      <c r="Y1740">
        <v>11.56666700000001</v>
      </c>
      <c r="Z1740">
        <v>89.866667000000007</v>
      </c>
      <c r="AA1740">
        <v>8.6169130000000003</v>
      </c>
      <c r="AB1740">
        <v>4.3700825836464965</v>
      </c>
    </row>
    <row r="1741" spans="4:28" x14ac:dyDescent="0.25">
      <c r="D1741" s="40">
        <v>28.882179000001283</v>
      </c>
      <c r="E1741" s="40">
        <v>13.253927995894129</v>
      </c>
      <c r="F1741" s="40">
        <v>28.866666999999993</v>
      </c>
      <c r="G1741" s="40">
        <v>10.474683849694632</v>
      </c>
      <c r="H1741" s="40">
        <v>28.866667000000007</v>
      </c>
      <c r="I1741" s="40">
        <v>8.461221316972388</v>
      </c>
      <c r="J1741" s="40">
        <v>28.866656065476398</v>
      </c>
      <c r="K1741" s="40">
        <v>8.6676736862695396</v>
      </c>
      <c r="L1741" s="40"/>
      <c r="M1741" s="40"/>
      <c r="N1741" s="40"/>
      <c r="Y1741">
        <v>11.583332999999996</v>
      </c>
      <c r="Z1741">
        <v>89.883332999999993</v>
      </c>
      <c r="AA1741">
        <v>8.6169469999999997</v>
      </c>
      <c r="AB1741">
        <v>4.3704943996655023</v>
      </c>
    </row>
    <row r="1742" spans="4:28" x14ac:dyDescent="0.25">
      <c r="D1742" s="40">
        <v>28.898845000001284</v>
      </c>
      <c r="E1742" s="40">
        <v>13.258628728054429</v>
      </c>
      <c r="F1742" s="40">
        <v>28.883332999999993</v>
      </c>
      <c r="G1742" s="40">
        <v>10.479439093784849</v>
      </c>
      <c r="H1742" s="40">
        <v>28.883334000000005</v>
      </c>
      <c r="I1742" s="40">
        <v>8.46457405311582</v>
      </c>
      <c r="J1742" s="40">
        <v>28.883322726190698</v>
      </c>
      <c r="K1742" s="40">
        <v>8.6725247299787735</v>
      </c>
      <c r="L1742" s="40"/>
      <c r="M1742" s="40"/>
      <c r="N1742" s="40"/>
      <c r="Y1742">
        <v>11.600000000000009</v>
      </c>
      <c r="Z1742">
        <v>89.9</v>
      </c>
      <c r="AA1742">
        <v>8.6169799999999999</v>
      </c>
      <c r="AB1742">
        <v>4.3708941034486646</v>
      </c>
    </row>
    <row r="1743" spans="4:28" x14ac:dyDescent="0.25">
      <c r="D1743" s="40">
        <v>28.915511000001285</v>
      </c>
      <c r="E1743" s="40">
        <v>13.263471906643977</v>
      </c>
      <c r="F1743" s="40">
        <v>28.899999999999991</v>
      </c>
      <c r="G1743" s="40">
        <v>10.484054477754627</v>
      </c>
      <c r="H1743" s="40">
        <v>28.900000000000006</v>
      </c>
      <c r="I1743" s="40">
        <v>8.46457405311582</v>
      </c>
      <c r="J1743" s="40">
        <v>28.899989386904998</v>
      </c>
      <c r="K1743" s="40">
        <v>8.6772330959318307</v>
      </c>
      <c r="L1743" s="40"/>
      <c r="M1743" s="40"/>
      <c r="N1743" s="40"/>
      <c r="Y1743">
        <v>11.616667000000007</v>
      </c>
      <c r="Z1743">
        <v>89.916667000000004</v>
      </c>
      <c r="AA1743">
        <v>8.6170139999999993</v>
      </c>
      <c r="AB1743">
        <v>4.3713059194676713</v>
      </c>
    </row>
    <row r="1744" spans="4:28" x14ac:dyDescent="0.25">
      <c r="D1744" s="40">
        <v>28.932177000001285</v>
      </c>
      <c r="E1744" s="40">
        <v>13.268315085233526</v>
      </c>
      <c r="F1744" s="40">
        <v>28.91666699999999</v>
      </c>
      <c r="G1744" s="40">
        <v>10.488809721844847</v>
      </c>
      <c r="H1744" s="40">
        <v>28.916667000000004</v>
      </c>
      <c r="I1744" s="40">
        <v>8.4678281793725834</v>
      </c>
      <c r="J1744" s="40">
        <v>28.916656047619199</v>
      </c>
      <c r="K1744" s="40">
        <v>8.6772330959318307</v>
      </c>
      <c r="L1744" s="40"/>
      <c r="M1744" s="40"/>
      <c r="N1744" s="40"/>
      <c r="Y1744">
        <v>11.633333000000007</v>
      </c>
      <c r="Z1744">
        <v>89.933333000000005</v>
      </c>
      <c r="AA1744">
        <v>8.6170480000000005</v>
      </c>
      <c r="AB1744">
        <v>4.3717177354866985</v>
      </c>
    </row>
    <row r="1745" spans="4:28" x14ac:dyDescent="0.25">
      <c r="D1745" s="40">
        <v>28.948843000001286</v>
      </c>
      <c r="E1745" s="40">
        <v>13.273015817393951</v>
      </c>
      <c r="F1745" s="40">
        <v>28.93333299999999</v>
      </c>
      <c r="G1745" s="40">
        <v>10.488809721844847</v>
      </c>
      <c r="H1745" s="40">
        <v>28.933334000000002</v>
      </c>
      <c r="I1745" s="40">
        <v>8.4711809155158395</v>
      </c>
      <c r="J1745" s="40">
        <v>28.933322708333499</v>
      </c>
      <c r="K1745" s="40">
        <v>8.6820841396409367</v>
      </c>
      <c r="L1745" s="40"/>
      <c r="M1745" s="40"/>
      <c r="N1745" s="40"/>
      <c r="Y1745">
        <v>11.650000000000006</v>
      </c>
      <c r="Z1745">
        <v>89.95</v>
      </c>
      <c r="AA1745">
        <v>8.6170810000000007</v>
      </c>
      <c r="AB1745">
        <v>4.3721174392698607</v>
      </c>
    </row>
    <row r="1746" spans="4:28" x14ac:dyDescent="0.25">
      <c r="D1746" s="40">
        <v>28.965509000001287</v>
      </c>
      <c r="E1746" s="40">
        <v>13.277858995983372</v>
      </c>
      <c r="F1746" s="40">
        <v>28.949999999999989</v>
      </c>
      <c r="G1746" s="40">
        <v>10.493564965935064</v>
      </c>
      <c r="H1746" s="40">
        <v>28.950000000000003</v>
      </c>
      <c r="I1746" s="40">
        <v>8.4745336516590974</v>
      </c>
      <c r="J1746" s="40">
        <v>28.949989369047799</v>
      </c>
      <c r="K1746" s="40">
        <v>8.6820841396409367</v>
      </c>
      <c r="L1746" s="40"/>
      <c r="M1746" s="40"/>
      <c r="N1746" s="40"/>
      <c r="Y1746">
        <v>11.666667000000004</v>
      </c>
      <c r="Z1746">
        <v>89.966667000000001</v>
      </c>
      <c r="AA1746">
        <v>8.6171150000000001</v>
      </c>
      <c r="AB1746">
        <v>4.3725292552888675</v>
      </c>
    </row>
    <row r="1747" spans="4:28" x14ac:dyDescent="0.25">
      <c r="D1747" s="40">
        <v>28.982175000001288</v>
      </c>
      <c r="E1747" s="40">
        <v>13.28270217457292</v>
      </c>
      <c r="F1747" s="40">
        <v>28.966667000000001</v>
      </c>
      <c r="G1747" s="40">
        <v>10.498180349904843</v>
      </c>
      <c r="H1747" s="40">
        <v>28.966667000000001</v>
      </c>
      <c r="I1747" s="40">
        <v>8.4777877779158608</v>
      </c>
      <c r="J1747" s="40">
        <v>28.966656029762099</v>
      </c>
      <c r="K1747" s="40">
        <v>8.6869351833501707</v>
      </c>
      <c r="L1747" s="40"/>
      <c r="M1747" s="40"/>
      <c r="N1747" s="40"/>
      <c r="Y1747">
        <v>11.683333000000005</v>
      </c>
      <c r="Z1747">
        <v>89.983333000000002</v>
      </c>
      <c r="AA1747">
        <v>8.6171489999999995</v>
      </c>
      <c r="AB1747">
        <v>4.3729410713078734</v>
      </c>
    </row>
    <row r="1748" spans="4:28" x14ac:dyDescent="0.25">
      <c r="D1748" s="40">
        <v>28.998841000001288</v>
      </c>
      <c r="E1748" s="40">
        <v>13.28270217457292</v>
      </c>
      <c r="F1748" s="40">
        <v>28.983332999999988</v>
      </c>
      <c r="G1748" s="40">
        <v>10.502935593995062</v>
      </c>
      <c r="H1748" s="40">
        <v>28.983334000000013</v>
      </c>
      <c r="I1748" s="40">
        <v>8.4811405140592928</v>
      </c>
      <c r="J1748" s="40">
        <v>28.983322690476399</v>
      </c>
      <c r="K1748" s="40">
        <v>8.6916435493032296</v>
      </c>
      <c r="L1748" s="40"/>
      <c r="M1748" s="40"/>
      <c r="N1748" s="40"/>
      <c r="Y1748">
        <v>11.700000000000003</v>
      </c>
      <c r="Z1748">
        <v>90</v>
      </c>
      <c r="AA1748">
        <v>8.6171819999999997</v>
      </c>
      <c r="AB1748">
        <v>4.3733407750910356</v>
      </c>
    </row>
    <row r="1749" spans="4:28" x14ac:dyDescent="0.25">
      <c r="D1749" s="40">
        <v>29.015507000001289</v>
      </c>
      <c r="E1749" s="40">
        <v>13.287402906733346</v>
      </c>
      <c r="F1749" s="40">
        <v>29</v>
      </c>
      <c r="G1749" s="40">
        <v>10.50769083808528</v>
      </c>
      <c r="H1749" s="40">
        <v>29</v>
      </c>
      <c r="I1749" s="40">
        <v>8.4877473764593141</v>
      </c>
      <c r="J1749" s="40">
        <v>28.999989351190699</v>
      </c>
      <c r="K1749" s="40">
        <v>8.6916435493032296</v>
      </c>
      <c r="L1749" s="40"/>
      <c r="M1749" s="40"/>
      <c r="N1749" s="40"/>
      <c r="Y1749">
        <v>11.716667000000001</v>
      </c>
      <c r="Z1749">
        <v>90.016666999999998</v>
      </c>
      <c r="AA1749">
        <v>8.6171819999999997</v>
      </c>
      <c r="AB1749">
        <v>4.3733407750910356</v>
      </c>
    </row>
    <row r="1750" spans="4:28" x14ac:dyDescent="0.25">
      <c r="D1750" s="40">
        <v>29.03217300000129</v>
      </c>
      <c r="E1750" s="40">
        <v>13.292246085322768</v>
      </c>
      <c r="F1750" s="40">
        <v>29.016666999999998</v>
      </c>
      <c r="G1750" s="40">
        <v>10.51230622205518</v>
      </c>
      <c r="H1750" s="40">
        <v>29.016667000000012</v>
      </c>
      <c r="I1750" s="40">
        <v>8.4911001126025702</v>
      </c>
      <c r="J1750" s="40">
        <v>29.016656011904999</v>
      </c>
      <c r="K1750" s="40">
        <v>8.6964945930124635</v>
      </c>
      <c r="L1750" s="40"/>
      <c r="M1750" s="40"/>
      <c r="N1750" s="40"/>
      <c r="Y1750">
        <v>11.733333000000002</v>
      </c>
      <c r="Z1750">
        <v>90.033332999999999</v>
      </c>
      <c r="AA1750">
        <v>8.6172160000000009</v>
      </c>
      <c r="AB1750">
        <v>4.3737525911100628</v>
      </c>
    </row>
    <row r="1751" spans="4:28" x14ac:dyDescent="0.25">
      <c r="D1751" s="40">
        <v>29.048839000001291</v>
      </c>
      <c r="E1751" s="40">
        <v>13.292246085322768</v>
      </c>
      <c r="F1751" s="40">
        <v>29.033332999999999</v>
      </c>
      <c r="G1751" s="40">
        <v>10.517061466145275</v>
      </c>
      <c r="H1751" s="40">
        <v>29.033334000000011</v>
      </c>
      <c r="I1751" s="40">
        <v>8.4944528487458282</v>
      </c>
      <c r="J1751" s="40">
        <v>29.0333226726192</v>
      </c>
      <c r="K1751" s="40">
        <v>8.7013456367215696</v>
      </c>
      <c r="L1751" s="40"/>
      <c r="M1751" s="40"/>
      <c r="N1751" s="40"/>
      <c r="Y1751">
        <v>11.75</v>
      </c>
      <c r="Z1751">
        <v>90.05</v>
      </c>
      <c r="AA1751">
        <v>8.6172500000000003</v>
      </c>
      <c r="AB1751">
        <v>4.3741644071290695</v>
      </c>
    </row>
    <row r="1752" spans="4:28" x14ac:dyDescent="0.25">
      <c r="D1752" s="40">
        <v>29.065505000001291</v>
      </c>
      <c r="E1752" s="40">
        <v>13.292246085322768</v>
      </c>
      <c r="F1752" s="40">
        <v>29.049999999999997</v>
      </c>
      <c r="G1752" s="40">
        <v>10.517061466145275</v>
      </c>
      <c r="H1752" s="40">
        <v>29.050000000000011</v>
      </c>
      <c r="I1752" s="40">
        <v>8.4977069750025915</v>
      </c>
      <c r="J1752" s="40">
        <v>29.0499893333335</v>
      </c>
      <c r="K1752" s="40">
        <v>8.7013456367215696</v>
      </c>
      <c r="L1752" s="40"/>
      <c r="M1752" s="40"/>
      <c r="N1752" s="40"/>
      <c r="Y1752">
        <v>11.766666999999998</v>
      </c>
      <c r="Z1752">
        <v>90.066666999999995</v>
      </c>
      <c r="AA1752">
        <v>8.6172830000000005</v>
      </c>
      <c r="AB1752">
        <v>4.3745641109122317</v>
      </c>
    </row>
    <row r="1753" spans="4:28" x14ac:dyDescent="0.25">
      <c r="D1753" s="40">
        <v>29.082171000001292</v>
      </c>
      <c r="E1753" s="40">
        <v>13.297089263912317</v>
      </c>
      <c r="F1753" s="40">
        <v>29.066666999999995</v>
      </c>
      <c r="G1753" s="40">
        <v>10.521816710235495</v>
      </c>
      <c r="H1753" s="40">
        <v>29.06666700000001</v>
      </c>
      <c r="I1753" s="40">
        <v>8.5010597111460235</v>
      </c>
      <c r="J1753" s="40">
        <v>29.0666559940478</v>
      </c>
      <c r="K1753" s="40">
        <v>8.7060540026746267</v>
      </c>
      <c r="L1753" s="40"/>
      <c r="M1753" s="40"/>
      <c r="N1753" s="40"/>
      <c r="Y1753">
        <v>11.783332999999999</v>
      </c>
      <c r="Z1753">
        <v>90.083332999999996</v>
      </c>
      <c r="AA1753">
        <v>8.6173169999999999</v>
      </c>
      <c r="AB1753">
        <v>4.3749759269312376</v>
      </c>
    </row>
    <row r="1754" spans="4:28" x14ac:dyDescent="0.25">
      <c r="D1754" s="40">
        <v>29.098837000001293</v>
      </c>
      <c r="E1754" s="40">
        <v>13.297089263912317</v>
      </c>
      <c r="F1754" s="40">
        <v>29.083332999999996</v>
      </c>
      <c r="G1754" s="40">
        <v>10.526432094205395</v>
      </c>
      <c r="H1754" s="40">
        <v>29.083334000000008</v>
      </c>
      <c r="I1754" s="40">
        <v>8.5044124472892797</v>
      </c>
      <c r="J1754" s="40">
        <v>29.0833226547621</v>
      </c>
      <c r="K1754" s="40">
        <v>8.7060540026746267</v>
      </c>
      <c r="L1754" s="40"/>
      <c r="M1754" s="40"/>
      <c r="N1754" s="40"/>
      <c r="Y1754">
        <v>11.799999999999997</v>
      </c>
      <c r="Z1754">
        <v>90.1</v>
      </c>
      <c r="AA1754">
        <v>8.6173509999999993</v>
      </c>
      <c r="AB1754">
        <v>4.3753877429502444</v>
      </c>
    </row>
    <row r="1755" spans="4:28" x14ac:dyDescent="0.25">
      <c r="D1755" s="40">
        <v>29.115503000001294</v>
      </c>
      <c r="E1755" s="40">
        <v>13.301789996072744</v>
      </c>
      <c r="F1755" s="40">
        <v>29.099999999999994</v>
      </c>
      <c r="G1755" s="40">
        <v>10.53118733829549</v>
      </c>
      <c r="H1755" s="40">
        <v>29.100000000000009</v>
      </c>
      <c r="I1755" s="40">
        <v>8.5076665735460431</v>
      </c>
      <c r="J1755" s="40">
        <v>29.0999893154764</v>
      </c>
      <c r="K1755" s="40">
        <v>8.7109050463838607</v>
      </c>
      <c r="L1755" s="40"/>
      <c r="M1755" s="40"/>
      <c r="N1755" s="40"/>
      <c r="Y1755">
        <v>11.81666700000001</v>
      </c>
      <c r="Z1755">
        <v>90.116667000000007</v>
      </c>
      <c r="AA1755">
        <v>8.6173839999999995</v>
      </c>
      <c r="AB1755">
        <v>4.3757874467334066</v>
      </c>
    </row>
    <row r="1756" spans="4:28" x14ac:dyDescent="0.25">
      <c r="D1756" s="40">
        <v>29.132169000001294</v>
      </c>
      <c r="E1756" s="40">
        <v>13.306633174662165</v>
      </c>
      <c r="F1756" s="40">
        <v>29.116666999999993</v>
      </c>
      <c r="G1756" s="40">
        <v>10.535942582385708</v>
      </c>
      <c r="H1756" s="40">
        <v>29.116667000000007</v>
      </c>
      <c r="I1756" s="40">
        <v>8.511019309689301</v>
      </c>
      <c r="J1756" s="40">
        <v>29.1166559761907</v>
      </c>
      <c r="K1756" s="40">
        <v>8.7109050463838607</v>
      </c>
      <c r="L1756" s="40"/>
      <c r="M1756" s="40"/>
      <c r="N1756" s="40"/>
      <c r="Y1756">
        <v>11.833332999999996</v>
      </c>
      <c r="Z1756">
        <v>90.133332999999993</v>
      </c>
      <c r="AA1756">
        <v>8.6174180000000007</v>
      </c>
      <c r="AB1756">
        <v>4.3761992627524346</v>
      </c>
    </row>
    <row r="1757" spans="4:28" x14ac:dyDescent="0.25">
      <c r="D1757" s="40">
        <v>29.148835000001295</v>
      </c>
      <c r="E1757" s="40">
        <v>13.311476353251711</v>
      </c>
      <c r="F1757" s="40">
        <v>29.133332999999993</v>
      </c>
      <c r="G1757" s="40">
        <v>10.540557966355609</v>
      </c>
      <c r="H1757" s="40">
        <v>29.133334000000005</v>
      </c>
      <c r="I1757" s="40">
        <v>8.511019309689301</v>
      </c>
      <c r="J1757" s="40">
        <v>29.133322636905</v>
      </c>
      <c r="K1757" s="40">
        <v>8.7109050463838607</v>
      </c>
      <c r="L1757" s="40"/>
      <c r="M1757" s="40"/>
      <c r="N1757" s="40"/>
      <c r="Y1757">
        <v>11.850000000000009</v>
      </c>
      <c r="Z1757">
        <v>90.15</v>
      </c>
      <c r="AA1757">
        <v>8.6174520000000001</v>
      </c>
      <c r="AB1757">
        <v>4.3766110787714405</v>
      </c>
    </row>
    <row r="1758" spans="4:28" x14ac:dyDescent="0.25">
      <c r="D1758" s="40">
        <v>29.165501000001296</v>
      </c>
      <c r="E1758" s="40">
        <v>13.316177085412138</v>
      </c>
      <c r="F1758" s="40">
        <v>29.149999999999991</v>
      </c>
      <c r="G1758" s="40">
        <v>10.545313210445705</v>
      </c>
      <c r="H1758" s="40">
        <v>29.150000000000006</v>
      </c>
      <c r="I1758" s="40">
        <v>8.514372045832733</v>
      </c>
      <c r="J1758" s="40">
        <v>29.1499892976192</v>
      </c>
      <c r="K1758" s="40">
        <v>8.7157560900929667</v>
      </c>
      <c r="L1758" s="40"/>
      <c r="M1758" s="40"/>
      <c r="N1758" s="40"/>
      <c r="Y1758">
        <v>11.866667000000007</v>
      </c>
      <c r="Z1758">
        <v>90.166667000000004</v>
      </c>
      <c r="AA1758">
        <v>8.6174850000000003</v>
      </c>
      <c r="AB1758">
        <v>4.3770107825546027</v>
      </c>
    </row>
    <row r="1759" spans="4:28" x14ac:dyDescent="0.25">
      <c r="D1759" s="40">
        <v>29.182167000001296</v>
      </c>
      <c r="E1759" s="40">
        <v>13.321020264001687</v>
      </c>
      <c r="F1759" s="40">
        <v>29.16666699999999</v>
      </c>
      <c r="G1759" s="40">
        <v>10.550068454535923</v>
      </c>
      <c r="H1759" s="40">
        <v>29.166667000000004</v>
      </c>
      <c r="I1759" s="40">
        <v>8.5176261720893205</v>
      </c>
      <c r="J1759" s="40">
        <v>29.1666559583335</v>
      </c>
      <c r="K1759" s="40">
        <v>8.7157560900929667</v>
      </c>
      <c r="L1759" s="40"/>
      <c r="M1759" s="40"/>
      <c r="N1759" s="40"/>
      <c r="Y1759">
        <v>11.883333000000007</v>
      </c>
      <c r="Z1759">
        <v>90.183333000000005</v>
      </c>
      <c r="AA1759">
        <v>8.6175189999999997</v>
      </c>
      <c r="AB1759">
        <v>4.3774225985736086</v>
      </c>
    </row>
    <row r="1760" spans="4:28" x14ac:dyDescent="0.25">
      <c r="D1760" s="40">
        <v>29.198833000001297</v>
      </c>
      <c r="E1760" s="40">
        <v>13.325863442591109</v>
      </c>
      <c r="F1760" s="40">
        <v>29.18333299999999</v>
      </c>
      <c r="G1760" s="40">
        <v>10.550068454535923</v>
      </c>
      <c r="H1760" s="40">
        <v>29.183334000000002</v>
      </c>
      <c r="I1760" s="40">
        <v>8.5176261720893205</v>
      </c>
      <c r="J1760" s="40">
        <v>29.1833226190478</v>
      </c>
      <c r="K1760" s="40">
        <v>8.7204644560460256</v>
      </c>
      <c r="L1760" s="40"/>
      <c r="M1760" s="40"/>
      <c r="N1760" s="40"/>
      <c r="Y1760">
        <v>11.900000000000006</v>
      </c>
      <c r="Z1760">
        <v>90.2</v>
      </c>
      <c r="AA1760">
        <v>8.6175529999999991</v>
      </c>
      <c r="AB1760">
        <v>4.3778344145926154</v>
      </c>
    </row>
    <row r="1761" spans="4:28" x14ac:dyDescent="0.25">
      <c r="D1761" s="40">
        <v>29.215499000001298</v>
      </c>
      <c r="E1761" s="40">
        <v>13.330706621180656</v>
      </c>
      <c r="F1761" s="40">
        <v>29.199999999999989</v>
      </c>
      <c r="G1761" s="40">
        <v>10.554683838505824</v>
      </c>
      <c r="H1761" s="40">
        <v>29.200000000000003</v>
      </c>
      <c r="I1761" s="40">
        <v>8.5209789082327525</v>
      </c>
      <c r="J1761" s="40">
        <v>29.1999892797621</v>
      </c>
      <c r="K1761" s="40">
        <v>8.7253154997552596</v>
      </c>
      <c r="L1761" s="40"/>
      <c r="M1761" s="40"/>
      <c r="N1761" s="40"/>
      <c r="Y1761">
        <v>11.916667000000004</v>
      </c>
      <c r="Z1761">
        <v>90.216667000000001</v>
      </c>
      <c r="AA1761">
        <v>8.6175529999999991</v>
      </c>
      <c r="AB1761">
        <v>4.3778344145926154</v>
      </c>
    </row>
    <row r="1762" spans="4:28" x14ac:dyDescent="0.25">
      <c r="D1762" s="40">
        <v>29.232165000001299</v>
      </c>
      <c r="E1762" s="40">
        <v>13.335407353341083</v>
      </c>
      <c r="F1762" s="40">
        <v>29.216667000000001</v>
      </c>
      <c r="G1762" s="40">
        <v>10.559439082596043</v>
      </c>
      <c r="H1762" s="40">
        <v>29.216667000000001</v>
      </c>
      <c r="I1762" s="40">
        <v>8.5243316443760104</v>
      </c>
      <c r="J1762" s="40">
        <v>29.2166559404764</v>
      </c>
      <c r="K1762" s="40">
        <v>8.7301665434643638</v>
      </c>
      <c r="L1762" s="40"/>
      <c r="M1762" s="40"/>
      <c r="N1762" s="40"/>
      <c r="Y1762">
        <v>11.933333000000005</v>
      </c>
      <c r="Z1762">
        <v>90.233333000000002</v>
      </c>
      <c r="AA1762">
        <v>8.6175859999999993</v>
      </c>
      <c r="AB1762">
        <v>4.3782341183757776</v>
      </c>
    </row>
    <row r="1763" spans="4:28" x14ac:dyDescent="0.25">
      <c r="D1763" s="40">
        <v>29.248831000001299</v>
      </c>
      <c r="E1763" s="40">
        <v>13.340250531930504</v>
      </c>
      <c r="F1763" s="40">
        <v>29.233332999999988</v>
      </c>
      <c r="G1763" s="40">
        <v>10.564194326686138</v>
      </c>
      <c r="H1763" s="40">
        <v>29.233334000000013</v>
      </c>
      <c r="I1763" s="40">
        <v>8.5276843805192684</v>
      </c>
      <c r="J1763" s="40">
        <v>29.2333226011907</v>
      </c>
      <c r="K1763" s="40">
        <v>8.7397259531266567</v>
      </c>
      <c r="L1763" s="40"/>
      <c r="M1763" s="40"/>
      <c r="N1763" s="40"/>
      <c r="Y1763">
        <v>11.950000000000003</v>
      </c>
      <c r="Z1763">
        <v>90.25</v>
      </c>
      <c r="AA1763">
        <v>8.6176200000000005</v>
      </c>
      <c r="AB1763">
        <v>4.3786459343948048</v>
      </c>
    </row>
    <row r="1764" spans="4:28" x14ac:dyDescent="0.25">
      <c r="D1764" s="40">
        <v>29.2654970000013</v>
      </c>
      <c r="E1764" s="40">
        <v>13.345093710520054</v>
      </c>
      <c r="F1764" s="40">
        <v>29.25</v>
      </c>
      <c r="G1764" s="40">
        <v>10.568809710656039</v>
      </c>
      <c r="H1764" s="40">
        <v>29.25</v>
      </c>
      <c r="I1764" s="40">
        <v>8.5309385067760317</v>
      </c>
      <c r="J1764" s="40">
        <v>29.249989261905</v>
      </c>
      <c r="K1764" s="40">
        <v>8.7397259531266567</v>
      </c>
      <c r="L1764" s="40"/>
      <c r="M1764" s="40"/>
      <c r="N1764" s="40"/>
      <c r="Y1764">
        <v>11.966667000000001</v>
      </c>
      <c r="Z1764">
        <v>90.266666999999998</v>
      </c>
      <c r="AA1764">
        <v>8.6176539999999999</v>
      </c>
      <c r="AB1764">
        <v>4.3790577504138115</v>
      </c>
    </row>
    <row r="1765" spans="4:28" x14ac:dyDescent="0.25">
      <c r="D1765" s="40">
        <v>29.282163000001301</v>
      </c>
      <c r="E1765" s="40">
        <v>13.349794442680476</v>
      </c>
      <c r="F1765" s="40">
        <v>29.266666999999998</v>
      </c>
      <c r="G1765" s="40">
        <v>10.568809710656039</v>
      </c>
      <c r="H1765" s="40">
        <v>29.266667000000012</v>
      </c>
      <c r="I1765" s="40">
        <v>8.5342912429194637</v>
      </c>
      <c r="J1765" s="40">
        <v>29.266655922619201</v>
      </c>
      <c r="K1765" s="40">
        <v>8.7445769968358888</v>
      </c>
      <c r="L1765" s="40"/>
      <c r="M1765" s="40"/>
      <c r="N1765" s="40"/>
      <c r="Y1765">
        <v>11.983333000000002</v>
      </c>
      <c r="Z1765">
        <v>90.283332999999999</v>
      </c>
      <c r="AA1765">
        <v>8.6176870000000001</v>
      </c>
      <c r="AB1765">
        <v>4.3794574541969737</v>
      </c>
    </row>
    <row r="1766" spans="4:28" x14ac:dyDescent="0.25">
      <c r="D1766" s="40">
        <v>29.298829000001302</v>
      </c>
      <c r="E1766" s="40">
        <v>13.359480799859448</v>
      </c>
      <c r="F1766" s="40">
        <v>29.283332999999999</v>
      </c>
      <c r="G1766" s="40">
        <v>10.573564954746258</v>
      </c>
      <c r="H1766" s="40">
        <v>29.283334000000011</v>
      </c>
      <c r="I1766" s="40">
        <v>8.5376439790627217</v>
      </c>
      <c r="J1766" s="40">
        <v>29.283322583333501</v>
      </c>
      <c r="K1766" s="40">
        <v>8.7492853627888199</v>
      </c>
      <c r="L1766" s="40"/>
      <c r="M1766" s="40"/>
      <c r="N1766" s="40"/>
      <c r="Y1766">
        <v>12</v>
      </c>
      <c r="Z1766">
        <v>90.3</v>
      </c>
      <c r="AA1766">
        <v>8.6177209999999995</v>
      </c>
      <c r="AB1766">
        <v>4.3798692702159796</v>
      </c>
    </row>
    <row r="1767" spans="4:28" x14ac:dyDescent="0.25">
      <c r="D1767" s="40">
        <v>29.315495000001302</v>
      </c>
      <c r="E1767" s="40">
        <v>13.364181532019874</v>
      </c>
      <c r="F1767" s="40">
        <v>29.299999999999997</v>
      </c>
      <c r="G1767" s="40">
        <v>10.578320198836352</v>
      </c>
      <c r="H1767" s="40">
        <v>29.300000000000011</v>
      </c>
      <c r="I1767" s="40">
        <v>8.5408981053194832</v>
      </c>
      <c r="J1767" s="40">
        <v>29.299989244047801</v>
      </c>
      <c r="K1767" s="40">
        <v>8.7541364064980538</v>
      </c>
      <c r="L1767" s="40"/>
      <c r="M1767" s="40"/>
      <c r="N1767" s="40"/>
      <c r="Y1767">
        <v>12.016666999999998</v>
      </c>
      <c r="Z1767">
        <v>90.316666999999995</v>
      </c>
      <c r="AA1767">
        <v>8.6177209999999995</v>
      </c>
      <c r="AB1767">
        <v>4.3798692702159796</v>
      </c>
    </row>
    <row r="1768" spans="4:28" x14ac:dyDescent="0.25">
      <c r="D1768" s="40">
        <v>29.332161000001303</v>
      </c>
      <c r="E1768" s="40">
        <v>13.373867889198845</v>
      </c>
      <c r="F1768" s="40">
        <v>29.316666999999995</v>
      </c>
      <c r="G1768" s="40">
        <v>10.582935582806252</v>
      </c>
      <c r="H1768" s="40">
        <v>29.31666700000001</v>
      </c>
      <c r="I1768" s="40">
        <v>8.5442508414627412</v>
      </c>
      <c r="J1768" s="40">
        <v>29.316655904762101</v>
      </c>
      <c r="K1768" s="40">
        <v>8.758987450207286</v>
      </c>
      <c r="L1768" s="40"/>
      <c r="M1768" s="40"/>
      <c r="N1768" s="40"/>
      <c r="Y1768">
        <v>12.033332999999999</v>
      </c>
      <c r="Z1768">
        <v>90.333332999999996</v>
      </c>
      <c r="AA1768">
        <v>8.6177550000000007</v>
      </c>
      <c r="AB1768">
        <v>4.3802810862350077</v>
      </c>
    </row>
    <row r="1769" spans="4:28" x14ac:dyDescent="0.25">
      <c r="D1769" s="40">
        <v>29.348827000001304</v>
      </c>
      <c r="E1769" s="40">
        <v>13.378568621359268</v>
      </c>
      <c r="F1769" s="40">
        <v>29.333332999999996</v>
      </c>
      <c r="G1769" s="40">
        <v>10.587690826896473</v>
      </c>
      <c r="H1769" s="40">
        <v>29.333334000000008</v>
      </c>
      <c r="I1769" s="40">
        <v>8.5476035776061714</v>
      </c>
      <c r="J1769" s="40">
        <v>29.333322565476401</v>
      </c>
      <c r="K1769" s="40">
        <v>8.7636958161602188</v>
      </c>
      <c r="L1769" s="40"/>
      <c r="M1769" s="40"/>
      <c r="N1769" s="40"/>
      <c r="Y1769">
        <v>12.049999999999997</v>
      </c>
      <c r="Z1769">
        <v>90.35</v>
      </c>
      <c r="AA1769">
        <v>8.6177879999999991</v>
      </c>
      <c r="AB1769">
        <v>4.3806807900181477</v>
      </c>
    </row>
    <row r="1770" spans="4:28" x14ac:dyDescent="0.25">
      <c r="D1770" s="40">
        <v>29.365493000001305</v>
      </c>
      <c r="E1770" s="40">
        <v>13.383411799948817</v>
      </c>
      <c r="F1770" s="40">
        <v>29.349999999999994</v>
      </c>
      <c r="G1770" s="40">
        <v>10.592446070986567</v>
      </c>
      <c r="H1770" s="40">
        <v>29.350000000000009</v>
      </c>
      <c r="I1770" s="40">
        <v>8.5508577038627607</v>
      </c>
      <c r="J1770" s="40">
        <v>29.349989226190701</v>
      </c>
      <c r="K1770" s="40">
        <v>8.7636958161602188</v>
      </c>
      <c r="L1770" s="40"/>
      <c r="M1770" s="40"/>
      <c r="N1770" s="40"/>
      <c r="Y1770">
        <v>12.06666700000001</v>
      </c>
      <c r="Z1770">
        <v>90.366667000000007</v>
      </c>
      <c r="AA1770">
        <v>8.6178220000000003</v>
      </c>
      <c r="AB1770">
        <v>4.3810926060371767</v>
      </c>
    </row>
    <row r="1771" spans="4:28" x14ac:dyDescent="0.25">
      <c r="D1771" s="40">
        <v>29.382159000001305</v>
      </c>
      <c r="E1771" s="40">
        <v>13.388254978538239</v>
      </c>
      <c r="F1771" s="40">
        <v>29.366666999999993</v>
      </c>
      <c r="G1771" s="40">
        <v>10.597061454956467</v>
      </c>
      <c r="H1771" s="40">
        <v>29.366667000000007</v>
      </c>
      <c r="I1771" s="40">
        <v>8.5542104400061927</v>
      </c>
      <c r="J1771" s="40">
        <v>29.366655886905001</v>
      </c>
      <c r="K1771" s="40">
        <v>8.7685468598694527</v>
      </c>
      <c r="L1771" s="40"/>
      <c r="M1771" s="40"/>
      <c r="N1771" s="40"/>
      <c r="Y1771">
        <v>12.083332999999996</v>
      </c>
      <c r="Z1771">
        <v>90.383332999999993</v>
      </c>
      <c r="AA1771">
        <v>8.6178559999999997</v>
      </c>
      <c r="AB1771">
        <v>4.3815044220561825</v>
      </c>
    </row>
    <row r="1772" spans="4:28" x14ac:dyDescent="0.25">
      <c r="D1772" s="40">
        <v>29.398825000001306</v>
      </c>
      <c r="E1772" s="40">
        <v>13.392955710698665</v>
      </c>
      <c r="F1772" s="40">
        <v>29.383332999999993</v>
      </c>
      <c r="G1772" s="40">
        <v>10.601816699046687</v>
      </c>
      <c r="H1772" s="40">
        <v>29.383334000000005</v>
      </c>
      <c r="I1772" s="40">
        <v>8.5542104400061927</v>
      </c>
      <c r="J1772" s="40">
        <v>29.383322547619201</v>
      </c>
      <c r="K1772" s="40">
        <v>8.7733979035786849</v>
      </c>
      <c r="L1772" s="40"/>
      <c r="M1772" s="40"/>
      <c r="N1772" s="40"/>
      <c r="Y1772">
        <v>12.100000000000009</v>
      </c>
      <c r="Z1772">
        <v>90.4</v>
      </c>
      <c r="AA1772">
        <v>8.6178889999999999</v>
      </c>
      <c r="AB1772">
        <v>4.3819041258393439</v>
      </c>
    </row>
    <row r="1773" spans="4:28" x14ac:dyDescent="0.25">
      <c r="D1773" s="40">
        <v>29.415491000001307</v>
      </c>
      <c r="E1773" s="40">
        <v>13.397798889288213</v>
      </c>
      <c r="F1773" s="40">
        <v>29.399999999999991</v>
      </c>
      <c r="G1773" s="40">
        <v>10.601816699046687</v>
      </c>
      <c r="H1773" s="40">
        <v>29.400000000000006</v>
      </c>
      <c r="I1773" s="40">
        <v>8.5575631761494506</v>
      </c>
      <c r="J1773" s="40">
        <v>29.399989208333501</v>
      </c>
      <c r="K1773" s="40">
        <v>8.7733979035786849</v>
      </c>
      <c r="L1773" s="40"/>
      <c r="M1773" s="40"/>
      <c r="N1773" s="40"/>
      <c r="Y1773">
        <v>12.116667000000007</v>
      </c>
      <c r="Z1773">
        <v>90.416667000000004</v>
      </c>
      <c r="AA1773">
        <v>8.6179229999999993</v>
      </c>
      <c r="AB1773">
        <v>4.3823159418583506</v>
      </c>
    </row>
    <row r="1774" spans="4:28" x14ac:dyDescent="0.25">
      <c r="D1774" s="40">
        <v>29.432157000001308</v>
      </c>
      <c r="E1774" s="40">
        <v>13.402642067877634</v>
      </c>
      <c r="F1774" s="40">
        <v>29.41666699999999</v>
      </c>
      <c r="G1774" s="40">
        <v>10.606571943136906</v>
      </c>
      <c r="H1774" s="40">
        <v>29.416667000000004</v>
      </c>
      <c r="I1774" s="40">
        <v>8.5575631761494506</v>
      </c>
      <c r="J1774" s="40">
        <v>29.416655869047801</v>
      </c>
      <c r="K1774" s="40">
        <v>8.7781062695317438</v>
      </c>
      <c r="L1774" s="40"/>
      <c r="M1774" s="40"/>
      <c r="N1774" s="40"/>
      <c r="Y1774">
        <v>12.133333000000007</v>
      </c>
      <c r="Z1774">
        <v>90.433333000000005</v>
      </c>
      <c r="AA1774">
        <v>8.6179570000000005</v>
      </c>
      <c r="AB1774">
        <v>4.3827277578773787</v>
      </c>
    </row>
    <row r="1775" spans="4:28" x14ac:dyDescent="0.25">
      <c r="D1775" s="40">
        <v>29.448823000001308</v>
      </c>
      <c r="E1775" s="40">
        <v>13.407342800038061</v>
      </c>
      <c r="F1775" s="40">
        <v>29.43333299999999</v>
      </c>
      <c r="G1775" s="40">
        <v>10.611187327106682</v>
      </c>
      <c r="H1775" s="40">
        <v>29.433334000000002</v>
      </c>
      <c r="I1775" s="40">
        <v>8.5608173024062122</v>
      </c>
      <c r="J1775" s="40">
        <v>29.433322529762101</v>
      </c>
      <c r="K1775" s="40">
        <v>8.7781062695317438</v>
      </c>
      <c r="L1775" s="40"/>
      <c r="M1775" s="40"/>
      <c r="N1775" s="40"/>
      <c r="Y1775">
        <v>12.150000000000006</v>
      </c>
      <c r="Z1775">
        <v>90.45</v>
      </c>
      <c r="AA1775">
        <v>8.6179900000000007</v>
      </c>
      <c r="AB1775">
        <v>4.3831274616605409</v>
      </c>
    </row>
    <row r="1776" spans="4:28" x14ac:dyDescent="0.25">
      <c r="D1776" s="40">
        <v>29.465489000001309</v>
      </c>
      <c r="E1776" s="40">
        <v>13.41218597862761</v>
      </c>
      <c r="F1776" s="40">
        <v>29.449999999999989</v>
      </c>
      <c r="G1776" s="40">
        <v>10.611187327106682</v>
      </c>
      <c r="H1776" s="40">
        <v>29.450000000000003</v>
      </c>
      <c r="I1776" s="40">
        <v>8.5641700385494701</v>
      </c>
      <c r="J1776" s="40">
        <v>29.449989190476401</v>
      </c>
      <c r="K1776" s="40">
        <v>8.7781062695317438</v>
      </c>
      <c r="L1776" s="40"/>
      <c r="M1776" s="40"/>
      <c r="N1776" s="40"/>
      <c r="Y1776">
        <v>12.166667000000004</v>
      </c>
      <c r="Z1776">
        <v>90.466667000000001</v>
      </c>
      <c r="AA1776">
        <v>8.6180240000000001</v>
      </c>
      <c r="AB1776">
        <v>4.3835392776795468</v>
      </c>
    </row>
    <row r="1777" spans="4:28" x14ac:dyDescent="0.25">
      <c r="D1777" s="40">
        <v>29.48215500000131</v>
      </c>
      <c r="E1777" s="40">
        <v>13.417029157217032</v>
      </c>
      <c r="F1777" s="40">
        <v>29.466667000000001</v>
      </c>
      <c r="G1777" s="40">
        <v>10.615942571196902</v>
      </c>
      <c r="H1777" s="40">
        <v>29.466667000000001</v>
      </c>
      <c r="I1777" s="40">
        <v>8.5675227746929021</v>
      </c>
      <c r="J1777" s="40">
        <v>29.466655851190701</v>
      </c>
      <c r="K1777" s="40">
        <v>8.7829573132408498</v>
      </c>
      <c r="L1777" s="40"/>
      <c r="M1777" s="40"/>
      <c r="N1777" s="40"/>
      <c r="Y1777">
        <v>12.183333000000005</v>
      </c>
      <c r="Z1777">
        <v>90.483333000000002</v>
      </c>
      <c r="AA1777">
        <v>8.6180570000000003</v>
      </c>
      <c r="AB1777">
        <v>4.383938981462709</v>
      </c>
    </row>
    <row r="1778" spans="4:28" x14ac:dyDescent="0.25">
      <c r="D1778" s="40">
        <v>29.49882100000131</v>
      </c>
      <c r="E1778" s="40">
        <v>13.421729889377456</v>
      </c>
      <c r="F1778" s="40">
        <v>29.483332999999988</v>
      </c>
      <c r="G1778" s="40">
        <v>10.620697815287121</v>
      </c>
      <c r="H1778" s="40">
        <v>29.483334000000013</v>
      </c>
      <c r="I1778" s="40">
        <v>8.5707769009496655</v>
      </c>
      <c r="J1778" s="40">
        <v>29.483322511905001</v>
      </c>
      <c r="K1778" s="40">
        <v>8.7829573132408498</v>
      </c>
      <c r="L1778" s="40"/>
      <c r="M1778" s="40"/>
      <c r="N1778" s="40"/>
      <c r="Y1778">
        <v>12.200000000000003</v>
      </c>
      <c r="Z1778">
        <v>90.5</v>
      </c>
      <c r="AA1778">
        <v>8.6180909999999997</v>
      </c>
      <c r="AB1778">
        <v>4.3843507974817157</v>
      </c>
    </row>
    <row r="1779" spans="4:28" x14ac:dyDescent="0.25">
      <c r="D1779" s="40">
        <v>29.515487000001311</v>
      </c>
      <c r="E1779" s="40">
        <v>13.426573067967004</v>
      </c>
      <c r="F1779" s="40">
        <v>29.5</v>
      </c>
      <c r="G1779" s="40">
        <v>10.625453059377216</v>
      </c>
      <c r="H1779" s="40">
        <v>29.5</v>
      </c>
      <c r="I1779" s="40">
        <v>8.5707769009496655</v>
      </c>
      <c r="J1779" s="40">
        <v>29.499989172619198</v>
      </c>
      <c r="K1779" s="40">
        <v>8.787808356950082</v>
      </c>
      <c r="L1779" s="40"/>
      <c r="M1779" s="40"/>
      <c r="N1779" s="40"/>
      <c r="Y1779">
        <v>12.216667000000001</v>
      </c>
      <c r="Z1779">
        <v>90.516666999999998</v>
      </c>
      <c r="AA1779">
        <v>8.6180909999999997</v>
      </c>
      <c r="AB1779">
        <v>4.3843507974817157</v>
      </c>
    </row>
    <row r="1780" spans="4:28" x14ac:dyDescent="0.25">
      <c r="D1780" s="40">
        <v>29.532153000001312</v>
      </c>
      <c r="E1780" s="40">
        <v>13.431416246556553</v>
      </c>
      <c r="F1780" s="40">
        <v>29.516666999999998</v>
      </c>
      <c r="G1780" s="40">
        <v>10.625453059377216</v>
      </c>
      <c r="H1780" s="40">
        <v>29.516667000000012</v>
      </c>
      <c r="I1780" s="40">
        <v>8.5741296370929234</v>
      </c>
      <c r="J1780" s="40">
        <v>29.516655833333498</v>
      </c>
      <c r="K1780" s="40">
        <v>8.787808356950082</v>
      </c>
      <c r="L1780" s="40"/>
      <c r="M1780" s="40"/>
      <c r="N1780" s="40"/>
      <c r="Y1780">
        <v>12.233333000000002</v>
      </c>
      <c r="Z1780">
        <v>90.533332999999999</v>
      </c>
      <c r="AA1780">
        <v>8.6181249999999991</v>
      </c>
      <c r="AB1780">
        <v>4.3847626135007216</v>
      </c>
    </row>
    <row r="1781" spans="4:28" x14ac:dyDescent="0.25">
      <c r="D1781" s="40">
        <v>29.548819000001313</v>
      </c>
      <c r="E1781" s="40">
        <v>13.436116978716852</v>
      </c>
      <c r="F1781" s="40">
        <v>29.533332999999999</v>
      </c>
      <c r="G1781" s="40">
        <v>10.630068443347117</v>
      </c>
      <c r="H1781" s="40">
        <v>29.533334000000011</v>
      </c>
      <c r="I1781" s="40">
        <v>8.5774823732361813</v>
      </c>
      <c r="J1781" s="40">
        <v>29.533322494047798</v>
      </c>
      <c r="K1781" s="40">
        <v>8.7925167229031427</v>
      </c>
      <c r="L1781" s="40"/>
      <c r="M1781" s="40"/>
      <c r="N1781" s="40"/>
      <c r="Y1781">
        <v>12.25</v>
      </c>
      <c r="Z1781">
        <v>90.55</v>
      </c>
      <c r="AA1781">
        <v>8.6181579999999993</v>
      </c>
      <c r="AB1781">
        <v>4.3851623172838838</v>
      </c>
    </row>
    <row r="1782" spans="4:28" x14ac:dyDescent="0.25">
      <c r="D1782" s="40">
        <v>29.565485000001313</v>
      </c>
      <c r="E1782" s="40">
        <v>13.440960157306401</v>
      </c>
      <c r="F1782" s="40">
        <v>29.549999999999997</v>
      </c>
      <c r="G1782" s="40">
        <v>10.634823687437336</v>
      </c>
      <c r="H1782" s="40">
        <v>29.550000000000011</v>
      </c>
      <c r="I1782" s="40">
        <v>8.5807364994929429</v>
      </c>
      <c r="J1782" s="40">
        <v>29.549989154762098</v>
      </c>
      <c r="K1782" s="40">
        <v>8.7973677666122487</v>
      </c>
      <c r="L1782" s="40"/>
      <c r="M1782" s="40"/>
      <c r="N1782" s="40"/>
      <c r="Y1782">
        <v>12.266666999999998</v>
      </c>
      <c r="Z1782">
        <v>90.566666999999995</v>
      </c>
      <c r="AA1782">
        <v>8.6181920000000005</v>
      </c>
      <c r="AB1782">
        <v>4.3855741333029119</v>
      </c>
    </row>
    <row r="1783" spans="4:28" x14ac:dyDescent="0.25">
      <c r="D1783" s="40">
        <v>29.582151000001314</v>
      </c>
      <c r="E1783" s="40">
        <v>13.445803335895949</v>
      </c>
      <c r="F1783" s="40">
        <v>29.566666999999995</v>
      </c>
      <c r="G1783" s="40">
        <v>10.634823687437336</v>
      </c>
      <c r="H1783" s="40">
        <v>29.56666700000001</v>
      </c>
      <c r="I1783" s="40">
        <v>8.5840892356362009</v>
      </c>
      <c r="J1783" s="40">
        <v>29.566655815476398</v>
      </c>
      <c r="K1783" s="40">
        <v>8.8022188103214791</v>
      </c>
      <c r="L1783" s="40"/>
      <c r="M1783" s="40"/>
      <c r="N1783" s="40"/>
      <c r="Y1783">
        <v>12.283332999999999</v>
      </c>
      <c r="Z1783">
        <v>90.583332999999996</v>
      </c>
      <c r="AA1783">
        <v>8.6182259999999999</v>
      </c>
      <c r="AB1783">
        <v>4.3859859493219178</v>
      </c>
    </row>
    <row r="1784" spans="4:28" x14ac:dyDescent="0.25">
      <c r="D1784" s="40">
        <v>29.598817000001315</v>
      </c>
      <c r="E1784" s="40">
        <v>13.445803335895949</v>
      </c>
      <c r="F1784" s="40">
        <v>29.583332999999996</v>
      </c>
      <c r="G1784" s="40">
        <v>10.63957893152743</v>
      </c>
      <c r="H1784" s="40">
        <v>29.583334000000008</v>
      </c>
      <c r="I1784" s="40">
        <v>8.5874419717796329</v>
      </c>
      <c r="J1784" s="40">
        <v>29.583322476190698</v>
      </c>
      <c r="K1784" s="40">
        <v>8.8022188103214791</v>
      </c>
      <c r="L1784" s="40"/>
      <c r="M1784" s="40"/>
      <c r="N1784" s="40"/>
      <c r="Y1784">
        <v>12.299999999999997</v>
      </c>
      <c r="Z1784">
        <v>90.6</v>
      </c>
      <c r="AA1784">
        <v>8.6182590000000001</v>
      </c>
      <c r="AB1784">
        <v>4.38638565310508</v>
      </c>
    </row>
    <row r="1785" spans="4:28" x14ac:dyDescent="0.25">
      <c r="D1785" s="40">
        <v>29.615483000001316</v>
      </c>
      <c r="E1785" s="40">
        <v>13.450504068056247</v>
      </c>
      <c r="F1785" s="40">
        <v>29.599999999999994</v>
      </c>
      <c r="G1785" s="40">
        <v>10.64419431549733</v>
      </c>
      <c r="H1785" s="40">
        <v>29.600000000000009</v>
      </c>
      <c r="I1785" s="40">
        <v>8.5906960980363944</v>
      </c>
      <c r="J1785" s="40">
        <v>29.599989136904998</v>
      </c>
      <c r="K1785" s="40">
        <v>8.8069271762745398</v>
      </c>
      <c r="L1785" s="40"/>
      <c r="M1785" s="40"/>
      <c r="N1785" s="40"/>
      <c r="Y1785">
        <v>12.31666700000001</v>
      </c>
      <c r="Z1785">
        <v>90.616667000000007</v>
      </c>
      <c r="AA1785">
        <v>8.6182929999999995</v>
      </c>
      <c r="AB1785">
        <v>4.3867974691240859</v>
      </c>
    </row>
    <row r="1786" spans="4:28" x14ac:dyDescent="0.25">
      <c r="D1786" s="40">
        <v>29.632149000001316</v>
      </c>
      <c r="E1786" s="40">
        <v>13.460190425235345</v>
      </c>
      <c r="F1786" s="40">
        <v>29.616666999999993</v>
      </c>
      <c r="G1786" s="40">
        <v>10.648949559587551</v>
      </c>
      <c r="H1786" s="40">
        <v>29.616667000000007</v>
      </c>
      <c r="I1786" s="40">
        <v>8.5940488341796524</v>
      </c>
      <c r="J1786" s="40">
        <v>29.616655797619199</v>
      </c>
      <c r="K1786" s="40">
        <v>8.8069271762745398</v>
      </c>
      <c r="L1786" s="40"/>
      <c r="M1786" s="40"/>
      <c r="N1786" s="40"/>
      <c r="Y1786">
        <v>12.333332999999996</v>
      </c>
      <c r="Z1786">
        <v>90.633332999999993</v>
      </c>
      <c r="AA1786">
        <v>8.6183270000000007</v>
      </c>
      <c r="AB1786">
        <v>4.3872092851431139</v>
      </c>
    </row>
    <row r="1787" spans="4:28" x14ac:dyDescent="0.25">
      <c r="D1787" s="40">
        <v>29.648815000001317</v>
      </c>
      <c r="E1787" s="40">
        <v>13.464891157395769</v>
      </c>
      <c r="F1787" s="40">
        <v>29.633332999999993</v>
      </c>
      <c r="G1787" s="40">
        <v>10.653704803677645</v>
      </c>
      <c r="H1787" s="40">
        <v>29.633334000000005</v>
      </c>
      <c r="I1787" s="40">
        <v>8.5974015703229103</v>
      </c>
      <c r="J1787" s="40">
        <v>29.633322458333499</v>
      </c>
      <c r="K1787" s="40">
        <v>8.8069271762745398</v>
      </c>
      <c r="L1787" s="40"/>
      <c r="M1787" s="40"/>
      <c r="N1787" s="40"/>
      <c r="Y1787">
        <v>12.350000000000009</v>
      </c>
      <c r="Z1787">
        <v>90.65</v>
      </c>
      <c r="AA1787">
        <v>8.6183599999999991</v>
      </c>
      <c r="AB1787">
        <v>4.3876089889262548</v>
      </c>
    </row>
    <row r="1788" spans="4:28" x14ac:dyDescent="0.25">
      <c r="D1788" s="40">
        <v>29.665481000001318</v>
      </c>
      <c r="E1788" s="40">
        <v>13.47457751457474</v>
      </c>
      <c r="F1788" s="40">
        <v>29.649999999999991</v>
      </c>
      <c r="G1788" s="40">
        <v>10.658320187647545</v>
      </c>
      <c r="H1788" s="40">
        <v>29.650000000000006</v>
      </c>
      <c r="I1788" s="40">
        <v>8.6006556965796737</v>
      </c>
      <c r="J1788" s="40">
        <v>29.649989119047799</v>
      </c>
      <c r="K1788" s="40">
        <v>8.8069271762745398</v>
      </c>
      <c r="L1788" s="40"/>
      <c r="M1788" s="40"/>
      <c r="N1788" s="40"/>
      <c r="Y1788">
        <v>12.366667000000007</v>
      </c>
      <c r="Z1788">
        <v>90.666667000000004</v>
      </c>
      <c r="AA1788">
        <v>8.6183940000000003</v>
      </c>
      <c r="AB1788">
        <v>4.388020804945282</v>
      </c>
    </row>
    <row r="1789" spans="4:28" x14ac:dyDescent="0.25">
      <c r="D1789" s="40">
        <v>29.682147000001319</v>
      </c>
      <c r="E1789" s="40">
        <v>13.479278246735166</v>
      </c>
      <c r="F1789" s="40">
        <v>29.66666699999999</v>
      </c>
      <c r="G1789" s="40">
        <v>10.663075431737765</v>
      </c>
      <c r="H1789" s="40">
        <v>29.666667000000004</v>
      </c>
      <c r="I1789" s="40">
        <v>8.6040084327231057</v>
      </c>
      <c r="J1789" s="40">
        <v>29.666655779762099</v>
      </c>
      <c r="K1789" s="40">
        <v>8.8069271762745398</v>
      </c>
      <c r="L1789" s="40"/>
      <c r="M1789" s="40"/>
      <c r="N1789" s="40"/>
      <c r="Y1789">
        <v>12.383333000000007</v>
      </c>
      <c r="Z1789">
        <v>90.683333000000005</v>
      </c>
      <c r="AA1789">
        <v>8.6184279999999998</v>
      </c>
      <c r="AB1789">
        <v>4.3884326209642888</v>
      </c>
    </row>
    <row r="1790" spans="4:28" x14ac:dyDescent="0.25">
      <c r="D1790" s="40">
        <v>29.698813000001319</v>
      </c>
      <c r="E1790" s="40">
        <v>13.484121425324588</v>
      </c>
      <c r="F1790" s="40">
        <v>29.68333299999999</v>
      </c>
      <c r="G1790" s="40">
        <v>10.667830675827984</v>
      </c>
      <c r="H1790" s="40">
        <v>29.683334000000002</v>
      </c>
      <c r="I1790" s="40">
        <v>8.6073611688663636</v>
      </c>
      <c r="J1790" s="40">
        <v>29.683322440476399</v>
      </c>
      <c r="K1790" s="40">
        <v>8.8069271762745398</v>
      </c>
      <c r="L1790" s="40"/>
      <c r="M1790" s="40"/>
      <c r="N1790" s="40"/>
      <c r="Y1790">
        <v>12.400000000000006</v>
      </c>
      <c r="Z1790">
        <v>90.7</v>
      </c>
      <c r="AA1790">
        <v>8.6184609999999999</v>
      </c>
      <c r="AB1790">
        <v>4.388832324747451</v>
      </c>
    </row>
    <row r="1791" spans="4:28" x14ac:dyDescent="0.25">
      <c r="D1791" s="40">
        <v>29.71547900000132</v>
      </c>
      <c r="E1791" s="40">
        <v>13.484121425324588</v>
      </c>
      <c r="F1791" s="40">
        <v>29.699999999999989</v>
      </c>
      <c r="G1791" s="40">
        <v>10.667830675827984</v>
      </c>
      <c r="H1791" s="40">
        <v>29.700000000000003</v>
      </c>
      <c r="I1791" s="40">
        <v>8.6106152951231252</v>
      </c>
      <c r="J1791" s="40">
        <v>29.699989101190699</v>
      </c>
      <c r="K1791" s="40">
        <v>8.8069271762745398</v>
      </c>
      <c r="L1791" s="40"/>
      <c r="M1791" s="40"/>
      <c r="N1791" s="40"/>
      <c r="Y1791">
        <v>12.416667000000004</v>
      </c>
      <c r="Z1791">
        <v>90.716667000000001</v>
      </c>
      <c r="AA1791">
        <v>8.6184949999999994</v>
      </c>
      <c r="AB1791">
        <v>4.3892441407664577</v>
      </c>
    </row>
    <row r="1792" spans="4:28" x14ac:dyDescent="0.25">
      <c r="D1792" s="40">
        <v>29.732145000001321</v>
      </c>
      <c r="E1792" s="40">
        <v>13.488964603914134</v>
      </c>
      <c r="F1792" s="40">
        <v>29.716667000000001</v>
      </c>
      <c r="G1792" s="40">
        <v>10.67244605979776</v>
      </c>
      <c r="H1792" s="40">
        <v>29.716667000000001</v>
      </c>
      <c r="I1792" s="40">
        <v>8.617320767409641</v>
      </c>
      <c r="J1792" s="40">
        <v>29.716655761904999</v>
      </c>
      <c r="K1792" s="40">
        <v>8.8069271762745398</v>
      </c>
      <c r="L1792" s="40"/>
      <c r="M1792" s="40"/>
      <c r="N1792" s="40"/>
      <c r="Y1792">
        <v>12.433333000000005</v>
      </c>
      <c r="Z1792">
        <v>90.733333000000002</v>
      </c>
      <c r="AA1792">
        <v>8.6185290000000006</v>
      </c>
      <c r="AB1792">
        <v>4.3896559567854849</v>
      </c>
    </row>
    <row r="1793" spans="4:28" x14ac:dyDescent="0.25">
      <c r="D1793" s="40">
        <v>29.748811000001322</v>
      </c>
      <c r="E1793" s="40">
        <v>13.49366533607456</v>
      </c>
      <c r="F1793" s="40">
        <v>29.733332999999988</v>
      </c>
      <c r="G1793" s="40">
        <v>10.67720130388798</v>
      </c>
      <c r="H1793" s="40">
        <v>29.733334000000013</v>
      </c>
      <c r="I1793" s="40">
        <v>8.6205748936664044</v>
      </c>
      <c r="J1793" s="40">
        <v>29.733322422619199</v>
      </c>
      <c r="K1793" s="40">
        <v>8.8022188103214791</v>
      </c>
      <c r="L1793" s="40"/>
      <c r="M1793" s="40"/>
      <c r="N1793" s="40"/>
      <c r="Y1793">
        <v>12.450000000000003</v>
      </c>
      <c r="Z1793">
        <v>90.75</v>
      </c>
      <c r="AA1793">
        <v>8.6185620000000007</v>
      </c>
      <c r="AB1793">
        <v>4.3900556605686463</v>
      </c>
    </row>
    <row r="1794" spans="4:28" x14ac:dyDescent="0.25">
      <c r="D1794" s="40">
        <v>29.765477000001322</v>
      </c>
      <c r="E1794" s="40">
        <v>13.498508514663982</v>
      </c>
      <c r="F1794" s="40">
        <v>29.75</v>
      </c>
      <c r="G1794" s="40">
        <v>10.67720130388798</v>
      </c>
      <c r="H1794" s="40">
        <v>29.75</v>
      </c>
      <c r="I1794" s="40">
        <v>8.6239276298098364</v>
      </c>
      <c r="J1794" s="40">
        <v>29.749989083333499</v>
      </c>
      <c r="K1794" s="40">
        <v>8.8022188103214791</v>
      </c>
      <c r="L1794" s="40"/>
      <c r="M1794" s="40"/>
      <c r="N1794" s="40"/>
      <c r="Y1794">
        <v>12.466667000000001</v>
      </c>
      <c r="Z1794">
        <v>90.766666999999998</v>
      </c>
      <c r="AA1794">
        <v>8.6185960000000001</v>
      </c>
      <c r="AB1794">
        <v>4.390467476587653</v>
      </c>
    </row>
    <row r="1795" spans="4:28" x14ac:dyDescent="0.25">
      <c r="D1795" s="40">
        <v>29.782143000001323</v>
      </c>
      <c r="E1795" s="40">
        <v>13.503351693253531</v>
      </c>
      <c r="F1795" s="40">
        <v>29.766666999999998</v>
      </c>
      <c r="G1795" s="40">
        <v>10.681956547978199</v>
      </c>
      <c r="H1795" s="40">
        <v>29.766667000000012</v>
      </c>
      <c r="I1795" s="40">
        <v>8.6272803659530943</v>
      </c>
      <c r="J1795" s="40">
        <v>29.766655744047799</v>
      </c>
      <c r="K1795" s="40">
        <v>8.8069271762745398</v>
      </c>
      <c r="L1795" s="40"/>
      <c r="M1795" s="40"/>
      <c r="N1795" s="40"/>
      <c r="Y1795">
        <v>12.483333000000002</v>
      </c>
      <c r="Z1795">
        <v>90.783332999999999</v>
      </c>
      <c r="AA1795">
        <v>8.6186299999999996</v>
      </c>
      <c r="AB1795">
        <v>4.3908792926066598</v>
      </c>
    </row>
    <row r="1796" spans="4:28" x14ac:dyDescent="0.25">
      <c r="D1796" s="40">
        <v>29.798809000001324</v>
      </c>
      <c r="E1796" s="40">
        <v>13.508194871843079</v>
      </c>
      <c r="F1796" s="40">
        <v>29.783332999999999</v>
      </c>
      <c r="G1796" s="40">
        <v>10.686571931947974</v>
      </c>
      <c r="H1796" s="40">
        <v>29.783334000000011</v>
      </c>
      <c r="I1796" s="40">
        <v>8.6305344922098559</v>
      </c>
      <c r="J1796" s="40">
        <v>29.783322404762099</v>
      </c>
      <c r="K1796" s="40">
        <v>8.8069271762745398</v>
      </c>
      <c r="L1796" s="40"/>
      <c r="M1796" s="40"/>
      <c r="N1796" s="40"/>
      <c r="Y1796">
        <v>12.5</v>
      </c>
      <c r="Z1796">
        <v>90.8</v>
      </c>
      <c r="AA1796">
        <v>8.6186629999999997</v>
      </c>
      <c r="AB1796">
        <v>4.391278996389822</v>
      </c>
    </row>
    <row r="1797" spans="4:28" x14ac:dyDescent="0.25">
      <c r="D1797" s="40">
        <v>29.815475000001324</v>
      </c>
      <c r="E1797" s="40">
        <v>13.512895604003505</v>
      </c>
      <c r="F1797" s="40">
        <v>29.799999999999997</v>
      </c>
      <c r="G1797" s="40">
        <v>10.691327176038195</v>
      </c>
      <c r="H1797" s="40">
        <v>29.800000000000011</v>
      </c>
      <c r="I1797" s="40">
        <v>8.6338872283531121</v>
      </c>
      <c r="J1797" s="40">
        <v>29.799989065476399</v>
      </c>
      <c r="K1797" s="40">
        <v>8.8069271762745398</v>
      </c>
      <c r="L1797" s="40"/>
      <c r="M1797" s="40"/>
      <c r="N1797" s="40"/>
      <c r="Y1797">
        <v>12.516666999999998</v>
      </c>
      <c r="Z1797">
        <v>90.816666999999995</v>
      </c>
      <c r="AA1797">
        <v>8.6186629999999997</v>
      </c>
      <c r="AB1797">
        <v>4.391278996389822</v>
      </c>
    </row>
    <row r="1798" spans="4:28" x14ac:dyDescent="0.25">
      <c r="D1798" s="40">
        <v>29.832141000001325</v>
      </c>
      <c r="E1798" s="40">
        <v>13.522581961182475</v>
      </c>
      <c r="F1798" s="40">
        <v>29.816666999999995</v>
      </c>
      <c r="G1798" s="40">
        <v>10.696082420128414</v>
      </c>
      <c r="H1798" s="40">
        <v>29.81666700000001</v>
      </c>
      <c r="I1798" s="40">
        <v>8.63723996449637</v>
      </c>
      <c r="J1798" s="40">
        <v>29.816655726190699</v>
      </c>
      <c r="K1798" s="40">
        <v>8.8213376296459387</v>
      </c>
      <c r="L1798" s="40"/>
      <c r="M1798" s="40"/>
      <c r="N1798" s="40"/>
      <c r="Y1798">
        <v>12.533332999999999</v>
      </c>
      <c r="Z1798">
        <v>90.833332999999996</v>
      </c>
      <c r="AA1798">
        <v>8.6186969999999992</v>
      </c>
      <c r="AB1798">
        <v>4.3916908124088279</v>
      </c>
    </row>
    <row r="1799" spans="4:28" x14ac:dyDescent="0.25">
      <c r="D1799" s="40">
        <v>29.848807000001326</v>
      </c>
      <c r="E1799" s="40">
        <v>13.527282693342901</v>
      </c>
      <c r="F1799" s="40">
        <v>29.833332999999996</v>
      </c>
      <c r="G1799" s="40">
        <v>10.700697804098315</v>
      </c>
      <c r="H1799" s="40">
        <v>29.833334000000008</v>
      </c>
      <c r="I1799" s="40">
        <v>8.6404940907531333</v>
      </c>
      <c r="J1799" s="40">
        <v>29.833322386904999</v>
      </c>
      <c r="K1799" s="40">
        <v>8.8069271762745398</v>
      </c>
      <c r="L1799" s="40"/>
      <c r="M1799" s="40"/>
      <c r="N1799" s="40"/>
      <c r="Y1799">
        <v>12.549999999999997</v>
      </c>
      <c r="Z1799">
        <v>90.85</v>
      </c>
      <c r="AA1799">
        <v>8.6187310000000004</v>
      </c>
      <c r="AB1799">
        <v>4.3921026284278559</v>
      </c>
    </row>
    <row r="1800" spans="4:28" x14ac:dyDescent="0.25">
      <c r="D1800" s="40">
        <v>29.865473000001327</v>
      </c>
      <c r="E1800" s="40">
        <v>13.53696905052187</v>
      </c>
      <c r="F1800" s="40">
        <v>29.849999999999994</v>
      </c>
      <c r="G1800" s="40">
        <v>10.705453048188408</v>
      </c>
      <c r="H1800" s="40">
        <v>29.850000000000009</v>
      </c>
      <c r="I1800" s="40">
        <v>8.6438468268965654</v>
      </c>
      <c r="J1800" s="40">
        <v>29.8499890476192</v>
      </c>
      <c r="K1800" s="40">
        <v>8.8022188103214791</v>
      </c>
      <c r="L1800" s="40"/>
      <c r="M1800" s="40"/>
      <c r="N1800" s="40"/>
      <c r="Y1800">
        <v>12.56666700000001</v>
      </c>
      <c r="Z1800">
        <v>90.866667000000007</v>
      </c>
      <c r="AA1800">
        <v>8.6187640000000005</v>
      </c>
      <c r="AB1800">
        <v>4.3925023322110182</v>
      </c>
    </row>
    <row r="1801" spans="4:28" x14ac:dyDescent="0.25">
      <c r="D1801" s="40">
        <v>29.882139000001327</v>
      </c>
      <c r="E1801" s="40">
        <v>13.541669782682296</v>
      </c>
      <c r="F1801" s="40">
        <v>29.866666999999993</v>
      </c>
      <c r="G1801" s="40">
        <v>10.705453048188408</v>
      </c>
      <c r="H1801" s="40">
        <v>29.866667000000007</v>
      </c>
      <c r="I1801" s="40">
        <v>8.6471995630398233</v>
      </c>
      <c r="J1801" s="40">
        <v>29.8666557083335</v>
      </c>
      <c r="K1801" s="40">
        <v>8.7973677666122487</v>
      </c>
      <c r="L1801" s="40"/>
      <c r="M1801" s="40"/>
      <c r="N1801" s="40"/>
      <c r="Y1801">
        <v>12.583332999999996</v>
      </c>
      <c r="Z1801">
        <v>90.883332999999993</v>
      </c>
      <c r="AA1801">
        <v>8.618798</v>
      </c>
      <c r="AB1801">
        <v>4.392914148230024</v>
      </c>
    </row>
    <row r="1802" spans="4:28" x14ac:dyDescent="0.25">
      <c r="D1802" s="40">
        <v>29.898805000001328</v>
      </c>
      <c r="E1802" s="40">
        <v>13.546512961271718</v>
      </c>
      <c r="F1802" s="40">
        <v>29.883332999999993</v>
      </c>
      <c r="G1802" s="40">
        <v>10.710208292278629</v>
      </c>
      <c r="H1802" s="40">
        <v>29.883334000000005</v>
      </c>
      <c r="I1802" s="40">
        <v>8.6505522991830794</v>
      </c>
      <c r="J1802" s="40">
        <v>29.8833223690478</v>
      </c>
      <c r="K1802" s="40">
        <v>8.7973677666122487</v>
      </c>
      <c r="L1802" s="40"/>
      <c r="M1802" s="40"/>
      <c r="N1802" s="40"/>
      <c r="Y1802">
        <v>12.600000000000009</v>
      </c>
      <c r="Z1802">
        <v>90.9</v>
      </c>
      <c r="AA1802">
        <v>8.6188319999999994</v>
      </c>
      <c r="AB1802">
        <v>4.3933259642490308</v>
      </c>
    </row>
    <row r="1803" spans="4:28" x14ac:dyDescent="0.25">
      <c r="D1803" s="40">
        <v>29.915471000001329</v>
      </c>
      <c r="E1803" s="40">
        <v>13.556056872021692</v>
      </c>
      <c r="F1803" s="40">
        <v>29.899999999999991</v>
      </c>
      <c r="G1803" s="40">
        <v>10.714823676248528</v>
      </c>
      <c r="H1803" s="40">
        <v>29.900000000000006</v>
      </c>
      <c r="I1803" s="40">
        <v>8.6538064254398428</v>
      </c>
      <c r="J1803" s="40">
        <v>29.8999890297621</v>
      </c>
      <c r="K1803" s="40">
        <v>8.7925167229031427</v>
      </c>
      <c r="L1803" s="40"/>
      <c r="M1803" s="40"/>
      <c r="N1803" s="40"/>
      <c r="Y1803">
        <v>12.616667000000007</v>
      </c>
      <c r="Z1803">
        <v>90.916667000000004</v>
      </c>
      <c r="AA1803">
        <v>8.6188649999999996</v>
      </c>
      <c r="AB1803">
        <v>4.3937256680321921</v>
      </c>
    </row>
    <row r="1804" spans="4:28" x14ac:dyDescent="0.25">
      <c r="D1804" s="40">
        <v>29.93213700000133</v>
      </c>
      <c r="E1804" s="40">
        <v>13.560900050611114</v>
      </c>
      <c r="F1804" s="40">
        <v>29.91666699999999</v>
      </c>
      <c r="G1804" s="40">
        <v>10.719578920338623</v>
      </c>
      <c r="H1804" s="40">
        <v>29.916667000000004</v>
      </c>
      <c r="I1804" s="40">
        <v>8.6571591615832748</v>
      </c>
      <c r="J1804" s="40">
        <v>29.9166556904764</v>
      </c>
      <c r="K1804" s="40">
        <v>8.7925167229031427</v>
      </c>
      <c r="L1804" s="40"/>
      <c r="M1804" s="40"/>
      <c r="N1804" s="40"/>
      <c r="Y1804">
        <v>12.633333000000007</v>
      </c>
      <c r="Z1804">
        <v>90.933333000000005</v>
      </c>
      <c r="AA1804">
        <v>8.6188990000000008</v>
      </c>
      <c r="AB1804">
        <v>4.3941374840512211</v>
      </c>
    </row>
    <row r="1805" spans="4:28" x14ac:dyDescent="0.25">
      <c r="D1805" s="40">
        <v>29.94880300000133</v>
      </c>
      <c r="E1805" s="40">
        <v>13.565743229200661</v>
      </c>
      <c r="F1805" s="40">
        <v>29.93333299999999</v>
      </c>
      <c r="G1805" s="40">
        <v>10.724334164428843</v>
      </c>
      <c r="H1805" s="40">
        <v>29.933334000000002</v>
      </c>
      <c r="I1805" s="40">
        <v>8.6605118977265327</v>
      </c>
      <c r="J1805" s="40">
        <v>29.9333223511907</v>
      </c>
      <c r="K1805" s="40">
        <v>8.7973677666122487</v>
      </c>
      <c r="L1805" s="40"/>
      <c r="M1805" s="40"/>
      <c r="N1805" s="40"/>
      <c r="Y1805">
        <v>12.650000000000006</v>
      </c>
      <c r="Z1805">
        <v>90.95</v>
      </c>
      <c r="AA1805">
        <v>8.6188990000000008</v>
      </c>
      <c r="AB1805">
        <v>4.3941374840512211</v>
      </c>
    </row>
    <row r="1806" spans="4:28" x14ac:dyDescent="0.25">
      <c r="D1806" s="40">
        <v>29.965469000001331</v>
      </c>
      <c r="E1806" s="40">
        <v>13.570443961361088</v>
      </c>
      <c r="F1806" s="40">
        <v>29.949999999999989</v>
      </c>
      <c r="G1806" s="40">
        <v>10.728949548398743</v>
      </c>
      <c r="H1806" s="40">
        <v>29.950000000000003</v>
      </c>
      <c r="I1806" s="40">
        <v>8.6637660239832961</v>
      </c>
      <c r="J1806" s="40">
        <v>29.949989011905</v>
      </c>
      <c r="K1806" s="40">
        <v>8.7973677666122487</v>
      </c>
      <c r="L1806" s="40"/>
      <c r="M1806" s="40"/>
      <c r="N1806" s="40"/>
      <c r="Y1806">
        <v>12.666667000000004</v>
      </c>
      <c r="Z1806">
        <v>90.966667000000001</v>
      </c>
      <c r="AA1806">
        <v>8.6189330000000002</v>
      </c>
      <c r="AB1806">
        <v>4.3945493000702269</v>
      </c>
    </row>
    <row r="1807" spans="4:28" x14ac:dyDescent="0.25">
      <c r="D1807" s="40">
        <v>29.982135000001332</v>
      </c>
      <c r="E1807" s="40">
        <v>13.575287139950635</v>
      </c>
      <c r="F1807" s="40">
        <v>29.966667000000001</v>
      </c>
      <c r="G1807" s="40">
        <v>10.733704792488838</v>
      </c>
      <c r="H1807" s="40">
        <v>29.966667000000001</v>
      </c>
      <c r="I1807" s="40">
        <v>8.667118760126554</v>
      </c>
      <c r="J1807" s="40">
        <v>29.9666556726193</v>
      </c>
      <c r="K1807" s="40">
        <v>8.8022188103214791</v>
      </c>
      <c r="L1807" s="40"/>
      <c r="M1807" s="40"/>
      <c r="N1807" s="40"/>
      <c r="Y1807">
        <v>12.683333000000005</v>
      </c>
      <c r="Z1807">
        <v>90.983333000000002</v>
      </c>
      <c r="AA1807">
        <v>8.6189660000000003</v>
      </c>
      <c r="AB1807">
        <v>4.3949490038533883</v>
      </c>
    </row>
    <row r="1808" spans="4:28" x14ac:dyDescent="0.25">
      <c r="D1808" s="40">
        <v>29.998801000001333</v>
      </c>
      <c r="E1808" s="40">
        <v>13.580130318540059</v>
      </c>
      <c r="F1808" s="40">
        <v>29.983332999999988</v>
      </c>
      <c r="G1808" s="40">
        <v>10.738460036579058</v>
      </c>
      <c r="H1808" s="40">
        <v>29.983334000000013</v>
      </c>
      <c r="I1808" s="40">
        <v>8.6704714962698102</v>
      </c>
      <c r="J1808" s="40">
        <v>29.983322333333501</v>
      </c>
      <c r="K1808" s="40">
        <v>8.8022188103214791</v>
      </c>
      <c r="L1808" s="40"/>
      <c r="M1808" s="40"/>
      <c r="N1808" s="40"/>
      <c r="Y1808">
        <v>12.700000000000003</v>
      </c>
      <c r="Z1808">
        <v>91</v>
      </c>
      <c r="AA1808">
        <v>8.6189999999999998</v>
      </c>
      <c r="AB1808">
        <v>4.395360819872395</v>
      </c>
    </row>
    <row r="1809" spans="4:28" x14ac:dyDescent="0.25">
      <c r="D1809" s="40">
        <v>30.015467000001333</v>
      </c>
      <c r="E1809" s="40">
        <v>13.584831050700483</v>
      </c>
      <c r="F1809" s="40">
        <v>30</v>
      </c>
      <c r="G1809" s="40">
        <v>10.743075420548958</v>
      </c>
      <c r="H1809" s="40">
        <v>30</v>
      </c>
      <c r="I1809" s="40">
        <v>8.6704714962698102</v>
      </c>
      <c r="J1809" s="40">
        <v>29.999988994047801</v>
      </c>
      <c r="K1809" s="40">
        <v>8.8069271762745398</v>
      </c>
      <c r="L1809" s="40"/>
      <c r="M1809" s="40"/>
      <c r="N1809" s="40"/>
      <c r="Y1809">
        <v>12.716667000000001</v>
      </c>
      <c r="Z1809">
        <v>91.016666999999998</v>
      </c>
      <c r="AA1809">
        <v>8.6190339999999992</v>
      </c>
      <c r="AB1809">
        <v>4.3957726358914009</v>
      </c>
    </row>
    <row r="1810" spans="4:28" x14ac:dyDescent="0.25">
      <c r="D1810" s="40">
        <v>30.032133000001334</v>
      </c>
      <c r="E1810" s="40">
        <v>13.589674229290031</v>
      </c>
      <c r="F1810" s="40">
        <v>30.016666999999998</v>
      </c>
      <c r="G1810" s="40">
        <v>10.747830664639176</v>
      </c>
      <c r="H1810" s="40">
        <v>30.016667000000012</v>
      </c>
      <c r="I1810" s="40">
        <v>8.6737256225265735</v>
      </c>
      <c r="J1810" s="40">
        <v>30.016655654762101</v>
      </c>
      <c r="K1810" s="40">
        <v>8.8117782199836459</v>
      </c>
      <c r="L1810" s="40"/>
      <c r="M1810" s="40"/>
      <c r="N1810" s="40"/>
      <c r="Y1810">
        <v>12.733333000000002</v>
      </c>
      <c r="Z1810">
        <v>91.033332999999999</v>
      </c>
      <c r="AA1810">
        <v>8.6190339999999992</v>
      </c>
      <c r="AB1810">
        <v>4.3957726358914009</v>
      </c>
    </row>
    <row r="1811" spans="4:28" x14ac:dyDescent="0.25">
      <c r="D1811" s="40">
        <v>30.048799000001335</v>
      </c>
      <c r="E1811" s="40">
        <v>13.589674229290031</v>
      </c>
      <c r="F1811" s="40">
        <v>30.033332999999999</v>
      </c>
      <c r="G1811" s="40">
        <v>10.752585908729273</v>
      </c>
      <c r="H1811" s="40">
        <v>30.033334000000011</v>
      </c>
      <c r="I1811" s="40">
        <v>8.6770783586700055</v>
      </c>
      <c r="J1811" s="40">
        <v>30.033322315476401</v>
      </c>
      <c r="K1811" s="40">
        <v>8.8117782199836459</v>
      </c>
      <c r="L1811" s="40"/>
      <c r="M1811" s="40"/>
      <c r="N1811" s="40"/>
      <c r="Y1811">
        <v>12.75</v>
      </c>
      <c r="Z1811">
        <v>91.05</v>
      </c>
      <c r="AA1811">
        <v>8.6190669999999994</v>
      </c>
      <c r="AB1811">
        <v>4.396172339674564</v>
      </c>
    </row>
    <row r="1812" spans="4:28" x14ac:dyDescent="0.25">
      <c r="D1812" s="40">
        <v>30.065465000001335</v>
      </c>
      <c r="E1812" s="40">
        <v>13.594517407879453</v>
      </c>
      <c r="F1812" s="40">
        <v>30.049999999999997</v>
      </c>
      <c r="G1812" s="40">
        <v>10.757201292699174</v>
      </c>
      <c r="H1812" s="40">
        <v>30.050000000000011</v>
      </c>
      <c r="I1812" s="40">
        <v>8.6804310948132617</v>
      </c>
      <c r="J1812" s="40">
        <v>30.049988976190701</v>
      </c>
      <c r="K1812" s="40">
        <v>8.816629263692878</v>
      </c>
      <c r="L1812" s="40"/>
      <c r="M1812" s="40"/>
      <c r="N1812" s="40"/>
      <c r="Y1812">
        <v>12.766666999999998</v>
      </c>
      <c r="Z1812">
        <v>91.066666999999995</v>
      </c>
      <c r="AA1812">
        <v>8.6191010000000006</v>
      </c>
      <c r="AB1812">
        <v>4.3965841556935912</v>
      </c>
    </row>
    <row r="1813" spans="4:28" x14ac:dyDescent="0.25">
      <c r="D1813" s="40">
        <v>30.082131000001336</v>
      </c>
      <c r="E1813" s="40">
        <v>13.594517407879453</v>
      </c>
      <c r="F1813" s="40">
        <v>30.066666999999995</v>
      </c>
      <c r="G1813" s="40">
        <v>10.761956536789391</v>
      </c>
      <c r="H1813" s="40">
        <v>30.06666700000001</v>
      </c>
      <c r="I1813" s="40">
        <v>8.6836852210700251</v>
      </c>
      <c r="J1813" s="40">
        <v>30.066655636905001</v>
      </c>
      <c r="K1813" s="40">
        <v>8.8213376296459387</v>
      </c>
      <c r="L1813" s="40"/>
      <c r="M1813" s="40"/>
      <c r="N1813" s="40"/>
      <c r="Y1813">
        <v>12.783332999999999</v>
      </c>
      <c r="Z1813">
        <v>91.083332999999996</v>
      </c>
      <c r="AA1813">
        <v>8.6191340000000007</v>
      </c>
      <c r="AB1813">
        <v>4.3969838594767534</v>
      </c>
    </row>
    <row r="1814" spans="4:28" x14ac:dyDescent="0.25">
      <c r="D1814" s="40">
        <v>30.098797000001337</v>
      </c>
      <c r="E1814" s="40">
        <v>13.594517407879453</v>
      </c>
      <c r="F1814" s="40">
        <v>30.083332999999996</v>
      </c>
      <c r="G1814" s="40">
        <v>10.766711780879486</v>
      </c>
      <c r="H1814" s="40">
        <v>30.083334000000008</v>
      </c>
      <c r="I1814" s="40">
        <v>8.6836852210700251</v>
      </c>
      <c r="J1814" s="40">
        <v>30.083322297619301</v>
      </c>
      <c r="K1814" s="40">
        <v>8.8213376296459387</v>
      </c>
      <c r="L1814" s="40"/>
      <c r="M1814" s="40"/>
      <c r="N1814" s="40"/>
      <c r="Y1814">
        <v>12.799999999999997</v>
      </c>
      <c r="Z1814">
        <v>91.1</v>
      </c>
      <c r="AA1814">
        <v>8.6191340000000007</v>
      </c>
      <c r="AB1814">
        <v>4.3969838594767534</v>
      </c>
    </row>
    <row r="1815" spans="4:28" x14ac:dyDescent="0.25">
      <c r="D1815" s="40">
        <v>30.115463000001338</v>
      </c>
      <c r="E1815" s="40">
        <v>13.599218140039879</v>
      </c>
      <c r="F1815" s="40">
        <v>30.099999999999994</v>
      </c>
      <c r="G1815" s="40">
        <v>10.766711780879486</v>
      </c>
      <c r="H1815" s="40">
        <v>30.100000000000009</v>
      </c>
      <c r="I1815" s="40">
        <v>8.687037957213283</v>
      </c>
      <c r="J1815" s="40">
        <v>30.099988958333501</v>
      </c>
      <c r="K1815" s="40">
        <v>8.826188673355043</v>
      </c>
      <c r="L1815" s="40"/>
      <c r="M1815" s="40"/>
      <c r="N1815" s="40"/>
      <c r="Y1815">
        <v>12.81666700000001</v>
      </c>
      <c r="Z1815">
        <v>91.116667000000007</v>
      </c>
      <c r="AA1815">
        <v>8.6191680000000002</v>
      </c>
      <c r="AB1815">
        <v>4.3973956754957602</v>
      </c>
    </row>
    <row r="1816" spans="4:28" x14ac:dyDescent="0.25">
      <c r="D1816" s="40">
        <v>30.132129000001338</v>
      </c>
      <c r="E1816" s="40">
        <v>13.604061318629427</v>
      </c>
      <c r="F1816" s="40">
        <v>30.116666999999993</v>
      </c>
      <c r="G1816" s="40">
        <v>10.771327164849387</v>
      </c>
      <c r="H1816" s="40">
        <v>30.116667000000007</v>
      </c>
      <c r="I1816" s="40">
        <v>8.690390693356715</v>
      </c>
      <c r="J1816" s="40">
        <v>30.116655619047801</v>
      </c>
      <c r="K1816" s="40">
        <v>8.8310397170642752</v>
      </c>
      <c r="L1816" s="40"/>
      <c r="M1816" s="40"/>
      <c r="N1816" s="40"/>
      <c r="Y1816">
        <v>12.833332999999996</v>
      </c>
      <c r="Z1816">
        <v>91.133332999999993</v>
      </c>
      <c r="AA1816">
        <v>8.6192019999999996</v>
      </c>
      <c r="AB1816">
        <v>4.397807491514766</v>
      </c>
    </row>
    <row r="1817" spans="4:28" x14ac:dyDescent="0.25">
      <c r="D1817" s="40">
        <v>30.148795000001339</v>
      </c>
      <c r="E1817" s="40">
        <v>13.604061318629427</v>
      </c>
      <c r="F1817" s="40">
        <v>30.133332999999993</v>
      </c>
      <c r="G1817" s="40">
        <v>10.776082408939606</v>
      </c>
      <c r="H1817" s="40">
        <v>30.133334000000005</v>
      </c>
      <c r="I1817" s="40">
        <v>8.690390693356715</v>
      </c>
      <c r="J1817" s="40">
        <v>30.133322279762101</v>
      </c>
      <c r="K1817" s="40">
        <v>8.8358907607735073</v>
      </c>
      <c r="L1817" s="40"/>
      <c r="M1817" s="40"/>
      <c r="N1817" s="40"/>
      <c r="Y1817">
        <v>12.850000000000009</v>
      </c>
      <c r="Z1817">
        <v>91.15</v>
      </c>
      <c r="AA1817">
        <v>8.6192349999999998</v>
      </c>
      <c r="AB1817">
        <v>4.3982071952979283</v>
      </c>
    </row>
    <row r="1818" spans="4:28" x14ac:dyDescent="0.25">
      <c r="D1818" s="40">
        <v>30.16546100000134</v>
      </c>
      <c r="E1818" s="40">
        <v>13.60890449721885</v>
      </c>
      <c r="F1818" s="40">
        <v>30.149999999999991</v>
      </c>
      <c r="G1818" s="40">
        <v>10.785453036999602</v>
      </c>
      <c r="H1818" s="40">
        <v>30.150000000000006</v>
      </c>
      <c r="I1818" s="40">
        <v>8.6936448196133025</v>
      </c>
      <c r="J1818" s="40">
        <v>30.149988940476401</v>
      </c>
      <c r="K1818" s="40">
        <v>8.840599126726568</v>
      </c>
      <c r="L1818" s="40"/>
      <c r="M1818" s="40"/>
      <c r="N1818" s="40"/>
      <c r="Y1818">
        <v>12.866667000000007</v>
      </c>
      <c r="Z1818">
        <v>91.166667000000004</v>
      </c>
      <c r="AA1818">
        <v>8.6192349999999998</v>
      </c>
      <c r="AB1818">
        <v>4.3982071952979283</v>
      </c>
    </row>
    <row r="1819" spans="4:28" x14ac:dyDescent="0.25">
      <c r="D1819" s="40">
        <v>30.182127000001341</v>
      </c>
      <c r="E1819" s="40">
        <v>13.613605229379274</v>
      </c>
      <c r="F1819" s="40">
        <v>30.16666699999999</v>
      </c>
      <c r="G1819" s="40">
        <v>10.785453036999602</v>
      </c>
      <c r="H1819" s="40">
        <v>30.166667000000004</v>
      </c>
      <c r="I1819" s="40">
        <v>8.6936448196133025</v>
      </c>
      <c r="J1819" s="40">
        <v>30.166655601190701</v>
      </c>
      <c r="K1819" s="40">
        <v>8.8503012141449062</v>
      </c>
      <c r="L1819" s="40"/>
      <c r="M1819" s="40"/>
      <c r="N1819" s="40"/>
      <c r="Y1819">
        <v>12.883333000000007</v>
      </c>
      <c r="Z1819">
        <v>91.183333000000005</v>
      </c>
      <c r="AA1819">
        <v>8.6192689999999992</v>
      </c>
      <c r="AB1819">
        <v>4.3986190113169341</v>
      </c>
    </row>
    <row r="1820" spans="4:28" x14ac:dyDescent="0.25">
      <c r="D1820" s="40">
        <v>30.198793000001341</v>
      </c>
      <c r="E1820" s="40">
        <v>13.618448407968824</v>
      </c>
      <c r="F1820" s="40">
        <v>30.18333299999999</v>
      </c>
      <c r="G1820" s="40">
        <v>10.790208281089821</v>
      </c>
      <c r="H1820" s="40">
        <v>30.183334000000002</v>
      </c>
      <c r="I1820" s="40">
        <v>8.6969975557567363</v>
      </c>
      <c r="J1820" s="40">
        <v>30.183322261905001</v>
      </c>
      <c r="K1820" s="40">
        <v>8.8550095800979651</v>
      </c>
      <c r="L1820" s="40"/>
      <c r="M1820" s="40"/>
      <c r="N1820" s="40"/>
      <c r="Y1820">
        <v>12.900000000000006</v>
      </c>
      <c r="Z1820">
        <v>91.2</v>
      </c>
      <c r="AA1820">
        <v>8.6193030000000004</v>
      </c>
      <c r="AB1820">
        <v>4.3990308273359622</v>
      </c>
    </row>
    <row r="1821" spans="4:28" x14ac:dyDescent="0.25">
      <c r="D1821" s="40">
        <v>30.215459000001342</v>
      </c>
      <c r="E1821" s="40">
        <v>13.618448407968824</v>
      </c>
      <c r="F1821" s="40">
        <v>30.199999999999989</v>
      </c>
      <c r="G1821" s="40">
        <v>10.794963525180039</v>
      </c>
      <c r="H1821" s="40">
        <v>30.200000000000003</v>
      </c>
      <c r="I1821" s="40">
        <v>8.7003502918999924</v>
      </c>
      <c r="J1821" s="40">
        <v>30.199988922619301</v>
      </c>
      <c r="K1821" s="40">
        <v>8.8550095800979651</v>
      </c>
      <c r="L1821" s="40"/>
      <c r="M1821" s="40"/>
      <c r="N1821" s="40"/>
      <c r="Y1821">
        <v>12.916667000000004</v>
      </c>
      <c r="Z1821">
        <v>91.216667000000001</v>
      </c>
      <c r="AA1821">
        <v>8.6193360000000006</v>
      </c>
      <c r="AB1821">
        <v>4.3994305311191244</v>
      </c>
    </row>
    <row r="1822" spans="4:28" x14ac:dyDescent="0.25">
      <c r="D1822" s="40">
        <v>30.232125000001343</v>
      </c>
      <c r="E1822" s="40">
        <v>13.623291586558372</v>
      </c>
      <c r="F1822" s="40">
        <v>30.216667000000001</v>
      </c>
      <c r="G1822" s="40">
        <v>10.799718769270136</v>
      </c>
      <c r="H1822" s="40">
        <v>30.216667000000001</v>
      </c>
      <c r="I1822" s="40">
        <v>8.7036044181567558</v>
      </c>
      <c r="J1822" s="40">
        <v>30.216655583333502</v>
      </c>
      <c r="K1822" s="40">
        <v>8.8598606238070712</v>
      </c>
      <c r="L1822" s="40"/>
      <c r="M1822" s="40"/>
      <c r="N1822" s="40"/>
      <c r="Y1822">
        <v>12.933333000000005</v>
      </c>
      <c r="Z1822">
        <v>91.233333000000002</v>
      </c>
      <c r="AA1822">
        <v>8.61937</v>
      </c>
      <c r="AB1822">
        <v>4.3998423471381303</v>
      </c>
    </row>
    <row r="1823" spans="4:28" x14ac:dyDescent="0.25">
      <c r="D1823" s="40">
        <v>30.248791000001344</v>
      </c>
      <c r="E1823" s="40">
        <v>13.623291586558372</v>
      </c>
      <c r="F1823" s="40">
        <v>30.233332999999988</v>
      </c>
      <c r="G1823" s="40">
        <v>10.804334153240037</v>
      </c>
      <c r="H1823" s="40">
        <v>30.233334000000013</v>
      </c>
      <c r="I1823" s="40">
        <v>8.7069571543000137</v>
      </c>
      <c r="J1823" s="40">
        <v>30.233322244047802</v>
      </c>
      <c r="K1823" s="40">
        <v>8.8550095800979651</v>
      </c>
      <c r="L1823" s="40"/>
      <c r="M1823" s="40"/>
      <c r="N1823" s="40"/>
      <c r="Y1823">
        <v>12.950000000000003</v>
      </c>
      <c r="Z1823">
        <v>91.25</v>
      </c>
      <c r="AA1823">
        <v>8.6194039999999994</v>
      </c>
      <c r="AB1823">
        <v>4.400254163157137</v>
      </c>
    </row>
    <row r="1824" spans="4:28" x14ac:dyDescent="0.25">
      <c r="D1824" s="40">
        <v>30.265457000001344</v>
      </c>
      <c r="E1824" s="40">
        <v>13.62799231871867</v>
      </c>
      <c r="F1824" s="40">
        <v>30.25</v>
      </c>
      <c r="G1824" s="40">
        <v>10.809089397330254</v>
      </c>
      <c r="H1824" s="40">
        <v>30.25</v>
      </c>
      <c r="I1824" s="40">
        <v>8.7103098904434457</v>
      </c>
      <c r="J1824" s="40">
        <v>30.249988904762098</v>
      </c>
      <c r="K1824" s="40">
        <v>8.869420033469364</v>
      </c>
      <c r="L1824" s="40"/>
      <c r="M1824" s="40"/>
      <c r="N1824" s="40"/>
      <c r="Y1824">
        <v>12.966667000000001</v>
      </c>
      <c r="Z1824">
        <v>91.266666999999998</v>
      </c>
      <c r="AA1824">
        <v>8.6194369999999996</v>
      </c>
      <c r="AB1824">
        <v>4.4006538669402993</v>
      </c>
    </row>
    <row r="1825" spans="4:28" x14ac:dyDescent="0.25">
      <c r="D1825" s="40">
        <v>30.282123000001345</v>
      </c>
      <c r="E1825" s="40">
        <v>13.62799231871867</v>
      </c>
      <c r="F1825" s="40">
        <v>30.266666999999998</v>
      </c>
      <c r="G1825" s="40">
        <v>10.813844641420351</v>
      </c>
      <c r="H1825" s="40">
        <v>30.266667000000012</v>
      </c>
      <c r="I1825" s="40">
        <v>8.7135640167002091</v>
      </c>
      <c r="J1825" s="40">
        <v>30.266655565476398</v>
      </c>
      <c r="K1825" s="40">
        <v>8.8838304868407612</v>
      </c>
      <c r="L1825" s="40"/>
      <c r="M1825" s="40"/>
      <c r="N1825" s="40"/>
      <c r="Y1825">
        <v>12.983333000000002</v>
      </c>
      <c r="Z1825">
        <v>91.283332999999999</v>
      </c>
      <c r="AA1825">
        <v>8.6194369999999996</v>
      </c>
      <c r="AB1825">
        <v>4.4006538669402993</v>
      </c>
    </row>
    <row r="1826" spans="4:28" x14ac:dyDescent="0.25">
      <c r="D1826" s="40">
        <v>30.298789000001346</v>
      </c>
      <c r="E1826" s="40">
        <v>13.62799231871867</v>
      </c>
      <c r="F1826" s="40">
        <v>30.283332999999999</v>
      </c>
      <c r="G1826" s="40">
        <v>10.818460025390252</v>
      </c>
      <c r="H1826" s="40">
        <v>30.283334000000011</v>
      </c>
      <c r="I1826" s="40">
        <v>8.716916752843467</v>
      </c>
      <c r="J1826" s="40">
        <v>30.283322226190698</v>
      </c>
      <c r="K1826" s="40">
        <v>8.8935325742590994</v>
      </c>
      <c r="L1826" s="40"/>
      <c r="M1826" s="40"/>
      <c r="N1826" s="40"/>
      <c r="Y1826">
        <v>13</v>
      </c>
      <c r="Z1826">
        <v>91.3</v>
      </c>
      <c r="AA1826">
        <v>8.6194710000000008</v>
      </c>
      <c r="AB1826">
        <v>4.4010656829593264</v>
      </c>
    </row>
    <row r="1827" spans="4:28" x14ac:dyDescent="0.25">
      <c r="D1827" s="40">
        <v>30.315455000001347</v>
      </c>
      <c r="E1827" s="40">
        <v>13.632835497308218</v>
      </c>
      <c r="F1827" s="40">
        <v>30.299999999999997</v>
      </c>
      <c r="G1827" s="40">
        <v>10.818460025390252</v>
      </c>
      <c r="H1827" s="40">
        <v>30.300000000000011</v>
      </c>
      <c r="I1827" s="40">
        <v>8.7202694889867214</v>
      </c>
      <c r="J1827" s="40">
        <v>30.299988886904998</v>
      </c>
      <c r="K1827" s="40">
        <v>8.9030919839213905</v>
      </c>
      <c r="L1827" s="40"/>
      <c r="M1827" s="40"/>
      <c r="N1827" s="40"/>
      <c r="Y1827">
        <v>13.016666999999998</v>
      </c>
      <c r="Z1827">
        <v>91.316666999999995</v>
      </c>
      <c r="AA1827">
        <v>8.6195050000000002</v>
      </c>
      <c r="AB1827">
        <v>4.4014774989783332</v>
      </c>
    </row>
    <row r="1828" spans="4:28" x14ac:dyDescent="0.25">
      <c r="D1828" s="40">
        <v>30.332121000001347</v>
      </c>
      <c r="E1828" s="40">
        <v>13.637678675897767</v>
      </c>
      <c r="F1828" s="40">
        <v>30.316666999999995</v>
      </c>
      <c r="G1828" s="40">
        <v>10.823215269480469</v>
      </c>
      <c r="H1828" s="40">
        <v>30.31666700000001</v>
      </c>
      <c r="I1828" s="40">
        <v>8.7235236152434847</v>
      </c>
      <c r="J1828" s="40">
        <v>30.316655547619298</v>
      </c>
      <c r="K1828" s="40">
        <v>8.9079430276304965</v>
      </c>
      <c r="L1828" s="40"/>
      <c r="M1828" s="40"/>
      <c r="N1828" s="40"/>
      <c r="Y1828">
        <v>13.033332999999999</v>
      </c>
      <c r="Z1828">
        <v>91.333332999999996</v>
      </c>
      <c r="AA1828">
        <v>8.6195380000000004</v>
      </c>
      <c r="AB1828">
        <v>4.4018772027614954</v>
      </c>
    </row>
    <row r="1829" spans="4:28" x14ac:dyDescent="0.25">
      <c r="D1829" s="40">
        <v>30.348787000001348</v>
      </c>
      <c r="E1829" s="40">
        <v>13.637678675897767</v>
      </c>
      <c r="F1829" s="40">
        <v>30.333332999999996</v>
      </c>
      <c r="G1829" s="40">
        <v>10.827970513570564</v>
      </c>
      <c r="H1829" s="40">
        <v>30.333334000000008</v>
      </c>
      <c r="I1829" s="40">
        <v>8.7268763513867427</v>
      </c>
      <c r="J1829" s="40">
        <v>30.333322208333499</v>
      </c>
      <c r="K1829" s="40">
        <v>8.9126513935835572</v>
      </c>
      <c r="L1829" s="40"/>
      <c r="M1829" s="40"/>
      <c r="N1829" s="40"/>
      <c r="Y1829">
        <v>13.049999999999997</v>
      </c>
      <c r="Z1829">
        <v>91.35</v>
      </c>
      <c r="AA1829">
        <v>8.6195719999999998</v>
      </c>
      <c r="AB1829">
        <v>4.4022890187805013</v>
      </c>
    </row>
    <row r="1830" spans="4:28" x14ac:dyDescent="0.25">
      <c r="D1830" s="40">
        <v>30.365453000001349</v>
      </c>
      <c r="E1830" s="40">
        <v>13.642379408058066</v>
      </c>
      <c r="F1830" s="40">
        <v>30.349999999999994</v>
      </c>
      <c r="G1830" s="40">
        <v>10.832585897540465</v>
      </c>
      <c r="H1830" s="40">
        <v>30.350000000000009</v>
      </c>
      <c r="I1830" s="40">
        <v>8.7302290875301747</v>
      </c>
      <c r="J1830" s="40">
        <v>30.349988869047799</v>
      </c>
      <c r="K1830" s="40">
        <v>8.9175024372927894</v>
      </c>
      <c r="L1830" s="40"/>
      <c r="M1830" s="40"/>
      <c r="N1830" s="40"/>
      <c r="Y1830">
        <v>13.06666700000001</v>
      </c>
      <c r="Z1830">
        <v>91.366667000000007</v>
      </c>
      <c r="AA1830">
        <v>8.6195719999999998</v>
      </c>
      <c r="AB1830">
        <v>4.4022890187805013</v>
      </c>
    </row>
    <row r="1831" spans="4:28" x14ac:dyDescent="0.25">
      <c r="D1831" s="40">
        <v>30.382119000001349</v>
      </c>
      <c r="E1831" s="40">
        <v>13.642379408058066</v>
      </c>
      <c r="F1831" s="40">
        <v>30.366666999999993</v>
      </c>
      <c r="G1831" s="40">
        <v>10.832585897540465</v>
      </c>
      <c r="H1831" s="40">
        <v>30.366667000000007</v>
      </c>
      <c r="I1831" s="40">
        <v>8.7302290875301747</v>
      </c>
      <c r="J1831" s="40">
        <v>30.366655529762099</v>
      </c>
      <c r="K1831" s="40">
        <v>8.9223534810018954</v>
      </c>
      <c r="L1831" s="40"/>
      <c r="M1831" s="40"/>
      <c r="N1831" s="40"/>
      <c r="Y1831">
        <v>13.083332999999996</v>
      </c>
      <c r="Z1831">
        <v>91.383332999999993</v>
      </c>
      <c r="AA1831">
        <v>8.6196059999999992</v>
      </c>
      <c r="AB1831">
        <v>4.402700834799508</v>
      </c>
    </row>
    <row r="1832" spans="4:28" x14ac:dyDescent="0.25">
      <c r="D1832" s="40">
        <v>30.39878500000135</v>
      </c>
      <c r="E1832" s="40">
        <v>13.647222586647615</v>
      </c>
      <c r="F1832" s="40">
        <v>30.383332999999993</v>
      </c>
      <c r="G1832" s="40">
        <v>10.837341141630683</v>
      </c>
      <c r="H1832" s="40">
        <v>30.383334000000005</v>
      </c>
      <c r="I1832" s="40">
        <v>8.733483213786938</v>
      </c>
      <c r="J1832" s="40">
        <v>30.383322190476399</v>
      </c>
      <c r="K1832" s="40">
        <v>8.9270618469549543</v>
      </c>
      <c r="L1832" s="40"/>
      <c r="M1832" s="40"/>
      <c r="N1832" s="40"/>
      <c r="Y1832">
        <v>13.100000000000009</v>
      </c>
      <c r="Z1832">
        <v>91.4</v>
      </c>
      <c r="AA1832">
        <v>8.6196389999999994</v>
      </c>
      <c r="AB1832">
        <v>4.4031005385826694</v>
      </c>
    </row>
    <row r="1833" spans="4:28" x14ac:dyDescent="0.25">
      <c r="D1833" s="40">
        <v>30.415451000001351</v>
      </c>
      <c r="E1833" s="40">
        <v>13.652065765237163</v>
      </c>
      <c r="F1833" s="40">
        <v>30.399999999999991</v>
      </c>
      <c r="G1833" s="40">
        <v>10.842096385720779</v>
      </c>
      <c r="H1833" s="40">
        <v>30.400000000000006</v>
      </c>
      <c r="I1833" s="40">
        <v>8.736835949930196</v>
      </c>
      <c r="J1833" s="40">
        <v>30.399988851190699</v>
      </c>
      <c r="K1833" s="40">
        <v>8.9270618469549543</v>
      </c>
      <c r="L1833" s="40"/>
      <c r="M1833" s="40"/>
      <c r="N1833" s="40"/>
      <c r="Y1833">
        <v>13.116667000000007</v>
      </c>
      <c r="Z1833">
        <v>91.416667000000004</v>
      </c>
      <c r="AA1833">
        <v>8.6196730000000006</v>
      </c>
      <c r="AB1833">
        <v>4.4035123546016974</v>
      </c>
    </row>
    <row r="1834" spans="4:28" x14ac:dyDescent="0.25">
      <c r="D1834" s="40">
        <v>30.432117000001352</v>
      </c>
      <c r="E1834" s="40">
        <v>13.656766497397587</v>
      </c>
      <c r="F1834" s="40">
        <v>30.41666699999999</v>
      </c>
      <c r="G1834" s="40">
        <v>10.842096385720779</v>
      </c>
      <c r="H1834" s="40">
        <v>30.416667000000004</v>
      </c>
      <c r="I1834" s="40">
        <v>8.7401886860734521</v>
      </c>
      <c r="J1834" s="40">
        <v>30.416655511904999</v>
      </c>
      <c r="K1834" s="40">
        <v>8.9270618469549543</v>
      </c>
      <c r="L1834" s="40"/>
      <c r="M1834" s="40"/>
      <c r="N1834" s="40"/>
      <c r="Y1834">
        <v>13.133333000000007</v>
      </c>
      <c r="Z1834">
        <v>91.433333000000005</v>
      </c>
      <c r="AA1834">
        <v>8.619707</v>
      </c>
      <c r="AB1834">
        <v>4.4039241706207033</v>
      </c>
    </row>
    <row r="1835" spans="4:28" x14ac:dyDescent="0.25">
      <c r="D1835" s="40">
        <v>30.448783000001352</v>
      </c>
      <c r="E1835" s="40">
        <v>13.661609675987009</v>
      </c>
      <c r="F1835" s="40">
        <v>30.43333299999999</v>
      </c>
      <c r="G1835" s="40">
        <v>10.84671176969068</v>
      </c>
      <c r="H1835" s="40">
        <v>30.433334000000002</v>
      </c>
      <c r="I1835" s="40">
        <v>8.7434428123302155</v>
      </c>
      <c r="J1835" s="40">
        <v>30.433322172619299</v>
      </c>
      <c r="K1835" s="40">
        <v>8.9270618469549543</v>
      </c>
      <c r="L1835" s="40"/>
      <c r="M1835" s="40"/>
      <c r="N1835" s="40"/>
      <c r="Y1835">
        <v>13.150000000000006</v>
      </c>
      <c r="Z1835">
        <v>91.45</v>
      </c>
      <c r="AA1835">
        <v>8.6197400000000002</v>
      </c>
      <c r="AB1835">
        <v>4.4043238744038664</v>
      </c>
    </row>
    <row r="1836" spans="4:28" x14ac:dyDescent="0.25">
      <c r="D1836" s="40">
        <v>30.465449000001353</v>
      </c>
      <c r="E1836" s="40">
        <v>13.666452854576558</v>
      </c>
      <c r="F1836" s="40">
        <v>30.449999999999989</v>
      </c>
      <c r="G1836" s="40">
        <v>10.851467013780898</v>
      </c>
      <c r="H1836" s="40">
        <v>30.450000000000003</v>
      </c>
      <c r="I1836" s="40">
        <v>8.7467955484736475</v>
      </c>
      <c r="J1836" s="40">
        <v>30.449988833333499</v>
      </c>
      <c r="K1836" s="40">
        <v>8.9223534810018954</v>
      </c>
      <c r="L1836" s="40"/>
      <c r="M1836" s="40"/>
      <c r="N1836" s="40"/>
      <c r="Y1836">
        <v>13.166667000000004</v>
      </c>
      <c r="Z1836">
        <v>91.466667000000001</v>
      </c>
      <c r="AA1836">
        <v>8.6197739999999996</v>
      </c>
      <c r="AB1836">
        <v>4.4047356904228723</v>
      </c>
    </row>
    <row r="1837" spans="4:28" x14ac:dyDescent="0.25">
      <c r="D1837" s="40">
        <v>30.482115000001354</v>
      </c>
      <c r="E1837" s="40">
        <v>13.666452854576558</v>
      </c>
      <c r="F1837" s="40">
        <v>30.466667000000001</v>
      </c>
      <c r="G1837" s="40">
        <v>10.851467013780898</v>
      </c>
      <c r="H1837" s="40">
        <v>30.466667000000001</v>
      </c>
      <c r="I1837" s="40">
        <v>8.7501482846169054</v>
      </c>
      <c r="J1837" s="40">
        <v>30.466655494047799</v>
      </c>
      <c r="K1837" s="40">
        <v>8.9223534810018954</v>
      </c>
      <c r="L1837" s="40"/>
      <c r="M1837" s="40"/>
      <c r="N1837" s="40"/>
      <c r="Y1837">
        <v>13.183333000000005</v>
      </c>
      <c r="Z1837">
        <v>91.483333000000002</v>
      </c>
      <c r="AA1837">
        <v>8.6197739999999996</v>
      </c>
      <c r="AB1837">
        <v>4.4047356904228723</v>
      </c>
    </row>
    <row r="1838" spans="4:28" x14ac:dyDescent="0.25">
      <c r="D1838" s="40">
        <v>30.498781000001355</v>
      </c>
      <c r="E1838" s="40">
        <v>13.671153586736985</v>
      </c>
      <c r="F1838" s="40">
        <v>30.483332999999988</v>
      </c>
      <c r="G1838" s="40">
        <v>10.856222257871117</v>
      </c>
      <c r="H1838" s="40">
        <v>30.483334000000013</v>
      </c>
      <c r="I1838" s="40">
        <v>8.7534024108736688</v>
      </c>
      <c r="J1838" s="40">
        <v>30.483322154762099</v>
      </c>
      <c r="K1838" s="40">
        <v>8.9223534810018954</v>
      </c>
      <c r="L1838" s="40"/>
      <c r="M1838" s="40"/>
      <c r="N1838" s="40"/>
      <c r="Y1838">
        <v>13.200000000000003</v>
      </c>
      <c r="Z1838">
        <v>91.5</v>
      </c>
      <c r="AA1838">
        <v>8.6198080000000008</v>
      </c>
      <c r="AB1838">
        <v>4.4051475064419003</v>
      </c>
    </row>
    <row r="1839" spans="4:28" x14ac:dyDescent="0.25">
      <c r="D1839" s="40">
        <v>30.515447000001355</v>
      </c>
      <c r="E1839" s="40">
        <v>13.680839943915954</v>
      </c>
      <c r="F1839" s="40">
        <v>30.5</v>
      </c>
      <c r="G1839" s="40">
        <v>10.860837641840895</v>
      </c>
      <c r="H1839" s="40">
        <v>30.5</v>
      </c>
      <c r="I1839" s="40">
        <v>8.7567551470169267</v>
      </c>
      <c r="J1839" s="40">
        <v>30.499988815476399</v>
      </c>
      <c r="K1839" s="40">
        <v>8.9223534810018954</v>
      </c>
      <c r="L1839" s="40"/>
      <c r="M1839" s="40"/>
      <c r="N1839" s="40"/>
      <c r="Y1839">
        <v>13.216667000000001</v>
      </c>
      <c r="Z1839">
        <v>91.516666999999998</v>
      </c>
      <c r="AA1839">
        <v>8.6198409999999992</v>
      </c>
      <c r="AB1839">
        <v>4.4055472102250404</v>
      </c>
    </row>
    <row r="1840" spans="4:28" x14ac:dyDescent="0.25">
      <c r="D1840" s="40">
        <v>30.532113000001356</v>
      </c>
      <c r="E1840" s="40">
        <v>13.68554067607638</v>
      </c>
      <c r="F1840" s="40">
        <v>30.516666999999998</v>
      </c>
      <c r="G1840" s="40">
        <v>10.865592885931113</v>
      </c>
      <c r="H1840" s="40">
        <v>30.516667000000012</v>
      </c>
      <c r="I1840" s="40">
        <v>8.7633620094169444</v>
      </c>
      <c r="J1840" s="40">
        <v>30.516655476190699</v>
      </c>
      <c r="K1840" s="40">
        <v>8.9175024372927894</v>
      </c>
      <c r="L1840" s="40"/>
      <c r="M1840" s="40"/>
      <c r="N1840" s="40"/>
      <c r="Y1840">
        <v>13.233333000000002</v>
      </c>
      <c r="Z1840">
        <v>91.533332999999999</v>
      </c>
      <c r="AA1840">
        <v>8.6198750000000004</v>
      </c>
      <c r="AB1840">
        <v>4.4059590262440684</v>
      </c>
    </row>
    <row r="1841" spans="4:28" x14ac:dyDescent="0.25">
      <c r="D1841" s="40">
        <v>30.548779000001357</v>
      </c>
      <c r="E1841" s="40">
        <v>13.690383854665802</v>
      </c>
      <c r="F1841" s="40">
        <v>30.533332999999999</v>
      </c>
      <c r="G1841" s="40">
        <v>10.870348130021332</v>
      </c>
      <c r="H1841" s="40">
        <v>30.533334000000011</v>
      </c>
      <c r="I1841" s="40">
        <v>8.7633620094169444</v>
      </c>
      <c r="J1841" s="40">
        <v>30.533322136904999</v>
      </c>
      <c r="K1841" s="40">
        <v>8.9175024372927894</v>
      </c>
      <c r="L1841" s="40"/>
      <c r="M1841" s="40"/>
      <c r="N1841" s="40"/>
      <c r="Y1841">
        <v>13.25</v>
      </c>
      <c r="Z1841">
        <v>91.55</v>
      </c>
      <c r="AA1841">
        <v>8.6199089999999998</v>
      </c>
      <c r="AB1841">
        <v>4.4063708422630752</v>
      </c>
    </row>
    <row r="1842" spans="4:28" x14ac:dyDescent="0.25">
      <c r="D1842" s="40">
        <v>30.565445000001358</v>
      </c>
      <c r="E1842" s="40">
        <v>13.700070211844897</v>
      </c>
      <c r="F1842" s="40">
        <v>30.549999999999997</v>
      </c>
      <c r="G1842" s="40">
        <v>10.874963513991233</v>
      </c>
      <c r="H1842" s="40">
        <v>30.550000000000011</v>
      </c>
      <c r="I1842" s="40">
        <v>8.7667147455603782</v>
      </c>
      <c r="J1842" s="40">
        <v>30.549988797619299</v>
      </c>
      <c r="K1842" s="40">
        <v>8.9126513935835572</v>
      </c>
      <c r="L1842" s="40"/>
      <c r="M1842" s="40"/>
      <c r="N1842" s="40"/>
      <c r="Y1842">
        <v>13.266666999999998</v>
      </c>
      <c r="Z1842">
        <v>91.566666999999995</v>
      </c>
      <c r="AA1842">
        <v>8.619942</v>
      </c>
      <c r="AB1842">
        <v>4.4067705460462365</v>
      </c>
    </row>
    <row r="1843" spans="4:28" x14ac:dyDescent="0.25">
      <c r="D1843" s="40">
        <v>30.582111000001358</v>
      </c>
      <c r="E1843" s="40">
        <v>13.704770944005324</v>
      </c>
      <c r="F1843" s="40">
        <v>30.566666999999995</v>
      </c>
      <c r="G1843" s="40">
        <v>10.874963513991233</v>
      </c>
      <c r="H1843" s="40">
        <v>30.56666700000001</v>
      </c>
      <c r="I1843" s="40">
        <v>8.7700674817036344</v>
      </c>
      <c r="J1843" s="40">
        <v>30.5666554583335</v>
      </c>
      <c r="K1843" s="40">
        <v>8.9126513935835572</v>
      </c>
      <c r="L1843" s="40"/>
      <c r="M1843" s="40"/>
      <c r="N1843" s="40"/>
      <c r="Y1843">
        <v>13.283332999999999</v>
      </c>
      <c r="Z1843">
        <v>91.583332999999996</v>
      </c>
      <c r="AA1843">
        <v>8.6199759999999994</v>
      </c>
      <c r="AB1843">
        <v>4.4071823620652433</v>
      </c>
    </row>
    <row r="1844" spans="4:28" x14ac:dyDescent="0.25">
      <c r="D1844" s="40">
        <v>30.598777000001359</v>
      </c>
      <c r="E1844" s="40">
        <v>13.709614122594745</v>
      </c>
      <c r="F1844" s="40">
        <v>30.583332999999996</v>
      </c>
      <c r="G1844" s="40">
        <v>10.879718758081328</v>
      </c>
      <c r="H1844" s="40">
        <v>30.583334000000008</v>
      </c>
      <c r="I1844" s="40">
        <v>8.7733216079603977</v>
      </c>
      <c r="J1844" s="40">
        <v>30.5833221190478</v>
      </c>
      <c r="K1844" s="40">
        <v>8.9079430276304965</v>
      </c>
      <c r="L1844" s="40"/>
      <c r="M1844" s="40"/>
      <c r="N1844" s="40"/>
      <c r="Y1844">
        <v>13.299999999999997</v>
      </c>
      <c r="Z1844">
        <v>91.6</v>
      </c>
      <c r="AA1844">
        <v>8.6199759999999994</v>
      </c>
      <c r="AB1844">
        <v>4.4071823620652433</v>
      </c>
    </row>
    <row r="1845" spans="4:28" x14ac:dyDescent="0.25">
      <c r="D1845" s="40">
        <v>30.61544300000136</v>
      </c>
      <c r="E1845" s="40">
        <v>13.714457301184295</v>
      </c>
      <c r="F1845" s="40">
        <v>30.599999999999994</v>
      </c>
      <c r="G1845" s="40">
        <v>10.884474002171547</v>
      </c>
      <c r="H1845" s="40">
        <v>30.600000000000009</v>
      </c>
      <c r="I1845" s="40">
        <v>8.7766743441036557</v>
      </c>
      <c r="J1845" s="40">
        <v>30.5999887797621</v>
      </c>
      <c r="K1845" s="40">
        <v>8.9079430276304965</v>
      </c>
      <c r="L1845" s="40"/>
      <c r="M1845" s="40"/>
      <c r="N1845" s="40"/>
      <c r="Y1845">
        <v>13.31666700000001</v>
      </c>
      <c r="Z1845">
        <v>91.616667000000007</v>
      </c>
      <c r="AA1845">
        <v>8.6200100000000006</v>
      </c>
      <c r="AB1845">
        <v>4.4075941780842713</v>
      </c>
    </row>
    <row r="1846" spans="4:28" x14ac:dyDescent="0.25">
      <c r="D1846" s="40">
        <v>30.63210900000136</v>
      </c>
      <c r="E1846" s="40">
        <v>13.719158033344719</v>
      </c>
      <c r="F1846" s="40">
        <v>30.616666999999993</v>
      </c>
      <c r="G1846" s="40">
        <v>10.889089386141448</v>
      </c>
      <c r="H1846" s="40">
        <v>30.616667000000007</v>
      </c>
      <c r="I1846" s="40">
        <v>8.7800270802470877</v>
      </c>
      <c r="J1846" s="40">
        <v>30.6166554404764</v>
      </c>
      <c r="K1846" s="40">
        <v>8.9030919839213905</v>
      </c>
      <c r="L1846" s="40"/>
      <c r="M1846" s="40"/>
      <c r="N1846" s="40"/>
      <c r="Y1846">
        <v>13.333332999999996</v>
      </c>
      <c r="Z1846">
        <v>91.633332999999993</v>
      </c>
      <c r="AA1846">
        <v>8.6200430000000008</v>
      </c>
      <c r="AB1846">
        <v>4.4079938818674327</v>
      </c>
    </row>
    <row r="1847" spans="4:28" x14ac:dyDescent="0.25">
      <c r="D1847" s="40">
        <v>30.648775000001361</v>
      </c>
      <c r="E1847" s="40">
        <v>13.724001211934141</v>
      </c>
      <c r="F1847" s="40">
        <v>30.633332999999993</v>
      </c>
      <c r="G1847" s="40">
        <v>10.889089386141448</v>
      </c>
      <c r="H1847" s="40">
        <v>30.633334000000005</v>
      </c>
      <c r="I1847" s="40">
        <v>8.7833798163903456</v>
      </c>
      <c r="J1847" s="40">
        <v>30.6333221011907</v>
      </c>
      <c r="K1847" s="40">
        <v>8.9030919839213905</v>
      </c>
      <c r="L1847" s="40"/>
      <c r="M1847" s="40"/>
      <c r="N1847" s="40"/>
      <c r="Y1847">
        <v>13.350000000000009</v>
      </c>
      <c r="Z1847">
        <v>91.65</v>
      </c>
      <c r="AA1847">
        <v>8.6200770000000002</v>
      </c>
      <c r="AB1847">
        <v>4.4084056978864394</v>
      </c>
    </row>
    <row r="1848" spans="4:28" x14ac:dyDescent="0.25">
      <c r="D1848" s="40">
        <v>30.665441000001362</v>
      </c>
      <c r="E1848" s="40">
        <v>13.72884439052369</v>
      </c>
      <c r="F1848" s="40">
        <v>30.649999999999991</v>
      </c>
      <c r="G1848" s="40">
        <v>10.893844630231541</v>
      </c>
      <c r="H1848" s="40">
        <v>30.650000000000006</v>
      </c>
      <c r="I1848" s="40">
        <v>8.786633942647109</v>
      </c>
      <c r="J1848" s="40">
        <v>30.649988761905</v>
      </c>
      <c r="K1848" s="40">
        <v>8.8982409402121601</v>
      </c>
      <c r="L1848" s="40"/>
      <c r="M1848" s="40"/>
      <c r="N1848" s="40"/>
      <c r="Y1848">
        <v>13.366667000000007</v>
      </c>
      <c r="Z1848">
        <v>91.666667000000004</v>
      </c>
      <c r="AA1848">
        <v>8.6201109999999996</v>
      </c>
      <c r="AB1848">
        <v>4.4088175139054453</v>
      </c>
    </row>
    <row r="1849" spans="4:28" x14ac:dyDescent="0.25">
      <c r="D1849" s="40">
        <v>30.682107000001363</v>
      </c>
      <c r="E1849" s="40">
        <v>13.733545122684115</v>
      </c>
      <c r="F1849" s="40">
        <v>30.66666699999999</v>
      </c>
      <c r="G1849" s="40">
        <v>10.898599874321761</v>
      </c>
      <c r="H1849" s="40">
        <v>30.666667000000004</v>
      </c>
      <c r="I1849" s="40">
        <v>8.7899866787903651</v>
      </c>
      <c r="J1849" s="40">
        <v>30.6666554226193</v>
      </c>
      <c r="K1849" s="40">
        <v>8.8982409402121601</v>
      </c>
      <c r="L1849" s="40"/>
      <c r="M1849" s="40"/>
      <c r="N1849" s="40"/>
      <c r="Y1849">
        <v>13.383333000000007</v>
      </c>
      <c r="Z1849">
        <v>91.683333000000005</v>
      </c>
      <c r="AA1849">
        <v>8.6201439999999998</v>
      </c>
      <c r="AB1849">
        <v>4.4092172176886084</v>
      </c>
    </row>
    <row r="1850" spans="4:28" x14ac:dyDescent="0.25">
      <c r="D1850" s="40">
        <v>30.698773000001363</v>
      </c>
      <c r="E1850" s="40">
        <v>13.738388301273536</v>
      </c>
      <c r="F1850" s="40">
        <v>30.68333299999999</v>
      </c>
      <c r="G1850" s="40">
        <v>10.903215258291661</v>
      </c>
      <c r="H1850" s="40">
        <v>30.683334000000002</v>
      </c>
      <c r="I1850" s="40">
        <v>8.793339414933623</v>
      </c>
      <c r="J1850" s="40">
        <v>30.683322083333501</v>
      </c>
      <c r="K1850" s="40">
        <v>8.8982409402121601</v>
      </c>
      <c r="L1850" s="40"/>
      <c r="M1850" s="40"/>
      <c r="N1850" s="40"/>
      <c r="Y1850">
        <v>13.400000000000006</v>
      </c>
      <c r="Z1850">
        <v>91.7</v>
      </c>
      <c r="AA1850">
        <v>8.6201779999999992</v>
      </c>
      <c r="AB1850">
        <v>4.4096290337076143</v>
      </c>
    </row>
    <row r="1851" spans="4:28" x14ac:dyDescent="0.25">
      <c r="D1851" s="40">
        <v>30.715439000001364</v>
      </c>
      <c r="E1851" s="40">
        <v>13.743231479863084</v>
      </c>
      <c r="F1851" s="40">
        <v>30.699999999999989</v>
      </c>
      <c r="G1851" s="40">
        <v>10.907970502381756</v>
      </c>
      <c r="H1851" s="40">
        <v>30.700000000000003</v>
      </c>
      <c r="I1851" s="40">
        <v>8.7965935411903864</v>
      </c>
      <c r="J1851" s="40">
        <v>30.699988744047801</v>
      </c>
      <c r="K1851" s="40">
        <v>8.8982409402121601</v>
      </c>
      <c r="L1851" s="40"/>
      <c r="M1851" s="40"/>
      <c r="N1851" s="40"/>
      <c r="Y1851">
        <v>13.416667000000004</v>
      </c>
      <c r="Z1851">
        <v>91.716667000000001</v>
      </c>
      <c r="AA1851">
        <v>8.6201779999999992</v>
      </c>
      <c r="AB1851">
        <v>4.4096290337076143</v>
      </c>
    </row>
    <row r="1852" spans="4:28" x14ac:dyDescent="0.25">
      <c r="D1852" s="40">
        <v>30.732105000001365</v>
      </c>
      <c r="E1852" s="40">
        <v>13.74793221202351</v>
      </c>
      <c r="F1852" s="40">
        <v>30.716667000000001</v>
      </c>
      <c r="G1852" s="40">
        <v>10.912725746471976</v>
      </c>
      <c r="H1852" s="40">
        <v>30.716667000000001</v>
      </c>
      <c r="I1852" s="40">
        <v>8.7999462773338184</v>
      </c>
      <c r="J1852" s="40">
        <v>30.716655404762101</v>
      </c>
      <c r="K1852" s="40">
        <v>8.9030919839213905</v>
      </c>
      <c r="L1852" s="40"/>
      <c r="M1852" s="40"/>
      <c r="N1852" s="40"/>
      <c r="Y1852">
        <v>13.433333000000005</v>
      </c>
      <c r="Z1852">
        <v>91.733333000000002</v>
      </c>
      <c r="AA1852">
        <v>8.6202109999999994</v>
      </c>
      <c r="AB1852">
        <v>4.4100287374907756</v>
      </c>
    </row>
    <row r="1853" spans="4:28" x14ac:dyDescent="0.25">
      <c r="D1853" s="40">
        <v>30.748771000001366</v>
      </c>
      <c r="E1853" s="40">
        <v>13.75277539061306</v>
      </c>
      <c r="F1853" s="40">
        <v>30.733332999999988</v>
      </c>
      <c r="G1853" s="40">
        <v>10.917341130441876</v>
      </c>
      <c r="H1853" s="40">
        <v>30.733334000000013</v>
      </c>
      <c r="I1853" s="40">
        <v>8.8032990134770763</v>
      </c>
      <c r="J1853" s="40">
        <v>30.733322065476401</v>
      </c>
      <c r="K1853" s="40">
        <v>8.9030919839213905</v>
      </c>
      <c r="L1853" s="40"/>
      <c r="M1853" s="40"/>
      <c r="N1853" s="40"/>
      <c r="Y1853">
        <v>13.450000000000003</v>
      </c>
      <c r="Z1853">
        <v>91.75</v>
      </c>
      <c r="AA1853">
        <v>8.6202450000000006</v>
      </c>
      <c r="AB1853">
        <v>4.4104405535098046</v>
      </c>
    </row>
    <row r="1854" spans="4:28" x14ac:dyDescent="0.25">
      <c r="D1854" s="40">
        <v>30.765437000001366</v>
      </c>
      <c r="E1854" s="40">
        <v>13.75277539061306</v>
      </c>
      <c r="F1854" s="40">
        <v>30.75</v>
      </c>
      <c r="G1854" s="40">
        <v>10.922096374531971</v>
      </c>
      <c r="H1854" s="40">
        <v>30.75</v>
      </c>
      <c r="I1854" s="40">
        <v>8.8032990134770763</v>
      </c>
      <c r="J1854" s="40">
        <v>30.749988726190701</v>
      </c>
      <c r="K1854" s="40">
        <v>8.9030919839213905</v>
      </c>
      <c r="L1854" s="40"/>
      <c r="M1854" s="40"/>
      <c r="N1854" s="40"/>
      <c r="Y1854">
        <v>13.466667000000001</v>
      </c>
      <c r="Z1854">
        <v>91.766666999999998</v>
      </c>
      <c r="AA1854">
        <v>8.620279</v>
      </c>
      <c r="AB1854">
        <v>4.4108523695288104</v>
      </c>
    </row>
    <row r="1855" spans="4:28" x14ac:dyDescent="0.25">
      <c r="D1855" s="40">
        <v>30.782103000001367</v>
      </c>
      <c r="E1855" s="40">
        <v>13.757618569202481</v>
      </c>
      <c r="F1855" s="40">
        <v>30.766666999999998</v>
      </c>
      <c r="G1855" s="40">
        <v>10.926851618622191</v>
      </c>
      <c r="H1855" s="40">
        <v>30.766667000000012</v>
      </c>
      <c r="I1855" s="40">
        <v>8.8099058758770941</v>
      </c>
      <c r="J1855" s="40">
        <v>30.766655386905001</v>
      </c>
      <c r="K1855" s="40">
        <v>8.9030919839213905</v>
      </c>
      <c r="L1855" s="40"/>
      <c r="M1855" s="40"/>
      <c r="N1855" s="40"/>
      <c r="Y1855">
        <v>13.483333000000002</v>
      </c>
      <c r="Z1855">
        <v>91.783332999999999</v>
      </c>
      <c r="AA1855">
        <v>8.6203120000000002</v>
      </c>
      <c r="AB1855">
        <v>4.4112520733119727</v>
      </c>
    </row>
    <row r="1856" spans="4:28" x14ac:dyDescent="0.25">
      <c r="D1856" s="40">
        <v>30.798769000001368</v>
      </c>
      <c r="E1856" s="40">
        <v>13.762319301362908</v>
      </c>
      <c r="F1856" s="40">
        <v>30.783332999999999</v>
      </c>
      <c r="G1856" s="40">
        <v>10.931467002592091</v>
      </c>
      <c r="H1856" s="40">
        <v>30.783334000000011</v>
      </c>
      <c r="I1856" s="40">
        <v>8.8132586120205278</v>
      </c>
      <c r="J1856" s="40">
        <v>30.783322047619301</v>
      </c>
      <c r="K1856" s="40">
        <v>8.8982409402121601</v>
      </c>
      <c r="L1856" s="40"/>
      <c r="M1856" s="40"/>
      <c r="N1856" s="40"/>
      <c r="Y1856">
        <v>13.5</v>
      </c>
      <c r="Z1856">
        <v>91.8</v>
      </c>
      <c r="AA1856">
        <v>8.6203459999999996</v>
      </c>
      <c r="AB1856">
        <v>4.4116638893309785</v>
      </c>
    </row>
    <row r="1857" spans="4:28" x14ac:dyDescent="0.25">
      <c r="D1857" s="40">
        <v>30.815435000001369</v>
      </c>
      <c r="E1857" s="40">
        <v>13.767162479952454</v>
      </c>
      <c r="F1857" s="40">
        <v>30.799999999999997</v>
      </c>
      <c r="G1857" s="40">
        <v>10.936222246682311</v>
      </c>
      <c r="H1857" s="40">
        <v>30.800000000000011</v>
      </c>
      <c r="I1857" s="40">
        <v>8.8165127382771153</v>
      </c>
      <c r="J1857" s="40">
        <v>30.799988708333501</v>
      </c>
      <c r="K1857" s="40">
        <v>8.8982409402121601</v>
      </c>
      <c r="L1857" s="40"/>
      <c r="M1857" s="40"/>
      <c r="N1857" s="40"/>
      <c r="Y1857">
        <v>13.516666999999998</v>
      </c>
      <c r="Z1857">
        <v>91.816666999999995</v>
      </c>
      <c r="AA1857">
        <v>8.6203800000000008</v>
      </c>
      <c r="AB1857">
        <v>4.4120757053500066</v>
      </c>
    </row>
    <row r="1858" spans="4:28" x14ac:dyDescent="0.25">
      <c r="D1858" s="40">
        <v>30.832101000001369</v>
      </c>
      <c r="E1858" s="40">
        <v>13.767162479952454</v>
      </c>
      <c r="F1858" s="40">
        <v>30.816666999999995</v>
      </c>
      <c r="G1858" s="40">
        <v>10.940977490772406</v>
      </c>
      <c r="H1858" s="40">
        <v>30.81666700000001</v>
      </c>
      <c r="I1858" s="40">
        <v>8.8198654744205474</v>
      </c>
      <c r="J1858" s="40">
        <v>30.816655369047801</v>
      </c>
      <c r="K1858" s="40">
        <v>8.8982409402121601</v>
      </c>
      <c r="L1858" s="40"/>
      <c r="M1858" s="40"/>
      <c r="N1858" s="40"/>
      <c r="Y1858">
        <v>13.533332999999999</v>
      </c>
      <c r="Z1858">
        <v>91.833332999999996</v>
      </c>
      <c r="AA1858">
        <v>8.6203800000000008</v>
      </c>
      <c r="AB1858">
        <v>4.4120757053500066</v>
      </c>
    </row>
    <row r="1859" spans="4:28" x14ac:dyDescent="0.25">
      <c r="D1859" s="40">
        <v>30.84876700000137</v>
      </c>
      <c r="E1859" s="40">
        <v>13.772005658541875</v>
      </c>
      <c r="F1859" s="40">
        <v>30.833332999999996</v>
      </c>
      <c r="G1859" s="40">
        <v>10.945592874742305</v>
      </c>
      <c r="H1859" s="40">
        <v>30.833334000000008</v>
      </c>
      <c r="I1859" s="40">
        <v>8.8232182105638053</v>
      </c>
      <c r="J1859" s="40">
        <v>30.833322029762101</v>
      </c>
      <c r="K1859" s="40">
        <v>8.9030919839213905</v>
      </c>
      <c r="L1859" s="40"/>
      <c r="M1859" s="40"/>
      <c r="N1859" s="40"/>
      <c r="Y1859">
        <v>13.549999999999997</v>
      </c>
      <c r="Z1859">
        <v>91.85</v>
      </c>
      <c r="AA1859">
        <v>8.6204129999999992</v>
      </c>
      <c r="AB1859">
        <v>4.4124754091331475</v>
      </c>
    </row>
    <row r="1860" spans="4:28" x14ac:dyDescent="0.25">
      <c r="D1860" s="40">
        <v>30.865433000001371</v>
      </c>
      <c r="E1860" s="40">
        <v>13.776706390702302</v>
      </c>
      <c r="F1860" s="40">
        <v>30.849999999999994</v>
      </c>
      <c r="G1860" s="40">
        <v>10.945592874742305</v>
      </c>
      <c r="H1860" s="40">
        <v>30.850000000000009</v>
      </c>
      <c r="I1860" s="40">
        <v>8.8198654744205474</v>
      </c>
      <c r="J1860" s="40">
        <v>30.849988690476401</v>
      </c>
      <c r="K1860" s="40">
        <v>8.8982409402121601</v>
      </c>
      <c r="L1860" s="40"/>
      <c r="M1860" s="40"/>
      <c r="N1860" s="40"/>
      <c r="Y1860">
        <v>13.56666700000001</v>
      </c>
      <c r="Z1860">
        <v>91.866667000000007</v>
      </c>
      <c r="AA1860">
        <v>8.6204470000000004</v>
      </c>
      <c r="AB1860">
        <v>4.4128872251521747</v>
      </c>
    </row>
    <row r="1861" spans="4:28" x14ac:dyDescent="0.25">
      <c r="D1861" s="40">
        <v>30.882099000001372</v>
      </c>
      <c r="E1861" s="40">
        <v>13.781549569291851</v>
      </c>
      <c r="F1861" s="40">
        <v>30.866666999999993</v>
      </c>
      <c r="G1861" s="40">
        <v>10.950348118832526</v>
      </c>
      <c r="H1861" s="40">
        <v>30.866667000000007</v>
      </c>
      <c r="I1861" s="40">
        <v>8.8198654744205474</v>
      </c>
      <c r="J1861" s="40">
        <v>30.866655351190701</v>
      </c>
      <c r="K1861" s="40">
        <v>8.8982409402121601</v>
      </c>
      <c r="L1861" s="40"/>
      <c r="M1861" s="40"/>
      <c r="N1861" s="40"/>
      <c r="Y1861">
        <v>13.583332999999996</v>
      </c>
      <c r="Z1861">
        <v>91.883332999999993</v>
      </c>
      <c r="AA1861">
        <v>8.6204809999999998</v>
      </c>
      <c r="AB1861">
        <v>4.4132990411711814</v>
      </c>
    </row>
    <row r="1862" spans="4:28" x14ac:dyDescent="0.25">
      <c r="D1862" s="40">
        <v>30.898765000001372</v>
      </c>
      <c r="E1862" s="40">
        <v>13.786392747881273</v>
      </c>
      <c r="F1862" s="40">
        <v>30.883332999999993</v>
      </c>
      <c r="G1862" s="40">
        <v>10.955103362922619</v>
      </c>
      <c r="H1862" s="40">
        <v>30.883334000000005</v>
      </c>
      <c r="I1862" s="40">
        <v>8.8198654744205474</v>
      </c>
      <c r="J1862" s="40">
        <v>30.883322011905001</v>
      </c>
      <c r="K1862" s="40">
        <v>8.9030919839213905</v>
      </c>
      <c r="L1862" s="40"/>
      <c r="M1862" s="40"/>
      <c r="N1862" s="40"/>
      <c r="Y1862">
        <v>13.600000000000009</v>
      </c>
      <c r="Z1862">
        <v>91.9</v>
      </c>
      <c r="AA1862">
        <v>8.620514</v>
      </c>
      <c r="AB1862">
        <v>4.4136987449543437</v>
      </c>
    </row>
    <row r="1863" spans="4:28" x14ac:dyDescent="0.25">
      <c r="D1863" s="40">
        <v>30.915431000001373</v>
      </c>
      <c r="E1863" s="40">
        <v>13.795936658631247</v>
      </c>
      <c r="F1863" s="40">
        <v>30.899999999999991</v>
      </c>
      <c r="G1863" s="40">
        <v>10.95971874689252</v>
      </c>
      <c r="H1863" s="40">
        <v>30.900000000000006</v>
      </c>
      <c r="I1863" s="40">
        <v>8.8232182105638053</v>
      </c>
      <c r="J1863" s="40">
        <v>30.899988672619301</v>
      </c>
      <c r="K1863" s="40">
        <v>8.9030919839213905</v>
      </c>
      <c r="L1863" s="40"/>
      <c r="M1863" s="40"/>
      <c r="N1863" s="40"/>
      <c r="Y1863">
        <v>13.616667000000007</v>
      </c>
      <c r="Z1863">
        <v>91.916667000000004</v>
      </c>
      <c r="AA1863">
        <v>8.6205479999999994</v>
      </c>
      <c r="AB1863">
        <v>4.4141105609733495</v>
      </c>
    </row>
    <row r="1864" spans="4:28" x14ac:dyDescent="0.25">
      <c r="D1864" s="40">
        <v>30.932097000001374</v>
      </c>
      <c r="E1864" s="40">
        <v>13.800779837220668</v>
      </c>
      <c r="F1864" s="40">
        <v>30.91666699999999</v>
      </c>
      <c r="G1864" s="40">
        <v>10.964473990982739</v>
      </c>
      <c r="H1864" s="40">
        <v>30.916667000000004</v>
      </c>
      <c r="I1864" s="40">
        <v>8.8298250729638248</v>
      </c>
      <c r="J1864" s="40">
        <v>30.916655333333502</v>
      </c>
      <c r="K1864" s="40">
        <v>8.9079430276304965</v>
      </c>
      <c r="L1864" s="40"/>
      <c r="M1864" s="40"/>
      <c r="N1864" s="40"/>
      <c r="Y1864">
        <v>13.633333000000007</v>
      </c>
      <c r="Z1864">
        <v>91.933333000000005</v>
      </c>
      <c r="AA1864">
        <v>8.6205479999999994</v>
      </c>
      <c r="AB1864">
        <v>4.4141105609733495</v>
      </c>
    </row>
    <row r="1865" spans="4:28" x14ac:dyDescent="0.25">
      <c r="D1865" s="40">
        <v>30.948763000001374</v>
      </c>
      <c r="E1865" s="40">
        <v>13.800779837220668</v>
      </c>
      <c r="F1865" s="40">
        <v>30.93333299999999</v>
      </c>
      <c r="G1865" s="40">
        <v>10.969229235072834</v>
      </c>
      <c r="H1865" s="40">
        <v>30.933334000000002</v>
      </c>
      <c r="I1865" s="40">
        <v>8.8298250729638248</v>
      </c>
      <c r="J1865" s="40">
        <v>30.933321994047802</v>
      </c>
      <c r="K1865" s="40">
        <v>8.9223534810018954</v>
      </c>
      <c r="L1865" s="40"/>
      <c r="M1865" s="40"/>
      <c r="N1865" s="40"/>
      <c r="Y1865">
        <v>13.650000000000006</v>
      </c>
      <c r="Z1865">
        <v>91.95</v>
      </c>
      <c r="AA1865">
        <v>8.6205820000000006</v>
      </c>
      <c r="AB1865">
        <v>4.4145223769923776</v>
      </c>
    </row>
    <row r="1866" spans="4:28" x14ac:dyDescent="0.25">
      <c r="D1866" s="40">
        <v>30.965429000001375</v>
      </c>
      <c r="E1866" s="40">
        <v>13.805480569381093</v>
      </c>
      <c r="F1866" s="40">
        <v>30.949999999999989</v>
      </c>
      <c r="G1866" s="40">
        <v>10.969229235072834</v>
      </c>
      <c r="H1866" s="40">
        <v>30.950000000000003</v>
      </c>
      <c r="I1866" s="40">
        <v>8.8264723368205686</v>
      </c>
      <c r="J1866" s="40">
        <v>30.949988654762102</v>
      </c>
      <c r="K1866" s="40">
        <v>8.9126513935835572</v>
      </c>
      <c r="L1866" s="40"/>
      <c r="M1866" s="40"/>
      <c r="N1866" s="40"/>
      <c r="Y1866">
        <v>13.666667000000004</v>
      </c>
      <c r="Z1866">
        <v>91.966667000000001</v>
      </c>
      <c r="AA1866">
        <v>8.6206150000000008</v>
      </c>
      <c r="AB1866">
        <v>4.4149220807755389</v>
      </c>
    </row>
    <row r="1867" spans="4:28" x14ac:dyDescent="0.25">
      <c r="D1867" s="40">
        <v>30.982095000001376</v>
      </c>
      <c r="E1867" s="40">
        <v>13.805480569381093</v>
      </c>
      <c r="F1867" s="40">
        <v>30.966667000000001</v>
      </c>
      <c r="G1867" s="40">
        <v>10.973844619042735</v>
      </c>
      <c r="H1867" s="40">
        <v>30.966667000000001</v>
      </c>
      <c r="I1867" s="40">
        <v>8.8264723368205686</v>
      </c>
      <c r="J1867" s="40">
        <v>30.966655315476402</v>
      </c>
      <c r="K1867" s="40">
        <v>8.9079430276304965</v>
      </c>
      <c r="L1867" s="40"/>
      <c r="M1867" s="40"/>
      <c r="N1867" s="40"/>
      <c r="Y1867">
        <v>13.683333000000005</v>
      </c>
      <c r="Z1867">
        <v>91.983333000000002</v>
      </c>
      <c r="AA1867">
        <v>8.6206490000000002</v>
      </c>
      <c r="AB1867">
        <v>4.4153338967945457</v>
      </c>
    </row>
    <row r="1868" spans="4:28" x14ac:dyDescent="0.25">
      <c r="D1868" s="40">
        <v>30.998761000001377</v>
      </c>
      <c r="E1868" s="40">
        <v>13.810323747970642</v>
      </c>
      <c r="F1868" s="40">
        <v>30.983332999999988</v>
      </c>
      <c r="G1868" s="40">
        <v>10.978599863132954</v>
      </c>
      <c r="H1868" s="40">
        <v>30.983334000000013</v>
      </c>
      <c r="I1868" s="40">
        <v>8.8264723368205686</v>
      </c>
      <c r="J1868" s="40">
        <v>30.983321976190702</v>
      </c>
      <c r="K1868" s="40">
        <v>8.9079430276304965</v>
      </c>
      <c r="L1868" s="40"/>
      <c r="M1868" s="40"/>
      <c r="N1868" s="40"/>
      <c r="Y1868">
        <v>13.700000000000003</v>
      </c>
      <c r="Z1868">
        <v>92</v>
      </c>
      <c r="AA1868">
        <v>8.6206829999999997</v>
      </c>
      <c r="AB1868">
        <v>4.4157457128135524</v>
      </c>
    </row>
    <row r="1869" spans="4:28" x14ac:dyDescent="0.25">
      <c r="D1869" s="40">
        <v>31.015427000001377</v>
      </c>
      <c r="E1869" s="40">
        <v>13.810323747970642</v>
      </c>
      <c r="F1869" s="40">
        <v>31</v>
      </c>
      <c r="G1869" s="40">
        <v>10.983355107223174</v>
      </c>
      <c r="H1869" s="40">
        <v>31</v>
      </c>
      <c r="I1869" s="40">
        <v>8.8298250729638248</v>
      </c>
      <c r="J1869" s="40">
        <v>30.999988636905002</v>
      </c>
      <c r="K1869" s="40">
        <v>8.9030919839213905</v>
      </c>
      <c r="L1869" s="40"/>
      <c r="M1869" s="40"/>
      <c r="N1869" s="40"/>
      <c r="Y1869">
        <v>13.716667000000001</v>
      </c>
      <c r="Z1869">
        <v>92.016666999999998</v>
      </c>
      <c r="AA1869">
        <v>8.6207159999999998</v>
      </c>
      <c r="AB1869">
        <v>4.4161454165967138</v>
      </c>
    </row>
    <row r="1870" spans="4:28" x14ac:dyDescent="0.25">
      <c r="D1870" s="40">
        <v>31.032093000001378</v>
      </c>
      <c r="E1870" s="40">
        <v>13.81516692656019</v>
      </c>
      <c r="F1870" s="40">
        <v>31.016666999999998</v>
      </c>
      <c r="G1870" s="40">
        <v>10.988110351313269</v>
      </c>
      <c r="H1870" s="40">
        <v>31.016667000000012</v>
      </c>
      <c r="I1870" s="40">
        <v>8.8298250729638248</v>
      </c>
      <c r="J1870" s="40">
        <v>31.016655297619302</v>
      </c>
      <c r="K1870" s="40">
        <v>8.9079430276304965</v>
      </c>
      <c r="L1870" s="40"/>
      <c r="M1870" s="40"/>
      <c r="N1870" s="40"/>
      <c r="Y1870">
        <v>13.733333000000002</v>
      </c>
      <c r="Z1870">
        <v>92.033332999999999</v>
      </c>
      <c r="AA1870">
        <v>8.6207159999999998</v>
      </c>
      <c r="AB1870">
        <v>4.4161454165967138</v>
      </c>
    </row>
    <row r="1871" spans="4:28" x14ac:dyDescent="0.25">
      <c r="D1871" s="40">
        <v>31.048759000001379</v>
      </c>
      <c r="E1871" s="40">
        <v>13.81986765872049</v>
      </c>
      <c r="F1871" s="40">
        <v>31.033332999999999</v>
      </c>
      <c r="G1871" s="40">
        <v>10.99272573528317</v>
      </c>
      <c r="H1871" s="40">
        <v>31.033334000000011</v>
      </c>
      <c r="I1871" s="40">
        <v>8.8298250729638248</v>
      </c>
      <c r="J1871" s="40">
        <v>31.033321958333499</v>
      </c>
      <c r="K1871" s="40">
        <v>8.9079430276304965</v>
      </c>
      <c r="L1871" s="40"/>
      <c r="M1871" s="40"/>
      <c r="N1871" s="40"/>
      <c r="Y1871">
        <v>13.75</v>
      </c>
      <c r="Z1871">
        <v>92.05</v>
      </c>
      <c r="AA1871">
        <v>8.6207499999999992</v>
      </c>
      <c r="AB1871">
        <v>4.4165572326157205</v>
      </c>
    </row>
    <row r="1872" spans="4:28" x14ac:dyDescent="0.25">
      <c r="D1872" s="40">
        <v>31.06542500000138</v>
      </c>
      <c r="E1872" s="40">
        <v>13.824710837310038</v>
      </c>
      <c r="F1872" s="40">
        <v>31.049999999999997</v>
      </c>
      <c r="G1872" s="40">
        <v>10.997480979373389</v>
      </c>
      <c r="H1872" s="40">
        <v>31.050000000000011</v>
      </c>
      <c r="I1872" s="40">
        <v>8.8331778091072586</v>
      </c>
      <c r="J1872" s="40">
        <v>31.049988619047799</v>
      </c>
      <c r="K1872" s="40">
        <v>8.9079430276304965</v>
      </c>
      <c r="L1872" s="40"/>
      <c r="M1872" s="40"/>
      <c r="N1872" s="40"/>
      <c r="Y1872">
        <v>13.766666999999998</v>
      </c>
      <c r="Z1872">
        <v>92.066666999999995</v>
      </c>
      <c r="AA1872">
        <v>8.6207840000000004</v>
      </c>
      <c r="AB1872">
        <v>4.4169690486347477</v>
      </c>
    </row>
    <row r="1873" spans="4:28" x14ac:dyDescent="0.25">
      <c r="D1873" s="40">
        <v>31.08209100000138</v>
      </c>
      <c r="E1873" s="40">
        <v>13.829554015899586</v>
      </c>
      <c r="F1873" s="40">
        <v>31.066666999999995</v>
      </c>
      <c r="G1873" s="40">
        <v>10.997480979373389</v>
      </c>
      <c r="H1873" s="40">
        <v>31.06666700000001</v>
      </c>
      <c r="I1873" s="40">
        <v>8.8364319353640219</v>
      </c>
      <c r="J1873" s="40">
        <v>31.066655279762099</v>
      </c>
      <c r="K1873" s="40">
        <v>8.9079430276304965</v>
      </c>
      <c r="L1873" s="40"/>
      <c r="M1873" s="40"/>
      <c r="N1873" s="40"/>
      <c r="Y1873">
        <v>13.783332999999999</v>
      </c>
      <c r="Z1873">
        <v>92.083332999999996</v>
      </c>
      <c r="AA1873">
        <v>8.6208170000000006</v>
      </c>
      <c r="AB1873">
        <v>4.4173687524179108</v>
      </c>
    </row>
    <row r="1874" spans="4:28" x14ac:dyDescent="0.25">
      <c r="D1874" s="40">
        <v>31.098757000001381</v>
      </c>
      <c r="E1874" s="40">
        <v>13.834254748059884</v>
      </c>
      <c r="F1874" s="40">
        <v>31.083332999999996</v>
      </c>
      <c r="G1874" s="40">
        <v>11.002236223463484</v>
      </c>
      <c r="H1874" s="40">
        <v>31.083334000000008</v>
      </c>
      <c r="I1874" s="40">
        <v>8.8364319353640219</v>
      </c>
      <c r="J1874" s="40">
        <v>31.083321940476399</v>
      </c>
      <c r="K1874" s="40">
        <v>8.9126513935835572</v>
      </c>
      <c r="L1874" s="40"/>
      <c r="M1874" s="40"/>
      <c r="N1874" s="40"/>
      <c r="Y1874">
        <v>13.799999999999997</v>
      </c>
      <c r="Z1874">
        <v>92.1</v>
      </c>
      <c r="AA1874">
        <v>8.620851</v>
      </c>
      <c r="AB1874">
        <v>4.4177805684369167</v>
      </c>
    </row>
    <row r="1875" spans="4:28" x14ac:dyDescent="0.25">
      <c r="D1875" s="40">
        <v>31.115423000001382</v>
      </c>
      <c r="E1875" s="40">
        <v>13.839097926649432</v>
      </c>
      <c r="F1875" s="40">
        <v>31.099999999999994</v>
      </c>
      <c r="G1875" s="40">
        <v>11.006851607433383</v>
      </c>
      <c r="H1875" s="40">
        <v>31.100000000000009</v>
      </c>
      <c r="I1875" s="40">
        <v>8.8397846715072781</v>
      </c>
      <c r="J1875" s="40">
        <v>31.099988601190699</v>
      </c>
      <c r="K1875" s="40">
        <v>8.9126513935835572</v>
      </c>
      <c r="L1875" s="40"/>
      <c r="M1875" s="40"/>
      <c r="N1875" s="40"/>
      <c r="Y1875">
        <v>13.81666700000001</v>
      </c>
      <c r="Z1875">
        <v>92.116667000000007</v>
      </c>
      <c r="AA1875">
        <v>8.620851</v>
      </c>
      <c r="AB1875">
        <v>4.4177805684369167</v>
      </c>
    </row>
    <row r="1876" spans="4:28" x14ac:dyDescent="0.25">
      <c r="D1876" s="40">
        <v>31.132089000001383</v>
      </c>
      <c r="E1876" s="40">
        <v>13.839097926649432</v>
      </c>
      <c r="F1876" s="40">
        <v>31.116666999999993</v>
      </c>
      <c r="G1876" s="40">
        <v>11.006851607433383</v>
      </c>
      <c r="H1876" s="40">
        <v>31.116667000000007</v>
      </c>
      <c r="I1876" s="40">
        <v>8.843137407650536</v>
      </c>
      <c r="J1876" s="40">
        <v>31.116655261904999</v>
      </c>
      <c r="K1876" s="40">
        <v>8.9126513935835572</v>
      </c>
      <c r="L1876" s="40"/>
      <c r="M1876" s="40"/>
      <c r="N1876" s="40"/>
      <c r="Y1876">
        <v>13.833332999999996</v>
      </c>
      <c r="Z1876">
        <v>92.133332999999993</v>
      </c>
      <c r="AA1876">
        <v>8.6208849999999995</v>
      </c>
      <c r="AB1876">
        <v>4.4181923844559234</v>
      </c>
    </row>
    <row r="1877" spans="4:28" x14ac:dyDescent="0.25">
      <c r="D1877" s="40">
        <v>31.148755000001383</v>
      </c>
      <c r="E1877" s="40">
        <v>13.843941105238981</v>
      </c>
      <c r="F1877" s="40">
        <v>31.133332999999993</v>
      </c>
      <c r="G1877" s="40">
        <v>11.011606851523604</v>
      </c>
      <c r="H1877" s="40">
        <v>31.133334000000005</v>
      </c>
      <c r="I1877" s="40">
        <v>8.8463915339072994</v>
      </c>
      <c r="J1877" s="40">
        <v>31.133321922619299</v>
      </c>
      <c r="K1877" s="40">
        <v>8.9126513935835572</v>
      </c>
      <c r="L1877" s="40"/>
      <c r="M1877" s="40"/>
      <c r="N1877" s="40"/>
      <c r="Y1877">
        <v>13.850000000000009</v>
      </c>
      <c r="Z1877">
        <v>92.15</v>
      </c>
      <c r="AA1877">
        <v>8.6209179999999996</v>
      </c>
      <c r="AB1877">
        <v>4.4185920882390848</v>
      </c>
    </row>
    <row r="1878" spans="4:28" x14ac:dyDescent="0.25">
      <c r="D1878" s="40">
        <v>31.165421000001384</v>
      </c>
      <c r="E1878" s="40">
        <v>13.848641837399407</v>
      </c>
      <c r="F1878" s="40">
        <v>31.149999999999991</v>
      </c>
      <c r="G1878" s="40">
        <v>11.016362095613697</v>
      </c>
      <c r="H1878" s="40">
        <v>31.150000000000006</v>
      </c>
      <c r="I1878" s="40">
        <v>8.8497442700505538</v>
      </c>
      <c r="J1878" s="40">
        <v>31.149988583333499</v>
      </c>
      <c r="K1878" s="40">
        <v>8.9126513935835572</v>
      </c>
      <c r="L1878" s="40"/>
      <c r="M1878" s="40"/>
      <c r="N1878" s="40"/>
      <c r="Y1878">
        <v>13.866667000000007</v>
      </c>
      <c r="Z1878">
        <v>92.166667000000004</v>
      </c>
      <c r="AA1878">
        <v>8.6209520000000008</v>
      </c>
      <c r="AB1878">
        <v>4.4190039042581128</v>
      </c>
    </row>
    <row r="1879" spans="4:28" x14ac:dyDescent="0.25">
      <c r="D1879" s="40">
        <v>31.182087000001385</v>
      </c>
      <c r="E1879" s="40">
        <v>13.853485015988829</v>
      </c>
      <c r="F1879" s="40">
        <v>31.16666699999999</v>
      </c>
      <c r="G1879" s="40">
        <v>11.016362095613697</v>
      </c>
      <c r="H1879" s="40">
        <v>31.166667000000004</v>
      </c>
      <c r="I1879" s="40">
        <v>8.8530970061939875</v>
      </c>
      <c r="J1879" s="40">
        <v>31.166655244047799</v>
      </c>
      <c r="K1879" s="40">
        <v>8.9175024372927894</v>
      </c>
      <c r="L1879" s="40"/>
      <c r="M1879" s="40"/>
      <c r="N1879" s="40"/>
      <c r="Y1879">
        <v>13.883333000000007</v>
      </c>
      <c r="Z1879">
        <v>92.183333000000005</v>
      </c>
      <c r="AA1879">
        <v>8.6209520000000008</v>
      </c>
      <c r="AB1879">
        <v>4.4190039042581128</v>
      </c>
    </row>
    <row r="1880" spans="4:28" x14ac:dyDescent="0.25">
      <c r="D1880" s="40">
        <v>31.198753000001386</v>
      </c>
      <c r="E1880" s="40">
        <v>13.858328194578377</v>
      </c>
      <c r="F1880" s="40">
        <v>31.18333299999999</v>
      </c>
      <c r="G1880" s="40">
        <v>11.020977479583598</v>
      </c>
      <c r="H1880" s="40">
        <v>31.183334000000002</v>
      </c>
      <c r="I1880" s="40">
        <v>8.8563511324507509</v>
      </c>
      <c r="J1880" s="40">
        <v>31.183321904762099</v>
      </c>
      <c r="K1880" s="40">
        <v>8.9175024372927894</v>
      </c>
      <c r="L1880" s="40"/>
      <c r="M1880" s="40"/>
      <c r="N1880" s="40"/>
      <c r="Y1880">
        <v>13.900000000000006</v>
      </c>
      <c r="Z1880">
        <v>92.2</v>
      </c>
      <c r="AA1880">
        <v>8.6209860000000003</v>
      </c>
      <c r="AB1880">
        <v>4.4194157202771196</v>
      </c>
    </row>
    <row r="1881" spans="4:28" x14ac:dyDescent="0.25">
      <c r="D1881" s="40">
        <v>31.215419000001386</v>
      </c>
      <c r="E1881" s="40">
        <v>13.863028926738803</v>
      </c>
      <c r="F1881" s="40">
        <v>31.199999999999989</v>
      </c>
      <c r="G1881" s="40">
        <v>11.025732723673817</v>
      </c>
      <c r="H1881" s="40">
        <v>31.200000000000003</v>
      </c>
      <c r="I1881" s="40">
        <v>8.859703868594007</v>
      </c>
      <c r="J1881" s="40">
        <v>31.199988565476399</v>
      </c>
      <c r="K1881" s="40">
        <v>8.9223534810018954</v>
      </c>
      <c r="L1881" s="40"/>
      <c r="M1881" s="40"/>
      <c r="N1881" s="40"/>
      <c r="Y1881">
        <v>13.916667000000004</v>
      </c>
      <c r="Z1881">
        <v>92.216667000000001</v>
      </c>
      <c r="AA1881">
        <v>8.6210190000000004</v>
      </c>
      <c r="AB1881">
        <v>4.4198154240602809</v>
      </c>
    </row>
    <row r="1882" spans="4:28" x14ac:dyDescent="0.25">
      <c r="D1882" s="40">
        <v>31.232085000001387</v>
      </c>
      <c r="E1882" s="40">
        <v>13.867872105328225</v>
      </c>
      <c r="F1882" s="40">
        <v>31.216667000000001</v>
      </c>
      <c r="G1882" s="40">
        <v>11.030487967764037</v>
      </c>
      <c r="H1882" s="40">
        <v>31.216667000000001</v>
      </c>
      <c r="I1882" s="40">
        <v>8.863056604737265</v>
      </c>
      <c r="J1882" s="40">
        <v>31.216655226190699</v>
      </c>
      <c r="K1882" s="40">
        <v>8.9270618469549543</v>
      </c>
      <c r="L1882" s="40"/>
      <c r="M1882" s="40"/>
      <c r="N1882" s="40"/>
      <c r="Y1882">
        <v>13.933333000000005</v>
      </c>
      <c r="Z1882">
        <v>92.233333000000002</v>
      </c>
      <c r="AA1882">
        <v>8.6210190000000004</v>
      </c>
      <c r="AB1882">
        <v>4.4198154240602809</v>
      </c>
    </row>
    <row r="1883" spans="4:28" x14ac:dyDescent="0.25">
      <c r="D1883" s="40">
        <v>31.248751000001388</v>
      </c>
      <c r="E1883" s="40">
        <v>13.872715283917772</v>
      </c>
      <c r="F1883" s="40">
        <v>31.233332999999988</v>
      </c>
      <c r="G1883" s="40">
        <v>11.030487967764037</v>
      </c>
      <c r="H1883" s="40">
        <v>31.233334000000013</v>
      </c>
      <c r="I1883" s="40">
        <v>8.8663107309940283</v>
      </c>
      <c r="J1883" s="40">
        <v>31.233321886904999</v>
      </c>
      <c r="K1883" s="40">
        <v>8.9270618469549543</v>
      </c>
      <c r="L1883" s="40"/>
      <c r="M1883" s="40"/>
      <c r="N1883" s="40"/>
      <c r="Y1883">
        <v>13.950000000000003</v>
      </c>
      <c r="Z1883">
        <v>92.25</v>
      </c>
      <c r="AA1883">
        <v>8.6210529999999999</v>
      </c>
      <c r="AB1883">
        <v>4.4202272400792877</v>
      </c>
    </row>
    <row r="1884" spans="4:28" x14ac:dyDescent="0.25">
      <c r="D1884" s="40">
        <v>31.265417000001388</v>
      </c>
      <c r="E1884" s="40">
        <v>13.877416016078199</v>
      </c>
      <c r="F1884" s="40">
        <v>31.25</v>
      </c>
      <c r="G1884" s="40">
        <v>11.035103351733813</v>
      </c>
      <c r="H1884" s="40">
        <v>31.25</v>
      </c>
      <c r="I1884" s="40">
        <v>8.8696634671374603</v>
      </c>
      <c r="J1884" s="40">
        <v>31.249988547619299</v>
      </c>
      <c r="K1884" s="40">
        <v>8.9319128906641865</v>
      </c>
      <c r="L1884" s="40"/>
      <c r="M1884" s="40"/>
      <c r="N1884" s="40"/>
      <c r="Y1884">
        <v>13.966667000000001</v>
      </c>
      <c r="Z1884">
        <v>92.266666999999998</v>
      </c>
      <c r="AA1884">
        <v>8.6210869999999993</v>
      </c>
      <c r="AB1884">
        <v>4.4206390560982936</v>
      </c>
    </row>
    <row r="1885" spans="4:28" x14ac:dyDescent="0.25">
      <c r="D1885" s="40">
        <v>31.282083000001389</v>
      </c>
      <c r="E1885" s="40">
        <v>13.88225919466762</v>
      </c>
      <c r="F1885" s="40">
        <v>31.266666999999998</v>
      </c>
      <c r="G1885" s="40">
        <v>11.039858595824033</v>
      </c>
      <c r="H1885" s="40">
        <v>31.266667000000012</v>
      </c>
      <c r="I1885" s="40">
        <v>8.8796230656807378</v>
      </c>
      <c r="J1885" s="40">
        <v>31.2666552083335</v>
      </c>
      <c r="K1885" s="40">
        <v>8.9367639343734186</v>
      </c>
      <c r="L1885" s="40"/>
      <c r="M1885" s="40"/>
      <c r="N1885" s="40"/>
      <c r="Y1885">
        <v>13.983333000000002</v>
      </c>
      <c r="Z1885">
        <v>92.283332999999999</v>
      </c>
      <c r="AA1885">
        <v>8.6210869999999993</v>
      </c>
      <c r="AB1885">
        <v>4.4206390560982936</v>
      </c>
    </row>
    <row r="1886" spans="4:28" x14ac:dyDescent="0.25">
      <c r="D1886" s="40">
        <v>31.29874900000139</v>
      </c>
      <c r="E1886" s="40">
        <v>13.887102373257168</v>
      </c>
      <c r="F1886" s="40">
        <v>31.283332999999999</v>
      </c>
      <c r="G1886" s="40">
        <v>11.039858595824033</v>
      </c>
      <c r="H1886" s="40">
        <v>31.283334000000011</v>
      </c>
      <c r="I1886" s="40">
        <v>8.8862299280807591</v>
      </c>
      <c r="J1886" s="40">
        <v>31.2833218690478</v>
      </c>
      <c r="K1886" s="40">
        <v>8.9463233440355854</v>
      </c>
      <c r="L1886" s="40"/>
      <c r="M1886" s="40"/>
      <c r="N1886" s="40"/>
      <c r="Y1886">
        <v>14</v>
      </c>
      <c r="Z1886">
        <v>92.3</v>
      </c>
      <c r="AA1886">
        <v>8.6211199999999995</v>
      </c>
      <c r="AB1886">
        <v>4.4210387598814558</v>
      </c>
    </row>
    <row r="1887" spans="4:28" x14ac:dyDescent="0.25">
      <c r="D1887" s="40">
        <v>31.315415000001391</v>
      </c>
      <c r="E1887" s="40">
        <v>13.891945551846717</v>
      </c>
      <c r="F1887" s="40">
        <v>31.299999999999997</v>
      </c>
      <c r="G1887" s="40">
        <v>11.04461383991425</v>
      </c>
      <c r="H1887" s="40">
        <v>31.300000000000011</v>
      </c>
      <c r="I1887" s="40">
        <v>8.8895826642241911</v>
      </c>
      <c r="J1887" s="40">
        <v>31.2999885297621</v>
      </c>
      <c r="K1887" s="40">
        <v>8.9511743877448176</v>
      </c>
      <c r="L1887" s="40"/>
      <c r="M1887" s="40"/>
      <c r="N1887" s="40"/>
      <c r="Y1887">
        <v>14.016666999999998</v>
      </c>
      <c r="Z1887">
        <v>92.316666999999995</v>
      </c>
      <c r="AA1887">
        <v>8.6211540000000007</v>
      </c>
      <c r="AB1887">
        <v>4.4214505759004838</v>
      </c>
    </row>
    <row r="1888" spans="4:28" x14ac:dyDescent="0.25">
      <c r="D1888" s="40">
        <v>31.332081000001391</v>
      </c>
      <c r="E1888" s="40">
        <v>13.896646284007144</v>
      </c>
      <c r="F1888" s="40">
        <v>31.316666999999995</v>
      </c>
      <c r="G1888" s="40">
        <v>11.049229223884028</v>
      </c>
      <c r="H1888" s="40">
        <v>31.31666700000001</v>
      </c>
      <c r="I1888" s="40">
        <v>8.8961895266242106</v>
      </c>
      <c r="J1888" s="40">
        <v>31.3166551904764</v>
      </c>
      <c r="K1888" s="40">
        <v>8.9511743877448176</v>
      </c>
      <c r="L1888" s="40"/>
      <c r="M1888" s="40"/>
      <c r="N1888" s="40"/>
      <c r="Y1888">
        <v>14.033332999999999</v>
      </c>
      <c r="Z1888">
        <v>92.333332999999996</v>
      </c>
      <c r="AA1888">
        <v>8.6211880000000001</v>
      </c>
      <c r="AB1888">
        <v>4.4218623919194897</v>
      </c>
    </row>
    <row r="1889" spans="4:28" x14ac:dyDescent="0.25">
      <c r="D1889" s="40">
        <v>31.348747000001392</v>
      </c>
      <c r="E1889" s="40">
        <v>13.901489462596565</v>
      </c>
      <c r="F1889" s="40">
        <v>31.333332999999996</v>
      </c>
      <c r="G1889" s="40">
        <v>11.053984467974248</v>
      </c>
      <c r="H1889" s="40">
        <v>31.333334000000008</v>
      </c>
      <c r="I1889" s="40">
        <v>8.8929354003674472</v>
      </c>
      <c r="J1889" s="40">
        <v>31.3333218511907</v>
      </c>
      <c r="K1889" s="40">
        <v>8.9558827536977503</v>
      </c>
      <c r="L1889" s="40"/>
      <c r="M1889" s="40"/>
      <c r="N1889" s="40"/>
      <c r="Y1889">
        <v>14.049999999999997</v>
      </c>
      <c r="Z1889">
        <v>92.35</v>
      </c>
      <c r="AA1889">
        <v>8.6211880000000001</v>
      </c>
      <c r="AB1889">
        <v>4.4218623919194897</v>
      </c>
    </row>
    <row r="1890" spans="4:28" x14ac:dyDescent="0.25">
      <c r="D1890" s="40">
        <v>31.365413000001393</v>
      </c>
      <c r="E1890" s="40">
        <v>13.901489462596565</v>
      </c>
      <c r="F1890" s="40">
        <v>31.349999999999994</v>
      </c>
      <c r="G1890" s="40">
        <v>11.058739712064465</v>
      </c>
      <c r="H1890" s="40">
        <v>31.350000000000009</v>
      </c>
      <c r="I1890" s="40">
        <v>8.8961895266242106</v>
      </c>
      <c r="J1890" s="40">
        <v>31.349988511905</v>
      </c>
      <c r="K1890" s="40">
        <v>8.9463233440355854</v>
      </c>
      <c r="L1890" s="40"/>
      <c r="M1890" s="40"/>
      <c r="N1890" s="40"/>
      <c r="Y1890">
        <v>14.06666700000001</v>
      </c>
      <c r="Z1890">
        <v>92.366667000000007</v>
      </c>
      <c r="AA1890">
        <v>8.6212210000000002</v>
      </c>
      <c r="AB1890">
        <v>4.4222620957026528</v>
      </c>
    </row>
    <row r="1891" spans="4:28" x14ac:dyDescent="0.25">
      <c r="D1891" s="40">
        <v>31.382079000001394</v>
      </c>
      <c r="E1891" s="40">
        <v>13.911033373346537</v>
      </c>
      <c r="F1891" s="40">
        <v>31.366666999999993</v>
      </c>
      <c r="G1891" s="40">
        <v>11.063355096034366</v>
      </c>
      <c r="H1891" s="40">
        <v>31.366667000000007</v>
      </c>
      <c r="I1891" s="40">
        <v>8.9062477350541567</v>
      </c>
      <c r="J1891" s="40">
        <v>31.3666551726193</v>
      </c>
      <c r="K1891" s="40">
        <v>8.9558827536977503</v>
      </c>
      <c r="L1891" s="40"/>
      <c r="M1891" s="40"/>
      <c r="N1891" s="40"/>
      <c r="Y1891">
        <v>14.083332999999996</v>
      </c>
      <c r="Z1891">
        <v>92.383332999999993</v>
      </c>
      <c r="AA1891">
        <v>8.6212549999999997</v>
      </c>
      <c r="AB1891">
        <v>4.4226739117216587</v>
      </c>
    </row>
    <row r="1892" spans="4:28" x14ac:dyDescent="0.25">
      <c r="D1892" s="40">
        <v>31.398745000001394</v>
      </c>
      <c r="E1892" s="40">
        <v>13.915876551935959</v>
      </c>
      <c r="F1892" s="40">
        <v>31.383332999999993</v>
      </c>
      <c r="G1892" s="40">
        <v>11.063355096034366</v>
      </c>
      <c r="H1892" s="40">
        <v>31.383334000000005</v>
      </c>
      <c r="I1892" s="40">
        <v>8.912854597454178</v>
      </c>
      <c r="J1892" s="40">
        <v>31.3833218333335</v>
      </c>
      <c r="K1892" s="40">
        <v>8.9655848411162147</v>
      </c>
      <c r="L1892" s="40"/>
      <c r="M1892" s="40"/>
      <c r="N1892" s="40"/>
      <c r="Y1892">
        <v>14.100000000000009</v>
      </c>
      <c r="Z1892">
        <v>92.4</v>
      </c>
      <c r="AA1892">
        <v>8.6212549999999997</v>
      </c>
      <c r="AB1892">
        <v>4.4226739117216587</v>
      </c>
    </row>
    <row r="1893" spans="4:28" x14ac:dyDescent="0.25">
      <c r="D1893" s="40">
        <v>31.415411000001395</v>
      </c>
      <c r="E1893" s="40">
        <v>13.920719730525509</v>
      </c>
      <c r="F1893" s="40">
        <v>31.399999999999991</v>
      </c>
      <c r="G1893" s="40">
        <v>11.068110340124461</v>
      </c>
      <c r="H1893" s="40">
        <v>31.400000000000006</v>
      </c>
      <c r="I1893" s="40">
        <v>8.9194614598541975</v>
      </c>
      <c r="J1893" s="40">
        <v>31.3999884940478</v>
      </c>
      <c r="K1893" s="40">
        <v>8.9751442507783814</v>
      </c>
      <c r="L1893" s="40"/>
      <c r="M1893" s="40"/>
      <c r="N1893" s="40"/>
      <c r="Y1893">
        <v>14.116667000000007</v>
      </c>
      <c r="Z1893">
        <v>92.416667000000004</v>
      </c>
      <c r="AA1893">
        <v>8.6212890000000009</v>
      </c>
      <c r="AB1893">
        <v>4.4230857277406859</v>
      </c>
    </row>
    <row r="1894" spans="4:28" x14ac:dyDescent="0.25">
      <c r="D1894" s="40">
        <v>31.432077000001396</v>
      </c>
      <c r="E1894" s="40">
        <v>13.925420462685933</v>
      </c>
      <c r="F1894" s="40">
        <v>31.41666699999999</v>
      </c>
      <c r="G1894" s="40">
        <v>11.072865584214682</v>
      </c>
      <c r="H1894" s="40">
        <v>31.416667000000004</v>
      </c>
      <c r="I1894" s="40">
        <v>8.9261669321408874</v>
      </c>
      <c r="J1894" s="40">
        <v>31.4166551547621</v>
      </c>
      <c r="K1894" s="40">
        <v>8.9799952944876118</v>
      </c>
      <c r="L1894" s="40"/>
      <c r="M1894" s="40"/>
      <c r="N1894" s="40"/>
      <c r="Y1894">
        <v>14.133333000000007</v>
      </c>
      <c r="Z1894">
        <v>92.433333000000005</v>
      </c>
      <c r="AA1894">
        <v>8.6213219999999993</v>
      </c>
      <c r="AB1894">
        <v>4.4234854315238268</v>
      </c>
    </row>
    <row r="1895" spans="4:28" x14ac:dyDescent="0.25">
      <c r="D1895" s="40">
        <v>31.448743000001397</v>
      </c>
      <c r="E1895" s="40">
        <v>13.935106819864904</v>
      </c>
      <c r="F1895" s="40">
        <v>31.43333299999999</v>
      </c>
      <c r="G1895" s="40">
        <v>11.077480968184581</v>
      </c>
      <c r="H1895" s="40">
        <v>31.433334000000002</v>
      </c>
      <c r="I1895" s="40">
        <v>8.9294210583976508</v>
      </c>
      <c r="J1895" s="40">
        <v>31.4333218154764</v>
      </c>
      <c r="K1895" s="40">
        <v>8.9847036604406725</v>
      </c>
      <c r="L1895" s="40"/>
      <c r="M1895" s="40"/>
      <c r="N1895" s="40"/>
      <c r="Y1895">
        <v>14.150000000000006</v>
      </c>
      <c r="Z1895">
        <v>92.45</v>
      </c>
      <c r="AA1895">
        <v>8.6213219999999993</v>
      </c>
      <c r="AB1895">
        <v>4.4234854315238268</v>
      </c>
    </row>
    <row r="1896" spans="4:28" x14ac:dyDescent="0.25">
      <c r="D1896" s="40">
        <v>31.465409000001397</v>
      </c>
      <c r="E1896" s="40">
        <v>13.939807552025329</v>
      </c>
      <c r="F1896" s="40">
        <v>31.449999999999989</v>
      </c>
      <c r="G1896" s="40">
        <v>11.077480968184581</v>
      </c>
      <c r="H1896" s="40">
        <v>31.450000000000003</v>
      </c>
      <c r="I1896" s="40">
        <v>8.9327737945409087</v>
      </c>
      <c r="J1896" s="40">
        <v>31.4499884761907</v>
      </c>
      <c r="K1896" s="40">
        <v>8.9895547041497785</v>
      </c>
      <c r="L1896" s="40"/>
      <c r="M1896" s="40"/>
      <c r="N1896" s="40"/>
      <c r="Y1896">
        <v>14.166667000000004</v>
      </c>
      <c r="Z1896">
        <v>92.466667000000001</v>
      </c>
      <c r="AA1896">
        <v>8.6213560000000005</v>
      </c>
      <c r="AB1896">
        <v>4.4238972475428548</v>
      </c>
    </row>
    <row r="1897" spans="4:28" x14ac:dyDescent="0.25">
      <c r="D1897" s="40">
        <v>31.482075000001398</v>
      </c>
      <c r="E1897" s="40">
        <v>13.944650730614876</v>
      </c>
      <c r="F1897" s="40">
        <v>31.466667000000001</v>
      </c>
      <c r="G1897" s="40">
        <v>11.082236212274676</v>
      </c>
      <c r="H1897" s="40">
        <v>31.466667000000001</v>
      </c>
      <c r="I1897" s="40">
        <v>8.9361265306841648</v>
      </c>
      <c r="J1897" s="40">
        <v>31.466655136905</v>
      </c>
      <c r="K1897" s="40">
        <v>8.9944057478590107</v>
      </c>
      <c r="L1897" s="40"/>
      <c r="M1897" s="40"/>
      <c r="N1897" s="40"/>
      <c r="Y1897">
        <v>14.183333000000005</v>
      </c>
      <c r="Z1897">
        <v>92.483333000000002</v>
      </c>
      <c r="AA1897">
        <v>8.6213890000000006</v>
      </c>
      <c r="AB1897">
        <v>4.4242969513260171</v>
      </c>
    </row>
    <row r="1898" spans="4:28" x14ac:dyDescent="0.25">
      <c r="D1898" s="40">
        <v>31.498741000001399</v>
      </c>
      <c r="E1898" s="40">
        <v>13.9494939092043</v>
      </c>
      <c r="F1898" s="40">
        <v>31.483332999999988</v>
      </c>
      <c r="G1898" s="40">
        <v>11.086991456364895</v>
      </c>
      <c r="H1898" s="40">
        <v>31.483334000000013</v>
      </c>
      <c r="I1898" s="40">
        <v>8.9393806569409264</v>
      </c>
      <c r="J1898" s="40">
        <v>31.4833217976193</v>
      </c>
      <c r="K1898" s="40">
        <v>8.9991141138120714</v>
      </c>
      <c r="L1898" s="40"/>
      <c r="M1898" s="40"/>
      <c r="N1898" s="40"/>
      <c r="Y1898">
        <v>14.200000000000003</v>
      </c>
      <c r="Z1898">
        <v>92.5</v>
      </c>
      <c r="AA1898">
        <v>8.6213890000000006</v>
      </c>
      <c r="AB1898">
        <v>4.4242969513260171</v>
      </c>
    </row>
    <row r="1899" spans="4:28" x14ac:dyDescent="0.25">
      <c r="D1899" s="40">
        <v>31.515407000001399</v>
      </c>
      <c r="E1899" s="40">
        <v>13.954194641364724</v>
      </c>
      <c r="F1899" s="40">
        <v>31.5</v>
      </c>
      <c r="G1899" s="40">
        <v>11.091606840334796</v>
      </c>
      <c r="H1899" s="40">
        <v>31.5</v>
      </c>
      <c r="I1899" s="40">
        <v>8.9460861292276164</v>
      </c>
      <c r="J1899" s="40">
        <v>31.499988458333501</v>
      </c>
      <c r="K1899" s="40">
        <v>9.0039651575211757</v>
      </c>
      <c r="L1899" s="40"/>
      <c r="M1899" s="40"/>
      <c r="N1899" s="40"/>
      <c r="Y1899">
        <v>14.216667000000001</v>
      </c>
      <c r="Z1899">
        <v>92.516666999999998</v>
      </c>
      <c r="AA1899">
        <v>8.6214230000000001</v>
      </c>
      <c r="AB1899">
        <v>4.4247087673450229</v>
      </c>
    </row>
    <row r="1900" spans="4:28" x14ac:dyDescent="0.25">
      <c r="D1900" s="40">
        <v>31.5320730000014</v>
      </c>
      <c r="E1900" s="40">
        <v>13.959037819954274</v>
      </c>
      <c r="F1900" s="40">
        <v>31.516666999999998</v>
      </c>
      <c r="G1900" s="40">
        <v>11.096362084424891</v>
      </c>
      <c r="H1900" s="40">
        <v>31.516667000000012</v>
      </c>
      <c r="I1900" s="40">
        <v>8.9493402554843797</v>
      </c>
      <c r="J1900" s="40">
        <v>31.516655119047801</v>
      </c>
      <c r="K1900" s="40">
        <v>9.0088162012304078</v>
      </c>
      <c r="L1900" s="40"/>
      <c r="M1900" s="40"/>
      <c r="N1900" s="40"/>
      <c r="Y1900">
        <v>14.233333000000002</v>
      </c>
      <c r="Z1900">
        <v>92.533332999999999</v>
      </c>
      <c r="AA1900">
        <v>8.6214569999999995</v>
      </c>
      <c r="AB1900">
        <v>4.4251205833640288</v>
      </c>
    </row>
    <row r="1901" spans="4:28" x14ac:dyDescent="0.25">
      <c r="D1901" s="40">
        <v>31.548739000001401</v>
      </c>
      <c r="E1901" s="40">
        <v>13.963880998543695</v>
      </c>
      <c r="F1901" s="40">
        <v>31.533332999999999</v>
      </c>
      <c r="G1901" s="40">
        <v>11.101117328515111</v>
      </c>
      <c r="H1901" s="40">
        <v>31.533334000000011</v>
      </c>
      <c r="I1901" s="40">
        <v>8.9493402554843797</v>
      </c>
      <c r="J1901" s="40">
        <v>31.533321779762101</v>
      </c>
      <c r="K1901" s="40">
        <v>9.0136672449396418</v>
      </c>
      <c r="L1901" s="40"/>
      <c r="M1901" s="40"/>
      <c r="N1901" s="40"/>
      <c r="Y1901">
        <v>14.25</v>
      </c>
      <c r="Z1901">
        <v>92.55</v>
      </c>
      <c r="AA1901">
        <v>8.6214569999999995</v>
      </c>
      <c r="AB1901">
        <v>4.4251205833640288</v>
      </c>
    </row>
    <row r="1902" spans="4:28" x14ac:dyDescent="0.25">
      <c r="D1902" s="40">
        <v>31.565405000001402</v>
      </c>
      <c r="E1902" s="40">
        <v>13.968581730704122</v>
      </c>
      <c r="F1902" s="40">
        <v>31.549999999999997</v>
      </c>
      <c r="G1902" s="40">
        <v>11.105732712485011</v>
      </c>
      <c r="H1902" s="40">
        <v>31.550000000000011</v>
      </c>
      <c r="I1902" s="40">
        <v>8.9526929916276377</v>
      </c>
      <c r="J1902" s="40">
        <v>31.549988440476401</v>
      </c>
      <c r="K1902" s="40">
        <v>9.0183756108927007</v>
      </c>
      <c r="L1902" s="40"/>
      <c r="M1902" s="40"/>
      <c r="N1902" s="40"/>
      <c r="Y1902">
        <v>14.266666999999998</v>
      </c>
      <c r="Z1902">
        <v>92.566666999999995</v>
      </c>
      <c r="AA1902">
        <v>8.6214899999999997</v>
      </c>
      <c r="AB1902">
        <v>4.4255202871471919</v>
      </c>
    </row>
    <row r="1903" spans="4:28" x14ac:dyDescent="0.25">
      <c r="D1903" s="40">
        <v>31.582071000001402</v>
      </c>
      <c r="E1903" s="40">
        <v>13.973424909293669</v>
      </c>
      <c r="F1903" s="40">
        <v>31.566666999999995</v>
      </c>
      <c r="G1903" s="40">
        <v>11.110487956575106</v>
      </c>
      <c r="H1903" s="40">
        <v>31.56666700000001</v>
      </c>
      <c r="I1903" s="40">
        <v>8.9560457277710697</v>
      </c>
      <c r="J1903" s="40">
        <v>31.566655101190701</v>
      </c>
      <c r="K1903" s="40">
        <v>9.0232266546018067</v>
      </c>
      <c r="L1903" s="40"/>
      <c r="M1903" s="40"/>
      <c r="N1903" s="40"/>
      <c r="Y1903">
        <v>14.283332999999999</v>
      </c>
      <c r="Z1903">
        <v>92.583332999999996</v>
      </c>
      <c r="AA1903">
        <v>8.6215240000000009</v>
      </c>
      <c r="AB1903">
        <v>4.4259321031662191</v>
      </c>
    </row>
    <row r="1904" spans="4:28" x14ac:dyDescent="0.25">
      <c r="D1904" s="40">
        <v>31.598737000001403</v>
      </c>
      <c r="E1904" s="40">
        <v>13.978268087883091</v>
      </c>
      <c r="F1904" s="40">
        <v>31.583332999999996</v>
      </c>
      <c r="G1904" s="40">
        <v>11.115243200665326</v>
      </c>
      <c r="H1904" s="40">
        <v>31.583334000000008</v>
      </c>
      <c r="I1904" s="40">
        <v>8.9592998540276589</v>
      </c>
      <c r="J1904" s="40">
        <v>31.583321761905001</v>
      </c>
      <c r="K1904" s="40">
        <v>9.0232266546018067</v>
      </c>
      <c r="L1904" s="40"/>
      <c r="M1904" s="40"/>
      <c r="N1904" s="40"/>
      <c r="Y1904">
        <v>14.299999999999997</v>
      </c>
      <c r="Z1904">
        <v>92.6</v>
      </c>
      <c r="AA1904">
        <v>8.6215240000000009</v>
      </c>
      <c r="AB1904">
        <v>4.4259321031662191</v>
      </c>
    </row>
    <row r="1905" spans="4:28" x14ac:dyDescent="0.25">
      <c r="D1905" s="40">
        <v>31.615403000001404</v>
      </c>
      <c r="E1905" s="40">
        <v>13.982968820043515</v>
      </c>
      <c r="F1905" s="40">
        <v>31.599999999999994</v>
      </c>
      <c r="G1905" s="40">
        <v>11.119858584635226</v>
      </c>
      <c r="H1905" s="40">
        <v>31.600000000000009</v>
      </c>
      <c r="I1905" s="40">
        <v>8.9592998540276589</v>
      </c>
      <c r="J1905" s="40">
        <v>31.599988422619301</v>
      </c>
      <c r="K1905" s="40">
        <v>9.0232266546018067</v>
      </c>
      <c r="L1905" s="40"/>
      <c r="M1905" s="40"/>
      <c r="N1905" s="40"/>
      <c r="Y1905">
        <v>14.31666700000001</v>
      </c>
      <c r="Z1905">
        <v>92.616667000000007</v>
      </c>
      <c r="AA1905">
        <v>8.6215580000000003</v>
      </c>
      <c r="AB1905">
        <v>4.4263439191852259</v>
      </c>
    </row>
    <row r="1906" spans="4:28" x14ac:dyDescent="0.25">
      <c r="D1906" s="40">
        <v>31.632069000001405</v>
      </c>
      <c r="E1906" s="40">
        <v>13.987811998633065</v>
      </c>
      <c r="F1906" s="40">
        <v>31.616666999999993</v>
      </c>
      <c r="G1906" s="40">
        <v>11.124613828725444</v>
      </c>
      <c r="H1906" s="40">
        <v>31.616667000000007</v>
      </c>
      <c r="I1906" s="40">
        <v>8.9626525901710909</v>
      </c>
      <c r="J1906" s="40">
        <v>31.616655083333502</v>
      </c>
      <c r="K1906" s="40">
        <v>9.0280776983110407</v>
      </c>
      <c r="L1906" s="40"/>
      <c r="M1906" s="40"/>
      <c r="N1906" s="40"/>
      <c r="Y1906">
        <v>14.333332999999996</v>
      </c>
      <c r="Z1906">
        <v>92.633332999999993</v>
      </c>
      <c r="AA1906">
        <v>8.6215910000000004</v>
      </c>
      <c r="AB1906">
        <v>4.4267436229683881</v>
      </c>
    </row>
    <row r="1907" spans="4:28" x14ac:dyDescent="0.25">
      <c r="D1907" s="40">
        <v>31.648735000001405</v>
      </c>
      <c r="E1907" s="40">
        <v>13.992655177222487</v>
      </c>
      <c r="F1907" s="40">
        <v>31.633332999999993</v>
      </c>
      <c r="G1907" s="40">
        <v>11.129369072815539</v>
      </c>
      <c r="H1907" s="40">
        <v>31.633334000000005</v>
      </c>
      <c r="I1907" s="40">
        <v>8.9660053263143471</v>
      </c>
      <c r="J1907" s="40">
        <v>31.633321744047802</v>
      </c>
      <c r="K1907" s="40">
        <v>9.0280776983110407</v>
      </c>
      <c r="L1907" s="40"/>
      <c r="M1907" s="40"/>
      <c r="N1907" s="40"/>
      <c r="Y1907">
        <v>14.350000000000009</v>
      </c>
      <c r="Z1907">
        <v>92.65</v>
      </c>
      <c r="AA1907">
        <v>8.6215910000000004</v>
      </c>
      <c r="AB1907">
        <v>4.4267436229683881</v>
      </c>
    </row>
    <row r="1908" spans="4:28" x14ac:dyDescent="0.25">
      <c r="D1908" s="40">
        <v>31.665401000001406</v>
      </c>
      <c r="E1908" s="40">
        <v>13.997355909382913</v>
      </c>
      <c r="F1908" s="40">
        <v>31.649999999999991</v>
      </c>
      <c r="G1908" s="40">
        <v>11.13398445678544</v>
      </c>
      <c r="H1908" s="40">
        <v>31.650000000000006</v>
      </c>
      <c r="I1908" s="40">
        <v>8.9660053263143471</v>
      </c>
      <c r="J1908" s="40">
        <v>31.649988404762102</v>
      </c>
      <c r="K1908" s="40">
        <v>9.0280776983110407</v>
      </c>
      <c r="L1908" s="40"/>
      <c r="M1908" s="40"/>
      <c r="N1908" s="40"/>
      <c r="Y1908">
        <v>14.366667000000007</v>
      </c>
      <c r="Z1908">
        <v>92.666667000000004</v>
      </c>
      <c r="AA1908">
        <v>8.6216249999999999</v>
      </c>
      <c r="AB1908">
        <v>4.4271554389873939</v>
      </c>
    </row>
    <row r="1909" spans="4:28" x14ac:dyDescent="0.25">
      <c r="D1909" s="40">
        <v>31.682067000001407</v>
      </c>
      <c r="E1909" s="40">
        <v>14.00219908797246</v>
      </c>
      <c r="F1909" s="40">
        <v>31.66666699999999</v>
      </c>
      <c r="G1909" s="40">
        <v>11.13398445678544</v>
      </c>
      <c r="H1909" s="40">
        <v>31.666667000000004</v>
      </c>
      <c r="I1909" s="40">
        <v>8.9692594525711105</v>
      </c>
      <c r="J1909" s="40">
        <v>31.666655065476402</v>
      </c>
      <c r="K1909" s="40">
        <v>9.0327860642640978</v>
      </c>
      <c r="L1909" s="40"/>
      <c r="M1909" s="40"/>
      <c r="N1909" s="40"/>
      <c r="Y1909">
        <v>14.383333000000007</v>
      </c>
      <c r="Z1909">
        <v>92.683333000000005</v>
      </c>
      <c r="AA1909">
        <v>8.6216589999999993</v>
      </c>
      <c r="AB1909">
        <v>4.4275672550064007</v>
      </c>
    </row>
    <row r="1910" spans="4:28" x14ac:dyDescent="0.25">
      <c r="D1910" s="40">
        <v>31.698733000001408</v>
      </c>
      <c r="E1910" s="40">
        <v>14.00704226656201</v>
      </c>
      <c r="F1910" s="40">
        <v>31.68333299999999</v>
      </c>
      <c r="G1910" s="40">
        <v>11.138739700875659</v>
      </c>
      <c r="H1910" s="40">
        <v>31.683334000000002</v>
      </c>
      <c r="I1910" s="40">
        <v>8.9726121887143684</v>
      </c>
      <c r="J1910" s="40">
        <v>31.683321726190702</v>
      </c>
      <c r="K1910" s="40">
        <v>9.0327860642640978</v>
      </c>
      <c r="L1910" s="40"/>
      <c r="M1910" s="40"/>
      <c r="N1910" s="40"/>
      <c r="Y1910">
        <v>14.400000000000006</v>
      </c>
      <c r="Z1910">
        <v>92.7</v>
      </c>
      <c r="AA1910">
        <v>8.6216919999999995</v>
      </c>
      <c r="AB1910">
        <v>4.427966958789562</v>
      </c>
    </row>
    <row r="1911" spans="4:28" x14ac:dyDescent="0.25">
      <c r="D1911" s="40">
        <v>31.715399000001408</v>
      </c>
      <c r="E1911" s="40">
        <v>14.00704226656201</v>
      </c>
      <c r="F1911" s="40">
        <v>31.699999999999989</v>
      </c>
      <c r="G1911" s="40">
        <v>11.143494944965754</v>
      </c>
      <c r="H1911" s="40">
        <v>31.700000000000003</v>
      </c>
      <c r="I1911" s="40">
        <v>8.9759649248578004</v>
      </c>
      <c r="J1911" s="40">
        <v>31.699988386905002</v>
      </c>
      <c r="K1911" s="40">
        <v>9.0327860642640978</v>
      </c>
      <c r="L1911" s="40"/>
      <c r="M1911" s="40"/>
      <c r="N1911" s="40"/>
      <c r="Y1911">
        <v>14.416667000000004</v>
      </c>
      <c r="Z1911">
        <v>92.716667000000001</v>
      </c>
      <c r="AA1911">
        <v>8.6216919999999995</v>
      </c>
      <c r="AB1911">
        <v>4.427966958789562</v>
      </c>
    </row>
    <row r="1912" spans="4:28" x14ac:dyDescent="0.25">
      <c r="D1912" s="40">
        <v>31.732065000001409</v>
      </c>
      <c r="E1912" s="40">
        <v>14.011742998722307</v>
      </c>
      <c r="F1912" s="40">
        <v>31.716667000000001</v>
      </c>
      <c r="G1912" s="40">
        <v>11.148110328935655</v>
      </c>
      <c r="H1912" s="40">
        <v>31.716667000000001</v>
      </c>
      <c r="I1912" s="40">
        <v>8.9759649248578004</v>
      </c>
      <c r="J1912" s="40">
        <v>31.716655047619302</v>
      </c>
      <c r="K1912" s="40">
        <v>9.0327860642640978</v>
      </c>
      <c r="L1912" s="40"/>
      <c r="M1912" s="40"/>
      <c r="N1912" s="40"/>
      <c r="Y1912">
        <v>14.433333000000005</v>
      </c>
      <c r="Z1912">
        <v>92.733333000000002</v>
      </c>
      <c r="AA1912">
        <v>8.6217260000000007</v>
      </c>
      <c r="AB1912">
        <v>4.4283787748085901</v>
      </c>
    </row>
    <row r="1913" spans="4:28" x14ac:dyDescent="0.25">
      <c r="D1913" s="40">
        <v>31.74873100000141</v>
      </c>
      <c r="E1913" s="40">
        <v>14.016586177311856</v>
      </c>
      <c r="F1913" s="40">
        <v>31.733332999999988</v>
      </c>
      <c r="G1913" s="40">
        <v>11.152865573025872</v>
      </c>
      <c r="H1913" s="40">
        <v>31.733334000000013</v>
      </c>
      <c r="I1913" s="40">
        <v>8.979219051114562</v>
      </c>
      <c r="J1913" s="40">
        <v>31.733321708333499</v>
      </c>
      <c r="K1913" s="40">
        <v>9.0376371079732039</v>
      </c>
      <c r="L1913" s="40"/>
      <c r="M1913" s="40"/>
      <c r="N1913" s="40"/>
      <c r="Y1913">
        <v>14.450000000000003</v>
      </c>
      <c r="Z1913">
        <v>92.75</v>
      </c>
      <c r="AA1913">
        <v>8.6217600000000001</v>
      </c>
      <c r="AB1913">
        <v>4.428790590827596</v>
      </c>
    </row>
    <row r="1914" spans="4:28" x14ac:dyDescent="0.25">
      <c r="D1914" s="40">
        <v>31.765397000001411</v>
      </c>
      <c r="E1914" s="40">
        <v>14.016586177311856</v>
      </c>
      <c r="F1914" s="40">
        <v>31.75</v>
      </c>
      <c r="G1914" s="40">
        <v>11.157620817115969</v>
      </c>
      <c r="H1914" s="40">
        <v>31.75</v>
      </c>
      <c r="I1914" s="40">
        <v>8.9825717872578199</v>
      </c>
      <c r="J1914" s="40">
        <v>31.749988369047799</v>
      </c>
      <c r="K1914" s="40">
        <v>9.0376371079732039</v>
      </c>
      <c r="L1914" s="40"/>
      <c r="M1914" s="40"/>
      <c r="N1914" s="40"/>
      <c r="Y1914">
        <v>14.466667000000001</v>
      </c>
      <c r="Z1914">
        <v>92.766666999999998</v>
      </c>
      <c r="AA1914">
        <v>8.6217600000000001</v>
      </c>
      <c r="AB1914">
        <v>4.428790590827596</v>
      </c>
    </row>
    <row r="1915" spans="4:28" x14ac:dyDescent="0.25">
      <c r="D1915" s="40">
        <v>31.782063000001411</v>
      </c>
      <c r="E1915" s="40">
        <v>14.026130088061704</v>
      </c>
      <c r="F1915" s="40">
        <v>31.766666999999998</v>
      </c>
      <c r="G1915" s="40">
        <v>11.162376061206187</v>
      </c>
      <c r="H1915" s="40">
        <v>31.766667000000012</v>
      </c>
      <c r="I1915" s="40">
        <v>8.9825717872578199</v>
      </c>
      <c r="J1915" s="40">
        <v>31.766655029762099</v>
      </c>
      <c r="K1915" s="40">
        <v>9.0424881516824378</v>
      </c>
      <c r="L1915" s="40"/>
      <c r="M1915" s="40"/>
      <c r="N1915" s="40"/>
      <c r="Y1915">
        <v>14.483333000000002</v>
      </c>
      <c r="Z1915">
        <v>92.783332999999999</v>
      </c>
      <c r="AA1915">
        <v>8.6217930000000003</v>
      </c>
      <c r="AB1915">
        <v>4.4291902946107582</v>
      </c>
    </row>
    <row r="1916" spans="4:28" x14ac:dyDescent="0.25">
      <c r="D1916" s="40">
        <v>31.798729000001412</v>
      </c>
      <c r="E1916" s="40">
        <v>14.030973266651252</v>
      </c>
      <c r="F1916" s="40">
        <v>31.783332999999999</v>
      </c>
      <c r="G1916" s="40">
        <v>11.162376061206187</v>
      </c>
      <c r="H1916" s="40">
        <v>31.783334000000011</v>
      </c>
      <c r="I1916" s="40">
        <v>8.9859245234010778</v>
      </c>
      <c r="J1916" s="40">
        <v>31.783321690476399</v>
      </c>
      <c r="K1916" s="40">
        <v>9.0471965176354967</v>
      </c>
      <c r="L1916" s="40"/>
      <c r="M1916" s="40"/>
      <c r="N1916" s="40"/>
      <c r="Y1916">
        <v>14.5</v>
      </c>
      <c r="Z1916">
        <v>92.8</v>
      </c>
      <c r="AA1916">
        <v>8.6218269999999997</v>
      </c>
      <c r="AB1916">
        <v>4.4296021106297649</v>
      </c>
    </row>
    <row r="1917" spans="4:28" x14ac:dyDescent="0.25">
      <c r="D1917" s="40">
        <v>31.815395000001413</v>
      </c>
      <c r="E1917" s="40">
        <v>14.035816445240801</v>
      </c>
      <c r="F1917" s="40">
        <v>31.799999999999997</v>
      </c>
      <c r="G1917" s="40">
        <v>11.166991445176087</v>
      </c>
      <c r="H1917" s="40">
        <v>31.800000000000011</v>
      </c>
      <c r="I1917" s="40">
        <v>8.9891786496578394</v>
      </c>
      <c r="J1917" s="40">
        <v>31.799988351190699</v>
      </c>
      <c r="K1917" s="40">
        <v>9.0520475613446028</v>
      </c>
      <c r="L1917" s="40"/>
      <c r="M1917" s="40"/>
      <c r="N1917" s="40"/>
      <c r="Y1917">
        <v>14.516666999999998</v>
      </c>
      <c r="Z1917">
        <v>92.816666999999995</v>
      </c>
      <c r="AA1917">
        <v>8.6218610000000009</v>
      </c>
      <c r="AB1917">
        <v>4.4300139266487921</v>
      </c>
    </row>
    <row r="1918" spans="4:28" x14ac:dyDescent="0.25">
      <c r="D1918" s="40">
        <v>31.832061000001413</v>
      </c>
      <c r="E1918" s="40">
        <v>14.040517177401226</v>
      </c>
      <c r="F1918" s="40">
        <v>31.816666999999995</v>
      </c>
      <c r="G1918" s="40">
        <v>11.171746689266307</v>
      </c>
      <c r="H1918" s="40">
        <v>31.81666700000001</v>
      </c>
      <c r="I1918" s="40">
        <v>8.9891786496578394</v>
      </c>
      <c r="J1918" s="40">
        <v>31.816655011904999</v>
      </c>
      <c r="K1918" s="40">
        <v>9.0568986050538349</v>
      </c>
      <c r="L1918" s="40"/>
      <c r="M1918" s="40"/>
      <c r="N1918" s="40"/>
      <c r="Y1918">
        <v>14.533332999999999</v>
      </c>
      <c r="Z1918">
        <v>92.833332999999996</v>
      </c>
      <c r="AA1918">
        <v>8.6218610000000009</v>
      </c>
      <c r="AB1918">
        <v>4.4300139266487921</v>
      </c>
    </row>
    <row r="1919" spans="4:28" x14ac:dyDescent="0.25">
      <c r="D1919" s="40">
        <v>31.848727000001414</v>
      </c>
      <c r="E1919" s="40">
        <v>14.045360355990647</v>
      </c>
      <c r="F1919" s="40">
        <v>31.833332999999996</v>
      </c>
      <c r="G1919" s="40">
        <v>11.176501933356402</v>
      </c>
      <c r="H1919" s="40">
        <v>31.833334000000008</v>
      </c>
      <c r="I1919" s="40">
        <v>8.9925313858010973</v>
      </c>
      <c r="J1919" s="40">
        <v>31.833321672619299</v>
      </c>
      <c r="K1919" s="40">
        <v>9.0616069710068938</v>
      </c>
      <c r="L1919" s="40"/>
      <c r="M1919" s="40"/>
      <c r="N1919" s="40"/>
      <c r="Y1919">
        <v>14.549999999999997</v>
      </c>
      <c r="Z1919">
        <v>92.85</v>
      </c>
      <c r="AA1919">
        <v>8.6218939999999993</v>
      </c>
      <c r="AB1919">
        <v>4.430413630431933</v>
      </c>
    </row>
    <row r="1920" spans="4:28" x14ac:dyDescent="0.25">
      <c r="D1920" s="40">
        <v>31.865393000001415</v>
      </c>
      <c r="E1920" s="40">
        <v>14.050203534580195</v>
      </c>
      <c r="F1920" s="40">
        <v>31.849999999999994</v>
      </c>
      <c r="G1920" s="40">
        <v>11.181117317326303</v>
      </c>
      <c r="H1920" s="40">
        <v>31.850000000000009</v>
      </c>
      <c r="I1920" s="40">
        <v>8.9958841219445294</v>
      </c>
      <c r="J1920" s="40">
        <v>31.849988333333599</v>
      </c>
      <c r="K1920" s="40">
        <v>9.0616069710068938</v>
      </c>
      <c r="L1920" s="40"/>
      <c r="M1920" s="40"/>
      <c r="N1920" s="40"/>
      <c r="Y1920">
        <v>14.56666700000001</v>
      </c>
      <c r="Z1920">
        <v>92.866667000000007</v>
      </c>
      <c r="AA1920">
        <v>8.6219280000000005</v>
      </c>
      <c r="AB1920">
        <v>4.4308254464509611</v>
      </c>
    </row>
    <row r="1921" spans="4:28" x14ac:dyDescent="0.25">
      <c r="D1921" s="40">
        <v>31.882059000001416</v>
      </c>
      <c r="E1921" s="40">
        <v>14.054904266740621</v>
      </c>
      <c r="F1921" s="40">
        <v>31.866666999999993</v>
      </c>
      <c r="G1921" s="40">
        <v>11.185872561416522</v>
      </c>
      <c r="H1921" s="40">
        <v>31.866667000000007</v>
      </c>
      <c r="I1921" s="40">
        <v>8.9958841219445294</v>
      </c>
      <c r="J1921" s="40">
        <v>31.866654994047799</v>
      </c>
      <c r="K1921" s="40">
        <v>9.0664580147159999</v>
      </c>
      <c r="L1921" s="40"/>
      <c r="M1921" s="40"/>
      <c r="N1921" s="40"/>
      <c r="Y1921">
        <v>14.583332999999996</v>
      </c>
      <c r="Z1921">
        <v>92.883332999999993</v>
      </c>
      <c r="AA1921">
        <v>8.6219619999999999</v>
      </c>
      <c r="AB1921">
        <v>4.4312372624699679</v>
      </c>
    </row>
    <row r="1922" spans="4:28" x14ac:dyDescent="0.25">
      <c r="D1922" s="40">
        <v>31.898725000001416</v>
      </c>
      <c r="E1922" s="40">
        <v>14.059747445330043</v>
      </c>
      <c r="F1922" s="40">
        <v>31.883332999999993</v>
      </c>
      <c r="G1922" s="40">
        <v>11.190627805506615</v>
      </c>
      <c r="H1922" s="40">
        <v>31.883334000000005</v>
      </c>
      <c r="I1922" s="40">
        <v>8.9991382482012927</v>
      </c>
      <c r="J1922" s="40">
        <v>31.883321654762099</v>
      </c>
      <c r="K1922" s="40">
        <v>9.0713090584252338</v>
      </c>
      <c r="L1922" s="40"/>
      <c r="M1922" s="40"/>
      <c r="N1922" s="40"/>
      <c r="Y1922">
        <v>14.600000000000009</v>
      </c>
      <c r="Z1922">
        <v>92.9</v>
      </c>
      <c r="AA1922">
        <v>8.6219619999999999</v>
      </c>
      <c r="AB1922">
        <v>4.4312372624699679</v>
      </c>
    </row>
    <row r="1923" spans="4:28" x14ac:dyDescent="0.25">
      <c r="D1923" s="40">
        <v>31.915391000001417</v>
      </c>
      <c r="E1923" s="40">
        <v>14.064590623919591</v>
      </c>
      <c r="F1923" s="40">
        <v>31.899999999999991</v>
      </c>
      <c r="G1923" s="40">
        <v>11.195243189476516</v>
      </c>
      <c r="H1923" s="40">
        <v>31.900000000000006</v>
      </c>
      <c r="I1923" s="40">
        <v>9.0024909843445506</v>
      </c>
      <c r="J1923" s="40">
        <v>31.899988315476399</v>
      </c>
      <c r="K1923" s="40">
        <v>9.0713090584252338</v>
      </c>
      <c r="L1923" s="40"/>
      <c r="M1923" s="40"/>
      <c r="N1923" s="40"/>
      <c r="Y1923">
        <v>14.616667000000007</v>
      </c>
      <c r="Z1923">
        <v>92.916667000000004</v>
      </c>
      <c r="AA1923">
        <v>8.6219950000000001</v>
      </c>
      <c r="AB1923">
        <v>4.4316369662531292</v>
      </c>
    </row>
    <row r="1924" spans="4:28" x14ac:dyDescent="0.25">
      <c r="D1924" s="40">
        <v>31.932057000001418</v>
      </c>
      <c r="E1924" s="40">
        <v>14.06943380250914</v>
      </c>
      <c r="F1924" s="40">
        <v>31.91666699999999</v>
      </c>
      <c r="G1924" s="40">
        <v>11.199998433566737</v>
      </c>
      <c r="H1924" s="40">
        <v>31.916667000000004</v>
      </c>
      <c r="I1924" s="40">
        <v>9.0024909843445506</v>
      </c>
      <c r="J1924" s="40">
        <v>31.916654976190699</v>
      </c>
      <c r="K1924" s="40">
        <v>9.0760174243782927</v>
      </c>
      <c r="L1924" s="40"/>
      <c r="M1924" s="40"/>
      <c r="N1924" s="40"/>
      <c r="Y1924">
        <v>14.633333000000007</v>
      </c>
      <c r="Z1924">
        <v>92.933333000000005</v>
      </c>
      <c r="AA1924">
        <v>8.6220289999999995</v>
      </c>
      <c r="AB1924">
        <v>4.4320487822721351</v>
      </c>
    </row>
    <row r="1925" spans="4:28" x14ac:dyDescent="0.25">
      <c r="D1925" s="40">
        <v>31.948723000001419</v>
      </c>
      <c r="E1925" s="40">
        <v>14.074134534669438</v>
      </c>
      <c r="F1925" s="40">
        <v>31.93333299999999</v>
      </c>
      <c r="G1925" s="40">
        <v>11.199998433566737</v>
      </c>
      <c r="H1925" s="40">
        <v>31.933334000000002</v>
      </c>
      <c r="I1925" s="40">
        <v>9.0058437204878086</v>
      </c>
      <c r="J1925" s="40">
        <v>31.933321636904999</v>
      </c>
      <c r="K1925" s="40">
        <v>9.0760174243782927</v>
      </c>
      <c r="L1925" s="40"/>
      <c r="M1925" s="40"/>
      <c r="N1925" s="40"/>
      <c r="Y1925">
        <v>14.650000000000006</v>
      </c>
      <c r="Z1925">
        <v>92.95</v>
      </c>
      <c r="AA1925">
        <v>8.6220630000000007</v>
      </c>
      <c r="AB1925">
        <v>4.432460598291164</v>
      </c>
    </row>
    <row r="1926" spans="4:28" x14ac:dyDescent="0.25">
      <c r="D1926" s="40">
        <v>31.965389000001419</v>
      </c>
      <c r="E1926" s="40">
        <v>14.078977713258988</v>
      </c>
      <c r="F1926" s="40">
        <v>31.949999999999989</v>
      </c>
      <c r="G1926" s="40">
        <v>11.204753677656832</v>
      </c>
      <c r="H1926" s="40">
        <v>31.950000000000003</v>
      </c>
      <c r="I1926" s="40">
        <v>9.0090978467445701</v>
      </c>
      <c r="J1926" s="40">
        <v>31.949988297619299</v>
      </c>
      <c r="K1926" s="40">
        <v>9.0760174243782927</v>
      </c>
      <c r="L1926" s="40"/>
      <c r="M1926" s="40"/>
      <c r="N1926" s="40"/>
      <c r="Y1926">
        <v>14.666667000000004</v>
      </c>
      <c r="Z1926">
        <v>92.966667000000001</v>
      </c>
      <c r="AA1926">
        <v>8.6220630000000007</v>
      </c>
      <c r="AB1926">
        <v>4.432460598291164</v>
      </c>
    </row>
    <row r="1927" spans="4:28" x14ac:dyDescent="0.25">
      <c r="D1927" s="40">
        <v>31.98205500000142</v>
      </c>
      <c r="E1927" s="40">
        <v>14.083820891848534</v>
      </c>
      <c r="F1927" s="40">
        <v>31.966667000000001</v>
      </c>
      <c r="G1927" s="40">
        <v>11.209369061626731</v>
      </c>
      <c r="H1927" s="40">
        <v>31.966667000000001</v>
      </c>
      <c r="I1927" s="40">
        <v>9.0090978467445701</v>
      </c>
      <c r="J1927" s="40">
        <v>31.966654958333599</v>
      </c>
      <c r="K1927" s="40">
        <v>9.0808684680875249</v>
      </c>
      <c r="L1927" s="40"/>
      <c r="M1927" s="40"/>
      <c r="N1927" s="40"/>
      <c r="Y1927">
        <v>14.683333000000005</v>
      </c>
      <c r="Z1927">
        <v>92.983333000000002</v>
      </c>
      <c r="AA1927">
        <v>8.6220960000000009</v>
      </c>
      <c r="AB1927">
        <v>4.4328603020743254</v>
      </c>
    </row>
    <row r="1928" spans="4:28" x14ac:dyDescent="0.25">
      <c r="D1928" s="40">
        <v>31.998721000001421</v>
      </c>
      <c r="E1928" s="40">
        <v>14.093364802598382</v>
      </c>
      <c r="F1928" s="40">
        <v>31.983332999999988</v>
      </c>
      <c r="G1928" s="40">
        <v>11.21412430571695</v>
      </c>
      <c r="H1928" s="40">
        <v>31.983334000000013</v>
      </c>
      <c r="I1928" s="40">
        <v>9.0124505828880039</v>
      </c>
      <c r="J1928" s="40">
        <v>31.9833216190478</v>
      </c>
      <c r="K1928" s="40">
        <v>9.0808684680875249</v>
      </c>
      <c r="L1928" s="40"/>
      <c r="M1928" s="40"/>
      <c r="N1928" s="40"/>
      <c r="Y1928">
        <v>14.700000000000003</v>
      </c>
      <c r="Z1928">
        <v>93</v>
      </c>
      <c r="AA1928">
        <v>8.6221300000000003</v>
      </c>
      <c r="AB1928">
        <v>4.4332721180933321</v>
      </c>
    </row>
    <row r="1929" spans="4:28" x14ac:dyDescent="0.25">
      <c r="D1929" s="40">
        <v>32.015387000001418</v>
      </c>
      <c r="E1929" s="40">
        <v>14.098207981187931</v>
      </c>
      <c r="F1929" s="40">
        <v>32</v>
      </c>
      <c r="G1929" s="40">
        <v>11.21887954980717</v>
      </c>
      <c r="H1929" s="40">
        <v>32</v>
      </c>
      <c r="I1929" s="40">
        <v>9.0158033190312601</v>
      </c>
      <c r="J1929" s="40">
        <v>31.9999882797621</v>
      </c>
      <c r="K1929" s="40">
        <v>9.085719511796631</v>
      </c>
      <c r="L1929" s="40"/>
      <c r="M1929" s="40"/>
      <c r="N1929" s="40"/>
      <c r="Y1929">
        <v>14.716667000000001</v>
      </c>
      <c r="Z1929">
        <v>93.016666999999998</v>
      </c>
      <c r="AA1929">
        <v>8.6221300000000003</v>
      </c>
      <c r="AB1929">
        <v>4.4332721180933321</v>
      </c>
    </row>
    <row r="1930" spans="4:28" x14ac:dyDescent="0.25">
      <c r="D1930" s="40">
        <v>32.032053000001419</v>
      </c>
      <c r="E1930" s="40">
        <v>14.102908713348357</v>
      </c>
      <c r="F1930" s="40">
        <v>32.016666999999998</v>
      </c>
      <c r="G1930" s="40">
        <v>11.223494933776946</v>
      </c>
      <c r="H1930" s="40">
        <v>32.016667000000012</v>
      </c>
      <c r="I1930" s="40">
        <v>9.0190574452880234</v>
      </c>
      <c r="J1930" s="40">
        <v>32.0166549404764</v>
      </c>
      <c r="K1930" s="40">
        <v>9.0904278777496899</v>
      </c>
      <c r="L1930" s="40"/>
      <c r="M1930" s="40"/>
      <c r="N1930" s="40"/>
      <c r="Y1930">
        <v>14.733333000000002</v>
      </c>
      <c r="Z1930">
        <v>93.033332999999999</v>
      </c>
      <c r="AA1930">
        <v>8.6221639999999997</v>
      </c>
      <c r="AB1930">
        <v>4.433683934112338</v>
      </c>
    </row>
    <row r="1931" spans="4:28" x14ac:dyDescent="0.25">
      <c r="D1931" s="40">
        <v>32.048719000001419</v>
      </c>
      <c r="E1931" s="40">
        <v>14.107751891937779</v>
      </c>
      <c r="F1931" s="40">
        <v>32.033332999999999</v>
      </c>
      <c r="G1931" s="40">
        <v>11.228250177867166</v>
      </c>
      <c r="H1931" s="40">
        <v>32.033334000000011</v>
      </c>
      <c r="I1931" s="40">
        <v>9.0190574452880234</v>
      </c>
      <c r="J1931" s="40">
        <v>32.0333216011907</v>
      </c>
      <c r="K1931" s="40">
        <v>9.0952789214589238</v>
      </c>
      <c r="L1931" s="40"/>
      <c r="M1931" s="40"/>
      <c r="N1931" s="40"/>
      <c r="Y1931">
        <v>14.75</v>
      </c>
      <c r="Z1931">
        <v>93.05</v>
      </c>
      <c r="AA1931">
        <v>8.6221969999999999</v>
      </c>
      <c r="AB1931">
        <v>4.4340836378955002</v>
      </c>
    </row>
    <row r="1932" spans="4:28" x14ac:dyDescent="0.25">
      <c r="D1932" s="40">
        <v>32.06538500000142</v>
      </c>
      <c r="E1932" s="40">
        <v>14.112595070527327</v>
      </c>
      <c r="F1932" s="40">
        <v>32.049999999999997</v>
      </c>
      <c r="G1932" s="40">
        <v>11.233005421957385</v>
      </c>
      <c r="H1932" s="40">
        <v>32.050000000000011</v>
      </c>
      <c r="I1932" s="40">
        <v>9.0224101814312796</v>
      </c>
      <c r="J1932" s="40">
        <v>32.049988261905</v>
      </c>
      <c r="K1932" s="40">
        <v>9.0952789214589238</v>
      </c>
      <c r="L1932" s="40"/>
      <c r="M1932" s="40"/>
      <c r="N1932" s="40"/>
      <c r="Y1932">
        <v>14.766666999999998</v>
      </c>
      <c r="Z1932">
        <v>93.066666999999995</v>
      </c>
      <c r="AA1932">
        <v>8.6221969999999999</v>
      </c>
      <c r="AB1932">
        <v>4.4340836378955002</v>
      </c>
    </row>
    <row r="1933" spans="4:28" x14ac:dyDescent="0.25">
      <c r="D1933" s="40">
        <v>32.082051000001421</v>
      </c>
      <c r="E1933" s="40">
        <v>14.117295802687751</v>
      </c>
      <c r="F1933" s="40">
        <v>32.066666999999995</v>
      </c>
      <c r="G1933" s="40">
        <v>11.233005421957385</v>
      </c>
      <c r="H1933" s="40">
        <v>32.06666700000001</v>
      </c>
      <c r="I1933" s="40">
        <v>9.0257629175745375</v>
      </c>
      <c r="J1933" s="40">
        <v>32.0666549226193</v>
      </c>
      <c r="K1933" s="40">
        <v>9.1001299651680299</v>
      </c>
      <c r="L1933" s="40"/>
      <c r="M1933" s="40"/>
      <c r="N1933" s="40"/>
      <c r="Y1933">
        <v>14.783332999999999</v>
      </c>
      <c r="Z1933">
        <v>93.083332999999996</v>
      </c>
      <c r="AA1933">
        <v>8.6222309999999993</v>
      </c>
      <c r="AB1933">
        <v>4.4344954539145069</v>
      </c>
    </row>
    <row r="1934" spans="4:28" x14ac:dyDescent="0.25">
      <c r="D1934" s="40">
        <v>32.098717000001422</v>
      </c>
      <c r="E1934" s="40">
        <v>14.122138981277173</v>
      </c>
      <c r="F1934" s="40">
        <v>32.083332999999996</v>
      </c>
      <c r="G1934" s="40">
        <v>11.237620805927161</v>
      </c>
      <c r="H1934" s="40">
        <v>32.083334000000008</v>
      </c>
      <c r="I1934" s="40">
        <v>9.0290170438312991</v>
      </c>
      <c r="J1934" s="40">
        <v>32.0833215833336</v>
      </c>
      <c r="K1934" s="40">
        <v>9.104838331121087</v>
      </c>
      <c r="L1934" s="40"/>
      <c r="M1934" s="40"/>
      <c r="N1934" s="40"/>
      <c r="Y1934">
        <v>14.799999999999997</v>
      </c>
      <c r="Z1934">
        <v>93.1</v>
      </c>
      <c r="AA1934">
        <v>8.6222650000000005</v>
      </c>
      <c r="AB1934">
        <v>4.4349072699335341</v>
      </c>
    </row>
    <row r="1935" spans="4:28" x14ac:dyDescent="0.25">
      <c r="D1935" s="40">
        <v>32.115383000001422</v>
      </c>
      <c r="E1935" s="40">
        <v>14.126982159866722</v>
      </c>
      <c r="F1935" s="40">
        <v>32.099999999999994</v>
      </c>
      <c r="G1935" s="40">
        <v>11.242376050017381</v>
      </c>
      <c r="H1935" s="40">
        <v>32.100000000000009</v>
      </c>
      <c r="I1935" s="40">
        <v>9.0323697799747329</v>
      </c>
      <c r="J1935" s="40">
        <v>32.0999882440478</v>
      </c>
      <c r="K1935" s="40">
        <v>9.1096893748303209</v>
      </c>
      <c r="L1935" s="40"/>
      <c r="M1935" s="40"/>
      <c r="N1935" s="40"/>
      <c r="Y1935">
        <v>14.81666700000001</v>
      </c>
      <c r="Z1935">
        <v>93.116667000000007</v>
      </c>
      <c r="AA1935">
        <v>8.6222650000000005</v>
      </c>
      <c r="AB1935">
        <v>4.4349072699335341</v>
      </c>
    </row>
    <row r="1936" spans="4:28" x14ac:dyDescent="0.25">
      <c r="D1936" s="40">
        <v>32.132049000001423</v>
      </c>
      <c r="E1936" s="40">
        <v>14.131682892027149</v>
      </c>
      <c r="F1936" s="40">
        <v>32.116666999999993</v>
      </c>
      <c r="G1936" s="40">
        <v>11.2471312941076</v>
      </c>
      <c r="H1936" s="40">
        <v>32.116667000000007</v>
      </c>
      <c r="I1936" s="40">
        <v>9.0323697799747329</v>
      </c>
      <c r="J1936" s="40">
        <v>32.1166549047621</v>
      </c>
      <c r="K1936" s="40">
        <v>9.114540418539427</v>
      </c>
      <c r="L1936" s="40"/>
      <c r="M1936" s="40"/>
      <c r="N1936" s="40"/>
      <c r="Y1936">
        <v>14.833332999999996</v>
      </c>
      <c r="Z1936">
        <v>93.133332999999993</v>
      </c>
      <c r="AA1936">
        <v>8.6222980000000007</v>
      </c>
      <c r="AB1936">
        <v>4.4353069737166972</v>
      </c>
    </row>
    <row r="1937" spans="4:28" x14ac:dyDescent="0.25">
      <c r="D1937" s="40">
        <v>32.148715000001424</v>
      </c>
      <c r="E1937" s="40">
        <v>14.136526070616696</v>
      </c>
      <c r="F1937" s="40">
        <v>32.133332999999993</v>
      </c>
      <c r="G1937" s="40">
        <v>11.251746678077501</v>
      </c>
      <c r="H1937" s="40">
        <v>32.133334000000005</v>
      </c>
      <c r="I1937" s="40">
        <v>9.035722516117989</v>
      </c>
      <c r="J1937" s="40">
        <v>32.1333215654764</v>
      </c>
      <c r="K1937" s="40">
        <v>9.1192487844924859</v>
      </c>
      <c r="L1937" s="40"/>
      <c r="M1937" s="40"/>
      <c r="N1937" s="40"/>
      <c r="Y1937">
        <v>14.850000000000009</v>
      </c>
      <c r="Z1937">
        <v>93.15</v>
      </c>
      <c r="AA1937">
        <v>8.6223320000000001</v>
      </c>
      <c r="AB1937">
        <v>4.4357187897357031</v>
      </c>
    </row>
    <row r="1938" spans="4:28" x14ac:dyDescent="0.25">
      <c r="D1938" s="40">
        <v>32.165381000001425</v>
      </c>
      <c r="E1938" s="40">
        <v>14.141369249206118</v>
      </c>
      <c r="F1938" s="40">
        <v>32.149999999999991</v>
      </c>
      <c r="G1938" s="40">
        <v>11.256501922167594</v>
      </c>
      <c r="H1938" s="40">
        <v>32.150000000000006</v>
      </c>
      <c r="I1938" s="40">
        <v>9.039075252261247</v>
      </c>
      <c r="J1938" s="40">
        <v>32.1499882261907</v>
      </c>
      <c r="K1938" s="40">
        <v>9.1240998282017198</v>
      </c>
      <c r="L1938" s="40"/>
      <c r="M1938" s="40"/>
      <c r="N1938" s="40"/>
      <c r="Y1938">
        <v>14.866667000000007</v>
      </c>
      <c r="Z1938">
        <v>93.166667000000004</v>
      </c>
      <c r="AA1938">
        <v>8.6223320000000001</v>
      </c>
      <c r="AB1938">
        <v>4.4357187897357031</v>
      </c>
    </row>
    <row r="1939" spans="4:28" x14ac:dyDescent="0.25">
      <c r="D1939" s="40">
        <v>32.182047000001425</v>
      </c>
      <c r="E1939" s="40">
        <v>14.146069981366544</v>
      </c>
      <c r="F1939" s="40">
        <v>32.16666699999999</v>
      </c>
      <c r="G1939" s="40">
        <v>11.261257166257815</v>
      </c>
      <c r="H1939" s="40">
        <v>32.166667000000004</v>
      </c>
      <c r="I1939" s="40">
        <v>9.0423293785180103</v>
      </c>
      <c r="J1939" s="40">
        <v>32.166654886905</v>
      </c>
      <c r="K1939" s="40">
        <v>9.128950871910952</v>
      </c>
      <c r="L1939" s="40"/>
      <c r="M1939" s="40"/>
      <c r="N1939" s="40"/>
      <c r="Y1939">
        <v>14.883333000000007</v>
      </c>
      <c r="Z1939">
        <v>93.183333000000005</v>
      </c>
      <c r="AA1939">
        <v>8.6223659999999995</v>
      </c>
      <c r="AB1939">
        <v>4.436130605754709</v>
      </c>
    </row>
    <row r="1940" spans="4:28" x14ac:dyDescent="0.25">
      <c r="D1940" s="40">
        <v>32.198713000001426</v>
      </c>
      <c r="E1940" s="40">
        <v>14.146069981366544</v>
      </c>
      <c r="F1940" s="40">
        <v>32.18333299999999</v>
      </c>
      <c r="G1940" s="40">
        <v>11.265872550227714</v>
      </c>
      <c r="H1940" s="40">
        <v>32.183334000000002</v>
      </c>
      <c r="I1940" s="40">
        <v>9.0456821146614423</v>
      </c>
      <c r="J1940" s="40">
        <v>32.1833215476193</v>
      </c>
      <c r="K1940" s="40">
        <v>9.133659237863883</v>
      </c>
      <c r="L1940" s="40"/>
      <c r="M1940" s="40"/>
      <c r="N1940" s="40"/>
      <c r="Y1940">
        <v>14.900000000000006</v>
      </c>
      <c r="Z1940">
        <v>93.2</v>
      </c>
      <c r="AA1940">
        <v>8.6223989999999997</v>
      </c>
      <c r="AB1940">
        <v>4.4365303095378712</v>
      </c>
    </row>
    <row r="1941" spans="4:28" x14ac:dyDescent="0.25">
      <c r="D1941" s="40">
        <v>32.215379000001427</v>
      </c>
      <c r="E1941" s="40">
        <v>14.15091315995609</v>
      </c>
      <c r="F1941" s="40">
        <v>32.199999999999989</v>
      </c>
      <c r="G1941" s="40">
        <v>11.270627794317809</v>
      </c>
      <c r="H1941" s="40">
        <v>32.200000000000003</v>
      </c>
      <c r="I1941" s="40">
        <v>9.0456821146614423</v>
      </c>
      <c r="J1941" s="40">
        <v>32.1999882083336</v>
      </c>
      <c r="K1941" s="40">
        <v>9.138510281573117</v>
      </c>
      <c r="L1941" s="40"/>
      <c r="M1941" s="40"/>
      <c r="N1941" s="40"/>
      <c r="Y1941">
        <v>14.916667000000004</v>
      </c>
      <c r="Z1941">
        <v>93.216667000000001</v>
      </c>
      <c r="AA1941">
        <v>8.6223989999999997</v>
      </c>
      <c r="AB1941">
        <v>4.4365303095378712</v>
      </c>
    </row>
    <row r="1942" spans="4:28" x14ac:dyDescent="0.25">
      <c r="D1942" s="40">
        <v>32.232045000001428</v>
      </c>
      <c r="E1942" s="40">
        <v>14.155756338545514</v>
      </c>
      <c r="F1942" s="40">
        <v>32.216667000000001</v>
      </c>
      <c r="G1942" s="40">
        <v>11.275383038408028</v>
      </c>
      <c r="H1942" s="40">
        <v>32.216667000000001</v>
      </c>
      <c r="I1942" s="40">
        <v>9.0490348508047003</v>
      </c>
      <c r="J1942" s="40">
        <v>32.216654869047801</v>
      </c>
      <c r="K1942" s="40">
        <v>9.138510281573117</v>
      </c>
      <c r="L1942" s="40"/>
      <c r="M1942" s="40"/>
      <c r="N1942" s="40"/>
      <c r="Y1942">
        <v>14.933333000000005</v>
      </c>
      <c r="Z1942">
        <v>93.233333000000002</v>
      </c>
      <c r="AA1942">
        <v>8.6224329999999991</v>
      </c>
      <c r="AB1942">
        <v>4.4369421255568771</v>
      </c>
    </row>
    <row r="1943" spans="4:28" x14ac:dyDescent="0.25">
      <c r="D1943" s="40">
        <v>32.248711000001428</v>
      </c>
      <c r="E1943" s="40">
        <v>14.160457070705938</v>
      </c>
      <c r="F1943" s="40">
        <v>32.233332999999988</v>
      </c>
      <c r="G1943" s="40">
        <v>11.279998422377929</v>
      </c>
      <c r="H1943" s="40">
        <v>32.233334000000013</v>
      </c>
      <c r="I1943" s="40">
        <v>9.0522889770614636</v>
      </c>
      <c r="J1943" s="40">
        <v>32.233321529762101</v>
      </c>
      <c r="K1943" s="40">
        <v>9.138510281573117</v>
      </c>
      <c r="L1943" s="40"/>
      <c r="M1943" s="40"/>
      <c r="N1943" s="40"/>
      <c r="Y1943">
        <v>14.950000000000003</v>
      </c>
      <c r="Z1943">
        <v>93.25</v>
      </c>
      <c r="AA1943">
        <v>8.6224659999999993</v>
      </c>
      <c r="AB1943">
        <v>4.4373418293400402</v>
      </c>
    </row>
    <row r="1944" spans="4:28" x14ac:dyDescent="0.25">
      <c r="D1944" s="40">
        <v>32.265377000001429</v>
      </c>
      <c r="E1944" s="40">
        <v>14.160457070705938</v>
      </c>
      <c r="F1944" s="40">
        <v>32.25</v>
      </c>
      <c r="G1944" s="40">
        <v>11.284753666468024</v>
      </c>
      <c r="H1944" s="40">
        <v>32.25</v>
      </c>
      <c r="I1944" s="40">
        <v>9.0556417132047216</v>
      </c>
      <c r="J1944" s="40">
        <v>32.249988190476401</v>
      </c>
      <c r="K1944" s="40">
        <v>9.138510281573117</v>
      </c>
      <c r="L1944" s="40"/>
      <c r="M1944" s="40"/>
      <c r="N1944" s="40"/>
      <c r="Y1944">
        <v>14.966667000000001</v>
      </c>
      <c r="Z1944">
        <v>93.266666999999998</v>
      </c>
      <c r="AA1944">
        <v>8.6224659999999993</v>
      </c>
      <c r="AB1944">
        <v>4.4373418293400402</v>
      </c>
    </row>
    <row r="1945" spans="4:28" x14ac:dyDescent="0.25">
      <c r="D1945" s="40">
        <v>32.28204300000143</v>
      </c>
      <c r="E1945" s="40">
        <v>14.165300249295488</v>
      </c>
      <c r="F1945" s="40">
        <v>32.266666999999998</v>
      </c>
      <c r="G1945" s="40">
        <v>11.284753666468024</v>
      </c>
      <c r="H1945" s="40">
        <v>32.266667000000012</v>
      </c>
      <c r="I1945" s="40">
        <v>9.0589944493479777</v>
      </c>
      <c r="J1945" s="40">
        <v>32.266654851190701</v>
      </c>
      <c r="K1945" s="40">
        <v>9.1433613252823491</v>
      </c>
      <c r="L1945" s="40"/>
      <c r="M1945" s="40"/>
      <c r="N1945" s="40"/>
      <c r="Y1945">
        <v>14.983333000000002</v>
      </c>
      <c r="Z1945">
        <v>93.283332999999999</v>
      </c>
      <c r="AA1945">
        <v>8.6225000000000005</v>
      </c>
      <c r="AB1945">
        <v>4.4377536453590674</v>
      </c>
    </row>
    <row r="1946" spans="4:28" x14ac:dyDescent="0.25">
      <c r="D1946" s="40">
        <v>32.298709000001431</v>
      </c>
      <c r="E1946" s="40">
        <v>14.170143427884909</v>
      </c>
      <c r="F1946" s="40">
        <v>32.283332999999999</v>
      </c>
      <c r="G1946" s="40">
        <v>11.289508910558244</v>
      </c>
      <c r="H1946" s="40">
        <v>32.283334000000011</v>
      </c>
      <c r="I1946" s="40">
        <v>9.0622485756047411</v>
      </c>
      <c r="J1946" s="40">
        <v>32.283321511905001</v>
      </c>
      <c r="K1946" s="40">
        <v>9.1433613252823491</v>
      </c>
      <c r="L1946" s="40"/>
      <c r="M1946" s="40"/>
      <c r="N1946" s="40"/>
      <c r="Y1946">
        <v>15</v>
      </c>
      <c r="Z1946">
        <v>93.3</v>
      </c>
      <c r="AA1946">
        <v>8.6225339999999999</v>
      </c>
      <c r="AB1946">
        <v>4.4381654613780732</v>
      </c>
    </row>
    <row r="1947" spans="4:28" x14ac:dyDescent="0.25">
      <c r="D1947" s="40">
        <v>32.315375000001431</v>
      </c>
      <c r="E1947" s="40">
        <v>14.170143427884909</v>
      </c>
      <c r="F1947" s="40">
        <v>32.299999999999997</v>
      </c>
      <c r="G1947" s="40">
        <v>11.294124294528144</v>
      </c>
      <c r="H1947" s="40">
        <v>32.300000000000011</v>
      </c>
      <c r="I1947" s="40">
        <v>9.0656013117481713</v>
      </c>
      <c r="J1947" s="40">
        <v>32.299988172619301</v>
      </c>
      <c r="K1947" s="40">
        <v>9.1480696912352819</v>
      </c>
      <c r="L1947" s="40"/>
      <c r="M1947" s="40"/>
      <c r="N1947" s="40"/>
      <c r="Y1947">
        <v>15.016666999999998</v>
      </c>
      <c r="Z1947">
        <v>93.316666999999995</v>
      </c>
      <c r="AA1947">
        <v>8.6225339999999999</v>
      </c>
      <c r="AB1947">
        <v>4.4381654613780732</v>
      </c>
    </row>
    <row r="1948" spans="4:28" x14ac:dyDescent="0.25">
      <c r="D1948" s="40">
        <v>32.332041000001432</v>
      </c>
      <c r="E1948" s="40">
        <v>14.170143427884909</v>
      </c>
      <c r="F1948" s="40">
        <v>32.316666999999995</v>
      </c>
      <c r="G1948" s="40">
        <v>11.298879538618364</v>
      </c>
      <c r="H1948" s="40">
        <v>32.31666700000001</v>
      </c>
      <c r="I1948" s="40">
        <v>9.0689540478914292</v>
      </c>
      <c r="J1948" s="40">
        <v>32.316654833333601</v>
      </c>
      <c r="K1948" s="40">
        <v>9.1480696912352819</v>
      </c>
      <c r="L1948" s="40"/>
      <c r="M1948" s="40"/>
      <c r="N1948" s="40"/>
      <c r="Y1948">
        <v>15.033332999999999</v>
      </c>
      <c r="Z1948">
        <v>93.333332999999996</v>
      </c>
      <c r="AA1948">
        <v>8.6225670000000001</v>
      </c>
      <c r="AB1948">
        <v>4.4385651651612363</v>
      </c>
    </row>
    <row r="1949" spans="4:28" x14ac:dyDescent="0.25">
      <c r="D1949" s="40">
        <v>32.348707000001433</v>
      </c>
      <c r="E1949" s="40">
        <v>14.174844160045335</v>
      </c>
      <c r="F1949" s="40">
        <v>32.333332999999996</v>
      </c>
      <c r="G1949" s="40">
        <v>11.298879538618364</v>
      </c>
      <c r="H1949" s="40">
        <v>32.333334000000008</v>
      </c>
      <c r="I1949" s="40">
        <v>9.0722081741481926</v>
      </c>
      <c r="J1949" s="40">
        <v>32.333321494047802</v>
      </c>
      <c r="K1949" s="40">
        <v>9.1529207349445159</v>
      </c>
      <c r="L1949" s="40"/>
      <c r="M1949" s="40"/>
      <c r="N1949" s="40"/>
      <c r="Y1949">
        <v>15.049999999999997</v>
      </c>
      <c r="Z1949">
        <v>93.35</v>
      </c>
      <c r="AA1949">
        <v>8.6226009999999995</v>
      </c>
      <c r="AB1949">
        <v>4.4389769811802422</v>
      </c>
    </row>
    <row r="1950" spans="4:28" x14ac:dyDescent="0.25">
      <c r="D1950" s="40">
        <v>32.365373000001433</v>
      </c>
      <c r="E1950" s="40">
        <v>14.174844160045335</v>
      </c>
      <c r="F1950" s="40">
        <v>32.349999999999994</v>
      </c>
      <c r="G1950" s="40">
        <v>11.303634782708459</v>
      </c>
      <c r="H1950" s="40">
        <v>32.350000000000009</v>
      </c>
      <c r="I1950" s="40">
        <v>9.0789136464348825</v>
      </c>
      <c r="J1950" s="40">
        <v>32.349988154762102</v>
      </c>
      <c r="K1950" s="40">
        <v>9.1577717786537463</v>
      </c>
      <c r="L1950" s="40"/>
      <c r="M1950" s="40"/>
      <c r="N1950" s="40"/>
      <c r="Y1950">
        <v>15.06666700000001</v>
      </c>
      <c r="Z1950">
        <v>93.366667000000007</v>
      </c>
      <c r="AA1950">
        <v>8.6226009999999995</v>
      </c>
      <c r="AB1950">
        <v>4.4389769811802422</v>
      </c>
    </row>
    <row r="1951" spans="4:28" x14ac:dyDescent="0.25">
      <c r="D1951" s="40">
        <v>32.382039000001434</v>
      </c>
      <c r="E1951" s="40">
        <v>14.179687338634883</v>
      </c>
      <c r="F1951" s="40">
        <v>32.366666999999993</v>
      </c>
      <c r="G1951" s="40">
        <v>11.308250166678359</v>
      </c>
      <c r="H1951" s="40">
        <v>32.366667000000007</v>
      </c>
      <c r="I1951" s="40">
        <v>9.08216777269147</v>
      </c>
      <c r="J1951" s="40">
        <v>32.366654815476402</v>
      </c>
      <c r="K1951" s="40">
        <v>9.1624801446068069</v>
      </c>
      <c r="L1951" s="40"/>
      <c r="M1951" s="40"/>
      <c r="N1951" s="40"/>
      <c r="Y1951">
        <v>15.083332999999996</v>
      </c>
      <c r="Z1951">
        <v>93.383332999999993</v>
      </c>
      <c r="AA1951">
        <v>8.6226350000000007</v>
      </c>
      <c r="AB1951">
        <v>4.4393887971992703</v>
      </c>
    </row>
    <row r="1952" spans="4:28" x14ac:dyDescent="0.25">
      <c r="D1952" s="40">
        <v>32.398705000001435</v>
      </c>
      <c r="E1952" s="40">
        <v>14.179687338634883</v>
      </c>
      <c r="F1952" s="40">
        <v>32.383332999999993</v>
      </c>
      <c r="G1952" s="40">
        <v>11.313005410768579</v>
      </c>
      <c r="H1952" s="40">
        <v>32.383334000000005</v>
      </c>
      <c r="I1952" s="40">
        <v>9.085520508834902</v>
      </c>
      <c r="J1952" s="40">
        <v>32.383321476190702</v>
      </c>
      <c r="K1952" s="40">
        <v>9.1624801446068069</v>
      </c>
      <c r="L1952" s="40"/>
      <c r="M1952" s="40"/>
      <c r="N1952" s="40"/>
      <c r="Y1952">
        <v>15.100000000000009</v>
      </c>
      <c r="Z1952">
        <v>93.4</v>
      </c>
      <c r="AA1952">
        <v>8.6226680000000009</v>
      </c>
      <c r="AB1952">
        <v>4.4397885009824316</v>
      </c>
    </row>
    <row r="1953" spans="4:28" x14ac:dyDescent="0.25">
      <c r="D1953" s="40">
        <v>32.415371000001436</v>
      </c>
      <c r="E1953" s="40">
        <v>14.184530517224307</v>
      </c>
      <c r="F1953" s="40">
        <v>32.399999999999991</v>
      </c>
      <c r="G1953" s="40">
        <v>11.317760654858672</v>
      </c>
      <c r="H1953" s="40">
        <v>32.400000000000006</v>
      </c>
      <c r="I1953" s="40">
        <v>9.08887324497816</v>
      </c>
      <c r="J1953" s="40">
        <v>32.399988136905002</v>
      </c>
      <c r="K1953" s="40">
        <v>9.167331188315913</v>
      </c>
      <c r="L1953" s="40"/>
      <c r="M1953" s="40"/>
      <c r="N1953" s="40"/>
      <c r="Y1953">
        <v>15.116667000000007</v>
      </c>
      <c r="Z1953">
        <v>93.416667000000004</v>
      </c>
      <c r="AA1953">
        <v>8.6227020000000003</v>
      </c>
      <c r="AB1953">
        <v>4.4402003170014384</v>
      </c>
    </row>
    <row r="1954" spans="4:28" x14ac:dyDescent="0.25">
      <c r="D1954" s="40">
        <v>32.432037000001436</v>
      </c>
      <c r="E1954" s="40">
        <v>14.184530517224307</v>
      </c>
      <c r="F1954" s="40">
        <v>32.41666699999999</v>
      </c>
      <c r="G1954" s="40">
        <v>11.322376038828573</v>
      </c>
      <c r="H1954" s="40">
        <v>32.416667000000004</v>
      </c>
      <c r="I1954" s="40">
        <v>9.0921273712349233</v>
      </c>
      <c r="J1954" s="40">
        <v>32.416654797619302</v>
      </c>
      <c r="K1954" s="40">
        <v>9.167331188315913</v>
      </c>
      <c r="L1954" s="40"/>
      <c r="M1954" s="40"/>
      <c r="N1954" s="40"/>
      <c r="Y1954">
        <v>15.133333000000007</v>
      </c>
      <c r="Z1954">
        <v>93.433333000000005</v>
      </c>
      <c r="AA1954">
        <v>8.6227020000000003</v>
      </c>
      <c r="AB1954">
        <v>4.4402003170014384</v>
      </c>
    </row>
    <row r="1955" spans="4:28" x14ac:dyDescent="0.25">
      <c r="D1955" s="40">
        <v>32.448703000001437</v>
      </c>
      <c r="E1955" s="40">
        <v>14.189231249384729</v>
      </c>
      <c r="F1955" s="40">
        <v>32.43333299999999</v>
      </c>
      <c r="G1955" s="40">
        <v>11.327131282918792</v>
      </c>
      <c r="H1955" s="40">
        <v>32.433334000000002</v>
      </c>
      <c r="I1955" s="40">
        <v>9.0921273712349233</v>
      </c>
      <c r="J1955" s="40">
        <v>32.433321458333602</v>
      </c>
      <c r="K1955" s="40">
        <v>9.1721822320251452</v>
      </c>
      <c r="L1955" s="40"/>
      <c r="M1955" s="40"/>
      <c r="N1955" s="40"/>
      <c r="Y1955">
        <v>15.150000000000006</v>
      </c>
      <c r="Z1955">
        <v>93.45</v>
      </c>
      <c r="AA1955">
        <v>8.6227359999999997</v>
      </c>
      <c r="AB1955">
        <v>4.4406121330204451</v>
      </c>
    </row>
    <row r="1956" spans="4:28" x14ac:dyDescent="0.25">
      <c r="D1956" s="40">
        <v>32.465369000001438</v>
      </c>
      <c r="E1956" s="40">
        <v>14.194074427974279</v>
      </c>
      <c r="F1956" s="40">
        <v>32.449999999999989</v>
      </c>
      <c r="G1956" s="40">
        <v>11.327131282918792</v>
      </c>
      <c r="H1956" s="40">
        <v>32.450000000000003</v>
      </c>
      <c r="I1956" s="40">
        <v>9.0954801073781812</v>
      </c>
      <c r="J1956" s="40">
        <v>32.449988119047802</v>
      </c>
      <c r="K1956" s="40">
        <v>9.1721822320251452</v>
      </c>
      <c r="L1956" s="40"/>
      <c r="M1956" s="40"/>
      <c r="N1956" s="40"/>
      <c r="Y1956">
        <v>15.166667000000004</v>
      </c>
      <c r="Z1956">
        <v>93.466667000000001</v>
      </c>
      <c r="AA1956">
        <v>8.6227689999999999</v>
      </c>
      <c r="AB1956">
        <v>4.4410118368036064</v>
      </c>
    </row>
    <row r="1957" spans="4:28" x14ac:dyDescent="0.25">
      <c r="D1957" s="40">
        <v>32.482035000001439</v>
      </c>
      <c r="E1957" s="40">
        <v>14.194074427974279</v>
      </c>
      <c r="F1957" s="40">
        <v>32.466667000000001</v>
      </c>
      <c r="G1957" s="40">
        <v>11.331886527008887</v>
      </c>
      <c r="H1957" s="40">
        <v>32.466667000000001</v>
      </c>
      <c r="I1957" s="40">
        <v>9.0988328435216133</v>
      </c>
      <c r="J1957" s="40">
        <v>32.466654779762102</v>
      </c>
      <c r="K1957" s="40">
        <v>9.1768905979782058</v>
      </c>
      <c r="L1957" s="40"/>
      <c r="M1957" s="40"/>
      <c r="N1957" s="40"/>
      <c r="Y1957">
        <v>15.183333000000005</v>
      </c>
      <c r="Z1957">
        <v>93.483333000000002</v>
      </c>
      <c r="AA1957">
        <v>8.6228029999999993</v>
      </c>
      <c r="AB1957">
        <v>4.4414236528226132</v>
      </c>
    </row>
    <row r="1958" spans="4:28" x14ac:dyDescent="0.25">
      <c r="D1958" s="40">
        <v>32.498701000001439</v>
      </c>
      <c r="E1958" s="40">
        <v>14.198917606563827</v>
      </c>
      <c r="F1958" s="40">
        <v>32.483332999999988</v>
      </c>
      <c r="G1958" s="40">
        <v>11.336501910978788</v>
      </c>
      <c r="H1958" s="40">
        <v>32.483334000000013</v>
      </c>
      <c r="I1958" s="40">
        <v>9.1020869697783766</v>
      </c>
      <c r="J1958" s="40">
        <v>32.483321440476402</v>
      </c>
      <c r="K1958" s="40">
        <v>9.1768905979782058</v>
      </c>
      <c r="L1958" s="40"/>
      <c r="M1958" s="40"/>
      <c r="N1958" s="40"/>
      <c r="Y1958">
        <v>15.200000000000003</v>
      </c>
      <c r="Z1958">
        <v>93.5</v>
      </c>
      <c r="AA1958">
        <v>8.6228029999999993</v>
      </c>
      <c r="AB1958">
        <v>4.4414236528226132</v>
      </c>
    </row>
    <row r="1959" spans="4:28" x14ac:dyDescent="0.25">
      <c r="D1959" s="40">
        <v>32.51536700000144</v>
      </c>
      <c r="E1959" s="40">
        <v>14.203618338724127</v>
      </c>
      <c r="F1959" s="40">
        <v>32.5</v>
      </c>
      <c r="G1959" s="40">
        <v>11.341257155069007</v>
      </c>
      <c r="H1959" s="40">
        <v>32.5</v>
      </c>
      <c r="I1959" s="40">
        <v>9.1054397059216328</v>
      </c>
      <c r="J1959" s="40">
        <v>32.499988101190702</v>
      </c>
      <c r="K1959" s="40">
        <v>9.1817416416873101</v>
      </c>
      <c r="L1959" s="40"/>
      <c r="M1959" s="40"/>
      <c r="N1959" s="40"/>
      <c r="Y1959">
        <v>15.216667000000001</v>
      </c>
      <c r="Z1959">
        <v>93.516666999999998</v>
      </c>
      <c r="AA1959">
        <v>8.6228370000000005</v>
      </c>
      <c r="AB1959">
        <v>4.4418354688416404</v>
      </c>
    </row>
    <row r="1960" spans="4:28" x14ac:dyDescent="0.25">
      <c r="D1960" s="40">
        <v>32.532033000001441</v>
      </c>
      <c r="E1960" s="40">
        <v>14.208461517313674</v>
      </c>
      <c r="F1960" s="40">
        <v>32.516666999999998</v>
      </c>
      <c r="G1960" s="40">
        <v>11.341257155069007</v>
      </c>
      <c r="H1960" s="40">
        <v>32.516667000000012</v>
      </c>
      <c r="I1960" s="40">
        <v>9.1054397059216328</v>
      </c>
      <c r="J1960" s="40">
        <v>32.516654761905002</v>
      </c>
      <c r="K1960" s="40">
        <v>9.1817416416873101</v>
      </c>
      <c r="L1960" s="40"/>
      <c r="M1960" s="40"/>
      <c r="N1960" s="40"/>
      <c r="Y1960">
        <v>15.233333000000002</v>
      </c>
      <c r="Z1960">
        <v>93.533332999999999</v>
      </c>
      <c r="AA1960">
        <v>8.6228700000000007</v>
      </c>
      <c r="AB1960">
        <v>4.4422351726248026</v>
      </c>
    </row>
    <row r="1961" spans="4:28" x14ac:dyDescent="0.25">
      <c r="D1961" s="40">
        <v>32.548699000001442</v>
      </c>
      <c r="E1961" s="40">
        <v>14.213304695903224</v>
      </c>
      <c r="F1961" s="40">
        <v>32.533332999999999</v>
      </c>
      <c r="G1961" s="40">
        <v>11.346012399159102</v>
      </c>
      <c r="H1961" s="40">
        <v>32.533334000000011</v>
      </c>
      <c r="I1961" s="40">
        <v>9.1087924420648889</v>
      </c>
      <c r="J1961" s="40">
        <v>32.533321422619302</v>
      </c>
      <c r="K1961" s="40">
        <v>9.1817416416873101</v>
      </c>
      <c r="L1961" s="40"/>
      <c r="M1961" s="40"/>
      <c r="N1961" s="40"/>
      <c r="Y1961">
        <v>15.25</v>
      </c>
      <c r="Z1961">
        <v>93.55</v>
      </c>
      <c r="AA1961">
        <v>8.6228700000000007</v>
      </c>
      <c r="AB1961">
        <v>4.4422351726248026</v>
      </c>
    </row>
    <row r="1962" spans="4:28" x14ac:dyDescent="0.25">
      <c r="D1962" s="40">
        <v>32.565365000001442</v>
      </c>
      <c r="E1962" s="40">
        <v>14.218005428063648</v>
      </c>
      <c r="F1962" s="40">
        <v>32.549999999999997</v>
      </c>
      <c r="G1962" s="40">
        <v>11.350767643249322</v>
      </c>
      <c r="H1962" s="40">
        <v>32.550000000000011</v>
      </c>
      <c r="I1962" s="40">
        <v>9.1120465683216523</v>
      </c>
      <c r="J1962" s="40">
        <v>32.549988083333602</v>
      </c>
      <c r="K1962" s="40">
        <v>9.1817416416873101</v>
      </c>
      <c r="L1962" s="40"/>
      <c r="M1962" s="40"/>
      <c r="N1962" s="40"/>
      <c r="Y1962">
        <v>15.266666999999998</v>
      </c>
      <c r="Z1962">
        <v>93.566666999999995</v>
      </c>
      <c r="AA1962">
        <v>8.6229040000000001</v>
      </c>
      <c r="AB1962">
        <v>4.4426469886438094</v>
      </c>
    </row>
    <row r="1963" spans="4:28" x14ac:dyDescent="0.25">
      <c r="D1963" s="40">
        <v>32.582031000001443</v>
      </c>
      <c r="E1963" s="40">
        <v>14.22284860665307</v>
      </c>
      <c r="F1963" s="40">
        <v>32.566666999999995</v>
      </c>
      <c r="G1963" s="40">
        <v>11.355383027219222</v>
      </c>
      <c r="H1963" s="40">
        <v>32.56666700000001</v>
      </c>
      <c r="I1963" s="40">
        <v>9.1153993044649102</v>
      </c>
      <c r="J1963" s="40">
        <v>32.566654744047803</v>
      </c>
      <c r="K1963" s="40">
        <v>9.1817416416873101</v>
      </c>
      <c r="L1963" s="40"/>
      <c r="M1963" s="40"/>
      <c r="N1963" s="40"/>
      <c r="Y1963">
        <v>15.283332999999999</v>
      </c>
      <c r="Z1963">
        <v>93.583332999999996</v>
      </c>
      <c r="AA1963">
        <v>8.6229379999999995</v>
      </c>
      <c r="AB1963">
        <v>4.4430588046628152</v>
      </c>
    </row>
    <row r="1964" spans="4:28" x14ac:dyDescent="0.25">
      <c r="D1964" s="40">
        <v>32.598697000001444</v>
      </c>
      <c r="E1964" s="40">
        <v>14.227691785242618</v>
      </c>
      <c r="F1964" s="40">
        <v>32.583332999999996</v>
      </c>
      <c r="G1964" s="40">
        <v>11.355383027219222</v>
      </c>
      <c r="H1964" s="40">
        <v>32.583334000000008</v>
      </c>
      <c r="I1964" s="40">
        <v>9.1153993044649102</v>
      </c>
      <c r="J1964" s="40">
        <v>32.583321404762103</v>
      </c>
      <c r="K1964" s="40">
        <v>9.1817416416873101</v>
      </c>
      <c r="L1964" s="40"/>
      <c r="M1964" s="40"/>
      <c r="N1964" s="40"/>
      <c r="Y1964">
        <v>15.299999999999997</v>
      </c>
      <c r="Z1964">
        <v>93.6</v>
      </c>
      <c r="AA1964">
        <v>8.6229709999999997</v>
      </c>
      <c r="AB1964">
        <v>4.4434585084459775</v>
      </c>
    </row>
    <row r="1965" spans="4:28" x14ac:dyDescent="0.25">
      <c r="D1965" s="40">
        <v>32.615363000001445</v>
      </c>
      <c r="E1965" s="40">
        <v>14.232392517403044</v>
      </c>
      <c r="F1965" s="40">
        <v>32.599999999999994</v>
      </c>
      <c r="G1965" s="40">
        <v>11.36013827130944</v>
      </c>
      <c r="H1965" s="40">
        <v>32.600000000000009</v>
      </c>
      <c r="I1965" s="40">
        <v>9.1187520406083422</v>
      </c>
      <c r="J1965" s="40">
        <v>32.599988065476403</v>
      </c>
      <c r="K1965" s="40">
        <v>9.1865926853965423</v>
      </c>
      <c r="L1965" s="40"/>
      <c r="M1965" s="40"/>
      <c r="N1965" s="40"/>
      <c r="Y1965">
        <v>15.31666700000001</v>
      </c>
      <c r="Z1965">
        <v>93.616667000000007</v>
      </c>
      <c r="AA1965">
        <v>8.6229709999999997</v>
      </c>
      <c r="AB1965">
        <v>4.4434585084459775</v>
      </c>
    </row>
    <row r="1966" spans="4:28" x14ac:dyDescent="0.25">
      <c r="D1966" s="40">
        <v>32.632029000001445</v>
      </c>
      <c r="E1966" s="40">
        <v>14.237235695992466</v>
      </c>
      <c r="F1966" s="40">
        <v>32.616666999999993</v>
      </c>
      <c r="G1966" s="40">
        <v>11.36013827130944</v>
      </c>
      <c r="H1966" s="40">
        <v>32.616667000000007</v>
      </c>
      <c r="I1966" s="40">
        <v>9.1220061668651056</v>
      </c>
      <c r="J1966" s="40">
        <v>32.616654726190703</v>
      </c>
      <c r="K1966" s="40">
        <v>9.1865926853965423</v>
      </c>
      <c r="L1966" s="40"/>
      <c r="M1966" s="40"/>
      <c r="N1966" s="40"/>
      <c r="Y1966">
        <v>15.333332999999996</v>
      </c>
      <c r="Z1966">
        <v>93.633332999999993</v>
      </c>
      <c r="AA1966">
        <v>8.6230049999999991</v>
      </c>
      <c r="AB1966">
        <v>4.4438703244649842</v>
      </c>
    </row>
    <row r="1967" spans="4:28" x14ac:dyDescent="0.25">
      <c r="D1967" s="40">
        <v>32.648695000001446</v>
      </c>
      <c r="E1967" s="40">
        <v>14.242078874582015</v>
      </c>
      <c r="F1967" s="40">
        <v>32.633332999999993</v>
      </c>
      <c r="G1967" s="40">
        <v>11.364893515399537</v>
      </c>
      <c r="H1967" s="40">
        <v>32.633334000000005</v>
      </c>
      <c r="I1967" s="40">
        <v>9.1253589030083617</v>
      </c>
      <c r="J1967" s="40">
        <v>32.633321386905003</v>
      </c>
      <c r="K1967" s="40">
        <v>9.191301051349603</v>
      </c>
      <c r="L1967" s="40"/>
      <c r="M1967" s="40"/>
      <c r="N1967" s="40"/>
      <c r="Y1967">
        <v>15.350000000000009</v>
      </c>
      <c r="Z1967">
        <v>93.65</v>
      </c>
      <c r="AA1967">
        <v>8.6230390000000003</v>
      </c>
      <c r="AB1967">
        <v>4.4442821404840123</v>
      </c>
    </row>
    <row r="1968" spans="4:28" x14ac:dyDescent="0.25">
      <c r="D1968" s="40">
        <v>32.665361000001447</v>
      </c>
      <c r="E1968" s="40">
        <v>14.246779606742439</v>
      </c>
      <c r="F1968" s="40">
        <v>32.649999999999991</v>
      </c>
      <c r="G1968" s="40">
        <v>11.369508899369437</v>
      </c>
      <c r="H1968" s="40">
        <v>32.650000000000006</v>
      </c>
      <c r="I1968" s="40">
        <v>9.1287116391516197</v>
      </c>
      <c r="J1968" s="40">
        <v>32.649988047619303</v>
      </c>
      <c r="K1968" s="40">
        <v>9.191301051349603</v>
      </c>
      <c r="L1968" s="40"/>
      <c r="M1968" s="40"/>
      <c r="N1968" s="40"/>
      <c r="Y1968">
        <v>15.366667000000007</v>
      </c>
      <c r="Z1968">
        <v>93.666667000000004</v>
      </c>
      <c r="AA1968">
        <v>8.6230390000000003</v>
      </c>
      <c r="AB1968">
        <v>4.4442821404840123</v>
      </c>
    </row>
    <row r="1969" spans="4:28" x14ac:dyDescent="0.25">
      <c r="D1969" s="40">
        <v>32.682027000001447</v>
      </c>
      <c r="E1969" s="40">
        <v>14.251622785331863</v>
      </c>
      <c r="F1969" s="40">
        <v>32.66666699999999</v>
      </c>
      <c r="G1969" s="40">
        <v>11.369508899369437</v>
      </c>
      <c r="H1969" s="40">
        <v>32.666667000000004</v>
      </c>
      <c r="I1969" s="40">
        <v>9.131965765408383</v>
      </c>
      <c r="J1969" s="40">
        <v>32.666654708333603</v>
      </c>
      <c r="K1969" s="40">
        <v>9.196152095058709</v>
      </c>
      <c r="L1969" s="40"/>
      <c r="M1969" s="40"/>
      <c r="N1969" s="40"/>
      <c r="Y1969">
        <v>15.383333000000007</v>
      </c>
      <c r="Z1969">
        <v>93.683333000000005</v>
      </c>
      <c r="AA1969">
        <v>8.6230720000000005</v>
      </c>
      <c r="AB1969">
        <v>4.4446818442671736</v>
      </c>
    </row>
    <row r="1970" spans="4:28" x14ac:dyDescent="0.25">
      <c r="D1970" s="40">
        <v>32.698693000001448</v>
      </c>
      <c r="E1970" s="40">
        <v>14.256465963921411</v>
      </c>
      <c r="F1970" s="40">
        <v>32.68333299999999</v>
      </c>
      <c r="G1970" s="40">
        <v>11.374264143459655</v>
      </c>
      <c r="H1970" s="40">
        <v>32.683334000000002</v>
      </c>
      <c r="I1970" s="40">
        <v>9.135318501551815</v>
      </c>
      <c r="J1970" s="40">
        <v>32.683321369047803</v>
      </c>
      <c r="K1970" s="40">
        <v>9.196152095058709</v>
      </c>
      <c r="L1970" s="40"/>
      <c r="M1970" s="40"/>
      <c r="N1970" s="40"/>
      <c r="Y1970">
        <v>15.400000000000006</v>
      </c>
      <c r="Z1970">
        <v>93.7</v>
      </c>
      <c r="AA1970">
        <v>8.6230720000000005</v>
      </c>
      <c r="AB1970">
        <v>4.4446818442671736</v>
      </c>
    </row>
    <row r="1971" spans="4:28" x14ac:dyDescent="0.25">
      <c r="D1971" s="40">
        <v>32.715359000001449</v>
      </c>
      <c r="E1971" s="40">
        <v>14.261309142510958</v>
      </c>
      <c r="F1971" s="40">
        <v>32.699999999999989</v>
      </c>
      <c r="G1971" s="40">
        <v>11.37901938754975</v>
      </c>
      <c r="H1971" s="40">
        <v>32.700000000000003</v>
      </c>
      <c r="I1971" s="40">
        <v>9.1386712376950729</v>
      </c>
      <c r="J1971" s="40">
        <v>32.699988029762103</v>
      </c>
      <c r="K1971" s="40">
        <v>9.2010031387679412</v>
      </c>
      <c r="L1971" s="40"/>
      <c r="M1971" s="40"/>
      <c r="N1971" s="40"/>
      <c r="Y1971">
        <v>15.416667000000004</v>
      </c>
      <c r="Z1971">
        <v>93.716667000000001</v>
      </c>
      <c r="AA1971">
        <v>8.6231059999999999</v>
      </c>
      <c r="AB1971">
        <v>4.4450936602861795</v>
      </c>
    </row>
    <row r="1972" spans="4:28" x14ac:dyDescent="0.25">
      <c r="D1972" s="40">
        <v>32.73202500000145</v>
      </c>
      <c r="E1972" s="40">
        <v>14.266009874671257</v>
      </c>
      <c r="F1972" s="40">
        <v>32.716667000000001</v>
      </c>
      <c r="G1972" s="40">
        <v>11.37901938754975</v>
      </c>
      <c r="H1972" s="40">
        <v>32.716667000000001</v>
      </c>
      <c r="I1972" s="40">
        <v>9.1386712376950729</v>
      </c>
      <c r="J1972" s="40">
        <v>32.716654690476403</v>
      </c>
      <c r="K1972" s="40">
        <v>9.2010031387679412</v>
      </c>
      <c r="L1972" s="40"/>
      <c r="M1972" s="40"/>
      <c r="N1972" s="40"/>
      <c r="Y1972">
        <v>15.433333000000005</v>
      </c>
      <c r="Z1972">
        <v>93.733333000000002</v>
      </c>
      <c r="AA1972">
        <v>8.6231399999999994</v>
      </c>
      <c r="AB1972">
        <v>4.4455054763051862</v>
      </c>
    </row>
    <row r="1973" spans="4:28" x14ac:dyDescent="0.25">
      <c r="D1973" s="40">
        <v>32.74869100000145</v>
      </c>
      <c r="E1973" s="40">
        <v>14.270853053260806</v>
      </c>
      <c r="F1973" s="40">
        <v>32.733332999999988</v>
      </c>
      <c r="G1973" s="40">
        <v>11.383634771519651</v>
      </c>
      <c r="H1973" s="40">
        <v>32.733334000000013</v>
      </c>
      <c r="I1973" s="40">
        <v>9.1419253639518363</v>
      </c>
      <c r="J1973" s="40">
        <v>32.733321351190703</v>
      </c>
      <c r="K1973" s="40">
        <v>9.2058541824771734</v>
      </c>
      <c r="L1973" s="40"/>
      <c r="M1973" s="40"/>
      <c r="N1973" s="40"/>
      <c r="Y1973">
        <v>15.450000000000003</v>
      </c>
      <c r="Z1973">
        <v>93.75</v>
      </c>
      <c r="AA1973">
        <v>8.6231399999999994</v>
      </c>
      <c r="AB1973">
        <v>4.4455054763051862</v>
      </c>
    </row>
    <row r="1974" spans="4:28" x14ac:dyDescent="0.25">
      <c r="D1974" s="40">
        <v>32.765357000001451</v>
      </c>
      <c r="E1974" s="40">
        <v>14.275696231850354</v>
      </c>
      <c r="F1974" s="40">
        <v>32.75</v>
      </c>
      <c r="G1974" s="40">
        <v>11.383634771519651</v>
      </c>
      <c r="H1974" s="40">
        <v>32.75</v>
      </c>
      <c r="I1974" s="40">
        <v>9.1452781000950942</v>
      </c>
      <c r="J1974" s="40">
        <v>32.749988011905003</v>
      </c>
      <c r="K1974" s="40">
        <v>9.2105625484302323</v>
      </c>
      <c r="L1974" s="40"/>
      <c r="M1974" s="40"/>
      <c r="N1974" s="40"/>
      <c r="Y1974">
        <v>15.466667000000001</v>
      </c>
      <c r="Z1974">
        <v>93.766666999999998</v>
      </c>
      <c r="AA1974">
        <v>8.6231729999999995</v>
      </c>
      <c r="AB1974">
        <v>4.4459051800883485</v>
      </c>
    </row>
    <row r="1975" spans="4:28" x14ac:dyDescent="0.25">
      <c r="D1975" s="40">
        <v>32.782023000001452</v>
      </c>
      <c r="E1975" s="40">
        <v>14.28039696401078</v>
      </c>
      <c r="F1975" s="40">
        <v>32.766666999999998</v>
      </c>
      <c r="G1975" s="40">
        <v>11.38839001560987</v>
      </c>
      <c r="H1975" s="40">
        <v>32.766667000000012</v>
      </c>
      <c r="I1975" s="40">
        <v>9.1486308362383504</v>
      </c>
      <c r="J1975" s="40">
        <v>32.766654672619303</v>
      </c>
      <c r="K1975" s="40">
        <v>9.2105625484302323</v>
      </c>
      <c r="L1975" s="40"/>
      <c r="M1975" s="40"/>
      <c r="N1975" s="40"/>
      <c r="Y1975">
        <v>15.483333000000002</v>
      </c>
      <c r="Z1975">
        <v>93.783332999999999</v>
      </c>
      <c r="AA1975">
        <v>8.6231729999999995</v>
      </c>
      <c r="AB1975">
        <v>4.4459051800883485</v>
      </c>
    </row>
    <row r="1976" spans="4:28" x14ac:dyDescent="0.25">
      <c r="D1976" s="40">
        <v>32.798689000001453</v>
      </c>
      <c r="E1976" s="40">
        <v>14.285240142600202</v>
      </c>
      <c r="F1976" s="40">
        <v>32.783332999999999</v>
      </c>
      <c r="G1976" s="40">
        <v>11.393145259699965</v>
      </c>
      <c r="H1976" s="40">
        <v>32.783334000000011</v>
      </c>
      <c r="I1976" s="40">
        <v>9.151884962495112</v>
      </c>
      <c r="J1976" s="40">
        <v>32.783321333333603</v>
      </c>
      <c r="K1976" s="40">
        <v>9.2105625484302323</v>
      </c>
      <c r="L1976" s="40"/>
      <c r="M1976" s="40"/>
      <c r="N1976" s="40"/>
      <c r="Y1976">
        <v>15.5</v>
      </c>
      <c r="Z1976">
        <v>93.8</v>
      </c>
      <c r="AA1976">
        <v>8.6232070000000007</v>
      </c>
      <c r="AB1976">
        <v>4.4463169961073765</v>
      </c>
    </row>
    <row r="1977" spans="4:28" x14ac:dyDescent="0.25">
      <c r="D1977" s="40">
        <v>32.815355000001453</v>
      </c>
      <c r="E1977" s="40">
        <v>14.290083321189751</v>
      </c>
      <c r="F1977" s="40">
        <v>32.799999999999997</v>
      </c>
      <c r="G1977" s="40">
        <v>11.393145259699965</v>
      </c>
      <c r="H1977" s="40">
        <v>32.800000000000011</v>
      </c>
      <c r="I1977" s="40">
        <v>9.155237698638544</v>
      </c>
      <c r="J1977" s="40">
        <v>32.799987994047797</v>
      </c>
      <c r="K1977" s="40">
        <v>9.2105625484302323</v>
      </c>
      <c r="L1977" s="40"/>
      <c r="M1977" s="40"/>
      <c r="N1977" s="40"/>
      <c r="Y1977">
        <v>15.516666999999998</v>
      </c>
      <c r="Z1977">
        <v>93.816666999999995</v>
      </c>
      <c r="AA1977">
        <v>8.6232410000000002</v>
      </c>
      <c r="AB1977">
        <v>4.4467288121263824</v>
      </c>
    </row>
    <row r="1978" spans="4:28" x14ac:dyDescent="0.25">
      <c r="D1978" s="40">
        <v>32.832021000001454</v>
      </c>
      <c r="E1978" s="40">
        <v>14.290083321189751</v>
      </c>
      <c r="F1978" s="40">
        <v>32.816666999999995</v>
      </c>
      <c r="G1978" s="40">
        <v>11.397760643669866</v>
      </c>
      <c r="H1978" s="40">
        <v>32.81666700000001</v>
      </c>
      <c r="I1978" s="40">
        <v>9.1585904347818019</v>
      </c>
      <c r="J1978" s="40">
        <v>32.816654654762097</v>
      </c>
      <c r="K1978" s="40">
        <v>9.2154135921393383</v>
      </c>
      <c r="L1978" s="40"/>
      <c r="M1978" s="40"/>
      <c r="N1978" s="40"/>
      <c r="Y1978">
        <v>15.533332999999999</v>
      </c>
      <c r="Z1978">
        <v>93.833332999999996</v>
      </c>
      <c r="AA1978">
        <v>8.6232410000000002</v>
      </c>
      <c r="AB1978">
        <v>4.4467288121263824</v>
      </c>
    </row>
    <row r="1979" spans="4:28" x14ac:dyDescent="0.25">
      <c r="D1979" s="40">
        <v>32.848687000001455</v>
      </c>
      <c r="E1979" s="40">
        <v>14.294784053350174</v>
      </c>
      <c r="F1979" s="40">
        <v>32.833332999999996</v>
      </c>
      <c r="G1979" s="40">
        <v>11.402515887760085</v>
      </c>
      <c r="H1979" s="40">
        <v>32.833334000000008</v>
      </c>
      <c r="I1979" s="40">
        <v>9.1618445610385653</v>
      </c>
      <c r="J1979" s="40">
        <v>32.833321315476397</v>
      </c>
      <c r="K1979" s="40">
        <v>9.2105625484302323</v>
      </c>
      <c r="L1979" s="40"/>
      <c r="M1979" s="40"/>
      <c r="N1979" s="40"/>
      <c r="Y1979">
        <v>15.549999999999997</v>
      </c>
      <c r="Z1979">
        <v>93.85</v>
      </c>
      <c r="AA1979">
        <v>8.6232740000000003</v>
      </c>
      <c r="AB1979">
        <v>4.4471285159095446</v>
      </c>
    </row>
    <row r="1980" spans="4:28" x14ac:dyDescent="0.25">
      <c r="D1980" s="40">
        <v>32.865353000001456</v>
      </c>
      <c r="E1980" s="40">
        <v>14.299627231939597</v>
      </c>
      <c r="F1980" s="40">
        <v>32.849999999999994</v>
      </c>
      <c r="G1980" s="40">
        <v>11.402515887760085</v>
      </c>
      <c r="H1980" s="40">
        <v>32.850000000000009</v>
      </c>
      <c r="I1980" s="40">
        <v>9.1618445610385653</v>
      </c>
      <c r="J1980" s="40">
        <v>32.849987976190697</v>
      </c>
      <c r="K1980" s="40">
        <v>9.2105625484302323</v>
      </c>
      <c r="L1980" s="40"/>
      <c r="M1980" s="40"/>
      <c r="N1980" s="40"/>
      <c r="Y1980">
        <v>15.56666700000001</v>
      </c>
      <c r="Z1980">
        <v>93.866667000000007</v>
      </c>
      <c r="AA1980">
        <v>8.6233079999999998</v>
      </c>
      <c r="AB1980">
        <v>4.4475403319285514</v>
      </c>
    </row>
    <row r="1981" spans="4:28" x14ac:dyDescent="0.25">
      <c r="D1981" s="40">
        <v>32.882019000001456</v>
      </c>
      <c r="E1981" s="40">
        <v>14.304470410529145</v>
      </c>
      <c r="F1981" s="40">
        <v>32.866666999999993</v>
      </c>
      <c r="G1981" s="40">
        <v>11.407271131850303</v>
      </c>
      <c r="H1981" s="40">
        <v>32.866667000000007</v>
      </c>
      <c r="I1981" s="40">
        <v>9.1651972971818232</v>
      </c>
      <c r="J1981" s="40">
        <v>32.866654636904997</v>
      </c>
      <c r="K1981" s="40">
        <v>9.2154135921393383</v>
      </c>
      <c r="L1981" s="40"/>
      <c r="M1981" s="40"/>
      <c r="N1981" s="40"/>
      <c r="Y1981">
        <v>15.583332999999996</v>
      </c>
      <c r="Z1981">
        <v>93.883332999999993</v>
      </c>
      <c r="AA1981">
        <v>8.6233079999999998</v>
      </c>
      <c r="AB1981">
        <v>4.4475403319285514</v>
      </c>
    </row>
    <row r="1982" spans="4:28" x14ac:dyDescent="0.25">
      <c r="D1982" s="40">
        <v>32.898685000001457</v>
      </c>
      <c r="E1982" s="40">
        <v>14.304470410529145</v>
      </c>
      <c r="F1982" s="40">
        <v>32.883332999999993</v>
      </c>
      <c r="G1982" s="40">
        <v>11.411886515820081</v>
      </c>
      <c r="H1982" s="40">
        <v>32.883334000000005</v>
      </c>
      <c r="I1982" s="40">
        <v>9.1685500333252552</v>
      </c>
      <c r="J1982" s="40">
        <v>32.883321297619297</v>
      </c>
      <c r="K1982" s="40">
        <v>9.2154135921393383</v>
      </c>
      <c r="L1982" s="40"/>
      <c r="M1982" s="40"/>
      <c r="N1982" s="40"/>
      <c r="Y1982">
        <v>15.600000000000009</v>
      </c>
      <c r="Z1982">
        <v>93.9</v>
      </c>
      <c r="AA1982">
        <v>8.6233419999999992</v>
      </c>
      <c r="AB1982">
        <v>4.4479521479475572</v>
      </c>
    </row>
    <row r="1983" spans="4:28" x14ac:dyDescent="0.25">
      <c r="D1983" s="40">
        <v>32.915351000001458</v>
      </c>
      <c r="E1983" s="40">
        <v>14.309171142689571</v>
      </c>
      <c r="F1983" s="40">
        <v>32.899999999999991</v>
      </c>
      <c r="G1983" s="40">
        <v>11.4166417599103</v>
      </c>
      <c r="H1983" s="40">
        <v>32.900000000000006</v>
      </c>
      <c r="I1983" s="40">
        <v>9.1719027694685131</v>
      </c>
      <c r="J1983" s="40">
        <v>32.899987958333597</v>
      </c>
      <c r="K1983" s="40">
        <v>9.2154135921393383</v>
      </c>
      <c r="L1983" s="40"/>
      <c r="M1983" s="40"/>
      <c r="N1983" s="40"/>
      <c r="Y1983">
        <v>15.616667000000007</v>
      </c>
      <c r="Z1983">
        <v>93.916667000000004</v>
      </c>
      <c r="AA1983">
        <v>8.6233749999999993</v>
      </c>
      <c r="AB1983">
        <v>4.4483518517307195</v>
      </c>
    </row>
    <row r="1984" spans="4:28" x14ac:dyDescent="0.25">
      <c r="D1984" s="40">
        <v>32.932017000001458</v>
      </c>
      <c r="E1984" s="40">
        <v>14.314014321278993</v>
      </c>
      <c r="F1984" s="40">
        <v>32.91666699999999</v>
      </c>
      <c r="G1984" s="40">
        <v>11.421397004000518</v>
      </c>
      <c r="H1984" s="40">
        <v>32.916667000000004</v>
      </c>
      <c r="I1984" s="40">
        <v>9.1751568957252747</v>
      </c>
      <c r="J1984" s="40">
        <v>32.916654619047797</v>
      </c>
      <c r="K1984" s="40">
        <v>9.2202646358485705</v>
      </c>
      <c r="L1984" s="40"/>
      <c r="M1984" s="40"/>
      <c r="N1984" s="40"/>
      <c r="Y1984">
        <v>15.633333000000007</v>
      </c>
      <c r="Z1984">
        <v>93.933333000000005</v>
      </c>
      <c r="AA1984">
        <v>8.6233749999999993</v>
      </c>
      <c r="AB1984">
        <v>4.4483518517307195</v>
      </c>
    </row>
    <row r="1985" spans="4:28" x14ac:dyDescent="0.25">
      <c r="D1985" s="40">
        <v>32.948683000001459</v>
      </c>
      <c r="E1985" s="40">
        <v>14.318857499868541</v>
      </c>
      <c r="F1985" s="40">
        <v>32.93333299999999</v>
      </c>
      <c r="G1985" s="40">
        <v>11.421397004000518</v>
      </c>
      <c r="H1985" s="40">
        <v>32.933334000000002</v>
      </c>
      <c r="I1985" s="40">
        <v>9.1751568957252747</v>
      </c>
      <c r="J1985" s="40">
        <v>32.933321279762097</v>
      </c>
      <c r="K1985" s="40">
        <v>9.2202646358485705</v>
      </c>
      <c r="L1985" s="40"/>
      <c r="M1985" s="40"/>
      <c r="N1985" s="40"/>
      <c r="Y1985">
        <v>15.650000000000006</v>
      </c>
      <c r="Z1985">
        <v>93.95</v>
      </c>
      <c r="AA1985">
        <v>8.6234090000000005</v>
      </c>
      <c r="AB1985">
        <v>4.4487636677497475</v>
      </c>
    </row>
    <row r="1986" spans="4:28" x14ac:dyDescent="0.25">
      <c r="D1986" s="40">
        <v>32.96534900000146</v>
      </c>
      <c r="E1986" s="40">
        <v>14.323558232028967</v>
      </c>
      <c r="F1986" s="40">
        <v>32.949999999999989</v>
      </c>
      <c r="G1986" s="40">
        <v>11.426012387970294</v>
      </c>
      <c r="H1986" s="40">
        <v>32.950000000000003</v>
      </c>
      <c r="I1986" s="40">
        <v>9.1785096318685326</v>
      </c>
      <c r="J1986" s="40">
        <v>32.949987940476397</v>
      </c>
      <c r="K1986" s="40">
        <v>9.2249730018016312</v>
      </c>
      <c r="L1986" s="40"/>
      <c r="M1986" s="40"/>
      <c r="N1986" s="40"/>
      <c r="Y1986">
        <v>15.666667000000004</v>
      </c>
      <c r="Z1986">
        <v>93.966667000000001</v>
      </c>
      <c r="AA1986">
        <v>8.6234090000000005</v>
      </c>
      <c r="AB1986">
        <v>4.4487636677497475</v>
      </c>
    </row>
    <row r="1987" spans="4:28" x14ac:dyDescent="0.25">
      <c r="D1987" s="40">
        <v>32.982015000001461</v>
      </c>
      <c r="E1987" s="40">
        <v>14.328401410618515</v>
      </c>
      <c r="F1987" s="40">
        <v>32.966667000000001</v>
      </c>
      <c r="G1987" s="40">
        <v>11.430767632060515</v>
      </c>
      <c r="H1987" s="40">
        <v>32.966667000000001</v>
      </c>
      <c r="I1987" s="40">
        <v>9.1818623680117906</v>
      </c>
      <c r="J1987" s="40">
        <v>32.966654601190697</v>
      </c>
      <c r="K1987" s="40">
        <v>9.2249730018016312</v>
      </c>
      <c r="L1987" s="40"/>
      <c r="M1987" s="40"/>
      <c r="N1987" s="40"/>
      <c r="Y1987">
        <v>15.683333000000005</v>
      </c>
      <c r="Z1987">
        <v>93.983333000000002</v>
      </c>
      <c r="AA1987">
        <v>8.623443</v>
      </c>
      <c r="AB1987">
        <v>4.4491754837687534</v>
      </c>
    </row>
    <row r="1988" spans="4:28" x14ac:dyDescent="0.25">
      <c r="D1988" s="40">
        <v>32.998681000001461</v>
      </c>
      <c r="E1988" s="40">
        <v>14.333244589207936</v>
      </c>
      <c r="F1988" s="40">
        <v>32.983332999999988</v>
      </c>
      <c r="G1988" s="40">
        <v>11.430767632060515</v>
      </c>
      <c r="H1988" s="40">
        <v>32.983334000000013</v>
      </c>
      <c r="I1988" s="40">
        <v>9.1851164942685539</v>
      </c>
      <c r="J1988" s="40">
        <v>32.983321261904997</v>
      </c>
      <c r="K1988" s="40">
        <v>9.2298240455107354</v>
      </c>
      <c r="L1988" s="40"/>
      <c r="M1988" s="40"/>
      <c r="N1988" s="40"/>
      <c r="Y1988">
        <v>15.700000000000003</v>
      </c>
      <c r="Z1988">
        <v>94</v>
      </c>
      <c r="AA1988">
        <v>8.623443</v>
      </c>
      <c r="AB1988">
        <v>4.4491754837687534</v>
      </c>
    </row>
    <row r="1989" spans="4:28" x14ac:dyDescent="0.25">
      <c r="D1989" s="40">
        <v>33.015347000001462</v>
      </c>
      <c r="E1989" s="40">
        <v>14.337945321368363</v>
      </c>
      <c r="F1989" s="40">
        <v>33</v>
      </c>
      <c r="G1989" s="40">
        <v>11.435522876150733</v>
      </c>
      <c r="H1989" s="40">
        <v>33</v>
      </c>
      <c r="I1989" s="40">
        <v>9.1884692304119859</v>
      </c>
      <c r="J1989" s="40">
        <v>32.999987922619297</v>
      </c>
      <c r="K1989" s="40">
        <v>9.2298240455107354</v>
      </c>
      <c r="L1989" s="40"/>
      <c r="M1989" s="40"/>
      <c r="N1989" s="40"/>
      <c r="Y1989">
        <v>15.716667000000001</v>
      </c>
      <c r="Z1989">
        <v>94.016666999999998</v>
      </c>
      <c r="AA1989">
        <v>8.6234760000000001</v>
      </c>
      <c r="AB1989">
        <v>4.4495751875519156</v>
      </c>
    </row>
    <row r="1990" spans="4:28" x14ac:dyDescent="0.25">
      <c r="D1990" s="40">
        <v>33.032013000001463</v>
      </c>
      <c r="E1990" s="40">
        <v>14.34278849995791</v>
      </c>
      <c r="F1990" s="40">
        <v>33.016666999999998</v>
      </c>
      <c r="G1990" s="40">
        <v>11.440138260120634</v>
      </c>
      <c r="H1990" s="40">
        <v>33.016667000000012</v>
      </c>
      <c r="I1990" s="40">
        <v>9.1918219665552439</v>
      </c>
      <c r="J1990" s="40">
        <v>33.016654583333597</v>
      </c>
      <c r="K1990" s="40">
        <v>9.2346750892199676</v>
      </c>
      <c r="L1990" s="40"/>
      <c r="M1990" s="40"/>
      <c r="N1990" s="40"/>
      <c r="Y1990">
        <v>15.733333000000002</v>
      </c>
      <c r="Z1990">
        <v>94.033332999999999</v>
      </c>
      <c r="AA1990">
        <v>8.6235099999999996</v>
      </c>
      <c r="AB1990">
        <v>4.4499870035709215</v>
      </c>
    </row>
    <row r="1991" spans="4:28" x14ac:dyDescent="0.25">
      <c r="D1991" s="40">
        <v>33.048679000001464</v>
      </c>
      <c r="E1991" s="40">
        <v>14.347631678547332</v>
      </c>
      <c r="F1991" s="40">
        <v>33.033332999999999</v>
      </c>
      <c r="G1991" s="40">
        <v>11.444893504210729</v>
      </c>
      <c r="H1991" s="40">
        <v>33.033334000000011</v>
      </c>
      <c r="I1991" s="40">
        <v>9.1950760928120054</v>
      </c>
      <c r="J1991" s="40">
        <v>33.033321244047798</v>
      </c>
      <c r="K1991" s="40">
        <v>9.2393834551730283</v>
      </c>
      <c r="L1991" s="40"/>
      <c r="M1991" s="40"/>
      <c r="N1991" s="40"/>
      <c r="Y1991">
        <v>15.75</v>
      </c>
      <c r="Z1991">
        <v>94.05</v>
      </c>
      <c r="AA1991">
        <v>8.6235099999999996</v>
      </c>
      <c r="AB1991">
        <v>4.4499870035709215</v>
      </c>
    </row>
    <row r="1992" spans="4:28" x14ac:dyDescent="0.25">
      <c r="D1992" s="40">
        <v>33.065345000001464</v>
      </c>
      <c r="E1992" s="40">
        <v>14.352332410707758</v>
      </c>
      <c r="F1992" s="40">
        <v>33.049999999999997</v>
      </c>
      <c r="G1992" s="40">
        <v>11.449648748300946</v>
      </c>
      <c r="H1992" s="40">
        <v>33.050000000000011</v>
      </c>
      <c r="I1992" s="40">
        <v>9.1950760928120054</v>
      </c>
      <c r="J1992" s="40">
        <v>33.049987904762098</v>
      </c>
      <c r="K1992" s="40">
        <v>9.2442344988821343</v>
      </c>
      <c r="L1992" s="40"/>
      <c r="M1992" s="40"/>
      <c r="N1992" s="40"/>
      <c r="Y1992">
        <v>15.766666999999998</v>
      </c>
      <c r="Z1992">
        <v>94.066666999999995</v>
      </c>
      <c r="AA1992">
        <v>8.6235440000000008</v>
      </c>
      <c r="AB1992">
        <v>4.4503988195899495</v>
      </c>
    </row>
    <row r="1993" spans="4:28" x14ac:dyDescent="0.25">
      <c r="D1993" s="40">
        <v>33.082011000001465</v>
      </c>
      <c r="E1993" s="40">
        <v>14.357175589297308</v>
      </c>
      <c r="F1993" s="40">
        <v>33.066666999999995</v>
      </c>
      <c r="G1993" s="40">
        <v>11.454264132270847</v>
      </c>
      <c r="H1993" s="40">
        <v>33.06666700000001</v>
      </c>
      <c r="I1993" s="40">
        <v>9.1984288289552616</v>
      </c>
      <c r="J1993" s="40">
        <v>33.066654565476398</v>
      </c>
      <c r="K1993" s="40">
        <v>9.2490855425913665</v>
      </c>
      <c r="L1993" s="40"/>
      <c r="M1993" s="40"/>
      <c r="N1993" s="40"/>
      <c r="Y1993">
        <v>15.783332999999999</v>
      </c>
      <c r="Z1993">
        <v>94.083332999999996</v>
      </c>
      <c r="AA1993">
        <v>8.6235440000000008</v>
      </c>
      <c r="AB1993">
        <v>4.4503988195899495</v>
      </c>
    </row>
    <row r="1994" spans="4:28" x14ac:dyDescent="0.25">
      <c r="D1994" s="40">
        <v>33.098677000001466</v>
      </c>
      <c r="E1994" s="40">
        <v>14.362018767886729</v>
      </c>
      <c r="F1994" s="40">
        <v>33.083332999999996</v>
      </c>
      <c r="G1994" s="40">
        <v>11.459019376360944</v>
      </c>
      <c r="H1994" s="40">
        <v>33.083334000000008</v>
      </c>
      <c r="I1994" s="40">
        <v>9.2017815650986936</v>
      </c>
      <c r="J1994" s="40">
        <v>33.083321226190698</v>
      </c>
      <c r="K1994" s="40">
        <v>9.2490855425913665</v>
      </c>
      <c r="L1994" s="40"/>
      <c r="M1994" s="40"/>
      <c r="N1994" s="40"/>
      <c r="Y1994">
        <v>15.799999999999997</v>
      </c>
      <c r="Z1994">
        <v>94.1</v>
      </c>
      <c r="AA1994">
        <v>8.6235769999999992</v>
      </c>
      <c r="AB1994">
        <v>4.4507985233730905</v>
      </c>
    </row>
    <row r="1995" spans="4:28" x14ac:dyDescent="0.25">
      <c r="D1995" s="40">
        <v>33.115343000001467</v>
      </c>
      <c r="E1995" s="40">
        <v>14.366719500047154</v>
      </c>
      <c r="F1995" s="40">
        <v>33.099999999999994</v>
      </c>
      <c r="G1995" s="40">
        <v>11.459019376360944</v>
      </c>
      <c r="H1995" s="40">
        <v>33.100000000000009</v>
      </c>
      <c r="I1995" s="40">
        <v>9.2050356913552829</v>
      </c>
      <c r="J1995" s="40">
        <v>33.099987886904998</v>
      </c>
      <c r="K1995" s="40">
        <v>9.2537939085444254</v>
      </c>
      <c r="L1995" s="40"/>
      <c r="M1995" s="40"/>
      <c r="N1995" s="40"/>
      <c r="Y1995">
        <v>15.81666700000001</v>
      </c>
      <c r="Z1995">
        <v>94.116667000000007</v>
      </c>
      <c r="AA1995">
        <v>8.6236110000000004</v>
      </c>
      <c r="AB1995">
        <v>4.4512103393921176</v>
      </c>
    </row>
    <row r="1996" spans="4:28" x14ac:dyDescent="0.25">
      <c r="D1996" s="40">
        <v>33.132009000001467</v>
      </c>
      <c r="E1996" s="40">
        <v>14.371562678636701</v>
      </c>
      <c r="F1996" s="40">
        <v>33.116666999999993</v>
      </c>
      <c r="G1996" s="40">
        <v>11.463774620451161</v>
      </c>
      <c r="H1996" s="40">
        <v>33.116667000000007</v>
      </c>
      <c r="I1996" s="40">
        <v>9.2083884274987149</v>
      </c>
      <c r="J1996" s="40">
        <v>33.116654547619298</v>
      </c>
      <c r="K1996" s="40">
        <v>9.2586449522535315</v>
      </c>
      <c r="L1996" s="40"/>
      <c r="M1996" s="40"/>
      <c r="N1996" s="40"/>
      <c r="Y1996">
        <v>15.833332999999996</v>
      </c>
      <c r="Z1996">
        <v>94.133332999999993</v>
      </c>
      <c r="AA1996">
        <v>8.6236440000000005</v>
      </c>
      <c r="AB1996">
        <v>4.4516100431752808</v>
      </c>
    </row>
    <row r="1997" spans="4:28" x14ac:dyDescent="0.25">
      <c r="D1997" s="40">
        <v>33.148675000001468</v>
      </c>
      <c r="E1997" s="40">
        <v>14.376405857226251</v>
      </c>
      <c r="F1997" s="40">
        <v>33.133332999999993</v>
      </c>
      <c r="G1997" s="40">
        <v>11.468390004421062</v>
      </c>
      <c r="H1997" s="40">
        <v>33.133334000000005</v>
      </c>
      <c r="I1997" s="40">
        <v>9.2117411636419728</v>
      </c>
      <c r="J1997" s="40">
        <v>33.133321208333598</v>
      </c>
      <c r="K1997" s="40">
        <v>9.2634959959627636</v>
      </c>
      <c r="L1997" s="40"/>
      <c r="M1997" s="40"/>
      <c r="N1997" s="40"/>
      <c r="Y1997">
        <v>15.850000000000009</v>
      </c>
      <c r="Z1997">
        <v>94.15</v>
      </c>
      <c r="AA1997">
        <v>8.6236440000000005</v>
      </c>
      <c r="AB1997">
        <v>4.4516100431752808</v>
      </c>
    </row>
    <row r="1998" spans="4:28" x14ac:dyDescent="0.25">
      <c r="D1998" s="40">
        <v>33.165341000001469</v>
      </c>
      <c r="E1998" s="40">
        <v>14.381106589386549</v>
      </c>
      <c r="F1998" s="40">
        <v>33.149999999999991</v>
      </c>
      <c r="G1998" s="40">
        <v>11.473145248511159</v>
      </c>
      <c r="H1998" s="40">
        <v>33.150000000000006</v>
      </c>
      <c r="I1998" s="40">
        <v>9.2117411636419728</v>
      </c>
      <c r="J1998" s="40">
        <v>33.149987869047798</v>
      </c>
      <c r="K1998" s="40">
        <v>9.2634959959627636</v>
      </c>
      <c r="L1998" s="40"/>
      <c r="M1998" s="40"/>
      <c r="N1998" s="40"/>
      <c r="Y1998">
        <v>15.866667000000007</v>
      </c>
      <c r="Z1998">
        <v>94.166667000000004</v>
      </c>
      <c r="AA1998">
        <v>8.623678</v>
      </c>
      <c r="AB1998">
        <v>4.4520218591942866</v>
      </c>
    </row>
    <row r="1999" spans="4:28" x14ac:dyDescent="0.25">
      <c r="D1999" s="40">
        <v>33.18200700000147</v>
      </c>
      <c r="E1999" s="40">
        <v>14.385949767976099</v>
      </c>
      <c r="F1999" s="40">
        <v>33.16666699999999</v>
      </c>
      <c r="G1999" s="40">
        <v>11.477900492601377</v>
      </c>
      <c r="H1999" s="40">
        <v>33.166667000000004</v>
      </c>
      <c r="I1999" s="40">
        <v>9.2149952898987362</v>
      </c>
      <c r="J1999" s="40">
        <v>33.166654529762098</v>
      </c>
      <c r="K1999" s="40">
        <v>9.2682043619158243</v>
      </c>
      <c r="L1999" s="40"/>
      <c r="M1999" s="40"/>
      <c r="N1999" s="40"/>
      <c r="Y1999">
        <v>15.883333000000007</v>
      </c>
      <c r="Z1999">
        <v>94.183333000000005</v>
      </c>
      <c r="AA1999">
        <v>8.6237119999999994</v>
      </c>
      <c r="AB1999">
        <v>4.4524336752132934</v>
      </c>
    </row>
    <row r="2000" spans="4:28" x14ac:dyDescent="0.25">
      <c r="D2000" s="40">
        <v>33.19867300000147</v>
      </c>
      <c r="E2000" s="40">
        <v>14.390792946565647</v>
      </c>
      <c r="F2000" s="40">
        <v>33.18333299999999</v>
      </c>
      <c r="G2000" s="40">
        <v>11.482515876571277</v>
      </c>
      <c r="H2000" s="40">
        <v>33.183334000000002</v>
      </c>
      <c r="I2000" s="40">
        <v>9.2149952898987362</v>
      </c>
      <c r="J2000" s="40">
        <v>33.183321190476398</v>
      </c>
      <c r="K2000" s="40">
        <v>9.2730554056250565</v>
      </c>
      <c r="L2000" s="40"/>
      <c r="M2000" s="40"/>
      <c r="N2000" s="40"/>
      <c r="Y2000">
        <v>15.900000000000006</v>
      </c>
      <c r="Z2000">
        <v>94.2</v>
      </c>
      <c r="AA2000">
        <v>8.6237119999999994</v>
      </c>
      <c r="AB2000">
        <v>4.4524336752132934</v>
      </c>
    </row>
    <row r="2001" spans="4:28" x14ac:dyDescent="0.25">
      <c r="D2001" s="40">
        <v>33.215339000001471</v>
      </c>
      <c r="E2001" s="40">
        <v>14.395493678725945</v>
      </c>
      <c r="F2001" s="40">
        <v>33.199999999999989</v>
      </c>
      <c r="G2001" s="40">
        <v>11.487271120661497</v>
      </c>
      <c r="H2001" s="40">
        <v>33.200000000000003</v>
      </c>
      <c r="I2001" s="40">
        <v>9.2183480260419923</v>
      </c>
      <c r="J2001" s="40">
        <v>33.199987851190699</v>
      </c>
      <c r="K2001" s="40">
        <v>9.2779064493341625</v>
      </c>
      <c r="L2001" s="40"/>
      <c r="M2001" s="40"/>
      <c r="N2001" s="40"/>
      <c r="Y2001">
        <v>15.916667000000004</v>
      </c>
      <c r="Z2001">
        <v>94.216667000000001</v>
      </c>
      <c r="AA2001">
        <v>8.6237449999999995</v>
      </c>
      <c r="AB2001">
        <v>4.4528333789964547</v>
      </c>
    </row>
    <row r="2002" spans="4:28" x14ac:dyDescent="0.25">
      <c r="D2002" s="40">
        <v>33.232005000001472</v>
      </c>
      <c r="E2002" s="40">
        <v>14.400336857315493</v>
      </c>
      <c r="F2002" s="40">
        <v>33.216667000000001</v>
      </c>
      <c r="G2002" s="40">
        <v>11.492026364751592</v>
      </c>
      <c r="H2002" s="40">
        <v>33.216667000000001</v>
      </c>
      <c r="I2002" s="40">
        <v>9.2183480260419923</v>
      </c>
      <c r="J2002" s="40">
        <v>33.216654511904999</v>
      </c>
      <c r="K2002" s="40">
        <v>9.2779064493341625</v>
      </c>
      <c r="L2002" s="40"/>
      <c r="M2002" s="40"/>
      <c r="N2002" s="40"/>
      <c r="Y2002">
        <v>15.933333000000005</v>
      </c>
      <c r="Z2002">
        <v>94.233333000000002</v>
      </c>
      <c r="AA2002">
        <v>8.6237449999999995</v>
      </c>
      <c r="AB2002">
        <v>4.4528333789964547</v>
      </c>
    </row>
    <row r="2003" spans="4:28" x14ac:dyDescent="0.25">
      <c r="D2003" s="40">
        <v>33.248671000001472</v>
      </c>
      <c r="E2003" s="40">
        <v>14.40518003590504</v>
      </c>
      <c r="F2003" s="40">
        <v>33.233332999999988</v>
      </c>
      <c r="G2003" s="40">
        <v>11.492026364751592</v>
      </c>
      <c r="H2003" s="40">
        <v>33.233334000000013</v>
      </c>
      <c r="I2003" s="40">
        <v>9.2217007621854243</v>
      </c>
      <c r="J2003" s="40">
        <v>33.233321172619299</v>
      </c>
      <c r="K2003" s="40">
        <v>9.2826148152872214</v>
      </c>
      <c r="L2003" s="40"/>
      <c r="M2003" s="40"/>
      <c r="N2003" s="40"/>
      <c r="Y2003">
        <v>15.950000000000003</v>
      </c>
      <c r="Z2003">
        <v>94.25</v>
      </c>
      <c r="AA2003">
        <v>8.6237790000000007</v>
      </c>
      <c r="AB2003">
        <v>4.4532451950154828</v>
      </c>
    </row>
    <row r="2004" spans="4:28" x14ac:dyDescent="0.25">
      <c r="D2004" s="40">
        <v>33.265337000001473</v>
      </c>
      <c r="E2004" s="40">
        <v>14.409880768065467</v>
      </c>
      <c r="F2004" s="40">
        <v>33.25</v>
      </c>
      <c r="G2004" s="40">
        <v>11.496641748721492</v>
      </c>
      <c r="H2004" s="40">
        <v>33.25</v>
      </c>
      <c r="I2004" s="40">
        <v>9.2217007621854243</v>
      </c>
      <c r="J2004" s="40">
        <v>33.249987833333599</v>
      </c>
      <c r="K2004" s="40">
        <v>9.2874658589964536</v>
      </c>
      <c r="L2004" s="40"/>
      <c r="M2004" s="40"/>
      <c r="N2004" s="40"/>
      <c r="Y2004">
        <v>15.966667000000001</v>
      </c>
      <c r="Z2004">
        <v>94.266666999999998</v>
      </c>
      <c r="AA2004">
        <v>8.6238130000000002</v>
      </c>
      <c r="AB2004">
        <v>4.4536570110344886</v>
      </c>
    </row>
    <row r="2005" spans="4:28" x14ac:dyDescent="0.25">
      <c r="D2005" s="40">
        <v>33.282003000001474</v>
      </c>
      <c r="E2005" s="40">
        <v>14.414723946654888</v>
      </c>
      <c r="F2005" s="40">
        <v>33.266666999999998</v>
      </c>
      <c r="G2005" s="40">
        <v>11.501396992811712</v>
      </c>
      <c r="H2005" s="40">
        <v>33.266667000000012</v>
      </c>
      <c r="I2005" s="40">
        <v>9.2249548884421877</v>
      </c>
      <c r="J2005" s="40">
        <v>33.266654494047899</v>
      </c>
      <c r="K2005" s="40">
        <v>9.2923169027055597</v>
      </c>
      <c r="L2005" s="40"/>
      <c r="M2005" s="40"/>
      <c r="N2005" s="40"/>
      <c r="Y2005">
        <v>15.983333000000002</v>
      </c>
      <c r="Z2005">
        <v>94.283332999999999</v>
      </c>
      <c r="AA2005">
        <v>8.6238130000000002</v>
      </c>
      <c r="AB2005">
        <v>4.4536570110344886</v>
      </c>
    </row>
    <row r="2006" spans="4:28" x14ac:dyDescent="0.25">
      <c r="D2006" s="40">
        <v>33.298669000001475</v>
      </c>
      <c r="E2006" s="40">
        <v>14.419567125244438</v>
      </c>
      <c r="F2006" s="40">
        <v>33.283332999999999</v>
      </c>
      <c r="G2006" s="40">
        <v>11.506152236901805</v>
      </c>
      <c r="H2006" s="40">
        <v>33.283334000000011</v>
      </c>
      <c r="I2006" s="40">
        <v>9.2283076245854456</v>
      </c>
      <c r="J2006" s="40">
        <v>33.283321154762099</v>
      </c>
      <c r="K2006" s="40">
        <v>9.2923169027055597</v>
      </c>
      <c r="L2006" s="40"/>
      <c r="M2006" s="40"/>
      <c r="N2006" s="40"/>
      <c r="Y2006">
        <v>16</v>
      </c>
      <c r="Z2006">
        <v>94.3</v>
      </c>
      <c r="AA2006">
        <v>8.6238460000000003</v>
      </c>
      <c r="AB2006">
        <v>4.4540567148176509</v>
      </c>
    </row>
    <row r="2007" spans="4:28" x14ac:dyDescent="0.25">
      <c r="D2007" s="40">
        <v>33.315335000001475</v>
      </c>
      <c r="E2007" s="40">
        <v>14.424267857404864</v>
      </c>
      <c r="F2007" s="40">
        <v>33.299999999999997</v>
      </c>
      <c r="G2007" s="40">
        <v>11.510767620871706</v>
      </c>
      <c r="H2007" s="40">
        <v>33.300000000000011</v>
      </c>
      <c r="I2007" s="40">
        <v>9.2316603607287036</v>
      </c>
      <c r="J2007" s="40">
        <v>33.299987815476399</v>
      </c>
      <c r="K2007" s="40">
        <v>9.2970252686586203</v>
      </c>
      <c r="L2007" s="40"/>
      <c r="M2007" s="40"/>
      <c r="N2007" s="40"/>
      <c r="Y2007">
        <v>16.016666999999998</v>
      </c>
      <c r="Z2007">
        <v>94.316666999999995</v>
      </c>
      <c r="AA2007">
        <v>8.6238460000000003</v>
      </c>
      <c r="AB2007">
        <v>4.4540567148176509</v>
      </c>
    </row>
    <row r="2008" spans="4:28" x14ac:dyDescent="0.25">
      <c r="D2008" s="40">
        <v>33.332001000001476</v>
      </c>
      <c r="E2008" s="40">
        <v>14.433954214583832</v>
      </c>
      <c r="F2008" s="40">
        <v>33.316666999999995</v>
      </c>
      <c r="G2008" s="40">
        <v>11.510767620871706</v>
      </c>
      <c r="H2008" s="40">
        <v>33.31666700000001</v>
      </c>
      <c r="I2008" s="40">
        <v>9.2316603607287036</v>
      </c>
      <c r="J2008" s="40">
        <v>33.316654476190699</v>
      </c>
      <c r="K2008" s="40">
        <v>9.3018763123678525</v>
      </c>
      <c r="L2008" s="40"/>
      <c r="M2008" s="40"/>
      <c r="N2008" s="40"/>
      <c r="Y2008">
        <v>16.033332999999999</v>
      </c>
      <c r="Z2008">
        <v>94.333332999999996</v>
      </c>
      <c r="AA2008">
        <v>8.6238799999999998</v>
      </c>
      <c r="AB2008">
        <v>4.4544685308366576</v>
      </c>
    </row>
    <row r="2009" spans="4:28" x14ac:dyDescent="0.25">
      <c r="D2009" s="40">
        <v>33.348667000001477</v>
      </c>
      <c r="E2009" s="40">
        <v>14.438797393173381</v>
      </c>
      <c r="F2009" s="40">
        <v>33.333332999999996</v>
      </c>
      <c r="G2009" s="40">
        <v>11.515522864961925</v>
      </c>
      <c r="H2009" s="40">
        <v>33.333334000000008</v>
      </c>
      <c r="I2009" s="40">
        <v>9.2349144869854669</v>
      </c>
      <c r="J2009" s="40">
        <v>33.333321136904999</v>
      </c>
      <c r="K2009" s="40">
        <v>9.3018763123678525</v>
      </c>
      <c r="L2009" s="40"/>
      <c r="M2009" s="40"/>
      <c r="N2009" s="40"/>
      <c r="Y2009">
        <v>16.049999999999997</v>
      </c>
      <c r="Z2009">
        <v>94.35</v>
      </c>
      <c r="AA2009">
        <v>8.6239139999999992</v>
      </c>
      <c r="AB2009">
        <v>4.4548803468556635</v>
      </c>
    </row>
    <row r="2010" spans="4:28" x14ac:dyDescent="0.25">
      <c r="D2010" s="40">
        <v>33.365333000001478</v>
      </c>
      <c r="E2010" s="40">
        <v>14.443498125333679</v>
      </c>
      <c r="F2010" s="40">
        <v>33.349999999999994</v>
      </c>
      <c r="G2010" s="40">
        <v>11.520278109052022</v>
      </c>
      <c r="H2010" s="40">
        <v>33.350000000000009</v>
      </c>
      <c r="I2010" s="40">
        <v>9.2382672231287213</v>
      </c>
      <c r="J2010" s="40">
        <v>33.349987797619299</v>
      </c>
      <c r="K2010" s="40">
        <v>9.3067273560769568</v>
      </c>
      <c r="L2010" s="40"/>
      <c r="M2010" s="40"/>
      <c r="N2010" s="40"/>
      <c r="Y2010">
        <v>16.06666700000001</v>
      </c>
      <c r="Z2010">
        <v>94.366667000000007</v>
      </c>
      <c r="AA2010">
        <v>8.6239139999999992</v>
      </c>
      <c r="AB2010">
        <v>4.4548803468556635</v>
      </c>
    </row>
    <row r="2011" spans="4:28" x14ac:dyDescent="0.25">
      <c r="D2011" s="40">
        <v>33.381999000001478</v>
      </c>
      <c r="E2011" s="40">
        <v>14.443498125333679</v>
      </c>
      <c r="F2011" s="40">
        <v>33.366666999999993</v>
      </c>
      <c r="G2011" s="40">
        <v>11.52503335314224</v>
      </c>
      <c r="H2011" s="40">
        <v>33.366667000000007</v>
      </c>
      <c r="I2011" s="40">
        <v>9.2416199592721551</v>
      </c>
      <c r="J2011" s="40">
        <v>33.366654458333599</v>
      </c>
      <c r="K2011" s="40">
        <v>9.3067273560769568</v>
      </c>
      <c r="L2011" s="40"/>
      <c r="M2011" s="40"/>
      <c r="N2011" s="40"/>
      <c r="Y2011">
        <v>16.083332999999996</v>
      </c>
      <c r="Z2011">
        <v>94.383332999999993</v>
      </c>
      <c r="AA2011">
        <v>8.6239469999999994</v>
      </c>
      <c r="AB2011">
        <v>4.4552800506388257</v>
      </c>
    </row>
    <row r="2012" spans="4:28" x14ac:dyDescent="0.25">
      <c r="D2012" s="40">
        <v>33.398665000001479</v>
      </c>
      <c r="E2012" s="40">
        <v>14.448341303923229</v>
      </c>
      <c r="F2012" s="40">
        <v>33.383332999999993</v>
      </c>
      <c r="G2012" s="40">
        <v>11.52964873711214</v>
      </c>
      <c r="H2012" s="40">
        <v>33.383334000000005</v>
      </c>
      <c r="I2012" s="40">
        <v>9.2448740855289167</v>
      </c>
      <c r="J2012" s="40">
        <v>33.383321119047899</v>
      </c>
      <c r="K2012" s="40">
        <v>9.3114357220300175</v>
      </c>
      <c r="L2012" s="40"/>
      <c r="M2012" s="40"/>
      <c r="N2012" s="40"/>
      <c r="Y2012">
        <v>16.100000000000009</v>
      </c>
      <c r="Z2012">
        <v>94.4</v>
      </c>
      <c r="AA2012">
        <v>8.6239469999999994</v>
      </c>
      <c r="AB2012">
        <v>4.4552800506388257</v>
      </c>
    </row>
    <row r="2013" spans="4:28" x14ac:dyDescent="0.25">
      <c r="D2013" s="40">
        <v>33.41533100000148</v>
      </c>
      <c r="E2013" s="40">
        <v>14.453184482512777</v>
      </c>
      <c r="F2013" s="40">
        <v>33.399999999999991</v>
      </c>
      <c r="G2013" s="40">
        <v>11.534403981202237</v>
      </c>
      <c r="H2013" s="40">
        <v>33.400000000000006</v>
      </c>
      <c r="I2013" s="40">
        <v>9.2482268216721746</v>
      </c>
      <c r="J2013" s="40">
        <v>33.3999877797621</v>
      </c>
      <c r="K2013" s="40">
        <v>9.3114357220300175</v>
      </c>
      <c r="L2013" s="40"/>
      <c r="M2013" s="40"/>
      <c r="N2013" s="40"/>
      <c r="Y2013">
        <v>16.116667000000007</v>
      </c>
      <c r="Z2013">
        <v>94.416667000000004</v>
      </c>
      <c r="AA2013">
        <v>8.6239810000000006</v>
      </c>
      <c r="AB2013">
        <v>4.4556918666578538</v>
      </c>
    </row>
    <row r="2014" spans="4:28" x14ac:dyDescent="0.25">
      <c r="D2014" s="40">
        <v>33.431997000001481</v>
      </c>
      <c r="E2014" s="40">
        <v>14.457885214673077</v>
      </c>
      <c r="F2014" s="40">
        <v>33.41666699999999</v>
      </c>
      <c r="G2014" s="40">
        <v>11.539159225292455</v>
      </c>
      <c r="H2014" s="40">
        <v>33.416667000000004</v>
      </c>
      <c r="I2014" s="40">
        <v>9.2515795578154325</v>
      </c>
      <c r="J2014" s="40">
        <v>33.4166544404764</v>
      </c>
      <c r="K2014" s="40">
        <v>9.3162867657392496</v>
      </c>
      <c r="L2014" s="40"/>
      <c r="M2014" s="40"/>
      <c r="N2014" s="40"/>
      <c r="Y2014">
        <v>16.133333000000007</v>
      </c>
      <c r="Z2014">
        <v>94.433333000000005</v>
      </c>
      <c r="AA2014">
        <v>8.6239810000000006</v>
      </c>
      <c r="AB2014">
        <v>4.4556918666578538</v>
      </c>
    </row>
    <row r="2015" spans="4:28" x14ac:dyDescent="0.25">
      <c r="D2015" s="40">
        <v>33.448663000001481</v>
      </c>
      <c r="E2015" s="40">
        <v>14.462728393262624</v>
      </c>
      <c r="F2015" s="40">
        <v>33.43333299999999</v>
      </c>
      <c r="G2015" s="40">
        <v>11.543774609262355</v>
      </c>
      <c r="H2015" s="40">
        <v>33.433334000000002</v>
      </c>
      <c r="I2015" s="40">
        <v>9.2548336840721959</v>
      </c>
      <c r="J2015" s="40">
        <v>33.4333211011907</v>
      </c>
      <c r="K2015" s="40">
        <v>9.3162867657392496</v>
      </c>
      <c r="L2015" s="40"/>
      <c r="M2015" s="40"/>
      <c r="N2015" s="40"/>
      <c r="Y2015">
        <v>16.150000000000006</v>
      </c>
      <c r="Z2015">
        <v>94.45</v>
      </c>
      <c r="AA2015">
        <v>8.624015</v>
      </c>
      <c r="AB2015">
        <v>4.4561036826768596</v>
      </c>
    </row>
    <row r="2016" spans="4:28" x14ac:dyDescent="0.25">
      <c r="D2016" s="40">
        <v>33.465329000001482</v>
      </c>
      <c r="E2016" s="40">
        <v>14.467571571852174</v>
      </c>
      <c r="F2016" s="40">
        <v>33.449999999999989</v>
      </c>
      <c r="G2016" s="40">
        <v>11.548529853352575</v>
      </c>
      <c r="H2016" s="40">
        <v>33.450000000000003</v>
      </c>
      <c r="I2016" s="40">
        <v>9.258186420215452</v>
      </c>
      <c r="J2016" s="40">
        <v>33.449987761905</v>
      </c>
      <c r="K2016" s="40">
        <v>9.3162867657392496</v>
      </c>
      <c r="L2016" s="40"/>
      <c r="M2016" s="40"/>
      <c r="N2016" s="40"/>
      <c r="Y2016">
        <v>16.166667000000004</v>
      </c>
      <c r="Z2016">
        <v>94.466667000000001</v>
      </c>
      <c r="AA2016">
        <v>8.6240480000000002</v>
      </c>
      <c r="AB2016">
        <v>4.4565033864600219</v>
      </c>
    </row>
    <row r="2017" spans="4:28" x14ac:dyDescent="0.25">
      <c r="D2017" s="40">
        <v>33.481995000001483</v>
      </c>
      <c r="E2017" s="40">
        <v>14.467571571852174</v>
      </c>
      <c r="F2017" s="40">
        <v>33.466667000000001</v>
      </c>
      <c r="G2017" s="40">
        <v>11.548529853352575</v>
      </c>
      <c r="H2017" s="40">
        <v>33.466667000000001</v>
      </c>
      <c r="I2017" s="40">
        <v>9.2615391563588858</v>
      </c>
      <c r="J2017" s="40">
        <v>33.4666544226193</v>
      </c>
      <c r="K2017" s="40">
        <v>9.3162867657392496</v>
      </c>
      <c r="L2017" s="40"/>
      <c r="M2017" s="40"/>
      <c r="N2017" s="40"/>
      <c r="Y2017">
        <v>16.183333000000005</v>
      </c>
      <c r="Z2017">
        <v>94.483333000000002</v>
      </c>
      <c r="AA2017">
        <v>8.6240480000000002</v>
      </c>
      <c r="AB2017">
        <v>4.4565033864600219</v>
      </c>
    </row>
    <row r="2018" spans="4:28" x14ac:dyDescent="0.25">
      <c r="D2018" s="40">
        <v>33.498661000001484</v>
      </c>
      <c r="E2018" s="40">
        <v>14.472272304012598</v>
      </c>
      <c r="F2018" s="40">
        <v>33.483332999999988</v>
      </c>
      <c r="G2018" s="40">
        <v>11.55328509744267</v>
      </c>
      <c r="H2018" s="40">
        <v>33.483334000000013</v>
      </c>
      <c r="I2018" s="40">
        <v>9.2647932826156474</v>
      </c>
      <c r="J2018" s="40">
        <v>33.4833210833336</v>
      </c>
      <c r="K2018" s="40">
        <v>9.3162867657392496</v>
      </c>
      <c r="L2018" s="40"/>
      <c r="M2018" s="40"/>
      <c r="N2018" s="40"/>
      <c r="Y2018">
        <v>16.200000000000003</v>
      </c>
      <c r="Z2018">
        <v>94.5</v>
      </c>
      <c r="AA2018">
        <v>8.6240819999999996</v>
      </c>
      <c r="AB2018">
        <v>4.4569152024790277</v>
      </c>
    </row>
    <row r="2019" spans="4:28" x14ac:dyDescent="0.25">
      <c r="D2019" s="40">
        <v>33.515327000001484</v>
      </c>
      <c r="E2019" s="40">
        <v>14.47711548260202</v>
      </c>
      <c r="F2019" s="40">
        <v>33.5</v>
      </c>
      <c r="G2019" s="40">
        <v>11.557900481412569</v>
      </c>
      <c r="H2019" s="40">
        <v>33.5</v>
      </c>
      <c r="I2019" s="40">
        <v>9.2647932826156474</v>
      </c>
      <c r="J2019" s="40">
        <v>33.4999877440479</v>
      </c>
      <c r="K2019" s="40">
        <v>9.3211378094484818</v>
      </c>
      <c r="L2019" s="40"/>
      <c r="M2019" s="40"/>
      <c r="N2019" s="40"/>
      <c r="Y2019">
        <v>16.216667000000001</v>
      </c>
      <c r="Z2019">
        <v>94.516666999999998</v>
      </c>
      <c r="AA2019">
        <v>8.6240819999999996</v>
      </c>
      <c r="AB2019">
        <v>4.4569152024790277</v>
      </c>
    </row>
    <row r="2020" spans="4:28" x14ac:dyDescent="0.25">
      <c r="D2020" s="40">
        <v>33.531993000001485</v>
      </c>
      <c r="E2020" s="40">
        <v>14.481958661191568</v>
      </c>
      <c r="F2020" s="40">
        <v>33.516666999999998</v>
      </c>
      <c r="G2020" s="40">
        <v>11.557900481412569</v>
      </c>
      <c r="H2020" s="40">
        <v>33.516667000000012</v>
      </c>
      <c r="I2020" s="40">
        <v>9.2681460187589053</v>
      </c>
      <c r="J2020" s="40">
        <v>33.5166544047621</v>
      </c>
      <c r="K2020" s="40">
        <v>9.3211378094484818</v>
      </c>
      <c r="L2020" s="40"/>
      <c r="M2020" s="40"/>
      <c r="N2020" s="40"/>
      <c r="Y2020">
        <v>16.233333000000002</v>
      </c>
      <c r="Z2020">
        <v>94.533332999999999</v>
      </c>
      <c r="AA2020">
        <v>8.6241160000000008</v>
      </c>
      <c r="AB2020">
        <v>4.4573270184980567</v>
      </c>
    </row>
    <row r="2021" spans="4:28" x14ac:dyDescent="0.25">
      <c r="D2021" s="40">
        <v>33.548659000001486</v>
      </c>
      <c r="E2021" s="40">
        <v>14.486659393351994</v>
      </c>
      <c r="F2021" s="40">
        <v>33.533332999999999</v>
      </c>
      <c r="G2021" s="40">
        <v>11.56265572550279</v>
      </c>
      <c r="H2021" s="40">
        <v>33.533334000000011</v>
      </c>
      <c r="I2021" s="40">
        <v>9.2681460187589053</v>
      </c>
      <c r="J2021" s="40">
        <v>33.5333210654764</v>
      </c>
      <c r="K2021" s="40">
        <v>9.3258461754014164</v>
      </c>
      <c r="L2021" s="40"/>
      <c r="M2021" s="40"/>
      <c r="N2021" s="40"/>
      <c r="Y2021">
        <v>16.25</v>
      </c>
      <c r="Z2021">
        <v>94.55</v>
      </c>
      <c r="AA2021">
        <v>8.6241489999999992</v>
      </c>
      <c r="AB2021">
        <v>4.4577267222811967</v>
      </c>
    </row>
    <row r="2022" spans="4:28" x14ac:dyDescent="0.25">
      <c r="D2022" s="40">
        <v>33.565325000001486</v>
      </c>
      <c r="E2022" s="40">
        <v>14.491502571941416</v>
      </c>
      <c r="F2022" s="40">
        <v>33.549999999999997</v>
      </c>
      <c r="G2022" s="40">
        <v>11.56265572550279</v>
      </c>
      <c r="H2022" s="40">
        <v>33.550000000000011</v>
      </c>
      <c r="I2022" s="40">
        <v>9.2714987549021632</v>
      </c>
      <c r="J2022" s="40">
        <v>33.5499877261907</v>
      </c>
      <c r="K2022" s="40">
        <v>9.3258461754014164</v>
      </c>
      <c r="L2022" s="40"/>
      <c r="M2022" s="40"/>
      <c r="N2022" s="40"/>
      <c r="Y2022">
        <v>16.266666999999998</v>
      </c>
      <c r="Z2022">
        <v>94.566666999999995</v>
      </c>
      <c r="AA2022">
        <v>8.6241489999999992</v>
      </c>
      <c r="AB2022">
        <v>4.4577267222811967</v>
      </c>
    </row>
    <row r="2023" spans="4:28" x14ac:dyDescent="0.25">
      <c r="D2023" s="40">
        <v>33.581991000001487</v>
      </c>
      <c r="E2023" s="40">
        <v>14.496345750530965</v>
      </c>
      <c r="F2023" s="40">
        <v>33.566666999999995</v>
      </c>
      <c r="G2023" s="40">
        <v>11.567410969592883</v>
      </c>
      <c r="H2023" s="40">
        <v>33.56666700000001</v>
      </c>
      <c r="I2023" s="40">
        <v>9.2747528811589266</v>
      </c>
      <c r="J2023" s="40">
        <v>33.566654386905</v>
      </c>
      <c r="K2023" s="40">
        <v>9.3258461754014164</v>
      </c>
      <c r="L2023" s="40"/>
      <c r="M2023" s="40"/>
      <c r="N2023" s="40"/>
      <c r="Y2023">
        <v>16.283332999999999</v>
      </c>
      <c r="Z2023">
        <v>94.583332999999996</v>
      </c>
      <c r="AA2023">
        <v>8.6241830000000004</v>
      </c>
      <c r="AB2023">
        <v>4.4581385383002239</v>
      </c>
    </row>
    <row r="2024" spans="4:28" x14ac:dyDescent="0.25">
      <c r="D2024" s="40">
        <v>33.598657000001488</v>
      </c>
      <c r="E2024" s="40">
        <v>14.501046482691388</v>
      </c>
      <c r="F2024" s="40">
        <v>33.583332999999996</v>
      </c>
      <c r="G2024" s="40">
        <v>11.572026353562784</v>
      </c>
      <c r="H2024" s="40">
        <v>33.583334000000008</v>
      </c>
      <c r="I2024" s="40">
        <v>9.2781056173023568</v>
      </c>
      <c r="J2024" s="40">
        <v>33.5833210476193</v>
      </c>
      <c r="K2024" s="40">
        <v>9.3258461754014164</v>
      </c>
      <c r="L2024" s="40"/>
      <c r="M2024" s="40"/>
      <c r="N2024" s="40"/>
      <c r="Y2024">
        <v>16.299999999999997</v>
      </c>
      <c r="Z2024">
        <v>94.6</v>
      </c>
      <c r="AA2024">
        <v>8.6241830000000004</v>
      </c>
      <c r="AB2024">
        <v>4.4581385383002239</v>
      </c>
    </row>
    <row r="2025" spans="4:28" x14ac:dyDescent="0.25">
      <c r="D2025" s="40">
        <v>33.615323000001489</v>
      </c>
      <c r="E2025" s="40">
        <v>14.510732839870359</v>
      </c>
      <c r="F2025" s="40">
        <v>33.599999999999994</v>
      </c>
      <c r="G2025" s="40">
        <v>11.576781597653003</v>
      </c>
      <c r="H2025" s="40">
        <v>33.600000000000009</v>
      </c>
      <c r="I2025" s="40">
        <v>9.2814583534456148</v>
      </c>
      <c r="J2025" s="40">
        <v>33.5999877083336</v>
      </c>
      <c r="K2025" s="40">
        <v>9.3306972191106468</v>
      </c>
      <c r="L2025" s="40"/>
      <c r="M2025" s="40"/>
      <c r="N2025" s="40"/>
      <c r="Y2025">
        <v>16.31666700000001</v>
      </c>
      <c r="Z2025">
        <v>94.616667000000007</v>
      </c>
      <c r="AA2025">
        <v>8.6242169999999998</v>
      </c>
      <c r="AB2025">
        <v>4.4585503543192306</v>
      </c>
    </row>
    <row r="2026" spans="4:28" x14ac:dyDescent="0.25">
      <c r="D2026" s="40">
        <v>33.631989000001489</v>
      </c>
      <c r="E2026" s="40">
        <v>14.515433572030785</v>
      </c>
      <c r="F2026" s="40">
        <v>33.616666999999993</v>
      </c>
      <c r="G2026" s="40">
        <v>11.581536841743098</v>
      </c>
      <c r="H2026" s="40">
        <v>33.616667000000007</v>
      </c>
      <c r="I2026" s="40">
        <v>9.2847124797023781</v>
      </c>
      <c r="J2026" s="40">
        <v>33.6166543690479</v>
      </c>
      <c r="K2026" s="40">
        <v>9.3306972191106468</v>
      </c>
      <c r="L2026" s="40"/>
      <c r="M2026" s="40"/>
      <c r="N2026" s="40"/>
      <c r="Y2026">
        <v>16.333332999999996</v>
      </c>
      <c r="Z2026">
        <v>94.633332999999993</v>
      </c>
      <c r="AA2026">
        <v>8.6242169999999998</v>
      </c>
      <c r="AB2026">
        <v>4.4585503543192306</v>
      </c>
    </row>
    <row r="2027" spans="4:28" x14ac:dyDescent="0.25">
      <c r="D2027" s="40">
        <v>33.64865500000149</v>
      </c>
      <c r="E2027" s="40">
        <v>14.520276750620333</v>
      </c>
      <c r="F2027" s="40">
        <v>33.633332999999993</v>
      </c>
      <c r="G2027" s="40">
        <v>11.586152225712999</v>
      </c>
      <c r="H2027" s="40">
        <v>33.633334000000005</v>
      </c>
      <c r="I2027" s="40">
        <v>9.2847124797023781</v>
      </c>
      <c r="J2027" s="40">
        <v>33.633321029762101</v>
      </c>
      <c r="K2027" s="40">
        <v>9.3306972191106468</v>
      </c>
      <c r="L2027" s="40"/>
      <c r="M2027" s="40"/>
      <c r="N2027" s="40"/>
      <c r="Y2027">
        <v>16.350000000000009</v>
      </c>
      <c r="Z2027">
        <v>94.65</v>
      </c>
      <c r="AA2027">
        <v>8.62425</v>
      </c>
      <c r="AB2027">
        <v>4.4589500581023929</v>
      </c>
    </row>
    <row r="2028" spans="4:28" x14ac:dyDescent="0.25">
      <c r="D2028" s="40">
        <v>33.665321000001491</v>
      </c>
      <c r="E2028" s="40">
        <v>14.525119929209756</v>
      </c>
      <c r="F2028" s="40">
        <v>33.649999999999991</v>
      </c>
      <c r="G2028" s="40">
        <v>11.586152225712999</v>
      </c>
      <c r="H2028" s="40">
        <v>33.650000000000006</v>
      </c>
      <c r="I2028" s="40">
        <v>9.2880652158456343</v>
      </c>
      <c r="J2028" s="40">
        <v>33.649987690476401</v>
      </c>
      <c r="K2028" s="40">
        <v>9.3355482628198789</v>
      </c>
      <c r="L2028" s="40"/>
      <c r="M2028" s="40"/>
      <c r="N2028" s="40"/>
      <c r="Y2028">
        <v>16.366667000000007</v>
      </c>
      <c r="Z2028">
        <v>94.666667000000004</v>
      </c>
      <c r="AA2028">
        <v>8.62425</v>
      </c>
      <c r="AB2028">
        <v>4.4589500581023929</v>
      </c>
    </row>
    <row r="2029" spans="4:28" x14ac:dyDescent="0.25">
      <c r="D2029" s="40">
        <v>33.681987000001492</v>
      </c>
      <c r="E2029" s="40">
        <v>14.529820661370181</v>
      </c>
      <c r="F2029" s="40">
        <v>33.66666699999999</v>
      </c>
      <c r="G2029" s="40">
        <v>11.590907469803218</v>
      </c>
      <c r="H2029" s="40">
        <v>33.666667000000004</v>
      </c>
      <c r="I2029" s="40">
        <v>9.2914179519888922</v>
      </c>
      <c r="J2029" s="40">
        <v>33.666654351190701</v>
      </c>
      <c r="K2029" s="40">
        <v>9.3355482628198789</v>
      </c>
      <c r="L2029" s="40"/>
      <c r="M2029" s="40"/>
      <c r="N2029" s="40"/>
      <c r="Y2029">
        <v>16.383333000000007</v>
      </c>
      <c r="Z2029">
        <v>94.683333000000005</v>
      </c>
      <c r="AA2029">
        <v>8.6242839999999994</v>
      </c>
      <c r="AB2029">
        <v>4.4593618741213996</v>
      </c>
    </row>
    <row r="2030" spans="4:28" x14ac:dyDescent="0.25">
      <c r="D2030" s="40">
        <v>33.698653000001492</v>
      </c>
      <c r="E2030" s="40">
        <v>14.53466383995973</v>
      </c>
      <c r="F2030" s="40">
        <v>33.68333299999999</v>
      </c>
      <c r="G2030" s="40">
        <v>11.595662713893438</v>
      </c>
      <c r="H2030" s="40">
        <v>33.683334000000002</v>
      </c>
      <c r="I2030" s="40">
        <v>9.2947706881323242</v>
      </c>
      <c r="J2030" s="40">
        <v>33.683321011905001</v>
      </c>
      <c r="K2030" s="40">
        <v>9.3355482628198789</v>
      </c>
      <c r="L2030" s="40"/>
      <c r="M2030" s="40"/>
      <c r="N2030" s="40"/>
      <c r="Y2030">
        <v>16.400000000000006</v>
      </c>
      <c r="Z2030">
        <v>94.7</v>
      </c>
      <c r="AA2030">
        <v>8.6243180000000006</v>
      </c>
      <c r="AB2030">
        <v>4.4597736901404268</v>
      </c>
    </row>
    <row r="2031" spans="4:28" x14ac:dyDescent="0.25">
      <c r="D2031" s="40">
        <v>33.715319000001493</v>
      </c>
      <c r="E2031" s="40">
        <v>14.53950701854915</v>
      </c>
      <c r="F2031" s="40">
        <v>33.699999999999989</v>
      </c>
      <c r="G2031" s="40">
        <v>11.600278097863214</v>
      </c>
      <c r="H2031" s="40">
        <v>33.700000000000003</v>
      </c>
      <c r="I2031" s="40">
        <v>9.2980248143890876</v>
      </c>
      <c r="J2031" s="40">
        <v>33.699987672619301</v>
      </c>
      <c r="K2031" s="40">
        <v>9.3402566287728135</v>
      </c>
      <c r="L2031" s="40"/>
      <c r="M2031" s="40"/>
      <c r="N2031" s="40"/>
      <c r="Y2031">
        <v>16.416667000000004</v>
      </c>
      <c r="Z2031">
        <v>94.716667000000001</v>
      </c>
      <c r="AA2031">
        <v>8.6243180000000006</v>
      </c>
      <c r="AB2031">
        <v>4.4597736901404268</v>
      </c>
    </row>
    <row r="2032" spans="4:28" x14ac:dyDescent="0.25">
      <c r="D2032" s="40">
        <v>33.731985000001494</v>
      </c>
      <c r="E2032" s="40">
        <v>14.544207750709576</v>
      </c>
      <c r="F2032" s="40">
        <v>33.716667000000001</v>
      </c>
      <c r="G2032" s="40">
        <v>11.600278097863214</v>
      </c>
      <c r="H2032" s="40">
        <v>33.716667000000001</v>
      </c>
      <c r="I2032" s="40">
        <v>9.3013775505323455</v>
      </c>
      <c r="J2032" s="40">
        <v>33.716654333333601</v>
      </c>
      <c r="K2032" s="40">
        <v>9.3402566287728135</v>
      </c>
      <c r="L2032" s="40"/>
      <c r="M2032" s="40"/>
      <c r="N2032" s="40"/>
      <c r="Y2032">
        <v>16.433333000000005</v>
      </c>
      <c r="Z2032">
        <v>94.733333000000002</v>
      </c>
      <c r="AA2032">
        <v>8.6243510000000008</v>
      </c>
      <c r="AB2032">
        <v>4.460173393923589</v>
      </c>
    </row>
    <row r="2033" spans="4:28" x14ac:dyDescent="0.25">
      <c r="D2033" s="40">
        <v>33.748651000001495</v>
      </c>
      <c r="E2033" s="40">
        <v>14.544207750709576</v>
      </c>
      <c r="F2033" s="40">
        <v>33.733332999999988</v>
      </c>
      <c r="G2033" s="40">
        <v>11.605033341953433</v>
      </c>
      <c r="H2033" s="40">
        <v>33.733334000000013</v>
      </c>
      <c r="I2033" s="40">
        <v>9.3047302866756016</v>
      </c>
      <c r="J2033" s="40">
        <v>33.733320994047901</v>
      </c>
      <c r="K2033" s="40">
        <v>9.3402566287728135</v>
      </c>
      <c r="L2033" s="40"/>
      <c r="M2033" s="40"/>
      <c r="N2033" s="40"/>
      <c r="Y2033">
        <v>16.450000000000003</v>
      </c>
      <c r="Z2033">
        <v>94.75</v>
      </c>
      <c r="AA2033">
        <v>8.6243510000000008</v>
      </c>
      <c r="AB2033">
        <v>4.460173393923589</v>
      </c>
    </row>
    <row r="2034" spans="4:28" x14ac:dyDescent="0.25">
      <c r="D2034" s="40">
        <v>33.765317000001495</v>
      </c>
      <c r="E2034" s="40">
        <v>14.549050929299124</v>
      </c>
      <c r="F2034" s="40">
        <v>33.75</v>
      </c>
      <c r="G2034" s="40">
        <v>11.609788586043653</v>
      </c>
      <c r="H2034" s="40">
        <v>33.75</v>
      </c>
      <c r="I2034" s="40">
        <v>9.307984412932365</v>
      </c>
      <c r="J2034" s="40">
        <v>33.749987654762101</v>
      </c>
      <c r="K2034" s="40">
        <v>9.3451076724820457</v>
      </c>
      <c r="L2034" s="40"/>
      <c r="M2034" s="40"/>
      <c r="N2034" s="40"/>
      <c r="Y2034">
        <v>16.466667000000001</v>
      </c>
      <c r="Z2034">
        <v>94.766666999999998</v>
      </c>
      <c r="AA2034">
        <v>8.6243850000000002</v>
      </c>
      <c r="AB2034">
        <v>4.4605852099425958</v>
      </c>
    </row>
    <row r="2035" spans="4:28" x14ac:dyDescent="0.25">
      <c r="D2035" s="40">
        <v>33.781983000001496</v>
      </c>
      <c r="E2035" s="40">
        <v>14.553894107888546</v>
      </c>
      <c r="F2035" s="40">
        <v>33.766666999999998</v>
      </c>
      <c r="G2035" s="40">
        <v>11.609788586043653</v>
      </c>
      <c r="H2035" s="40">
        <v>33.766667000000012</v>
      </c>
      <c r="I2035" s="40">
        <v>9.3113371490757988</v>
      </c>
      <c r="J2035" s="40">
        <v>33.766654315476401</v>
      </c>
      <c r="K2035" s="40">
        <v>9.3499587161912778</v>
      </c>
      <c r="L2035" s="40"/>
      <c r="M2035" s="40"/>
      <c r="N2035" s="40"/>
      <c r="Y2035">
        <v>16.483333000000002</v>
      </c>
      <c r="Z2035">
        <v>94.783332999999999</v>
      </c>
      <c r="AA2035">
        <v>8.6243850000000002</v>
      </c>
      <c r="AB2035">
        <v>4.4605852099425958</v>
      </c>
    </row>
    <row r="2036" spans="4:28" x14ac:dyDescent="0.25">
      <c r="D2036" s="40">
        <v>33.798649000001497</v>
      </c>
      <c r="E2036" s="40">
        <v>14.558594840048972</v>
      </c>
      <c r="F2036" s="40">
        <v>33.783332999999999</v>
      </c>
      <c r="G2036" s="40">
        <v>11.614403970013427</v>
      </c>
      <c r="H2036" s="40">
        <v>33.783334000000011</v>
      </c>
      <c r="I2036" s="40">
        <v>9.3113371490757988</v>
      </c>
      <c r="J2036" s="40">
        <v>33.783320976190701</v>
      </c>
      <c r="K2036" s="40">
        <v>9.3546670821443367</v>
      </c>
      <c r="L2036" s="40"/>
      <c r="M2036" s="40"/>
      <c r="N2036" s="40"/>
      <c r="Y2036">
        <v>16.5</v>
      </c>
      <c r="Z2036">
        <v>94.8</v>
      </c>
      <c r="AA2036">
        <v>8.6244189999999996</v>
      </c>
      <c r="AB2036">
        <v>4.4609970259616016</v>
      </c>
    </row>
    <row r="2037" spans="4:28" x14ac:dyDescent="0.25">
      <c r="D2037" s="40">
        <v>33.815315000001497</v>
      </c>
      <c r="E2037" s="40">
        <v>14.563438018638521</v>
      </c>
      <c r="F2037" s="40">
        <v>33.799999999999997</v>
      </c>
      <c r="G2037" s="40">
        <v>11.619159214103647</v>
      </c>
      <c r="H2037" s="40">
        <v>33.800000000000011</v>
      </c>
      <c r="I2037" s="40">
        <v>9.3146898852190549</v>
      </c>
      <c r="J2037" s="40">
        <v>33.799987636905001</v>
      </c>
      <c r="K2037" s="40">
        <v>9.3595181258534428</v>
      </c>
      <c r="L2037" s="40"/>
      <c r="M2037" s="40"/>
      <c r="N2037" s="40"/>
      <c r="Y2037">
        <v>16.516666999999998</v>
      </c>
      <c r="Z2037">
        <v>94.816666999999995</v>
      </c>
      <c r="AA2037">
        <v>8.6244519999999998</v>
      </c>
      <c r="AB2037">
        <v>4.4613967297447639</v>
      </c>
    </row>
    <row r="2038" spans="4:28" x14ac:dyDescent="0.25">
      <c r="D2038" s="40">
        <v>33.831981000001498</v>
      </c>
      <c r="E2038" s="40">
        <v>14.568281197228069</v>
      </c>
      <c r="F2038" s="40">
        <v>33.816666999999995</v>
      </c>
      <c r="G2038" s="40">
        <v>11.623914458193868</v>
      </c>
      <c r="H2038" s="40">
        <v>33.81666700000001</v>
      </c>
      <c r="I2038" s="40">
        <v>9.3146898852190549</v>
      </c>
      <c r="J2038" s="40">
        <v>33.816654297619301</v>
      </c>
      <c r="K2038" s="40">
        <v>9.364369169562675</v>
      </c>
      <c r="L2038" s="40"/>
      <c r="M2038" s="40"/>
      <c r="N2038" s="40"/>
      <c r="Y2038">
        <v>16.533332999999999</v>
      </c>
      <c r="Z2038">
        <v>94.833332999999996</v>
      </c>
      <c r="AA2038">
        <v>8.6244519999999998</v>
      </c>
      <c r="AB2038">
        <v>4.4613967297447639</v>
      </c>
    </row>
    <row r="2039" spans="4:28" x14ac:dyDescent="0.25">
      <c r="D2039" s="40">
        <v>33.848647000001499</v>
      </c>
      <c r="E2039" s="40">
        <v>14.568281197228069</v>
      </c>
      <c r="F2039" s="40">
        <v>33.833332999999996</v>
      </c>
      <c r="G2039" s="40">
        <v>11.623914458193868</v>
      </c>
      <c r="H2039" s="40">
        <v>33.833334000000008</v>
      </c>
      <c r="I2039" s="40">
        <v>9.3179440114758183</v>
      </c>
      <c r="J2039" s="40">
        <v>33.833320958333601</v>
      </c>
      <c r="K2039" s="40">
        <v>9.364369169562675</v>
      </c>
      <c r="L2039" s="40"/>
      <c r="M2039" s="40"/>
      <c r="N2039" s="40"/>
      <c r="Y2039">
        <v>16.549999999999997</v>
      </c>
      <c r="Z2039">
        <v>94.85</v>
      </c>
      <c r="AA2039">
        <v>8.6244859999999992</v>
      </c>
      <c r="AB2039">
        <v>4.4618085457637697</v>
      </c>
    </row>
    <row r="2040" spans="4:28" x14ac:dyDescent="0.25">
      <c r="D2040" s="40">
        <v>33.8653130000015</v>
      </c>
      <c r="E2040" s="40">
        <v>14.572981929388368</v>
      </c>
      <c r="F2040" s="40">
        <v>33.849999999999994</v>
      </c>
      <c r="G2040" s="40">
        <v>11.628529842163768</v>
      </c>
      <c r="H2040" s="40">
        <v>33.850000000000009</v>
      </c>
      <c r="I2040" s="40">
        <v>9.3212967476190762</v>
      </c>
      <c r="J2040" s="40">
        <v>33.849987619047901</v>
      </c>
      <c r="K2040" s="40">
        <v>9.3690775355157356</v>
      </c>
      <c r="L2040" s="40"/>
      <c r="M2040" s="40"/>
      <c r="N2040" s="40"/>
      <c r="Y2040">
        <v>16.56666700000001</v>
      </c>
      <c r="Z2040">
        <v>94.866667000000007</v>
      </c>
      <c r="AA2040">
        <v>8.6245200000000004</v>
      </c>
      <c r="AB2040">
        <v>4.4622203617827978</v>
      </c>
    </row>
    <row r="2041" spans="4:28" x14ac:dyDescent="0.25">
      <c r="D2041" s="40">
        <v>33.8819790000015</v>
      </c>
      <c r="E2041" s="40">
        <v>14.572981929388368</v>
      </c>
      <c r="F2041" s="40">
        <v>33.866666999999993</v>
      </c>
      <c r="G2041" s="40">
        <v>11.633285086253862</v>
      </c>
      <c r="H2041" s="40">
        <v>33.866667000000007</v>
      </c>
      <c r="I2041" s="40">
        <v>9.3246494837623306</v>
      </c>
      <c r="J2041" s="40">
        <v>33.866654279762102</v>
      </c>
      <c r="K2041" s="40">
        <v>9.3739285792248417</v>
      </c>
      <c r="L2041" s="40"/>
      <c r="M2041" s="40"/>
      <c r="N2041" s="40"/>
      <c r="Y2041">
        <v>16.583332999999996</v>
      </c>
      <c r="Z2041">
        <v>94.883332999999993</v>
      </c>
      <c r="AA2041">
        <v>8.6245530000000006</v>
      </c>
      <c r="AB2041">
        <v>4.46262006556596</v>
      </c>
    </row>
    <row r="2042" spans="4:28" x14ac:dyDescent="0.25">
      <c r="D2042" s="40">
        <v>33.898645000001501</v>
      </c>
      <c r="E2042" s="40">
        <v>14.577825107977915</v>
      </c>
      <c r="F2042" s="40">
        <v>33.883332999999993</v>
      </c>
      <c r="G2042" s="40">
        <v>11.638040330344081</v>
      </c>
      <c r="H2042" s="40">
        <v>33.883334000000005</v>
      </c>
      <c r="I2042" s="40">
        <v>9.327903610019094</v>
      </c>
      <c r="J2042" s="40">
        <v>33.883320940476402</v>
      </c>
      <c r="K2042" s="40">
        <v>9.3739285792248417</v>
      </c>
      <c r="L2042" s="40"/>
      <c r="M2042" s="40"/>
      <c r="N2042" s="40"/>
      <c r="Y2042">
        <v>16.600000000000009</v>
      </c>
      <c r="Z2042">
        <v>94.9</v>
      </c>
      <c r="AA2042">
        <v>8.6245530000000006</v>
      </c>
      <c r="AB2042">
        <v>4.46262006556596</v>
      </c>
    </row>
    <row r="2043" spans="4:28" x14ac:dyDescent="0.25">
      <c r="D2043" s="40">
        <v>33.915311000001502</v>
      </c>
      <c r="E2043" s="40">
        <v>14.577825107977915</v>
      </c>
      <c r="F2043" s="40">
        <v>33.899999999999991</v>
      </c>
      <c r="G2043" s="40">
        <v>11.642655714313982</v>
      </c>
      <c r="H2043" s="40">
        <v>33.900000000000006</v>
      </c>
      <c r="I2043" s="40">
        <v>9.3312563461625277</v>
      </c>
      <c r="J2043" s="40">
        <v>33.899987601190702</v>
      </c>
      <c r="K2043" s="40">
        <v>9.3787796229340739</v>
      </c>
      <c r="L2043" s="40"/>
      <c r="M2043" s="40"/>
      <c r="N2043" s="40"/>
      <c r="Y2043">
        <v>16.616667000000007</v>
      </c>
      <c r="Z2043">
        <v>94.916667000000004</v>
      </c>
      <c r="AA2043">
        <v>8.624587</v>
      </c>
      <c r="AB2043">
        <v>4.4630318815849659</v>
      </c>
    </row>
    <row r="2044" spans="4:28" x14ac:dyDescent="0.25">
      <c r="D2044" s="40">
        <v>33.931977000001503</v>
      </c>
      <c r="E2044" s="40">
        <v>14.582668286567465</v>
      </c>
      <c r="F2044" s="40">
        <v>33.91666699999999</v>
      </c>
      <c r="G2044" s="40">
        <v>11.647410958404077</v>
      </c>
      <c r="H2044" s="40">
        <v>33.916667000000004</v>
      </c>
      <c r="I2044" s="40">
        <v>9.3346090823057839</v>
      </c>
      <c r="J2044" s="40">
        <v>33.916654261905002</v>
      </c>
      <c r="K2044" s="40">
        <v>9.383630666643306</v>
      </c>
      <c r="L2044" s="40"/>
      <c r="M2044" s="40"/>
      <c r="N2044" s="40"/>
      <c r="Y2044">
        <v>16.633333000000007</v>
      </c>
      <c r="Z2044">
        <v>94.933333000000005</v>
      </c>
      <c r="AA2044">
        <v>8.6246209999999994</v>
      </c>
      <c r="AB2044">
        <v>4.4634436976039726</v>
      </c>
    </row>
    <row r="2045" spans="4:28" x14ac:dyDescent="0.25">
      <c r="D2045" s="40">
        <v>33.948643000001503</v>
      </c>
      <c r="E2045" s="40">
        <v>14.587369018727763</v>
      </c>
      <c r="F2045" s="40">
        <v>33.93333299999999</v>
      </c>
      <c r="G2045" s="40">
        <v>11.647410958404077</v>
      </c>
      <c r="H2045" s="40">
        <v>33.933334000000002</v>
      </c>
      <c r="I2045" s="40">
        <v>9.3412159447058052</v>
      </c>
      <c r="J2045" s="40">
        <v>33.933320922619302</v>
      </c>
      <c r="K2045" s="40">
        <v>9.383630666643306</v>
      </c>
      <c r="L2045" s="40"/>
      <c r="M2045" s="40"/>
      <c r="N2045" s="40"/>
      <c r="Y2045">
        <v>16.650000000000006</v>
      </c>
      <c r="Z2045">
        <v>94.95</v>
      </c>
      <c r="AA2045">
        <v>8.6246209999999994</v>
      </c>
      <c r="AB2045">
        <v>4.4634436976039726</v>
      </c>
    </row>
    <row r="2046" spans="4:28" x14ac:dyDescent="0.25">
      <c r="D2046" s="40">
        <v>33.965309000001504</v>
      </c>
      <c r="E2046" s="40">
        <v>14.592212197317313</v>
      </c>
      <c r="F2046" s="40">
        <v>33.949999999999989</v>
      </c>
      <c r="G2046" s="40">
        <v>11.652166202494296</v>
      </c>
      <c r="H2046" s="40">
        <v>33.950000000000003</v>
      </c>
      <c r="I2046" s="40">
        <v>9.3445686808492372</v>
      </c>
      <c r="J2046" s="40">
        <v>33.949987583333602</v>
      </c>
      <c r="K2046" s="40">
        <v>9.383630666643306</v>
      </c>
      <c r="L2046" s="40"/>
      <c r="M2046" s="40"/>
      <c r="N2046" s="40"/>
      <c r="Y2046">
        <v>16.666667000000004</v>
      </c>
      <c r="Z2046">
        <v>94.966667000000001</v>
      </c>
      <c r="AA2046">
        <v>8.6246539999999996</v>
      </c>
      <c r="AB2046">
        <v>4.4638434013871349</v>
      </c>
    </row>
    <row r="2047" spans="4:28" x14ac:dyDescent="0.25">
      <c r="D2047" s="40">
        <v>33.981975000001505</v>
      </c>
      <c r="E2047" s="40">
        <v>14.592212197317313</v>
      </c>
      <c r="F2047" s="40">
        <v>33.966667000000001</v>
      </c>
      <c r="G2047" s="40">
        <v>11.656781586464197</v>
      </c>
      <c r="H2047" s="40">
        <v>33.966667000000001</v>
      </c>
      <c r="I2047" s="40">
        <v>9.3478228071058247</v>
      </c>
      <c r="J2047" s="40">
        <v>33.966654244047902</v>
      </c>
      <c r="K2047" s="40">
        <v>9.3883390325962388</v>
      </c>
      <c r="L2047" s="40"/>
      <c r="M2047" s="40"/>
      <c r="N2047" s="40"/>
      <c r="Y2047">
        <v>16.683333000000005</v>
      </c>
      <c r="Z2047">
        <v>94.983333000000002</v>
      </c>
      <c r="AA2047">
        <v>8.6246880000000008</v>
      </c>
      <c r="AB2047">
        <v>4.464255217406162</v>
      </c>
    </row>
    <row r="2048" spans="4:28" x14ac:dyDescent="0.25">
      <c r="D2048" s="40">
        <v>33.998641000001506</v>
      </c>
      <c r="E2048" s="40">
        <v>14.59705537590686</v>
      </c>
      <c r="F2048" s="40">
        <v>33.983332999999988</v>
      </c>
      <c r="G2048" s="40">
        <v>11.661536830554292</v>
      </c>
      <c r="H2048" s="40">
        <v>33.983334000000013</v>
      </c>
      <c r="I2048" s="40">
        <v>9.3478228071058247</v>
      </c>
      <c r="J2048" s="40">
        <v>33.983320904762103</v>
      </c>
      <c r="K2048" s="40">
        <v>9.3883390325962388</v>
      </c>
      <c r="L2048" s="40"/>
      <c r="M2048" s="40"/>
      <c r="N2048" s="40"/>
      <c r="Y2048">
        <v>16.700000000000003</v>
      </c>
      <c r="Z2048">
        <v>95</v>
      </c>
      <c r="AA2048">
        <v>8.6246880000000008</v>
      </c>
      <c r="AB2048">
        <v>4.464255217406162</v>
      </c>
    </row>
    <row r="2049" spans="4:28" x14ac:dyDescent="0.25">
      <c r="D2049" s="40">
        <v>34.015307000001506</v>
      </c>
      <c r="E2049" s="40">
        <v>14.601756108067287</v>
      </c>
      <c r="F2049" s="40">
        <v>34</v>
      </c>
      <c r="G2049" s="40">
        <v>11.666292074644511</v>
      </c>
      <c r="H2049" s="40">
        <v>34</v>
      </c>
      <c r="I2049" s="40">
        <v>9.3511755432492585</v>
      </c>
      <c r="J2049" s="40">
        <v>33.999987565476403</v>
      </c>
      <c r="K2049" s="40">
        <v>9.393190076305471</v>
      </c>
      <c r="L2049" s="40"/>
      <c r="M2049" s="40"/>
      <c r="N2049" s="40"/>
      <c r="Y2049">
        <v>16.716667000000001</v>
      </c>
      <c r="Z2049">
        <v>95.016666999999998</v>
      </c>
      <c r="AA2049">
        <v>8.6247209999999992</v>
      </c>
      <c r="AB2049">
        <v>4.464654921189303</v>
      </c>
    </row>
    <row r="2050" spans="4:28" x14ac:dyDescent="0.25">
      <c r="D2050" s="40">
        <v>34.031973000001507</v>
      </c>
      <c r="E2050" s="40">
        <v>14.601756108067287</v>
      </c>
      <c r="F2050" s="40">
        <v>34.016666999999998</v>
      </c>
      <c r="G2050" s="40">
        <v>11.670907458614412</v>
      </c>
      <c r="H2050" s="40">
        <v>34.016667000000012</v>
      </c>
      <c r="I2050" s="40">
        <v>9.3545282793925146</v>
      </c>
      <c r="J2050" s="40">
        <v>34.016654226190703</v>
      </c>
      <c r="K2050" s="40">
        <v>9.393190076305471</v>
      </c>
      <c r="L2050" s="40"/>
      <c r="M2050" s="40"/>
      <c r="N2050" s="40"/>
      <c r="Y2050">
        <v>16.733333000000002</v>
      </c>
      <c r="Z2050">
        <v>95.033332999999999</v>
      </c>
      <c r="AA2050">
        <v>8.6247550000000004</v>
      </c>
      <c r="AB2050">
        <v>4.465066737208331</v>
      </c>
    </row>
    <row r="2051" spans="4:28" x14ac:dyDescent="0.25">
      <c r="D2051" s="40">
        <v>34.048639000001508</v>
      </c>
      <c r="E2051" s="40">
        <v>14.606599286656706</v>
      </c>
      <c r="F2051" s="40">
        <v>34.033332999999999</v>
      </c>
      <c r="G2051" s="40">
        <v>11.67566270270463</v>
      </c>
      <c r="H2051" s="40">
        <v>34.033334000000011</v>
      </c>
      <c r="I2051" s="40">
        <v>9.357782405649278</v>
      </c>
      <c r="J2051" s="40">
        <v>34.033320886905003</v>
      </c>
      <c r="K2051" s="40">
        <v>9.3980411200147049</v>
      </c>
      <c r="L2051" s="40"/>
      <c r="M2051" s="40"/>
      <c r="N2051" s="40"/>
      <c r="Y2051">
        <v>16.75</v>
      </c>
      <c r="Z2051">
        <v>95.05</v>
      </c>
      <c r="AA2051">
        <v>8.6247550000000004</v>
      </c>
      <c r="AB2051">
        <v>4.465066737208331</v>
      </c>
    </row>
    <row r="2052" spans="4:28" x14ac:dyDescent="0.25">
      <c r="D2052" s="40">
        <v>34.065305000001509</v>
      </c>
      <c r="E2052" s="40">
        <v>14.611442465246256</v>
      </c>
      <c r="F2052" s="40">
        <v>34.049999999999997</v>
      </c>
      <c r="G2052" s="40">
        <v>11.680417946794725</v>
      </c>
      <c r="H2052" s="40">
        <v>34.050000000000011</v>
      </c>
      <c r="I2052" s="40">
        <v>9.3611351417925359</v>
      </c>
      <c r="J2052" s="40">
        <v>34.049987547619303</v>
      </c>
      <c r="K2052" s="40">
        <v>9.4027494859677638</v>
      </c>
      <c r="L2052" s="40"/>
      <c r="M2052" s="40"/>
      <c r="N2052" s="40"/>
      <c r="Y2052">
        <v>16.766666999999998</v>
      </c>
      <c r="Z2052">
        <v>95.066666999999995</v>
      </c>
      <c r="AA2052">
        <v>8.6247889999999998</v>
      </c>
      <c r="AB2052">
        <v>4.4654785532273378</v>
      </c>
    </row>
    <row r="2053" spans="4:28" x14ac:dyDescent="0.25">
      <c r="D2053" s="40">
        <v>34.081971000001509</v>
      </c>
      <c r="E2053" s="40">
        <v>14.620986375996104</v>
      </c>
      <c r="F2053" s="40">
        <v>34.066666999999995</v>
      </c>
      <c r="G2053" s="40">
        <v>11.680417946794725</v>
      </c>
      <c r="H2053" s="40">
        <v>34.06666700000001</v>
      </c>
      <c r="I2053" s="40">
        <v>9.3644878779359679</v>
      </c>
      <c r="J2053" s="40">
        <v>34.066654208333603</v>
      </c>
      <c r="K2053" s="40">
        <v>9.4027494859677638</v>
      </c>
      <c r="L2053" s="40"/>
      <c r="M2053" s="40"/>
      <c r="N2053" s="40"/>
      <c r="Y2053">
        <v>16.783332999999999</v>
      </c>
      <c r="Z2053">
        <v>95.083332999999996</v>
      </c>
      <c r="AA2053">
        <v>8.624822</v>
      </c>
      <c r="AB2053">
        <v>4.4658782570104991</v>
      </c>
    </row>
    <row r="2054" spans="4:28" x14ac:dyDescent="0.25">
      <c r="D2054" s="40">
        <v>34.09863700000151</v>
      </c>
      <c r="E2054" s="40">
        <v>14.620986375996104</v>
      </c>
      <c r="F2054" s="40">
        <v>34.083332999999996</v>
      </c>
      <c r="G2054" s="40">
        <v>11.685033330764625</v>
      </c>
      <c r="H2054" s="40">
        <v>34.083334000000008</v>
      </c>
      <c r="I2054" s="40">
        <v>9.3677420041927295</v>
      </c>
      <c r="J2054" s="40">
        <v>34.083320869047903</v>
      </c>
      <c r="K2054" s="40">
        <v>9.4076005296768681</v>
      </c>
      <c r="L2054" s="40"/>
      <c r="M2054" s="40"/>
      <c r="N2054" s="40"/>
      <c r="Y2054">
        <v>16.799999999999997</v>
      </c>
      <c r="Z2054">
        <v>95.1</v>
      </c>
      <c r="AA2054">
        <v>8.624822</v>
      </c>
      <c r="AB2054">
        <v>4.4658782570104991</v>
      </c>
    </row>
    <row r="2055" spans="4:28" x14ac:dyDescent="0.25">
      <c r="D2055" s="40">
        <v>34.115303000001511</v>
      </c>
      <c r="E2055" s="40">
        <v>14.630672733175199</v>
      </c>
      <c r="F2055" s="40">
        <v>34.099999999999994</v>
      </c>
      <c r="G2055" s="40">
        <v>11.689788574854846</v>
      </c>
      <c r="H2055" s="40">
        <v>34.100000000000009</v>
      </c>
      <c r="I2055" s="40">
        <v>9.3710947403359874</v>
      </c>
      <c r="J2055" s="40">
        <v>34.099987529762103</v>
      </c>
      <c r="K2055" s="40">
        <v>9.4076005296768681</v>
      </c>
      <c r="L2055" s="40"/>
      <c r="M2055" s="40"/>
      <c r="N2055" s="40"/>
      <c r="Y2055">
        <v>16.81666700000001</v>
      </c>
      <c r="Z2055">
        <v>95.116667000000007</v>
      </c>
      <c r="AA2055">
        <v>8.6248559999999994</v>
      </c>
      <c r="AB2055">
        <v>4.466290073029505</v>
      </c>
    </row>
    <row r="2056" spans="4:28" x14ac:dyDescent="0.25">
      <c r="D2056" s="40">
        <v>34.131969000001511</v>
      </c>
      <c r="E2056" s="40">
        <v>14.635373465335499</v>
      </c>
      <c r="F2056" s="40">
        <v>34.116666999999993</v>
      </c>
      <c r="G2056" s="40">
        <v>11.69454381894494</v>
      </c>
      <c r="H2056" s="40">
        <v>34.116667000000007</v>
      </c>
      <c r="I2056" s="40">
        <v>9.3744474764792436</v>
      </c>
      <c r="J2056" s="40">
        <v>34.116654190476403</v>
      </c>
      <c r="K2056" s="40">
        <v>9.4124515733861021</v>
      </c>
      <c r="L2056" s="40"/>
      <c r="M2056" s="40"/>
      <c r="N2056" s="40"/>
      <c r="Y2056">
        <v>16.833332999999996</v>
      </c>
      <c r="Z2056">
        <v>95.133332999999993</v>
      </c>
      <c r="AA2056">
        <v>8.6248900000000006</v>
      </c>
      <c r="AB2056">
        <v>4.466701889048533</v>
      </c>
    </row>
    <row r="2057" spans="4:28" x14ac:dyDescent="0.25">
      <c r="D2057" s="40">
        <v>34.148635000001512</v>
      </c>
      <c r="E2057" s="40">
        <v>14.640216643925047</v>
      </c>
      <c r="F2057" s="40">
        <v>34.133332999999993</v>
      </c>
      <c r="G2057" s="40">
        <v>11.69454381894494</v>
      </c>
      <c r="H2057" s="40">
        <v>34.133334000000005</v>
      </c>
      <c r="I2057" s="40">
        <v>9.3777016027360069</v>
      </c>
      <c r="J2057" s="40">
        <v>34.133320851190703</v>
      </c>
      <c r="K2057" s="40">
        <v>9.417159939339161</v>
      </c>
      <c r="L2057" s="40"/>
      <c r="M2057" s="40"/>
      <c r="N2057" s="40"/>
      <c r="Y2057">
        <v>16.850000000000009</v>
      </c>
      <c r="Z2057">
        <v>95.15</v>
      </c>
      <c r="AA2057">
        <v>8.6248900000000006</v>
      </c>
      <c r="AB2057">
        <v>4.466701889048533</v>
      </c>
    </row>
    <row r="2058" spans="4:28" x14ac:dyDescent="0.25">
      <c r="D2058" s="40">
        <v>34.165301000001513</v>
      </c>
      <c r="E2058" s="40">
        <v>14.645059822514595</v>
      </c>
      <c r="F2058" s="40">
        <v>34.149999999999991</v>
      </c>
      <c r="G2058" s="40">
        <v>11.69915920291484</v>
      </c>
      <c r="H2058" s="40">
        <v>34.150000000000006</v>
      </c>
      <c r="I2058" s="40">
        <v>9.3777016027360069</v>
      </c>
      <c r="J2058" s="40">
        <v>34.149987511905003</v>
      </c>
      <c r="K2058" s="40">
        <v>9.422010983048267</v>
      </c>
      <c r="L2058" s="40"/>
      <c r="M2058" s="40"/>
      <c r="N2058" s="40"/>
      <c r="Y2058">
        <v>16.866667000000007</v>
      </c>
      <c r="Z2058">
        <v>95.166667000000004</v>
      </c>
      <c r="AA2058">
        <v>8.6249230000000008</v>
      </c>
      <c r="AB2058">
        <v>4.4671015928316953</v>
      </c>
    </row>
    <row r="2059" spans="4:28" x14ac:dyDescent="0.25">
      <c r="D2059" s="40">
        <v>34.181967000001514</v>
      </c>
      <c r="E2059" s="40">
        <v>14.654603733264443</v>
      </c>
      <c r="F2059" s="40">
        <v>34.16666699999999</v>
      </c>
      <c r="G2059" s="40">
        <v>11.70391444700506</v>
      </c>
      <c r="H2059" s="40">
        <v>34.166667000000004</v>
      </c>
      <c r="I2059" s="40">
        <v>9.3810543388792649</v>
      </c>
      <c r="J2059" s="40">
        <v>34.166654172619303</v>
      </c>
      <c r="K2059" s="40">
        <v>9.426862026757501</v>
      </c>
      <c r="L2059" s="40"/>
      <c r="M2059" s="40"/>
      <c r="N2059" s="40"/>
      <c r="Y2059">
        <v>16.883333000000007</v>
      </c>
      <c r="Z2059">
        <v>95.183333000000005</v>
      </c>
      <c r="AA2059">
        <v>8.6249230000000008</v>
      </c>
      <c r="AB2059">
        <v>4.4671015928316953</v>
      </c>
    </row>
    <row r="2060" spans="4:28" x14ac:dyDescent="0.25">
      <c r="D2060" s="40">
        <v>34.198633000001514</v>
      </c>
      <c r="E2060" s="40">
        <v>14.659446911853991</v>
      </c>
      <c r="F2060" s="40">
        <v>34.18333299999999</v>
      </c>
      <c r="G2060" s="40">
        <v>11.708669691095155</v>
      </c>
      <c r="H2060" s="40">
        <v>34.183334000000002</v>
      </c>
      <c r="I2060" s="40">
        <v>9.3844070750226969</v>
      </c>
      <c r="J2060" s="40">
        <v>34.183320833333603</v>
      </c>
      <c r="K2060" s="40">
        <v>9.426862026757501</v>
      </c>
      <c r="L2060" s="40"/>
      <c r="M2060" s="40"/>
      <c r="N2060" s="40"/>
      <c r="Y2060">
        <v>16.900000000000006</v>
      </c>
      <c r="Z2060">
        <v>95.2</v>
      </c>
      <c r="AA2060">
        <v>8.6249570000000002</v>
      </c>
      <c r="AB2060">
        <v>4.467513408850702</v>
      </c>
    </row>
    <row r="2061" spans="4:28" x14ac:dyDescent="0.25">
      <c r="D2061" s="40">
        <v>34.215299000001515</v>
      </c>
      <c r="E2061" s="40">
        <v>14.664147644014417</v>
      </c>
      <c r="F2061" s="40">
        <v>34.199999999999989</v>
      </c>
      <c r="G2061" s="40">
        <v>11.708669691095155</v>
      </c>
      <c r="H2061" s="40">
        <v>34.200000000000003</v>
      </c>
      <c r="I2061" s="40">
        <v>9.3876612012794602</v>
      </c>
      <c r="J2061" s="40">
        <v>34.199987494047903</v>
      </c>
      <c r="K2061" s="40">
        <v>9.4315703927105581</v>
      </c>
      <c r="L2061" s="40"/>
      <c r="M2061" s="40"/>
      <c r="N2061" s="40"/>
      <c r="Y2061">
        <v>16.916667000000004</v>
      </c>
      <c r="Z2061">
        <v>95.216667000000001</v>
      </c>
      <c r="AA2061">
        <v>8.6249909999999996</v>
      </c>
      <c r="AB2061">
        <v>4.4679252248697079</v>
      </c>
    </row>
    <row r="2062" spans="4:28" x14ac:dyDescent="0.25">
      <c r="D2062" s="40">
        <v>34.231965000001516</v>
      </c>
      <c r="E2062" s="40">
        <v>14.673834001193388</v>
      </c>
      <c r="F2062" s="40">
        <v>34.216667000000001</v>
      </c>
      <c r="G2062" s="40">
        <v>11.713424935185374</v>
      </c>
      <c r="H2062" s="40">
        <v>34.216667000000001</v>
      </c>
      <c r="I2062" s="40">
        <v>9.3910139374227182</v>
      </c>
      <c r="J2062" s="40">
        <v>34.216654154762097</v>
      </c>
      <c r="K2062" s="40">
        <v>9.4315703927105581</v>
      </c>
      <c r="L2062" s="40"/>
      <c r="M2062" s="40"/>
      <c r="N2062" s="40"/>
      <c r="Y2062">
        <v>16.933333000000005</v>
      </c>
      <c r="Z2062">
        <v>95.233333000000002</v>
      </c>
      <c r="AA2062">
        <v>8.6249909999999996</v>
      </c>
      <c r="AB2062">
        <v>4.4679252248697079</v>
      </c>
    </row>
    <row r="2063" spans="4:28" x14ac:dyDescent="0.25">
      <c r="D2063" s="40">
        <v>34.248631000001517</v>
      </c>
      <c r="E2063" s="40">
        <v>14.678534733353812</v>
      </c>
      <c r="F2063" s="40">
        <v>34.233332999999988</v>
      </c>
      <c r="G2063" s="40">
        <v>11.718040319155275</v>
      </c>
      <c r="H2063" s="40">
        <v>34.233334000000013</v>
      </c>
      <c r="I2063" s="40">
        <v>9.3943666735659743</v>
      </c>
      <c r="J2063" s="40">
        <v>34.233320815476397</v>
      </c>
      <c r="K2063" s="40">
        <v>9.4315703927105581</v>
      </c>
      <c r="L2063" s="40"/>
      <c r="M2063" s="40"/>
      <c r="N2063" s="40"/>
      <c r="Y2063">
        <v>16.950000000000003</v>
      </c>
      <c r="Z2063">
        <v>95.25</v>
      </c>
      <c r="AA2063">
        <v>8.6250239999999998</v>
      </c>
      <c r="AB2063">
        <v>4.4683249286528701</v>
      </c>
    </row>
    <row r="2064" spans="4:28" x14ac:dyDescent="0.25">
      <c r="D2064" s="40">
        <v>34.265297000001517</v>
      </c>
      <c r="E2064" s="40">
        <v>14.683377911943234</v>
      </c>
      <c r="F2064" s="40">
        <v>34.25</v>
      </c>
      <c r="G2064" s="40">
        <v>11.722795563245493</v>
      </c>
      <c r="H2064" s="40">
        <v>34.25</v>
      </c>
      <c r="I2064" s="40">
        <v>9.3976207998227377</v>
      </c>
      <c r="J2064" s="40">
        <v>34.249987476190697</v>
      </c>
      <c r="K2064" s="40">
        <v>9.4364214364196641</v>
      </c>
      <c r="L2064" s="40"/>
      <c r="M2064" s="40"/>
      <c r="N2064" s="40"/>
      <c r="Y2064">
        <v>16.966667000000001</v>
      </c>
      <c r="Z2064">
        <v>95.266666999999998</v>
      </c>
      <c r="AA2064">
        <v>8.6250239999999998</v>
      </c>
      <c r="AB2064">
        <v>4.4683249286528701</v>
      </c>
    </row>
    <row r="2065" spans="4:28" x14ac:dyDescent="0.25">
      <c r="D2065" s="40">
        <v>34.281963000001518</v>
      </c>
      <c r="E2065" s="40">
        <v>14.688221090532782</v>
      </c>
      <c r="F2065" s="40">
        <v>34.266666999999998</v>
      </c>
      <c r="G2065" s="40">
        <v>11.722795563245493</v>
      </c>
      <c r="H2065" s="40">
        <v>34.266667000000012</v>
      </c>
      <c r="I2065" s="40">
        <v>9.3976207998227377</v>
      </c>
      <c r="J2065" s="40">
        <v>34.266654136904997</v>
      </c>
      <c r="K2065" s="40">
        <v>9.4412724801288981</v>
      </c>
      <c r="L2065" s="40"/>
      <c r="M2065" s="40"/>
      <c r="N2065" s="40"/>
      <c r="Y2065">
        <v>16.983333000000002</v>
      </c>
      <c r="Z2065">
        <v>95.283332999999999</v>
      </c>
      <c r="AA2065">
        <v>8.6250579999999992</v>
      </c>
      <c r="AB2065">
        <v>4.4687367446718769</v>
      </c>
    </row>
    <row r="2066" spans="4:28" x14ac:dyDescent="0.25">
      <c r="D2066" s="40">
        <v>34.298629000001519</v>
      </c>
      <c r="E2066" s="40">
        <v>14.692921822693208</v>
      </c>
      <c r="F2066" s="40">
        <v>34.283332999999999</v>
      </c>
      <c r="G2066" s="40">
        <v>11.727550807335589</v>
      </c>
      <c r="H2066" s="40">
        <v>34.283334000000011</v>
      </c>
      <c r="I2066" s="40">
        <v>9.4009735359661715</v>
      </c>
      <c r="J2066" s="40">
        <v>34.283320797619297</v>
      </c>
      <c r="K2066" s="40">
        <v>9.4412724801288981</v>
      </c>
      <c r="L2066" s="40"/>
      <c r="M2066" s="40"/>
      <c r="N2066" s="40"/>
      <c r="Y2066">
        <v>17</v>
      </c>
      <c r="Z2066">
        <v>95.3</v>
      </c>
      <c r="AA2066">
        <v>8.6250579999999992</v>
      </c>
      <c r="AB2066">
        <v>4.4687367446718769</v>
      </c>
    </row>
    <row r="2067" spans="4:28" x14ac:dyDescent="0.25">
      <c r="D2067" s="40">
        <v>34.31529500000152</v>
      </c>
      <c r="E2067" s="40">
        <v>14.69776500128263</v>
      </c>
      <c r="F2067" s="40">
        <v>34.299999999999997</v>
      </c>
      <c r="G2067" s="40">
        <v>11.73216619130549</v>
      </c>
      <c r="H2067" s="40">
        <v>34.300000000000011</v>
      </c>
      <c r="I2067" s="40">
        <v>9.4009735359661715</v>
      </c>
      <c r="J2067" s="40">
        <v>34.299987458333597</v>
      </c>
      <c r="K2067" s="40">
        <v>9.445980846081957</v>
      </c>
      <c r="L2067" s="40"/>
      <c r="M2067" s="40"/>
      <c r="N2067" s="40"/>
      <c r="Y2067">
        <v>17.016666999999998</v>
      </c>
      <c r="Z2067">
        <v>95.316666999999995</v>
      </c>
      <c r="AA2067">
        <v>8.6250920000000004</v>
      </c>
      <c r="AB2067">
        <v>4.469148560690904</v>
      </c>
    </row>
    <row r="2068" spans="4:28" x14ac:dyDescent="0.25">
      <c r="D2068" s="40">
        <v>34.33196100000152</v>
      </c>
      <c r="E2068" s="40">
        <v>14.702608179872179</v>
      </c>
      <c r="F2068" s="40">
        <v>34.316666999999995</v>
      </c>
      <c r="G2068" s="40">
        <v>11.736921435395708</v>
      </c>
      <c r="H2068" s="40">
        <v>34.31666700000001</v>
      </c>
      <c r="I2068" s="40">
        <v>9.4043262721094276</v>
      </c>
      <c r="J2068" s="40">
        <v>34.316654119047897</v>
      </c>
      <c r="K2068" s="40">
        <v>9.445980846081957</v>
      </c>
      <c r="L2068" s="40"/>
      <c r="M2068" s="40"/>
      <c r="N2068" s="40"/>
      <c r="Y2068">
        <v>17.033332999999999</v>
      </c>
      <c r="Z2068">
        <v>95.333332999999996</v>
      </c>
      <c r="AA2068">
        <v>8.6250920000000004</v>
      </c>
      <c r="AB2068">
        <v>4.469148560690904</v>
      </c>
    </row>
    <row r="2069" spans="4:28" x14ac:dyDescent="0.25">
      <c r="D2069" s="40">
        <v>34.348627000001521</v>
      </c>
      <c r="E2069" s="40">
        <v>14.702608179872179</v>
      </c>
      <c r="F2069" s="40">
        <v>34.333332999999996</v>
      </c>
      <c r="G2069" s="40">
        <v>11.736921435395708</v>
      </c>
      <c r="H2069" s="40">
        <v>34.333334000000008</v>
      </c>
      <c r="I2069" s="40">
        <v>9.4075803983661892</v>
      </c>
      <c r="J2069" s="40">
        <v>34.333320779762097</v>
      </c>
      <c r="K2069" s="40">
        <v>9.445980846081957</v>
      </c>
      <c r="L2069" s="40"/>
      <c r="M2069" s="40"/>
      <c r="N2069" s="40"/>
      <c r="Y2069">
        <v>17.049999999999997</v>
      </c>
      <c r="Z2069">
        <v>95.35</v>
      </c>
      <c r="AA2069">
        <v>8.6251250000000006</v>
      </c>
      <c r="AB2069">
        <v>4.4695482644740663</v>
      </c>
    </row>
    <row r="2070" spans="4:28" x14ac:dyDescent="0.25">
      <c r="D2070" s="40">
        <v>34.365293000001522</v>
      </c>
      <c r="E2070" s="40">
        <v>14.707308912032605</v>
      </c>
      <c r="F2070" s="40">
        <v>34.349999999999994</v>
      </c>
      <c r="G2070" s="40">
        <v>11.741676679485803</v>
      </c>
      <c r="H2070" s="40">
        <v>34.350000000000009</v>
      </c>
      <c r="I2070" s="40">
        <v>9.4075803983661892</v>
      </c>
      <c r="J2070" s="40">
        <v>34.349987440476397</v>
      </c>
      <c r="K2070" s="40">
        <v>9.4508318897911909</v>
      </c>
      <c r="L2070" s="40"/>
      <c r="M2070" s="40"/>
      <c r="N2070" s="40"/>
      <c r="Y2070">
        <v>17.06666700000001</v>
      </c>
      <c r="Z2070">
        <v>95.366667000000007</v>
      </c>
      <c r="AA2070">
        <v>8.6251250000000006</v>
      </c>
      <c r="AB2070">
        <v>4.4695482644740663</v>
      </c>
    </row>
    <row r="2071" spans="4:28" x14ac:dyDescent="0.25">
      <c r="D2071" s="40">
        <v>34.381959000001522</v>
      </c>
      <c r="E2071" s="40">
        <v>14.712152090622151</v>
      </c>
      <c r="F2071" s="40">
        <v>34.366666999999993</v>
      </c>
      <c r="G2071" s="40">
        <v>11.746292063455703</v>
      </c>
      <c r="H2071" s="40">
        <v>34.366667000000007</v>
      </c>
      <c r="I2071" s="40">
        <v>9.4109331345094471</v>
      </c>
      <c r="J2071" s="40">
        <v>34.366654101190697</v>
      </c>
      <c r="K2071" s="40">
        <v>9.4508318897911909</v>
      </c>
      <c r="L2071" s="40"/>
      <c r="M2071" s="40"/>
      <c r="N2071" s="40"/>
      <c r="Y2071">
        <v>17.083332999999996</v>
      </c>
      <c r="Z2071">
        <v>95.383332999999993</v>
      </c>
      <c r="AA2071">
        <v>8.6251250000000006</v>
      </c>
      <c r="AB2071">
        <v>4.4695482644740663</v>
      </c>
    </row>
    <row r="2072" spans="4:28" x14ac:dyDescent="0.25">
      <c r="D2072" s="40">
        <v>34.398625000001523</v>
      </c>
      <c r="E2072" s="40">
        <v>14.721696001371999</v>
      </c>
      <c r="F2072" s="40">
        <v>34.383332999999993</v>
      </c>
      <c r="G2072" s="40">
        <v>11.751047307545923</v>
      </c>
      <c r="H2072" s="40">
        <v>34.383334000000005</v>
      </c>
      <c r="I2072" s="40">
        <v>9.4142858706527033</v>
      </c>
      <c r="J2072" s="40">
        <v>34.383320761904997</v>
      </c>
      <c r="K2072" s="40">
        <v>9.455682933500297</v>
      </c>
      <c r="L2072" s="40"/>
      <c r="M2072" s="40"/>
      <c r="N2072" s="40"/>
      <c r="Y2072">
        <v>17.100000000000009</v>
      </c>
      <c r="Z2072">
        <v>95.4</v>
      </c>
      <c r="AA2072">
        <v>8.625159</v>
      </c>
      <c r="AB2072">
        <v>4.4699600804930721</v>
      </c>
    </row>
    <row r="2073" spans="4:28" x14ac:dyDescent="0.25">
      <c r="D2073" s="40">
        <v>34.415291000001524</v>
      </c>
      <c r="E2073" s="40">
        <v>14.726539179961547</v>
      </c>
      <c r="F2073" s="40">
        <v>34.399999999999991</v>
      </c>
      <c r="G2073" s="40">
        <v>11.751047307545923</v>
      </c>
      <c r="H2073" s="40">
        <v>34.400000000000006</v>
      </c>
      <c r="I2073" s="40">
        <v>9.4142858706527033</v>
      </c>
      <c r="J2073" s="40">
        <v>34.399987422619297</v>
      </c>
      <c r="K2073" s="40">
        <v>9.4603912994533541</v>
      </c>
      <c r="L2073" s="40"/>
      <c r="M2073" s="40"/>
      <c r="N2073" s="40"/>
      <c r="Y2073">
        <v>17.116667000000007</v>
      </c>
      <c r="Z2073">
        <v>95.416667000000004</v>
      </c>
      <c r="AA2073">
        <v>8.625159</v>
      </c>
      <c r="AB2073">
        <v>4.4699600804930721</v>
      </c>
    </row>
    <row r="2074" spans="4:28" x14ac:dyDescent="0.25">
      <c r="D2074" s="40">
        <v>34.431957000001525</v>
      </c>
      <c r="E2074" s="40">
        <v>14.73138235855097</v>
      </c>
      <c r="F2074" s="40">
        <v>34.41666699999999</v>
      </c>
      <c r="G2074" s="40">
        <v>11.755802551636018</v>
      </c>
      <c r="H2074" s="40">
        <v>34.416667000000004</v>
      </c>
      <c r="I2074" s="40">
        <v>9.4175399969094666</v>
      </c>
      <c r="J2074" s="40">
        <v>34.416654083333597</v>
      </c>
      <c r="K2074" s="40">
        <v>9.4603912994533541</v>
      </c>
      <c r="L2074" s="40"/>
      <c r="M2074" s="40"/>
      <c r="N2074" s="40"/>
      <c r="Y2074">
        <v>17.133333000000007</v>
      </c>
      <c r="Z2074">
        <v>95.433333000000005</v>
      </c>
      <c r="AA2074">
        <v>8.6251929999999994</v>
      </c>
      <c r="AB2074">
        <v>4.4703718965120789</v>
      </c>
    </row>
    <row r="2075" spans="4:28" x14ac:dyDescent="0.25">
      <c r="D2075" s="40">
        <v>34.448623000001525</v>
      </c>
      <c r="E2075" s="40">
        <v>14.73138235855097</v>
      </c>
      <c r="F2075" s="40">
        <v>34.43333299999999</v>
      </c>
      <c r="G2075" s="40">
        <v>11.760417935605918</v>
      </c>
      <c r="H2075" s="40">
        <v>34.433334000000002</v>
      </c>
      <c r="I2075" s="40">
        <v>9.4208927330529004</v>
      </c>
      <c r="J2075" s="40">
        <v>34.433320744047897</v>
      </c>
      <c r="K2075" s="40">
        <v>9.4652423431625881</v>
      </c>
      <c r="L2075" s="40"/>
      <c r="M2075" s="40"/>
      <c r="N2075" s="40"/>
      <c r="Y2075">
        <v>17.150000000000006</v>
      </c>
      <c r="Z2075">
        <v>95.45</v>
      </c>
      <c r="AA2075">
        <v>8.6252259999999996</v>
      </c>
      <c r="AB2075">
        <v>4.4707716002952411</v>
      </c>
    </row>
    <row r="2076" spans="4:28" x14ac:dyDescent="0.25">
      <c r="D2076" s="40">
        <v>34.465289000001526</v>
      </c>
      <c r="E2076" s="40">
        <v>14.736083090711395</v>
      </c>
      <c r="F2076" s="40">
        <v>34.449999999999989</v>
      </c>
      <c r="G2076" s="40">
        <v>11.765173179696136</v>
      </c>
      <c r="H2076" s="40">
        <v>34.450000000000003</v>
      </c>
      <c r="I2076" s="40">
        <v>9.4242454691961566</v>
      </c>
      <c r="J2076" s="40">
        <v>34.449987404762098</v>
      </c>
      <c r="K2076" s="40">
        <v>9.4652423431625881</v>
      </c>
      <c r="L2076" s="40"/>
      <c r="M2076" s="40"/>
      <c r="N2076" s="40"/>
      <c r="Y2076">
        <v>17.166667000000004</v>
      </c>
      <c r="Z2076">
        <v>95.466667000000001</v>
      </c>
      <c r="AA2076">
        <v>8.6252259999999996</v>
      </c>
      <c r="AB2076">
        <v>4.4707716002952411</v>
      </c>
    </row>
    <row r="2077" spans="4:28" x14ac:dyDescent="0.25">
      <c r="D2077" s="40">
        <v>34.481955000001527</v>
      </c>
      <c r="E2077" s="40">
        <v>14.736083090711395</v>
      </c>
      <c r="F2077" s="40">
        <v>34.466667000000001</v>
      </c>
      <c r="G2077" s="40">
        <v>11.765173179696136</v>
      </c>
      <c r="H2077" s="40">
        <v>34.466667000000001</v>
      </c>
      <c r="I2077" s="40">
        <v>9.4242454691961566</v>
      </c>
      <c r="J2077" s="40">
        <v>34.466654065476398</v>
      </c>
      <c r="K2077" s="40">
        <v>9.4700933868716941</v>
      </c>
      <c r="L2077" s="40"/>
      <c r="M2077" s="40"/>
      <c r="N2077" s="40"/>
      <c r="Y2077">
        <v>17.183333000000005</v>
      </c>
      <c r="Z2077">
        <v>95.483333000000002</v>
      </c>
      <c r="AA2077">
        <v>8.6252600000000008</v>
      </c>
      <c r="AB2077">
        <v>4.4711834163142683</v>
      </c>
    </row>
    <row r="2078" spans="4:28" x14ac:dyDescent="0.25">
      <c r="D2078" s="40">
        <v>34.498621000001528</v>
      </c>
      <c r="E2078" s="40">
        <v>14.740926269300944</v>
      </c>
      <c r="F2078" s="40">
        <v>34.483332999999988</v>
      </c>
      <c r="G2078" s="40">
        <v>11.769928423786233</v>
      </c>
      <c r="H2078" s="40">
        <v>34.483334000000013</v>
      </c>
      <c r="I2078" s="40">
        <v>9.4275982053394145</v>
      </c>
      <c r="J2078" s="40">
        <v>34.483320726190698</v>
      </c>
      <c r="K2078" s="40">
        <v>9.4700933868716941</v>
      </c>
      <c r="L2078" s="40"/>
      <c r="M2078" s="40"/>
      <c r="N2078" s="40"/>
      <c r="Y2078">
        <v>17.200000000000003</v>
      </c>
      <c r="Z2078">
        <v>95.5</v>
      </c>
      <c r="AA2078">
        <v>8.6252600000000008</v>
      </c>
      <c r="AB2078">
        <v>4.4711834163142683</v>
      </c>
    </row>
    <row r="2079" spans="4:28" x14ac:dyDescent="0.25">
      <c r="D2079" s="40">
        <v>34.515287000001528</v>
      </c>
      <c r="E2079" s="40">
        <v>14.740926269300944</v>
      </c>
      <c r="F2079" s="40">
        <v>34.5</v>
      </c>
      <c r="G2079" s="40">
        <v>11.774543807756134</v>
      </c>
      <c r="H2079" s="40">
        <v>34.5</v>
      </c>
      <c r="I2079" s="40">
        <v>9.4308523315961779</v>
      </c>
      <c r="J2079" s="40">
        <v>34.499987386904998</v>
      </c>
      <c r="K2079" s="40">
        <v>9.4700933868716941</v>
      </c>
      <c r="L2079" s="40"/>
      <c r="M2079" s="40"/>
      <c r="N2079" s="40"/>
      <c r="Y2079">
        <v>17.216667000000001</v>
      </c>
      <c r="Z2079">
        <v>95.516666999999998</v>
      </c>
      <c r="AA2079">
        <v>8.6252940000000002</v>
      </c>
      <c r="AB2079">
        <v>4.471595232333275</v>
      </c>
    </row>
    <row r="2080" spans="4:28" x14ac:dyDescent="0.25">
      <c r="D2080" s="40">
        <v>34.531953000001529</v>
      </c>
      <c r="E2080" s="40">
        <v>14.745769447890366</v>
      </c>
      <c r="F2080" s="40">
        <v>34.516666999999998</v>
      </c>
      <c r="G2080" s="40">
        <v>11.779299051846351</v>
      </c>
      <c r="H2080" s="40">
        <v>34.516667000000012</v>
      </c>
      <c r="I2080" s="40">
        <v>9.4308523315961779</v>
      </c>
      <c r="J2080" s="40">
        <v>34.516654047619298</v>
      </c>
      <c r="K2080" s="40">
        <v>9.474801752824753</v>
      </c>
      <c r="L2080" s="40"/>
      <c r="M2080" s="40"/>
      <c r="N2080" s="40"/>
      <c r="Y2080">
        <v>17.233333000000002</v>
      </c>
      <c r="Z2080">
        <v>95.533332999999999</v>
      </c>
      <c r="AA2080">
        <v>8.6252940000000002</v>
      </c>
      <c r="AB2080">
        <v>4.471595232333275</v>
      </c>
    </row>
    <row r="2081" spans="4:28" x14ac:dyDescent="0.25">
      <c r="D2081" s="40">
        <v>34.54861900000153</v>
      </c>
      <c r="E2081" s="40">
        <v>14.75047018005079</v>
      </c>
      <c r="F2081" s="40">
        <v>34.533332999999999</v>
      </c>
      <c r="G2081" s="40">
        <v>11.784054295936571</v>
      </c>
      <c r="H2081" s="40">
        <v>34.533334000000011</v>
      </c>
      <c r="I2081" s="40">
        <v>9.4342050677396099</v>
      </c>
      <c r="J2081" s="40">
        <v>34.533320708333598</v>
      </c>
      <c r="K2081" s="40">
        <v>9.474801752824753</v>
      </c>
      <c r="L2081" s="40"/>
      <c r="M2081" s="40"/>
      <c r="N2081" s="40"/>
      <c r="Y2081">
        <v>17.25</v>
      </c>
      <c r="Z2081">
        <v>95.55</v>
      </c>
      <c r="AA2081">
        <v>8.6253270000000004</v>
      </c>
      <c r="AB2081">
        <v>4.4719949361164373</v>
      </c>
    </row>
    <row r="2082" spans="4:28" x14ac:dyDescent="0.25">
      <c r="D2082" s="40">
        <v>34.565285000001531</v>
      </c>
      <c r="E2082" s="40">
        <v>14.755313358640338</v>
      </c>
      <c r="F2082" s="40">
        <v>34.549999999999997</v>
      </c>
      <c r="G2082" s="40">
        <v>11.788669679906349</v>
      </c>
      <c r="H2082" s="40">
        <v>34.550000000000011</v>
      </c>
      <c r="I2082" s="40">
        <v>9.4375578038828678</v>
      </c>
      <c r="J2082" s="40">
        <v>34.549987369047898</v>
      </c>
      <c r="K2082" s="40">
        <v>9.474801752824753</v>
      </c>
      <c r="L2082" s="40"/>
      <c r="M2082" s="40"/>
      <c r="N2082" s="40"/>
      <c r="Y2082">
        <v>17.266666999999998</v>
      </c>
      <c r="Z2082">
        <v>95.566666999999995</v>
      </c>
      <c r="AA2082">
        <v>8.6253609999999998</v>
      </c>
      <c r="AB2082">
        <v>4.472406752135444</v>
      </c>
    </row>
    <row r="2083" spans="4:28" x14ac:dyDescent="0.25">
      <c r="D2083" s="40">
        <v>34.581951000001531</v>
      </c>
      <c r="E2083" s="40">
        <v>14.760156537229888</v>
      </c>
      <c r="F2083" s="40">
        <v>34.566666999999995</v>
      </c>
      <c r="G2083" s="40">
        <v>11.793424923996566</v>
      </c>
      <c r="H2083" s="40">
        <v>34.56666700000001</v>
      </c>
      <c r="I2083" s="40">
        <v>9.4375578038828678</v>
      </c>
      <c r="J2083" s="40">
        <v>34.566654029762098</v>
      </c>
      <c r="K2083" s="40">
        <v>9.479652796533987</v>
      </c>
      <c r="L2083" s="40"/>
      <c r="M2083" s="40"/>
      <c r="N2083" s="40"/>
      <c r="Y2083">
        <v>17.283332999999999</v>
      </c>
      <c r="Z2083">
        <v>95.583332999999996</v>
      </c>
      <c r="AA2083">
        <v>8.6253609999999998</v>
      </c>
      <c r="AB2083">
        <v>4.472406752135444</v>
      </c>
    </row>
    <row r="2084" spans="4:28" x14ac:dyDescent="0.25">
      <c r="D2084" s="40">
        <v>34.598617000001532</v>
      </c>
      <c r="E2084" s="40">
        <v>14.760156537229888</v>
      </c>
      <c r="F2084" s="40">
        <v>34.583332999999996</v>
      </c>
      <c r="G2084" s="40">
        <v>11.798180168086786</v>
      </c>
      <c r="H2084" s="40">
        <v>34.583334000000008</v>
      </c>
      <c r="I2084" s="40">
        <v>9.4408119301396312</v>
      </c>
      <c r="J2084" s="40">
        <v>34.583320690476398</v>
      </c>
      <c r="K2084" s="40">
        <v>9.479652796533987</v>
      </c>
      <c r="L2084" s="40"/>
      <c r="M2084" s="40"/>
      <c r="N2084" s="40"/>
      <c r="Y2084">
        <v>17.299999999999997</v>
      </c>
      <c r="Z2084">
        <v>95.6</v>
      </c>
      <c r="AA2084">
        <v>8.6253949999999993</v>
      </c>
      <c r="AB2084">
        <v>4.4728185681544499</v>
      </c>
    </row>
    <row r="2085" spans="4:28" x14ac:dyDescent="0.25">
      <c r="D2085" s="40">
        <v>34.615283000001533</v>
      </c>
      <c r="E2085" s="40">
        <v>14.764857269390186</v>
      </c>
      <c r="F2085" s="40">
        <v>34.599999999999994</v>
      </c>
      <c r="G2085" s="40">
        <v>11.802795552056562</v>
      </c>
      <c r="H2085" s="40">
        <v>34.600000000000009</v>
      </c>
      <c r="I2085" s="40">
        <v>9.4441646662828873</v>
      </c>
      <c r="J2085" s="40">
        <v>34.599987351190698</v>
      </c>
      <c r="K2085" s="40">
        <v>9.479652796533987</v>
      </c>
      <c r="L2085" s="40"/>
      <c r="M2085" s="40"/>
      <c r="N2085" s="40"/>
      <c r="Y2085">
        <v>17.31666700000001</v>
      </c>
      <c r="Z2085">
        <v>95.616667000000007</v>
      </c>
      <c r="AA2085">
        <v>8.6253949999999993</v>
      </c>
      <c r="AB2085">
        <v>4.4728185681544499</v>
      </c>
    </row>
    <row r="2086" spans="4:28" x14ac:dyDescent="0.25">
      <c r="D2086" s="40">
        <v>34.631949000001534</v>
      </c>
      <c r="E2086" s="40">
        <v>14.769700447979735</v>
      </c>
      <c r="F2086" s="40">
        <v>34.616666999999993</v>
      </c>
      <c r="G2086" s="40">
        <v>11.80755079614678</v>
      </c>
      <c r="H2086" s="40">
        <v>34.616667000000007</v>
      </c>
      <c r="I2086" s="40">
        <v>9.4441646662828873</v>
      </c>
      <c r="J2086" s="40">
        <v>34.616654011904998</v>
      </c>
      <c r="K2086" s="40">
        <v>9.4845038402430912</v>
      </c>
      <c r="L2086" s="40"/>
      <c r="M2086" s="40"/>
      <c r="N2086" s="40"/>
      <c r="Y2086">
        <v>17.333332999999996</v>
      </c>
      <c r="Z2086">
        <v>95.633332999999993</v>
      </c>
      <c r="AA2086">
        <v>8.6254279999999994</v>
      </c>
      <c r="AB2086">
        <v>4.4732182719376112</v>
      </c>
    </row>
    <row r="2087" spans="4:28" x14ac:dyDescent="0.25">
      <c r="D2087" s="40">
        <v>34.648615000001534</v>
      </c>
      <c r="E2087" s="40">
        <v>14.774543626569283</v>
      </c>
      <c r="F2087" s="40">
        <v>34.633332999999993</v>
      </c>
      <c r="G2087" s="40">
        <v>11.80755079614678</v>
      </c>
      <c r="H2087" s="40">
        <v>34.633334000000005</v>
      </c>
      <c r="I2087" s="40">
        <v>9.4475174024261452</v>
      </c>
      <c r="J2087" s="40">
        <v>34.633320672619298</v>
      </c>
      <c r="K2087" s="40">
        <v>9.4892122061961501</v>
      </c>
      <c r="L2087" s="40"/>
      <c r="M2087" s="40"/>
      <c r="N2087" s="40"/>
      <c r="Y2087">
        <v>17.350000000000009</v>
      </c>
      <c r="Z2087">
        <v>95.65</v>
      </c>
      <c r="AA2087">
        <v>8.6254279999999994</v>
      </c>
      <c r="AB2087">
        <v>4.4732182719376112</v>
      </c>
    </row>
    <row r="2088" spans="4:28" x14ac:dyDescent="0.25">
      <c r="D2088" s="40">
        <v>34.665281000001535</v>
      </c>
      <c r="E2088" s="40">
        <v>14.779244358729583</v>
      </c>
      <c r="F2088" s="40">
        <v>34.649999999999991</v>
      </c>
      <c r="G2088" s="40">
        <v>11.812306040237001</v>
      </c>
      <c r="H2088" s="40">
        <v>34.650000000000006</v>
      </c>
      <c r="I2088" s="40">
        <v>9.4507715286829068</v>
      </c>
      <c r="J2088" s="40">
        <v>34.649987333333598</v>
      </c>
      <c r="K2088" s="40">
        <v>9.4892122061961501</v>
      </c>
      <c r="L2088" s="40"/>
      <c r="M2088" s="40"/>
      <c r="N2088" s="40"/>
      <c r="Y2088">
        <v>17.366667000000007</v>
      </c>
      <c r="Z2088">
        <v>95.666667000000004</v>
      </c>
      <c r="AA2088">
        <v>8.6254620000000006</v>
      </c>
      <c r="AB2088">
        <v>4.4736300879566402</v>
      </c>
    </row>
    <row r="2089" spans="4:28" x14ac:dyDescent="0.25">
      <c r="D2089" s="40">
        <v>34.681947000001536</v>
      </c>
      <c r="E2089" s="40">
        <v>14.784087537319129</v>
      </c>
      <c r="F2089" s="40">
        <v>34.66666699999999</v>
      </c>
      <c r="G2089" s="40">
        <v>11.816921424206901</v>
      </c>
      <c r="H2089" s="40">
        <v>34.666667000000004</v>
      </c>
      <c r="I2089" s="40">
        <v>9.4541242648263388</v>
      </c>
      <c r="J2089" s="40">
        <v>34.666653994047898</v>
      </c>
      <c r="K2089" s="40">
        <v>9.4892122061961501</v>
      </c>
      <c r="L2089" s="40"/>
      <c r="M2089" s="40"/>
      <c r="N2089" s="40"/>
      <c r="Y2089">
        <v>17.383333000000007</v>
      </c>
      <c r="Z2089">
        <v>95.683333000000005</v>
      </c>
      <c r="AA2089">
        <v>8.6254960000000001</v>
      </c>
      <c r="AB2089">
        <v>4.4740419039756461</v>
      </c>
    </row>
    <row r="2090" spans="4:28" x14ac:dyDescent="0.25">
      <c r="D2090" s="40">
        <v>34.698613000001536</v>
      </c>
      <c r="E2090" s="40">
        <v>14.788930715908679</v>
      </c>
      <c r="F2090" s="40">
        <v>34.68333299999999</v>
      </c>
      <c r="G2090" s="40">
        <v>11.816921424206901</v>
      </c>
      <c r="H2090" s="40">
        <v>34.683334000000002</v>
      </c>
      <c r="I2090" s="40">
        <v>9.4574770009695968</v>
      </c>
      <c r="J2090" s="40">
        <v>34.683320654762099</v>
      </c>
      <c r="K2090" s="40">
        <v>9.4940632499053841</v>
      </c>
      <c r="L2090" s="40"/>
      <c r="M2090" s="40"/>
      <c r="N2090" s="40"/>
      <c r="Y2090">
        <v>17.400000000000006</v>
      </c>
      <c r="Z2090">
        <v>95.7</v>
      </c>
      <c r="AA2090">
        <v>8.6254960000000001</v>
      </c>
      <c r="AB2090">
        <v>4.4740419039756461</v>
      </c>
    </row>
    <row r="2091" spans="4:28" x14ac:dyDescent="0.25">
      <c r="D2091" s="40">
        <v>34.715279000001537</v>
      </c>
      <c r="E2091" s="40">
        <v>14.793631448069105</v>
      </c>
      <c r="F2091" s="40">
        <v>34.699999999999989</v>
      </c>
      <c r="G2091" s="40">
        <v>11.821676668296995</v>
      </c>
      <c r="H2091" s="40">
        <v>34.700000000000003</v>
      </c>
      <c r="I2091" s="40">
        <v>9.4607311272263601</v>
      </c>
      <c r="J2091" s="40">
        <v>34.699987315476399</v>
      </c>
      <c r="K2091" s="40">
        <v>9.4940632499053841</v>
      </c>
      <c r="L2091" s="40"/>
      <c r="M2091" s="40"/>
      <c r="N2091" s="40"/>
      <c r="Y2091">
        <v>17.416667000000004</v>
      </c>
      <c r="Z2091">
        <v>95.716667000000001</v>
      </c>
      <c r="AA2091">
        <v>8.6255290000000002</v>
      </c>
      <c r="AB2091">
        <v>4.4744416077588083</v>
      </c>
    </row>
    <row r="2092" spans="4:28" x14ac:dyDescent="0.25">
      <c r="D2092" s="40">
        <v>34.731945000001538</v>
      </c>
      <c r="E2092" s="40">
        <v>14.798474626658527</v>
      </c>
      <c r="F2092" s="40">
        <v>34.716667000000001</v>
      </c>
      <c r="G2092" s="40">
        <v>11.826431912387214</v>
      </c>
      <c r="H2092" s="40">
        <v>34.716667000000001</v>
      </c>
      <c r="I2092" s="40">
        <v>9.4607311272263601</v>
      </c>
      <c r="J2092" s="40">
        <v>34.716653976190699</v>
      </c>
      <c r="K2092" s="40">
        <v>9.4989142936144901</v>
      </c>
      <c r="L2092" s="40"/>
      <c r="M2092" s="40"/>
      <c r="N2092" s="40"/>
      <c r="Y2092">
        <v>17.433333000000005</v>
      </c>
      <c r="Z2092">
        <v>95.733333000000002</v>
      </c>
      <c r="AA2092">
        <v>8.6255290000000002</v>
      </c>
      <c r="AB2092">
        <v>4.4744416077588083</v>
      </c>
    </row>
    <row r="2093" spans="4:28" x14ac:dyDescent="0.25">
      <c r="D2093" s="40">
        <v>34.748611000001539</v>
      </c>
      <c r="E2093" s="40">
        <v>14.803317805248074</v>
      </c>
      <c r="F2093" s="40">
        <v>34.733332999999988</v>
      </c>
      <c r="G2093" s="40">
        <v>11.826431912387214</v>
      </c>
      <c r="H2093" s="40">
        <v>34.733334000000013</v>
      </c>
      <c r="I2093" s="40">
        <v>9.4640838633696163</v>
      </c>
      <c r="J2093" s="40">
        <v>34.733320636904999</v>
      </c>
      <c r="K2093" s="40">
        <v>9.4989142936144901</v>
      </c>
      <c r="L2093" s="40"/>
      <c r="M2093" s="40"/>
      <c r="N2093" s="40"/>
      <c r="Y2093">
        <v>17.450000000000003</v>
      </c>
      <c r="Z2093">
        <v>95.75</v>
      </c>
      <c r="AA2093">
        <v>8.6255629999999996</v>
      </c>
      <c r="AB2093">
        <v>4.4748534237778141</v>
      </c>
    </row>
    <row r="2094" spans="4:28" x14ac:dyDescent="0.25">
      <c r="D2094" s="40">
        <v>34.765277000001539</v>
      </c>
      <c r="E2094" s="40">
        <v>14.812861715997922</v>
      </c>
      <c r="F2094" s="40">
        <v>34.75</v>
      </c>
      <c r="G2094" s="40">
        <v>11.831047296357115</v>
      </c>
      <c r="H2094" s="40">
        <v>34.75</v>
      </c>
      <c r="I2094" s="40">
        <v>9.4674365995130501</v>
      </c>
      <c r="J2094" s="40">
        <v>34.749987297619299</v>
      </c>
      <c r="K2094" s="40">
        <v>9.503622659567549</v>
      </c>
      <c r="L2094" s="40"/>
      <c r="M2094" s="40"/>
      <c r="N2094" s="40"/>
      <c r="Y2094">
        <v>17.466667000000001</v>
      </c>
      <c r="Z2094">
        <v>95.766666999999998</v>
      </c>
      <c r="AA2094">
        <v>8.6255970000000008</v>
      </c>
      <c r="AB2094">
        <v>4.4752652397968422</v>
      </c>
    </row>
    <row r="2095" spans="4:28" x14ac:dyDescent="0.25">
      <c r="D2095" s="40">
        <v>34.78194300000154</v>
      </c>
      <c r="E2095" s="40">
        <v>14.817704894587472</v>
      </c>
      <c r="F2095" s="40">
        <v>34.766666999999998</v>
      </c>
      <c r="G2095" s="40">
        <v>11.835802540447212</v>
      </c>
      <c r="H2095" s="40">
        <v>34.766667000000012</v>
      </c>
      <c r="I2095" s="40">
        <v>9.4674365995130501</v>
      </c>
      <c r="J2095" s="40">
        <v>34.766653958333599</v>
      </c>
      <c r="K2095" s="40">
        <v>9.503622659567549</v>
      </c>
      <c r="L2095" s="40"/>
      <c r="M2095" s="40"/>
      <c r="N2095" s="40"/>
      <c r="Y2095">
        <v>17.483333000000002</v>
      </c>
      <c r="Z2095">
        <v>95.783332999999999</v>
      </c>
      <c r="AA2095">
        <v>8.6255970000000008</v>
      </c>
      <c r="AB2095">
        <v>4.4752652397968422</v>
      </c>
    </row>
    <row r="2096" spans="4:28" x14ac:dyDescent="0.25">
      <c r="D2096" s="40">
        <v>34.798609000001541</v>
      </c>
      <c r="E2096" s="40">
        <v>14.822548073177018</v>
      </c>
      <c r="F2096" s="40">
        <v>34.783332999999999</v>
      </c>
      <c r="G2096" s="40">
        <v>11.840557784537429</v>
      </c>
      <c r="H2096" s="40">
        <v>34.783334000000011</v>
      </c>
      <c r="I2096" s="40">
        <v>9.4706907257696376</v>
      </c>
      <c r="J2096" s="40">
        <v>34.783320619047899</v>
      </c>
      <c r="K2096" s="40">
        <v>9.5084737032767812</v>
      </c>
      <c r="L2096" s="40"/>
      <c r="M2096" s="40"/>
      <c r="N2096" s="40"/>
      <c r="Y2096">
        <v>17.5</v>
      </c>
      <c r="Z2096">
        <v>95.8</v>
      </c>
      <c r="AA2096">
        <v>8.6256299999999992</v>
      </c>
      <c r="AB2096">
        <v>4.4756649435799831</v>
      </c>
    </row>
    <row r="2097" spans="4:28" x14ac:dyDescent="0.25">
      <c r="D2097" s="40">
        <v>34.815275000001542</v>
      </c>
      <c r="E2097" s="40">
        <v>14.827248805337318</v>
      </c>
      <c r="F2097" s="40">
        <v>34.799999999999997</v>
      </c>
      <c r="G2097" s="40">
        <v>11.84517316850733</v>
      </c>
      <c r="H2097" s="40">
        <v>34.800000000000011</v>
      </c>
      <c r="I2097" s="40">
        <v>9.4740434619130696</v>
      </c>
      <c r="J2097" s="40">
        <v>34.799987279762099</v>
      </c>
      <c r="K2097" s="40">
        <v>9.5133247469860134</v>
      </c>
      <c r="L2097" s="40"/>
      <c r="M2097" s="40"/>
      <c r="N2097" s="40"/>
      <c r="Y2097">
        <v>17.516666999999998</v>
      </c>
      <c r="Z2097">
        <v>95.816666999999995</v>
      </c>
      <c r="AA2097">
        <v>8.6256299999999992</v>
      </c>
      <c r="AB2097">
        <v>4.4756649435799831</v>
      </c>
    </row>
    <row r="2098" spans="4:28" x14ac:dyDescent="0.25">
      <c r="D2098" s="40">
        <v>34.831941000001542</v>
      </c>
      <c r="E2098" s="40">
        <v>14.827248805337318</v>
      </c>
      <c r="F2098" s="40">
        <v>34.816666999999995</v>
      </c>
      <c r="G2098" s="40">
        <v>11.84517316850733</v>
      </c>
      <c r="H2098" s="40">
        <v>34.81666700000001</v>
      </c>
      <c r="I2098" s="40">
        <v>9.4740434619130696</v>
      </c>
      <c r="J2098" s="40">
        <v>34.816653940476399</v>
      </c>
      <c r="K2098" s="40">
        <v>9.5133247469860134</v>
      </c>
      <c r="L2098" s="40"/>
      <c r="M2098" s="40"/>
      <c r="N2098" s="40"/>
      <c r="Y2098">
        <v>17.533332999999999</v>
      </c>
      <c r="Z2098">
        <v>95.833332999999996</v>
      </c>
      <c r="AA2098">
        <v>8.6256640000000004</v>
      </c>
      <c r="AB2098">
        <v>4.4760767595990103</v>
      </c>
    </row>
    <row r="2099" spans="4:28" x14ac:dyDescent="0.25">
      <c r="D2099" s="40">
        <v>34.848607000001543</v>
      </c>
      <c r="E2099" s="40">
        <v>14.832091983926865</v>
      </c>
      <c r="F2099" s="40">
        <v>34.833332999999996</v>
      </c>
      <c r="G2099" s="40">
        <v>11.849928412597427</v>
      </c>
      <c r="H2099" s="40">
        <v>34.833334000000008</v>
      </c>
      <c r="I2099" s="40">
        <v>9.4773961980563275</v>
      </c>
      <c r="J2099" s="40">
        <v>34.8333206011907</v>
      </c>
      <c r="K2099" s="40">
        <v>9.5133247469860134</v>
      </c>
      <c r="L2099" s="40"/>
      <c r="M2099" s="40"/>
      <c r="N2099" s="40"/>
      <c r="Y2099">
        <v>17.549999999999997</v>
      </c>
      <c r="Z2099">
        <v>95.85</v>
      </c>
      <c r="AA2099">
        <v>8.6256979999999999</v>
      </c>
      <c r="AB2099">
        <v>4.4764885756180171</v>
      </c>
    </row>
    <row r="2100" spans="4:28" x14ac:dyDescent="0.25">
      <c r="D2100" s="40">
        <v>34.865273000001544</v>
      </c>
      <c r="E2100" s="40">
        <v>14.841635894676839</v>
      </c>
      <c r="F2100" s="40">
        <v>34.849999999999994</v>
      </c>
      <c r="G2100" s="40">
        <v>11.854683656687644</v>
      </c>
      <c r="H2100" s="40">
        <v>34.850000000000009</v>
      </c>
      <c r="I2100" s="40">
        <v>9.4806503243130908</v>
      </c>
      <c r="J2100" s="40">
        <v>34.849987261905</v>
      </c>
      <c r="K2100" s="40">
        <v>9.5180331129389462</v>
      </c>
      <c r="L2100" s="40"/>
      <c r="M2100" s="40"/>
      <c r="N2100" s="40"/>
      <c r="Y2100">
        <v>17.56666700000001</v>
      </c>
      <c r="Z2100">
        <v>95.866667000000007</v>
      </c>
      <c r="AA2100">
        <v>8.6256979999999999</v>
      </c>
      <c r="AB2100">
        <v>4.4764885756180171</v>
      </c>
    </row>
    <row r="2101" spans="4:28" x14ac:dyDescent="0.25">
      <c r="D2101" s="40">
        <v>34.881939000001545</v>
      </c>
      <c r="E2101" s="40">
        <v>14.841635894676839</v>
      </c>
      <c r="F2101" s="40">
        <v>34.866666999999993</v>
      </c>
      <c r="G2101" s="40">
        <v>11.859299040657545</v>
      </c>
      <c r="H2101" s="40">
        <v>34.866667000000007</v>
      </c>
      <c r="I2101" s="40">
        <v>9.484003060456347</v>
      </c>
      <c r="J2101" s="40">
        <v>34.8666539226193</v>
      </c>
      <c r="K2101" s="40">
        <v>9.5180331129389462</v>
      </c>
      <c r="L2101" s="40"/>
      <c r="M2101" s="40"/>
      <c r="N2101" s="40"/>
      <c r="Y2101">
        <v>17.583332999999996</v>
      </c>
      <c r="Z2101">
        <v>95.883332999999993</v>
      </c>
      <c r="AA2101">
        <v>8.625731</v>
      </c>
      <c r="AB2101">
        <v>4.4768882794011793</v>
      </c>
    </row>
    <row r="2102" spans="4:28" x14ac:dyDescent="0.25">
      <c r="D2102" s="40">
        <v>34.898605000001545</v>
      </c>
      <c r="E2102" s="40">
        <v>14.846479073266263</v>
      </c>
      <c r="F2102" s="40">
        <v>34.883332999999993</v>
      </c>
      <c r="G2102" s="40">
        <v>11.859299040657545</v>
      </c>
      <c r="H2102" s="40">
        <v>34.883334000000005</v>
      </c>
      <c r="I2102" s="40">
        <v>9.484003060456347</v>
      </c>
      <c r="J2102" s="40">
        <v>34.8833205833336</v>
      </c>
      <c r="K2102" s="40">
        <v>9.5228841566481801</v>
      </c>
      <c r="L2102" s="40"/>
      <c r="M2102" s="40"/>
      <c r="N2102" s="40"/>
      <c r="Y2102">
        <v>17.600000000000009</v>
      </c>
      <c r="Z2102">
        <v>95.9</v>
      </c>
      <c r="AA2102">
        <v>8.625731</v>
      </c>
      <c r="AB2102">
        <v>4.4768882794011793</v>
      </c>
    </row>
    <row r="2103" spans="4:28" x14ac:dyDescent="0.25">
      <c r="D2103" s="40">
        <v>34.915271000001546</v>
      </c>
      <c r="E2103" s="40">
        <v>14.851322251855811</v>
      </c>
      <c r="F2103" s="40">
        <v>34.899999999999991</v>
      </c>
      <c r="G2103" s="40">
        <v>11.864054284747764</v>
      </c>
      <c r="H2103" s="40">
        <v>34.900000000000006</v>
      </c>
      <c r="I2103" s="40">
        <v>9.4873557965997808</v>
      </c>
      <c r="J2103" s="40">
        <v>34.8999872440479</v>
      </c>
      <c r="K2103" s="40">
        <v>9.5228841566481801</v>
      </c>
      <c r="L2103" s="40"/>
      <c r="M2103" s="40"/>
      <c r="N2103" s="40"/>
      <c r="Y2103">
        <v>17.616667000000007</v>
      </c>
      <c r="Z2103">
        <v>95.916667000000004</v>
      </c>
      <c r="AA2103">
        <v>8.6257649999999995</v>
      </c>
      <c r="AB2103">
        <v>4.4773000954201851</v>
      </c>
    </row>
    <row r="2104" spans="4:28" x14ac:dyDescent="0.25">
      <c r="D2104" s="40">
        <v>34.931937000001547</v>
      </c>
      <c r="E2104" s="40">
        <v>14.856022984016235</v>
      </c>
      <c r="F2104" s="40">
        <v>34.91666699999999</v>
      </c>
      <c r="G2104" s="40">
        <v>11.868809528837858</v>
      </c>
      <c r="H2104" s="40">
        <v>34.916667000000004</v>
      </c>
      <c r="I2104" s="40">
        <v>9.4906099228565441</v>
      </c>
      <c r="J2104" s="40">
        <v>34.9166539047621</v>
      </c>
      <c r="K2104" s="40">
        <v>9.5277352003574123</v>
      </c>
      <c r="L2104" s="40"/>
      <c r="M2104" s="40"/>
      <c r="N2104" s="40"/>
      <c r="Y2104">
        <v>17.633333000000007</v>
      </c>
      <c r="Z2104">
        <v>95.933333000000005</v>
      </c>
      <c r="AA2104">
        <v>8.6257990000000007</v>
      </c>
      <c r="AB2104">
        <v>4.4777119114392132</v>
      </c>
    </row>
    <row r="2105" spans="4:28" x14ac:dyDescent="0.25">
      <c r="D2105" s="40">
        <v>34.948603000001548</v>
      </c>
      <c r="E2105" s="40">
        <v>14.860866162605657</v>
      </c>
      <c r="F2105" s="40">
        <v>34.93333299999999</v>
      </c>
      <c r="G2105" s="40">
        <v>11.868809528837858</v>
      </c>
      <c r="H2105" s="40">
        <v>34.933334000000002</v>
      </c>
      <c r="I2105" s="40">
        <v>9.4973153951430564</v>
      </c>
      <c r="J2105" s="40">
        <v>34.9333205654764</v>
      </c>
      <c r="K2105" s="40">
        <v>9.5324435663103433</v>
      </c>
      <c r="L2105" s="40"/>
      <c r="M2105" s="40"/>
      <c r="N2105" s="40"/>
      <c r="Y2105">
        <v>17.650000000000006</v>
      </c>
      <c r="Z2105">
        <v>95.95</v>
      </c>
      <c r="AA2105">
        <v>8.6257990000000007</v>
      </c>
      <c r="AB2105">
        <v>4.4777119114392132</v>
      </c>
    </row>
    <row r="2106" spans="4:28" x14ac:dyDescent="0.25">
      <c r="D2106" s="40">
        <v>34.965269000001548</v>
      </c>
      <c r="E2106" s="40">
        <v>14.860866162605657</v>
      </c>
      <c r="F2106" s="40">
        <v>34.949999999999989</v>
      </c>
      <c r="G2106" s="40">
        <v>11.868809528837858</v>
      </c>
      <c r="H2106" s="40">
        <v>34.950000000000003</v>
      </c>
      <c r="I2106" s="40">
        <v>9.5005695213998198</v>
      </c>
      <c r="J2106" s="40">
        <v>34.9499872261907</v>
      </c>
      <c r="K2106" s="40">
        <v>9.5372946100195772</v>
      </c>
      <c r="L2106" s="40"/>
      <c r="M2106" s="40"/>
      <c r="N2106" s="40"/>
      <c r="Y2106">
        <v>17.666667000000004</v>
      </c>
      <c r="Z2106">
        <v>95.966667000000001</v>
      </c>
      <c r="AA2106">
        <v>8.6258320000000008</v>
      </c>
      <c r="AB2106">
        <v>4.4781116152223754</v>
      </c>
    </row>
    <row r="2107" spans="4:28" x14ac:dyDescent="0.25">
      <c r="D2107" s="40">
        <v>34.981935000001549</v>
      </c>
      <c r="E2107" s="40">
        <v>14.865709341195206</v>
      </c>
      <c r="F2107" s="40">
        <v>34.966667000000001</v>
      </c>
      <c r="G2107" s="40">
        <v>11.873424912807758</v>
      </c>
      <c r="H2107" s="40">
        <v>34.966667000000001</v>
      </c>
      <c r="I2107" s="40">
        <v>9.5039222575430777</v>
      </c>
      <c r="J2107" s="40">
        <v>34.966653886905</v>
      </c>
      <c r="K2107" s="40">
        <v>9.5372946100195772</v>
      </c>
      <c r="L2107" s="40"/>
      <c r="M2107" s="40"/>
      <c r="N2107" s="40"/>
      <c r="Y2107">
        <v>17.683333000000005</v>
      </c>
      <c r="Z2107">
        <v>95.983333000000002</v>
      </c>
      <c r="AA2107">
        <v>8.6258320000000008</v>
      </c>
      <c r="AB2107">
        <v>4.4781116152223754</v>
      </c>
    </row>
    <row r="2108" spans="4:28" x14ac:dyDescent="0.25">
      <c r="D2108" s="40">
        <v>34.99860100000155</v>
      </c>
      <c r="E2108" s="40">
        <v>14.870410073355631</v>
      </c>
      <c r="F2108" s="40">
        <v>34.983332999999988</v>
      </c>
      <c r="G2108" s="40">
        <v>11.873424912807758</v>
      </c>
      <c r="H2108" s="40">
        <v>34.983334000000013</v>
      </c>
      <c r="I2108" s="40">
        <v>9.5072749936865097</v>
      </c>
      <c r="J2108" s="40">
        <v>34.9833205476193</v>
      </c>
      <c r="K2108" s="40">
        <v>9.5421456537288094</v>
      </c>
      <c r="L2108" s="40"/>
      <c r="M2108" s="40"/>
      <c r="N2108" s="40"/>
      <c r="Y2108">
        <v>17.700000000000003</v>
      </c>
      <c r="Z2108">
        <v>96</v>
      </c>
      <c r="AA2108">
        <v>8.6258660000000003</v>
      </c>
      <c r="AB2108">
        <v>4.4785234312413813</v>
      </c>
    </row>
    <row r="2109" spans="4:28" x14ac:dyDescent="0.25">
      <c r="D2109" s="40">
        <v>35.01526700000155</v>
      </c>
      <c r="E2109" s="40">
        <v>14.870410073355631</v>
      </c>
      <c r="F2109" s="40">
        <v>35</v>
      </c>
      <c r="G2109" s="40">
        <v>11.878180156897979</v>
      </c>
      <c r="H2109" s="40">
        <v>35</v>
      </c>
      <c r="I2109" s="40">
        <v>9.5105291199432731</v>
      </c>
      <c r="J2109" s="40">
        <v>34.9999872083336</v>
      </c>
      <c r="K2109" s="40">
        <v>9.5468540196818701</v>
      </c>
      <c r="L2109" s="40"/>
      <c r="M2109" s="40"/>
      <c r="N2109" s="40"/>
      <c r="Y2109">
        <v>17.716667000000001</v>
      </c>
      <c r="Z2109">
        <v>96.016666999999998</v>
      </c>
      <c r="AA2109">
        <v>8.6258990000000004</v>
      </c>
      <c r="AB2109">
        <v>4.4789231350245435</v>
      </c>
    </row>
    <row r="2110" spans="4:28" x14ac:dyDescent="0.25">
      <c r="D2110" s="40">
        <v>35.031933000001551</v>
      </c>
      <c r="E2110" s="40">
        <v>14.875253251945054</v>
      </c>
      <c r="F2110" s="40">
        <v>35.016666999999998</v>
      </c>
      <c r="G2110" s="40">
        <v>11.882935400988073</v>
      </c>
      <c r="H2110" s="40">
        <v>35.016667000000012</v>
      </c>
      <c r="I2110" s="40">
        <v>9.5172345922297872</v>
      </c>
      <c r="J2110" s="40">
        <v>35.0166538690479</v>
      </c>
      <c r="K2110" s="40">
        <v>9.5468540196818701</v>
      </c>
      <c r="L2110" s="40"/>
      <c r="M2110" s="40"/>
      <c r="N2110" s="40"/>
      <c r="Y2110">
        <v>17.733333000000002</v>
      </c>
      <c r="Z2110">
        <v>96.033332999999999</v>
      </c>
      <c r="AA2110">
        <v>8.6258990000000004</v>
      </c>
      <c r="AB2110">
        <v>4.4789231350245435</v>
      </c>
    </row>
    <row r="2111" spans="4:28" x14ac:dyDescent="0.25">
      <c r="D2111" s="40">
        <v>35.048599000001552</v>
      </c>
      <c r="E2111" s="40">
        <v>14.880096430534602</v>
      </c>
      <c r="F2111" s="40">
        <v>35.033332999999999</v>
      </c>
      <c r="G2111" s="40">
        <v>11.882935400988073</v>
      </c>
      <c r="H2111" s="40">
        <v>35.033334000000011</v>
      </c>
      <c r="I2111" s="40">
        <v>9.5204887184865505</v>
      </c>
      <c r="J2111" s="40">
        <v>35.033320529762101</v>
      </c>
      <c r="K2111" s="40">
        <v>9.5517050633909761</v>
      </c>
      <c r="L2111" s="40"/>
      <c r="M2111" s="40"/>
      <c r="N2111" s="40"/>
      <c r="Y2111">
        <v>17.75</v>
      </c>
      <c r="Z2111">
        <v>96.05</v>
      </c>
      <c r="AA2111">
        <v>8.6259329999999999</v>
      </c>
      <c r="AB2111">
        <v>4.4793349510435494</v>
      </c>
    </row>
    <row r="2112" spans="4:28" x14ac:dyDescent="0.25">
      <c r="D2112" s="40">
        <v>35.065265000001553</v>
      </c>
      <c r="E2112" s="40">
        <v>14.880096430534602</v>
      </c>
      <c r="F2112" s="40">
        <v>35.049999999999997</v>
      </c>
      <c r="G2112" s="40">
        <v>11.887550784957973</v>
      </c>
      <c r="H2112" s="40">
        <v>35.050000000000011</v>
      </c>
      <c r="I2112" s="40">
        <v>9.5238414546299826</v>
      </c>
      <c r="J2112" s="40">
        <v>35.049987190476401</v>
      </c>
      <c r="K2112" s="40">
        <v>9.5517050633909761</v>
      </c>
      <c r="L2112" s="40"/>
      <c r="M2112" s="40"/>
      <c r="N2112" s="40"/>
      <c r="Y2112">
        <v>17.766666999999998</v>
      </c>
      <c r="Z2112">
        <v>96.066666999999995</v>
      </c>
      <c r="AA2112">
        <v>8.6259329999999999</v>
      </c>
      <c r="AB2112">
        <v>4.4793349510435494</v>
      </c>
    </row>
    <row r="2113" spans="4:28" x14ac:dyDescent="0.25">
      <c r="D2113" s="40">
        <v>35.081931000001553</v>
      </c>
      <c r="E2113" s="40">
        <v>14.884797162695028</v>
      </c>
      <c r="F2113" s="40">
        <v>35.066666999999995</v>
      </c>
      <c r="G2113" s="40">
        <v>11.892306029048193</v>
      </c>
      <c r="H2113" s="40">
        <v>35.06666700000001</v>
      </c>
      <c r="I2113" s="40">
        <v>9.5271941907732405</v>
      </c>
      <c r="J2113" s="40">
        <v>35.066653851190701</v>
      </c>
      <c r="K2113" s="40">
        <v>9.5565561071002083</v>
      </c>
      <c r="L2113" s="40"/>
      <c r="M2113" s="40"/>
      <c r="N2113" s="40"/>
      <c r="Y2113">
        <v>17.783332999999999</v>
      </c>
      <c r="Z2113">
        <v>96.083332999999996</v>
      </c>
      <c r="AA2113">
        <v>8.6259669999999993</v>
      </c>
      <c r="AB2113">
        <v>4.4797467670625561</v>
      </c>
    </row>
    <row r="2114" spans="4:28" x14ac:dyDescent="0.25">
      <c r="D2114" s="40">
        <v>35.098597000001554</v>
      </c>
      <c r="E2114" s="40">
        <v>14.889640341284448</v>
      </c>
      <c r="F2114" s="40">
        <v>35.083332999999996</v>
      </c>
      <c r="G2114" s="40">
        <v>11.897061273138288</v>
      </c>
      <c r="H2114" s="40">
        <v>35.083334000000008</v>
      </c>
      <c r="I2114" s="40">
        <v>9.5304483170300038</v>
      </c>
      <c r="J2114" s="40">
        <v>35.083320511905001</v>
      </c>
      <c r="K2114" s="40">
        <v>9.5565561071002083</v>
      </c>
      <c r="L2114" s="40"/>
      <c r="M2114" s="40"/>
      <c r="N2114" s="40"/>
      <c r="Y2114">
        <v>17.799999999999997</v>
      </c>
      <c r="Z2114">
        <v>96.1</v>
      </c>
      <c r="AA2114">
        <v>8.6259669999999993</v>
      </c>
      <c r="AB2114">
        <v>4.4797467670625561</v>
      </c>
    </row>
    <row r="2115" spans="4:28" x14ac:dyDescent="0.25">
      <c r="D2115" s="40">
        <v>35.115263000001555</v>
      </c>
      <c r="E2115" s="40">
        <v>14.894483519873996</v>
      </c>
      <c r="F2115" s="40">
        <v>35.099999999999994</v>
      </c>
      <c r="G2115" s="40">
        <v>11.901816517228507</v>
      </c>
      <c r="H2115" s="40">
        <v>35.100000000000009</v>
      </c>
      <c r="I2115" s="40">
        <v>9.5304483170300038</v>
      </c>
      <c r="J2115" s="40">
        <v>35.099987172619301</v>
      </c>
      <c r="K2115" s="40">
        <v>9.5565561071002083</v>
      </c>
      <c r="L2115" s="40"/>
      <c r="M2115" s="40"/>
      <c r="N2115" s="40"/>
      <c r="Y2115">
        <v>17.81666700000001</v>
      </c>
      <c r="Z2115">
        <v>96.116667000000007</v>
      </c>
      <c r="AA2115">
        <v>8.6259999999999994</v>
      </c>
      <c r="AB2115">
        <v>4.4801464708457184</v>
      </c>
    </row>
    <row r="2116" spans="4:28" x14ac:dyDescent="0.25">
      <c r="D2116" s="40">
        <v>35.131929000001556</v>
      </c>
      <c r="E2116" s="40">
        <v>14.899184252034422</v>
      </c>
      <c r="F2116" s="40">
        <v>35.116666999999993</v>
      </c>
      <c r="G2116" s="40">
        <v>11.901816517228507</v>
      </c>
      <c r="H2116" s="40">
        <v>35.116667000000007</v>
      </c>
      <c r="I2116" s="40">
        <v>9.53380105317326</v>
      </c>
      <c r="J2116" s="40">
        <v>35.116653833333601</v>
      </c>
      <c r="K2116" s="40">
        <v>9.5612644730532672</v>
      </c>
      <c r="L2116" s="40"/>
      <c r="M2116" s="40"/>
      <c r="N2116" s="40"/>
      <c r="Y2116">
        <v>17.833332999999996</v>
      </c>
      <c r="Z2116">
        <v>96.133332999999993</v>
      </c>
      <c r="AA2116">
        <v>8.6259999999999994</v>
      </c>
      <c r="AB2116">
        <v>4.4801464708457184</v>
      </c>
    </row>
    <row r="2117" spans="4:28" x14ac:dyDescent="0.25">
      <c r="D2117" s="40">
        <v>35.148595000001556</v>
      </c>
      <c r="E2117" s="40">
        <v>14.904027430623971</v>
      </c>
      <c r="F2117" s="40">
        <v>35.133332999999993</v>
      </c>
      <c r="G2117" s="40">
        <v>11.906431901198408</v>
      </c>
      <c r="H2117" s="40">
        <v>35.133334000000005</v>
      </c>
      <c r="I2117" s="40">
        <v>9.5371537893165179</v>
      </c>
      <c r="J2117" s="40">
        <v>35.133320494047901</v>
      </c>
      <c r="K2117" s="40">
        <v>9.5612644730532672</v>
      </c>
      <c r="L2117" s="40"/>
      <c r="M2117" s="40"/>
      <c r="N2117" s="40"/>
      <c r="Y2117">
        <v>17.850000000000009</v>
      </c>
      <c r="Z2117">
        <v>96.15</v>
      </c>
      <c r="AA2117">
        <v>8.6260340000000006</v>
      </c>
      <c r="AB2117">
        <v>4.4805582868647464</v>
      </c>
    </row>
    <row r="2118" spans="4:28" x14ac:dyDescent="0.25">
      <c r="D2118" s="40">
        <v>35.165261000001557</v>
      </c>
      <c r="E2118" s="40">
        <v>14.904027430623971</v>
      </c>
      <c r="F2118" s="40">
        <v>35.149999999999991</v>
      </c>
      <c r="G2118" s="40">
        <v>11.911187145288627</v>
      </c>
      <c r="H2118" s="40">
        <v>35.150000000000006</v>
      </c>
      <c r="I2118" s="40">
        <v>9.5404079155732795</v>
      </c>
      <c r="J2118" s="40">
        <v>35.149987154762101</v>
      </c>
      <c r="K2118" s="40">
        <v>9.5661155167623733</v>
      </c>
      <c r="L2118" s="40"/>
      <c r="M2118" s="40"/>
      <c r="N2118" s="40"/>
      <c r="Y2118">
        <v>17.866667000000007</v>
      </c>
      <c r="Z2118">
        <v>96.166667000000004</v>
      </c>
      <c r="AA2118">
        <v>8.6260680000000001</v>
      </c>
      <c r="AB2118">
        <v>4.4809701028837523</v>
      </c>
    </row>
    <row r="2119" spans="4:28" x14ac:dyDescent="0.25">
      <c r="D2119" s="40">
        <v>35.181927000001558</v>
      </c>
      <c r="E2119" s="40">
        <v>14.908870609213393</v>
      </c>
      <c r="F2119" s="40">
        <v>35.16666699999999</v>
      </c>
      <c r="G2119" s="40">
        <v>11.915942389378722</v>
      </c>
      <c r="H2119" s="40">
        <v>35.166667000000004</v>
      </c>
      <c r="I2119" s="40">
        <v>9.5437606517167115</v>
      </c>
      <c r="J2119" s="40">
        <v>35.166653815476401</v>
      </c>
      <c r="K2119" s="40">
        <v>9.5661155167623733</v>
      </c>
      <c r="L2119" s="40"/>
      <c r="M2119" s="40"/>
      <c r="N2119" s="40"/>
      <c r="Y2119">
        <v>17.883333000000007</v>
      </c>
      <c r="Z2119">
        <v>96.183333000000005</v>
      </c>
      <c r="AA2119">
        <v>8.6260680000000001</v>
      </c>
      <c r="AB2119">
        <v>4.4809701028837523</v>
      </c>
    </row>
    <row r="2120" spans="4:28" x14ac:dyDescent="0.25">
      <c r="D2120" s="40">
        <v>35.198593000001559</v>
      </c>
      <c r="E2120" s="40">
        <v>14.908870609213393</v>
      </c>
      <c r="F2120" s="40">
        <v>35.18333299999999</v>
      </c>
      <c r="G2120" s="40">
        <v>11.915942389378722</v>
      </c>
      <c r="H2120" s="40">
        <v>35.183334000000002</v>
      </c>
      <c r="I2120" s="40">
        <v>9.5471133878599694</v>
      </c>
      <c r="J2120" s="40">
        <v>35.183320476190701</v>
      </c>
      <c r="K2120" s="40">
        <v>9.5661155167623733</v>
      </c>
      <c r="L2120" s="40"/>
      <c r="M2120" s="40"/>
      <c r="N2120" s="40"/>
      <c r="Y2120">
        <v>17.900000000000006</v>
      </c>
      <c r="Z2120">
        <v>96.2</v>
      </c>
      <c r="AA2120">
        <v>8.6261010000000002</v>
      </c>
      <c r="AB2120">
        <v>4.4813698066669145</v>
      </c>
    </row>
    <row r="2121" spans="4:28" x14ac:dyDescent="0.25">
      <c r="D2121" s="40">
        <v>35.215259000001559</v>
      </c>
      <c r="E2121" s="40">
        <v>14.913571341373819</v>
      </c>
      <c r="F2121" s="40">
        <v>35.199999999999989</v>
      </c>
      <c r="G2121" s="40">
        <v>11.920557773348623</v>
      </c>
      <c r="H2121" s="40">
        <v>35.200000000000003</v>
      </c>
      <c r="I2121" s="40">
        <v>9.5504661240032274</v>
      </c>
      <c r="J2121" s="40">
        <v>35.199987136905001</v>
      </c>
      <c r="K2121" s="40">
        <v>9.5709665604716054</v>
      </c>
      <c r="L2121" s="40"/>
      <c r="M2121" s="40"/>
      <c r="N2121" s="40"/>
      <c r="Y2121">
        <v>17.916667000000004</v>
      </c>
      <c r="Z2121">
        <v>96.216667000000001</v>
      </c>
      <c r="AA2121">
        <v>8.6261010000000002</v>
      </c>
      <c r="AB2121">
        <v>4.4813698066669145</v>
      </c>
    </row>
    <row r="2122" spans="4:28" x14ac:dyDescent="0.25">
      <c r="D2122" s="40">
        <v>35.23192500000156</v>
      </c>
      <c r="E2122" s="40">
        <v>14.913571341373819</v>
      </c>
      <c r="F2122" s="40">
        <v>35.216667000000001</v>
      </c>
      <c r="G2122" s="40">
        <v>11.925313017438842</v>
      </c>
      <c r="H2122" s="40">
        <v>35.216667000000001</v>
      </c>
      <c r="I2122" s="40">
        <v>9.5537202502599889</v>
      </c>
      <c r="J2122" s="40">
        <v>35.216653797619301</v>
      </c>
      <c r="K2122" s="40">
        <v>9.5709665604716054</v>
      </c>
      <c r="L2122" s="40"/>
      <c r="M2122" s="40"/>
      <c r="N2122" s="40"/>
      <c r="Y2122">
        <v>17.933333000000005</v>
      </c>
      <c r="Z2122">
        <v>96.233333000000002</v>
      </c>
      <c r="AA2122">
        <v>8.6261349999999997</v>
      </c>
      <c r="AB2122">
        <v>4.4817816226859204</v>
      </c>
    </row>
    <row r="2123" spans="4:28" x14ac:dyDescent="0.25">
      <c r="D2123" s="40">
        <v>35.248591000001561</v>
      </c>
      <c r="E2123" s="40">
        <v>14.918414519963367</v>
      </c>
      <c r="F2123" s="40">
        <v>35.233332999999988</v>
      </c>
      <c r="G2123" s="40">
        <v>11.930068261528936</v>
      </c>
      <c r="H2123" s="40">
        <v>35.233334000000013</v>
      </c>
      <c r="I2123" s="40">
        <v>9.5570729864032469</v>
      </c>
      <c r="J2123" s="40">
        <v>35.233320458333601</v>
      </c>
      <c r="K2123" s="40">
        <v>9.5709665604716054</v>
      </c>
      <c r="L2123" s="40"/>
      <c r="M2123" s="40"/>
      <c r="N2123" s="40"/>
      <c r="Y2123">
        <v>17.950000000000003</v>
      </c>
      <c r="Z2123">
        <v>96.25</v>
      </c>
      <c r="AA2123">
        <v>8.6261690000000009</v>
      </c>
      <c r="AB2123">
        <v>4.4821934387049485</v>
      </c>
    </row>
    <row r="2124" spans="4:28" x14ac:dyDescent="0.25">
      <c r="D2124" s="40">
        <v>35.265257000001561</v>
      </c>
      <c r="E2124" s="40">
        <v>14.918414519963367</v>
      </c>
      <c r="F2124" s="40">
        <v>35.25</v>
      </c>
      <c r="G2124" s="40">
        <v>11.934683645498836</v>
      </c>
      <c r="H2124" s="40">
        <v>35.25</v>
      </c>
      <c r="I2124" s="40">
        <v>9.5604257225466789</v>
      </c>
      <c r="J2124" s="40">
        <v>35.249987119047901</v>
      </c>
      <c r="K2124" s="40">
        <v>9.5758176041808376</v>
      </c>
      <c r="L2124" s="40"/>
      <c r="M2124" s="40"/>
      <c r="N2124" s="40"/>
      <c r="Y2124">
        <v>17.966667000000001</v>
      </c>
      <c r="Z2124">
        <v>96.266666999999998</v>
      </c>
      <c r="AA2124">
        <v>8.6261690000000009</v>
      </c>
      <c r="AB2124">
        <v>4.4821934387049485</v>
      </c>
    </row>
    <row r="2125" spans="4:28" x14ac:dyDescent="0.25">
      <c r="D2125" s="40">
        <v>35.281923000001562</v>
      </c>
      <c r="E2125" s="40">
        <v>14.923257698552788</v>
      </c>
      <c r="F2125" s="40">
        <v>35.266666999999998</v>
      </c>
      <c r="G2125" s="40">
        <v>11.934683645498836</v>
      </c>
      <c r="H2125" s="40">
        <v>35.266667000000012</v>
      </c>
      <c r="I2125" s="40">
        <v>9.5604257225466789</v>
      </c>
      <c r="J2125" s="40">
        <v>35.266653779762102</v>
      </c>
      <c r="K2125" s="40">
        <v>9.5758176041808376</v>
      </c>
      <c r="L2125" s="40"/>
      <c r="M2125" s="40"/>
      <c r="N2125" s="40"/>
      <c r="Y2125">
        <v>17.983333000000002</v>
      </c>
      <c r="Z2125">
        <v>96.283332999999999</v>
      </c>
      <c r="AA2125">
        <v>8.6262019999999993</v>
      </c>
      <c r="AB2125">
        <v>4.4825931424880894</v>
      </c>
    </row>
    <row r="2126" spans="4:28" x14ac:dyDescent="0.25">
      <c r="D2126" s="40">
        <v>35.298589000001563</v>
      </c>
      <c r="E2126" s="40">
        <v>14.927958430713213</v>
      </c>
      <c r="F2126" s="40">
        <v>35.283332999999999</v>
      </c>
      <c r="G2126" s="40">
        <v>11.939438889589058</v>
      </c>
      <c r="H2126" s="40">
        <v>35.283334000000011</v>
      </c>
      <c r="I2126" s="40">
        <v>9.5636798488034422</v>
      </c>
      <c r="J2126" s="40">
        <v>35.283320440476402</v>
      </c>
      <c r="K2126" s="40">
        <v>9.5805259701337704</v>
      </c>
      <c r="L2126" s="40"/>
      <c r="M2126" s="40"/>
      <c r="N2126" s="40"/>
      <c r="Y2126">
        <v>18</v>
      </c>
      <c r="Z2126">
        <v>96.3</v>
      </c>
      <c r="AA2126">
        <v>8.6262019999999993</v>
      </c>
      <c r="AB2126">
        <v>4.4825931424880894</v>
      </c>
    </row>
    <row r="2127" spans="4:28" x14ac:dyDescent="0.25">
      <c r="D2127" s="40">
        <v>35.315255000001564</v>
      </c>
      <c r="E2127" s="40">
        <v>14.932801609302762</v>
      </c>
      <c r="F2127" s="40">
        <v>35.299999999999997</v>
      </c>
      <c r="G2127" s="40">
        <v>11.944194133679151</v>
      </c>
      <c r="H2127" s="40">
        <v>35.300000000000011</v>
      </c>
      <c r="I2127" s="40">
        <v>9.5670325849467002</v>
      </c>
      <c r="J2127" s="40">
        <v>35.299987101190702</v>
      </c>
      <c r="K2127" s="40">
        <v>9.5805259701337704</v>
      </c>
      <c r="L2127" s="40"/>
      <c r="M2127" s="40"/>
      <c r="N2127" s="40"/>
      <c r="Y2127">
        <v>18.016666999999998</v>
      </c>
      <c r="Z2127">
        <v>96.316666999999995</v>
      </c>
      <c r="AA2127">
        <v>8.6262360000000005</v>
      </c>
      <c r="AB2127">
        <v>4.4830049585071166</v>
      </c>
    </row>
    <row r="2128" spans="4:28" x14ac:dyDescent="0.25">
      <c r="D2128" s="40">
        <v>35.331921000001564</v>
      </c>
      <c r="E2128" s="40">
        <v>14.937644787892184</v>
      </c>
      <c r="F2128" s="40">
        <v>35.316666999999995</v>
      </c>
      <c r="G2128" s="40">
        <v>11.948809517649051</v>
      </c>
      <c r="H2128" s="40">
        <v>35.31666700000001</v>
      </c>
      <c r="I2128" s="40">
        <v>9.5703853210899581</v>
      </c>
      <c r="J2128" s="40">
        <v>35.316653761905002</v>
      </c>
      <c r="K2128" s="40">
        <v>9.5805259701337704</v>
      </c>
      <c r="L2128" s="40"/>
      <c r="M2128" s="40"/>
      <c r="N2128" s="40"/>
      <c r="Y2128">
        <v>18.033332999999999</v>
      </c>
      <c r="Z2128">
        <v>96.333332999999996</v>
      </c>
      <c r="AA2128">
        <v>8.6262360000000005</v>
      </c>
      <c r="AB2128">
        <v>4.4830049585071166</v>
      </c>
    </row>
    <row r="2129" spans="4:28" x14ac:dyDescent="0.25">
      <c r="D2129" s="40">
        <v>35.348587000001565</v>
      </c>
      <c r="E2129" s="40">
        <v>14.947188698642158</v>
      </c>
      <c r="F2129" s="40">
        <v>35.333332999999996</v>
      </c>
      <c r="G2129" s="40">
        <v>11.953564761739271</v>
      </c>
      <c r="H2129" s="40">
        <v>35.333334000000008</v>
      </c>
      <c r="I2129" s="40">
        <v>9.5736394473467197</v>
      </c>
      <c r="J2129" s="40">
        <v>35.333320422619302</v>
      </c>
      <c r="K2129" s="40">
        <v>9.5853770138430026</v>
      </c>
      <c r="L2129" s="40"/>
      <c r="M2129" s="40"/>
      <c r="N2129" s="40"/>
      <c r="Y2129">
        <v>18.049999999999997</v>
      </c>
      <c r="Z2129">
        <v>96.35</v>
      </c>
      <c r="AA2129">
        <v>8.6262699999999999</v>
      </c>
      <c r="AB2129">
        <v>4.4834167745261233</v>
      </c>
    </row>
    <row r="2130" spans="4:28" x14ac:dyDescent="0.25">
      <c r="D2130" s="40">
        <v>35.365253000001566</v>
      </c>
      <c r="E2130" s="40">
        <v>14.952031877231708</v>
      </c>
      <c r="F2130" s="40">
        <v>35.349999999999994</v>
      </c>
      <c r="G2130" s="40">
        <v>11.958320005829366</v>
      </c>
      <c r="H2130" s="40">
        <v>35.350000000000009</v>
      </c>
      <c r="I2130" s="40">
        <v>9.5769921834901535</v>
      </c>
      <c r="J2130" s="40">
        <v>35.349987083333602</v>
      </c>
      <c r="K2130" s="40">
        <v>9.5853770138430026</v>
      </c>
      <c r="L2130" s="40"/>
      <c r="M2130" s="40"/>
      <c r="N2130" s="40"/>
      <c r="Y2130">
        <v>18.06666700000001</v>
      </c>
      <c r="Z2130">
        <v>96.366667000000007</v>
      </c>
      <c r="AA2130">
        <v>8.6262699999999999</v>
      </c>
      <c r="AB2130">
        <v>4.4834167745261233</v>
      </c>
    </row>
    <row r="2131" spans="4:28" x14ac:dyDescent="0.25">
      <c r="D2131" s="40">
        <v>35.381919000001567</v>
      </c>
      <c r="E2131" s="40">
        <v>14.956732609392004</v>
      </c>
      <c r="F2131" s="40">
        <v>35.366666999999993</v>
      </c>
      <c r="G2131" s="40">
        <v>11.962935389799267</v>
      </c>
      <c r="H2131" s="40">
        <v>35.366667000000007</v>
      </c>
      <c r="I2131" s="40">
        <v>9.5803449196334078</v>
      </c>
      <c r="J2131" s="40">
        <v>35.366653744047902</v>
      </c>
      <c r="K2131" s="40">
        <v>9.5853770138430026</v>
      </c>
      <c r="L2131" s="40"/>
      <c r="M2131" s="40"/>
      <c r="N2131" s="40"/>
      <c r="Y2131">
        <v>18.083332999999996</v>
      </c>
      <c r="Z2131">
        <v>96.383332999999993</v>
      </c>
      <c r="AA2131">
        <v>8.6262699999999999</v>
      </c>
      <c r="AB2131">
        <v>4.4834167745261233</v>
      </c>
    </row>
    <row r="2132" spans="4:28" x14ac:dyDescent="0.25">
      <c r="D2132" s="40">
        <v>35.398585000001567</v>
      </c>
      <c r="E2132" s="40">
        <v>14.956732609392004</v>
      </c>
      <c r="F2132" s="40">
        <v>35.383332999999993</v>
      </c>
      <c r="G2132" s="40">
        <v>11.967690633889486</v>
      </c>
      <c r="H2132" s="40">
        <v>35.383334000000005</v>
      </c>
      <c r="I2132" s="40">
        <v>9.5803449196334078</v>
      </c>
      <c r="J2132" s="40">
        <v>35.383320404762202</v>
      </c>
      <c r="K2132" s="40">
        <v>9.5853770138430026</v>
      </c>
      <c r="L2132" s="40"/>
      <c r="M2132" s="40"/>
      <c r="N2132" s="40"/>
      <c r="Y2132">
        <v>18.100000000000009</v>
      </c>
      <c r="Z2132">
        <v>96.4</v>
      </c>
      <c r="AA2132">
        <v>8.6263030000000001</v>
      </c>
      <c r="AB2132">
        <v>4.4838164783092855</v>
      </c>
    </row>
    <row r="2133" spans="4:28" x14ac:dyDescent="0.25">
      <c r="D2133" s="40">
        <v>35.415251000001568</v>
      </c>
      <c r="E2133" s="40">
        <v>14.961575787981554</v>
      </c>
      <c r="F2133" s="40">
        <v>35.399999999999991</v>
      </c>
      <c r="G2133" s="40">
        <v>11.972445877979705</v>
      </c>
      <c r="H2133" s="40">
        <v>35.400000000000006</v>
      </c>
      <c r="I2133" s="40">
        <v>9.5835990458901712</v>
      </c>
      <c r="J2133" s="40">
        <v>35.399987065476402</v>
      </c>
      <c r="K2133" s="40">
        <v>9.5902280575522347</v>
      </c>
      <c r="L2133" s="40"/>
      <c r="M2133" s="40"/>
      <c r="N2133" s="40"/>
      <c r="Y2133">
        <v>18.116667000000007</v>
      </c>
      <c r="Z2133">
        <v>96.416667000000004</v>
      </c>
      <c r="AA2133">
        <v>8.6263030000000001</v>
      </c>
      <c r="AB2133">
        <v>4.4838164783092855</v>
      </c>
    </row>
    <row r="2134" spans="4:28" x14ac:dyDescent="0.25">
      <c r="D2134" s="40">
        <v>35.431917000001569</v>
      </c>
      <c r="E2134" s="40">
        <v>14.966418966571101</v>
      </c>
      <c r="F2134" s="40">
        <v>35.41666699999999</v>
      </c>
      <c r="G2134" s="40">
        <v>11.97706126194948</v>
      </c>
      <c r="H2134" s="40">
        <v>35.416667000000004</v>
      </c>
      <c r="I2134" s="40">
        <v>9.5869517820334291</v>
      </c>
      <c r="J2134" s="40">
        <v>35.416653726190702</v>
      </c>
      <c r="K2134" s="40">
        <v>9.5902280575522347</v>
      </c>
      <c r="L2134" s="40"/>
      <c r="M2134" s="40"/>
      <c r="N2134" s="40"/>
      <c r="Y2134">
        <v>18.133333000000007</v>
      </c>
      <c r="Z2134">
        <v>96.433333000000005</v>
      </c>
      <c r="AA2134">
        <v>8.6263369999999995</v>
      </c>
      <c r="AB2134">
        <v>4.4842282943282914</v>
      </c>
    </row>
    <row r="2135" spans="4:28" x14ac:dyDescent="0.25">
      <c r="D2135" s="40">
        <v>35.44858300000157</v>
      </c>
      <c r="E2135" s="40">
        <v>14.971119698731401</v>
      </c>
      <c r="F2135" s="40">
        <v>35.43333299999999</v>
      </c>
      <c r="G2135" s="40">
        <v>11.981816506039701</v>
      </c>
      <c r="H2135" s="40">
        <v>35.433334000000002</v>
      </c>
      <c r="I2135" s="40">
        <v>9.5869517820334291</v>
      </c>
      <c r="J2135" s="40">
        <v>35.433320386905002</v>
      </c>
      <c r="K2135" s="40">
        <v>9.5902280575522347</v>
      </c>
      <c r="L2135" s="40"/>
      <c r="M2135" s="40"/>
      <c r="N2135" s="40"/>
      <c r="Y2135">
        <v>18.150000000000006</v>
      </c>
      <c r="Z2135">
        <v>96.45</v>
      </c>
      <c r="AA2135">
        <v>8.6263369999999995</v>
      </c>
      <c r="AB2135">
        <v>4.4842282943282914</v>
      </c>
    </row>
    <row r="2136" spans="4:28" x14ac:dyDescent="0.25">
      <c r="D2136" s="40">
        <v>35.46524900000157</v>
      </c>
      <c r="E2136" s="40">
        <v>14.975962877320949</v>
      </c>
      <c r="F2136" s="40">
        <v>35.449999999999989</v>
      </c>
      <c r="G2136" s="40">
        <v>11.98657175012992</v>
      </c>
      <c r="H2136" s="40">
        <v>35.450000000000003</v>
      </c>
      <c r="I2136" s="40">
        <v>9.5903045181766871</v>
      </c>
      <c r="J2136" s="40">
        <v>35.449987047619302</v>
      </c>
      <c r="K2136" s="40">
        <v>9.5949364235052954</v>
      </c>
      <c r="L2136" s="40"/>
      <c r="M2136" s="40"/>
      <c r="N2136" s="40"/>
      <c r="Y2136">
        <v>18.166667000000004</v>
      </c>
      <c r="Z2136">
        <v>96.466667000000001</v>
      </c>
      <c r="AA2136">
        <v>8.6263710000000007</v>
      </c>
      <c r="AB2136">
        <v>4.4846401103473195</v>
      </c>
    </row>
    <row r="2137" spans="4:28" x14ac:dyDescent="0.25">
      <c r="D2137" s="40">
        <v>35.481915000001571</v>
      </c>
      <c r="E2137" s="40">
        <v>14.975962877320949</v>
      </c>
      <c r="F2137" s="40">
        <v>35.466667000000001</v>
      </c>
      <c r="G2137" s="40">
        <v>11.991187134099695</v>
      </c>
      <c r="H2137" s="40">
        <v>35.466667000000001</v>
      </c>
      <c r="I2137" s="40">
        <v>9.5935586444334504</v>
      </c>
      <c r="J2137" s="40">
        <v>35.466653708333602</v>
      </c>
      <c r="K2137" s="40">
        <v>9.5949364235052954</v>
      </c>
      <c r="L2137" s="40"/>
      <c r="M2137" s="40"/>
      <c r="N2137" s="40"/>
      <c r="Y2137">
        <v>18.183333000000005</v>
      </c>
      <c r="Z2137">
        <v>96.483333000000002</v>
      </c>
      <c r="AA2137">
        <v>8.6263710000000007</v>
      </c>
      <c r="AB2137">
        <v>4.4846401103473195</v>
      </c>
    </row>
    <row r="2138" spans="4:28" x14ac:dyDescent="0.25">
      <c r="D2138" s="40">
        <v>35.498581000001572</v>
      </c>
      <c r="E2138" s="40">
        <v>14.980806055910497</v>
      </c>
      <c r="F2138" s="40">
        <v>35.483332999999988</v>
      </c>
      <c r="G2138" s="40">
        <v>11.995942378189914</v>
      </c>
      <c r="H2138" s="40">
        <v>35.483334000000013</v>
      </c>
      <c r="I2138" s="40">
        <v>9.5969113805768824</v>
      </c>
      <c r="J2138" s="40">
        <v>35.483320369047902</v>
      </c>
      <c r="K2138" s="40">
        <v>9.5997874672144015</v>
      </c>
      <c r="L2138" s="40"/>
      <c r="M2138" s="40"/>
      <c r="N2138" s="40"/>
      <c r="Y2138">
        <v>18.200000000000003</v>
      </c>
      <c r="Z2138">
        <v>96.5</v>
      </c>
      <c r="AA2138">
        <v>8.6264040000000008</v>
      </c>
      <c r="AB2138">
        <v>4.4850398141304817</v>
      </c>
    </row>
    <row r="2139" spans="4:28" x14ac:dyDescent="0.25">
      <c r="D2139" s="40">
        <v>35.515247000001573</v>
      </c>
      <c r="E2139" s="40">
        <v>14.985506788070923</v>
      </c>
      <c r="F2139" s="40">
        <v>35.5</v>
      </c>
      <c r="G2139" s="40">
        <v>12.000697622280134</v>
      </c>
      <c r="H2139" s="40">
        <v>35.5</v>
      </c>
      <c r="I2139" s="40">
        <v>9.6002641167201404</v>
      </c>
      <c r="J2139" s="40">
        <v>35.499987029762202</v>
      </c>
      <c r="K2139" s="40">
        <v>9.5997874672144015</v>
      </c>
      <c r="L2139" s="40"/>
      <c r="M2139" s="40"/>
      <c r="N2139" s="40"/>
      <c r="Y2139">
        <v>18.216667000000001</v>
      </c>
      <c r="Z2139">
        <v>96.516666999999998</v>
      </c>
      <c r="AA2139">
        <v>8.6264040000000008</v>
      </c>
      <c r="AB2139">
        <v>4.4850398141304817</v>
      </c>
    </row>
    <row r="2140" spans="4:28" x14ac:dyDescent="0.25">
      <c r="D2140" s="40">
        <v>35.531913000001573</v>
      </c>
      <c r="E2140" s="40">
        <v>14.990349966660345</v>
      </c>
      <c r="F2140" s="40">
        <v>35.516666999999998</v>
      </c>
      <c r="G2140" s="40">
        <v>12.005313006250034</v>
      </c>
      <c r="H2140" s="40">
        <v>35.516667000000012</v>
      </c>
      <c r="I2140" s="40">
        <v>9.6035182429769019</v>
      </c>
      <c r="J2140" s="40">
        <v>35.516653690476403</v>
      </c>
      <c r="K2140" s="40">
        <v>9.6046385109236336</v>
      </c>
      <c r="L2140" s="40"/>
      <c r="M2140" s="40"/>
      <c r="N2140" s="40"/>
      <c r="Y2140">
        <v>18.233333000000002</v>
      </c>
      <c r="Z2140">
        <v>96.533332999999999</v>
      </c>
      <c r="AA2140">
        <v>8.6264380000000003</v>
      </c>
      <c r="AB2140">
        <v>4.4854516301494884</v>
      </c>
    </row>
    <row r="2141" spans="4:28" x14ac:dyDescent="0.25">
      <c r="D2141" s="40">
        <v>35.548579000001574</v>
      </c>
      <c r="E2141" s="40">
        <v>14.995193145249893</v>
      </c>
      <c r="F2141" s="40">
        <v>35.533332999999999</v>
      </c>
      <c r="G2141" s="40">
        <v>12.010068250340129</v>
      </c>
      <c r="H2141" s="40">
        <v>35.533334000000011</v>
      </c>
      <c r="I2141" s="40">
        <v>9.6068709791201599</v>
      </c>
      <c r="J2141" s="40">
        <v>35.533320351190703</v>
      </c>
      <c r="K2141" s="40">
        <v>9.6046385109236336</v>
      </c>
      <c r="L2141" s="40"/>
      <c r="M2141" s="40"/>
      <c r="N2141" s="40"/>
      <c r="Y2141">
        <v>18.25</v>
      </c>
      <c r="Z2141">
        <v>96.55</v>
      </c>
      <c r="AA2141">
        <v>8.6264380000000003</v>
      </c>
      <c r="AB2141">
        <v>4.4854516301494884</v>
      </c>
    </row>
    <row r="2142" spans="4:28" x14ac:dyDescent="0.25">
      <c r="D2142" s="40">
        <v>35.565245000001575</v>
      </c>
      <c r="E2142" s="40">
        <v>15.00003632383944</v>
      </c>
      <c r="F2142" s="40">
        <v>35.549999999999997</v>
      </c>
      <c r="G2142" s="40">
        <v>12.014823494430349</v>
      </c>
      <c r="H2142" s="40">
        <v>35.550000000000011</v>
      </c>
      <c r="I2142" s="40">
        <v>9.6102237152635919</v>
      </c>
      <c r="J2142" s="40">
        <v>35.549987011905003</v>
      </c>
      <c r="K2142" s="40">
        <v>9.6093468768766925</v>
      </c>
      <c r="L2142" s="40"/>
      <c r="M2142" s="40"/>
      <c r="N2142" s="40"/>
      <c r="Y2142">
        <v>18.266666999999998</v>
      </c>
      <c r="Z2142">
        <v>96.566666999999995</v>
      </c>
      <c r="AA2142">
        <v>8.6264719999999997</v>
      </c>
      <c r="AB2142">
        <v>4.4858634461684943</v>
      </c>
    </row>
    <row r="2143" spans="4:28" x14ac:dyDescent="0.25">
      <c r="D2143" s="40">
        <v>35.581911000001575</v>
      </c>
      <c r="E2143" s="40">
        <v>15.00473705599974</v>
      </c>
      <c r="F2143" s="40">
        <v>35.566666999999995</v>
      </c>
      <c r="G2143" s="40">
        <v>12.019438878400249</v>
      </c>
      <c r="H2143" s="40">
        <v>35.56666700000001</v>
      </c>
      <c r="I2143" s="40">
        <v>9.6102237152635919</v>
      </c>
      <c r="J2143" s="40">
        <v>35.566653672619303</v>
      </c>
      <c r="K2143" s="40">
        <v>9.6141979205857986</v>
      </c>
      <c r="L2143" s="40"/>
      <c r="M2143" s="40"/>
      <c r="N2143" s="40"/>
      <c r="Y2143">
        <v>18.283332999999999</v>
      </c>
      <c r="Z2143">
        <v>96.583332999999996</v>
      </c>
      <c r="AA2143">
        <v>8.6265049999999999</v>
      </c>
      <c r="AB2143">
        <v>4.4862631499516556</v>
      </c>
    </row>
    <row r="2144" spans="4:28" x14ac:dyDescent="0.25">
      <c r="D2144" s="40">
        <v>35.598577000001576</v>
      </c>
      <c r="E2144" s="40">
        <v>15.00473705599974</v>
      </c>
      <c r="F2144" s="40">
        <v>35.583332999999996</v>
      </c>
      <c r="G2144" s="40">
        <v>12.024194122490345</v>
      </c>
      <c r="H2144" s="40">
        <v>35.583334000000008</v>
      </c>
      <c r="I2144" s="40">
        <v>9.6134778415201811</v>
      </c>
      <c r="J2144" s="40">
        <v>35.583320333333603</v>
      </c>
      <c r="K2144" s="40">
        <v>9.6141979205857986</v>
      </c>
      <c r="L2144" s="40"/>
      <c r="M2144" s="40"/>
      <c r="N2144" s="40"/>
      <c r="Y2144">
        <v>18.299999999999997</v>
      </c>
      <c r="Z2144">
        <v>96.6</v>
      </c>
      <c r="AA2144">
        <v>8.6265049999999999</v>
      </c>
      <c r="AB2144">
        <v>4.4862631499516556</v>
      </c>
    </row>
    <row r="2145" spans="4:28" x14ac:dyDescent="0.25">
      <c r="D2145" s="40">
        <v>35.615243000001577</v>
      </c>
      <c r="E2145" s="40">
        <v>15.009580234589288</v>
      </c>
      <c r="F2145" s="40">
        <v>35.599999999999994</v>
      </c>
      <c r="G2145" s="40">
        <v>12.028949366580564</v>
      </c>
      <c r="H2145" s="40">
        <v>35.600000000000009</v>
      </c>
      <c r="I2145" s="40">
        <v>9.6168305776636132</v>
      </c>
      <c r="J2145" s="40">
        <v>35.599986994047903</v>
      </c>
      <c r="K2145" s="40">
        <v>9.6190489642950308</v>
      </c>
      <c r="L2145" s="40"/>
      <c r="M2145" s="40"/>
      <c r="N2145" s="40"/>
      <c r="Y2145">
        <v>18.31666700000001</v>
      </c>
      <c r="Z2145">
        <v>96.616667000000007</v>
      </c>
      <c r="AA2145">
        <v>8.6265389999999993</v>
      </c>
      <c r="AB2145">
        <v>4.4866749659706624</v>
      </c>
    </row>
    <row r="2146" spans="4:28" x14ac:dyDescent="0.25">
      <c r="D2146" s="40">
        <v>35.631909000001578</v>
      </c>
      <c r="E2146" s="40">
        <v>15.014423413178838</v>
      </c>
      <c r="F2146" s="40">
        <v>35.616666999999993</v>
      </c>
      <c r="G2146" s="40">
        <v>12.028949366580564</v>
      </c>
      <c r="H2146" s="40">
        <v>35.616667000000007</v>
      </c>
      <c r="I2146" s="40">
        <v>9.6201833138068711</v>
      </c>
      <c r="J2146" s="40">
        <v>35.616653654762203</v>
      </c>
      <c r="K2146" s="40">
        <v>9.6190489642950308</v>
      </c>
      <c r="L2146" s="40"/>
      <c r="M2146" s="40"/>
      <c r="N2146" s="40"/>
      <c r="Y2146">
        <v>18.333332999999996</v>
      </c>
      <c r="Z2146">
        <v>96.633332999999993</v>
      </c>
      <c r="AA2146">
        <v>8.6265389999999993</v>
      </c>
      <c r="AB2146">
        <v>4.4866749659706624</v>
      </c>
    </row>
    <row r="2147" spans="4:28" x14ac:dyDescent="0.25">
      <c r="D2147" s="40">
        <v>35.648575000001578</v>
      </c>
      <c r="E2147" s="40">
        <v>15.019124145339136</v>
      </c>
      <c r="F2147" s="40">
        <v>35.633332999999993</v>
      </c>
      <c r="G2147" s="40">
        <v>12.033564750550465</v>
      </c>
      <c r="H2147" s="40">
        <v>35.633334000000005</v>
      </c>
      <c r="I2147" s="40">
        <v>9.6201833138068711</v>
      </c>
      <c r="J2147" s="40">
        <v>35.633320315476404</v>
      </c>
      <c r="K2147" s="40">
        <v>9.6237573302480914</v>
      </c>
      <c r="L2147" s="40"/>
      <c r="M2147" s="40"/>
      <c r="N2147" s="40"/>
      <c r="Y2147">
        <v>18.350000000000009</v>
      </c>
      <c r="Z2147">
        <v>96.65</v>
      </c>
      <c r="AA2147">
        <v>8.6265730000000005</v>
      </c>
      <c r="AB2147">
        <v>4.4870867819896905</v>
      </c>
    </row>
    <row r="2148" spans="4:28" x14ac:dyDescent="0.25">
      <c r="D2148" s="40">
        <v>35.665241000001579</v>
      </c>
      <c r="E2148" s="40">
        <v>15.019124145339136</v>
      </c>
      <c r="F2148" s="40">
        <v>35.649999999999991</v>
      </c>
      <c r="G2148" s="40">
        <v>12.038319994640558</v>
      </c>
      <c r="H2148" s="40">
        <v>35.650000000000006</v>
      </c>
      <c r="I2148" s="40">
        <v>9.6234374400636309</v>
      </c>
      <c r="J2148" s="40">
        <v>35.649986976190696</v>
      </c>
      <c r="K2148" s="40">
        <v>9.6237573302480914</v>
      </c>
      <c r="L2148" s="40"/>
      <c r="M2148" s="40"/>
      <c r="N2148" s="40"/>
      <c r="Y2148">
        <v>18.366667000000007</v>
      </c>
      <c r="Z2148">
        <v>96.666667000000004</v>
      </c>
      <c r="AA2148">
        <v>8.6265730000000005</v>
      </c>
      <c r="AB2148">
        <v>4.4870867819896905</v>
      </c>
    </row>
    <row r="2149" spans="4:28" x14ac:dyDescent="0.25">
      <c r="D2149" s="40">
        <v>35.68190700000158</v>
      </c>
      <c r="E2149" s="40">
        <v>15.023967323928686</v>
      </c>
      <c r="F2149" s="40">
        <v>35.66666699999999</v>
      </c>
      <c r="G2149" s="40">
        <v>12.043075238730779</v>
      </c>
      <c r="H2149" s="40">
        <v>35.666667000000004</v>
      </c>
      <c r="I2149" s="40">
        <v>9.6267901762068888</v>
      </c>
      <c r="J2149" s="40">
        <v>35.666653636904996</v>
      </c>
      <c r="K2149" s="40">
        <v>9.6286083739571975</v>
      </c>
      <c r="L2149" s="40"/>
      <c r="M2149" s="40"/>
      <c r="N2149" s="40"/>
      <c r="Y2149">
        <v>18.383333000000007</v>
      </c>
      <c r="Z2149">
        <v>96.683333000000005</v>
      </c>
      <c r="AA2149">
        <v>8.6266060000000007</v>
      </c>
      <c r="AB2149">
        <v>4.4874864857728527</v>
      </c>
    </row>
    <row r="2150" spans="4:28" x14ac:dyDescent="0.25">
      <c r="D2150" s="40">
        <v>35.698573000001581</v>
      </c>
      <c r="E2150" s="40">
        <v>15.028810502518233</v>
      </c>
      <c r="F2150" s="40">
        <v>35.68333299999999</v>
      </c>
      <c r="G2150" s="40">
        <v>12.04769062270068</v>
      </c>
      <c r="H2150" s="40">
        <v>35.683334000000002</v>
      </c>
      <c r="I2150" s="40">
        <v>9.6301429123503208</v>
      </c>
      <c r="J2150" s="40">
        <v>35.683320297619296</v>
      </c>
      <c r="K2150" s="40">
        <v>9.6334594176664297</v>
      </c>
      <c r="L2150" s="40"/>
      <c r="M2150" s="40"/>
      <c r="N2150" s="40"/>
      <c r="Y2150">
        <v>18.400000000000006</v>
      </c>
      <c r="Z2150">
        <v>96.7</v>
      </c>
      <c r="AA2150">
        <v>8.6266400000000001</v>
      </c>
      <c r="AB2150">
        <v>4.4878983017918586</v>
      </c>
    </row>
    <row r="2151" spans="4:28" x14ac:dyDescent="0.25">
      <c r="D2151" s="40">
        <v>35.715239000001581</v>
      </c>
      <c r="E2151" s="40">
        <v>15.033511234678658</v>
      </c>
      <c r="F2151" s="40">
        <v>35.699999999999989</v>
      </c>
      <c r="G2151" s="40">
        <v>12.052445866790897</v>
      </c>
      <c r="H2151" s="40">
        <v>35.700000000000003</v>
      </c>
      <c r="I2151" s="40">
        <v>9.6333970386070842</v>
      </c>
      <c r="J2151" s="40">
        <v>35.699986958333596</v>
      </c>
      <c r="K2151" s="40">
        <v>9.6381677836194886</v>
      </c>
      <c r="L2151" s="40"/>
      <c r="M2151" s="40"/>
      <c r="N2151" s="40"/>
      <c r="Y2151">
        <v>18.416667000000004</v>
      </c>
      <c r="Z2151">
        <v>96.716667000000001</v>
      </c>
      <c r="AA2151">
        <v>8.6266400000000001</v>
      </c>
      <c r="AB2151">
        <v>4.4878983017918586</v>
      </c>
    </row>
    <row r="2152" spans="4:28" x14ac:dyDescent="0.25">
      <c r="D2152" s="40">
        <v>35.731905000001582</v>
      </c>
      <c r="E2152" s="40">
        <v>15.038354413268079</v>
      </c>
      <c r="F2152" s="40">
        <v>35.716667000000001</v>
      </c>
      <c r="G2152" s="40">
        <v>12.052445866790897</v>
      </c>
      <c r="H2152" s="40">
        <v>35.716667000000001</v>
      </c>
      <c r="I2152" s="40">
        <v>9.6333970386070842</v>
      </c>
      <c r="J2152" s="40">
        <v>35.716653619047896</v>
      </c>
      <c r="K2152" s="40">
        <v>9.6430188273287207</v>
      </c>
      <c r="L2152" s="40"/>
      <c r="M2152" s="40"/>
      <c r="N2152" s="40"/>
      <c r="Y2152">
        <v>18.433333000000005</v>
      </c>
      <c r="Z2152">
        <v>96.733333000000002</v>
      </c>
      <c r="AA2152">
        <v>8.6266739999999995</v>
      </c>
      <c r="AB2152">
        <v>4.4883101178108644</v>
      </c>
    </row>
    <row r="2153" spans="4:28" x14ac:dyDescent="0.25">
      <c r="D2153" s="40">
        <v>35.748571000001583</v>
      </c>
      <c r="E2153" s="40">
        <v>15.043197591857629</v>
      </c>
      <c r="F2153" s="40">
        <v>35.733332999999988</v>
      </c>
      <c r="G2153" s="40">
        <v>12.057201110880992</v>
      </c>
      <c r="H2153" s="40">
        <v>35.733334000000013</v>
      </c>
      <c r="I2153" s="40">
        <v>9.6367497747503421</v>
      </c>
      <c r="J2153" s="40">
        <v>35.733320279762196</v>
      </c>
      <c r="K2153" s="40">
        <v>9.6478698710378268</v>
      </c>
      <c r="L2153" s="40"/>
      <c r="M2153" s="40"/>
      <c r="N2153" s="40"/>
      <c r="Y2153">
        <v>18.450000000000003</v>
      </c>
      <c r="Z2153">
        <v>96.75</v>
      </c>
      <c r="AA2153">
        <v>8.6266739999999995</v>
      </c>
      <c r="AB2153">
        <v>4.4883101178108644</v>
      </c>
    </row>
    <row r="2154" spans="4:28" x14ac:dyDescent="0.25">
      <c r="D2154" s="40">
        <v>35.765237000001584</v>
      </c>
      <c r="E2154" s="40">
        <v>15.043197591857629</v>
      </c>
      <c r="F2154" s="40">
        <v>35.75</v>
      </c>
      <c r="G2154" s="40">
        <v>12.061816494850893</v>
      </c>
      <c r="H2154" s="40">
        <v>35.75</v>
      </c>
      <c r="I2154" s="40">
        <v>9.6401025108936</v>
      </c>
      <c r="J2154" s="40">
        <v>35.749986940476397</v>
      </c>
      <c r="K2154" s="40">
        <v>9.6525782369908875</v>
      </c>
      <c r="L2154" s="40"/>
      <c r="M2154" s="40"/>
      <c r="N2154" s="40"/>
      <c r="Y2154">
        <v>18.466667000000001</v>
      </c>
      <c r="Z2154">
        <v>96.766666999999998</v>
      </c>
      <c r="AA2154">
        <v>8.6267069999999997</v>
      </c>
      <c r="AB2154">
        <v>4.4887098215940275</v>
      </c>
    </row>
    <row r="2155" spans="4:28" x14ac:dyDescent="0.25">
      <c r="D2155" s="40">
        <v>35.781903000001584</v>
      </c>
      <c r="E2155" s="40">
        <v>15.047898324018055</v>
      </c>
      <c r="F2155" s="40">
        <v>35.766666999999998</v>
      </c>
      <c r="G2155" s="40">
        <v>12.066571738941111</v>
      </c>
      <c r="H2155" s="40">
        <v>35.766667000000012</v>
      </c>
      <c r="I2155" s="40">
        <v>9.6433566371503616</v>
      </c>
      <c r="J2155" s="40">
        <v>35.766653601190697</v>
      </c>
      <c r="K2155" s="40">
        <v>9.6574292807001196</v>
      </c>
      <c r="L2155" s="40"/>
      <c r="M2155" s="40"/>
      <c r="N2155" s="40"/>
      <c r="Y2155">
        <v>18.483333000000002</v>
      </c>
      <c r="Z2155">
        <v>96.783332999999999</v>
      </c>
      <c r="AA2155">
        <v>8.6267410000000009</v>
      </c>
      <c r="AB2155">
        <v>4.4891216376130547</v>
      </c>
    </row>
    <row r="2156" spans="4:28" x14ac:dyDescent="0.25">
      <c r="D2156" s="40">
        <v>35.798569000001585</v>
      </c>
      <c r="E2156" s="40">
        <v>15.052741502607477</v>
      </c>
      <c r="F2156" s="40">
        <v>35.783332999999999</v>
      </c>
      <c r="G2156" s="40">
        <v>12.066571738941111</v>
      </c>
      <c r="H2156" s="40">
        <v>35.783334000000011</v>
      </c>
      <c r="I2156" s="40">
        <v>9.6467093732936195</v>
      </c>
      <c r="J2156" s="40">
        <v>35.783320261904997</v>
      </c>
      <c r="K2156" s="40">
        <v>9.6622803244092239</v>
      </c>
      <c r="L2156" s="40"/>
      <c r="M2156" s="40"/>
      <c r="N2156" s="40"/>
      <c r="Y2156">
        <v>18.5</v>
      </c>
      <c r="Z2156">
        <v>96.8</v>
      </c>
      <c r="AA2156">
        <v>8.6267410000000009</v>
      </c>
      <c r="AB2156">
        <v>4.4891216376130547</v>
      </c>
    </row>
    <row r="2157" spans="4:28" x14ac:dyDescent="0.25">
      <c r="D2157" s="40">
        <v>35.815235000001586</v>
      </c>
      <c r="E2157" s="40">
        <v>15.057584681197024</v>
      </c>
      <c r="F2157" s="40">
        <v>35.799999999999997</v>
      </c>
      <c r="G2157" s="40">
        <v>12.071326983031208</v>
      </c>
      <c r="H2157" s="40">
        <v>35.800000000000011</v>
      </c>
      <c r="I2157" s="40">
        <v>9.6467093732936195</v>
      </c>
      <c r="J2157" s="40">
        <v>35.799986922619297</v>
      </c>
      <c r="K2157" s="40">
        <v>9.6669886903622846</v>
      </c>
      <c r="L2157" s="40"/>
      <c r="M2157" s="40"/>
      <c r="N2157" s="40"/>
      <c r="Y2157">
        <v>18.516666999999998</v>
      </c>
      <c r="Z2157">
        <v>96.816666999999995</v>
      </c>
      <c r="AA2157">
        <v>8.6267750000000003</v>
      </c>
      <c r="AB2157">
        <v>4.4895334536320615</v>
      </c>
    </row>
    <row r="2158" spans="4:28" x14ac:dyDescent="0.25">
      <c r="D2158" s="40">
        <v>35.831901000001587</v>
      </c>
      <c r="E2158" s="40">
        <v>15.057584681197024</v>
      </c>
      <c r="F2158" s="40">
        <v>35.816666999999995</v>
      </c>
      <c r="G2158" s="40">
        <v>12.076082227121425</v>
      </c>
      <c r="H2158" s="40">
        <v>35.81666700000001</v>
      </c>
      <c r="I2158" s="40">
        <v>9.6500621094370516</v>
      </c>
      <c r="J2158" s="40">
        <v>35.816653583333597</v>
      </c>
      <c r="K2158" s="40">
        <v>9.6718397340715168</v>
      </c>
      <c r="L2158" s="40"/>
      <c r="M2158" s="40"/>
      <c r="N2158" s="40"/>
      <c r="Y2158">
        <v>18.533332999999999</v>
      </c>
      <c r="Z2158">
        <v>96.833332999999996</v>
      </c>
      <c r="AA2158">
        <v>8.6267750000000003</v>
      </c>
      <c r="AB2158">
        <v>4.4895334536320615</v>
      </c>
    </row>
    <row r="2159" spans="4:28" x14ac:dyDescent="0.25">
      <c r="D2159" s="40">
        <v>35.848567000001587</v>
      </c>
      <c r="E2159" s="40">
        <v>15.062285413357449</v>
      </c>
      <c r="F2159" s="40">
        <v>35.833332999999996</v>
      </c>
      <c r="G2159" s="40">
        <v>12.076082227121425</v>
      </c>
      <c r="H2159" s="40">
        <v>35.833334000000008</v>
      </c>
      <c r="I2159" s="40">
        <v>9.6533162356938149</v>
      </c>
      <c r="J2159" s="40">
        <v>35.833320244047897</v>
      </c>
      <c r="K2159" s="40">
        <v>9.6718397340715168</v>
      </c>
      <c r="L2159" s="40"/>
      <c r="M2159" s="40"/>
      <c r="N2159" s="40"/>
      <c r="Y2159">
        <v>18.549999999999997</v>
      </c>
      <c r="Z2159">
        <v>96.85</v>
      </c>
      <c r="AA2159">
        <v>8.6268080000000005</v>
      </c>
      <c r="AB2159">
        <v>4.4899331574152237</v>
      </c>
    </row>
    <row r="2160" spans="4:28" x14ac:dyDescent="0.25">
      <c r="D2160" s="40">
        <v>35.865233000001588</v>
      </c>
      <c r="E2160" s="40">
        <v>15.06712859194687</v>
      </c>
      <c r="F2160" s="40">
        <v>35.849999999999994</v>
      </c>
      <c r="G2160" s="40">
        <v>12.080697611091326</v>
      </c>
      <c r="H2160" s="40">
        <v>35.850000000000009</v>
      </c>
      <c r="I2160" s="40">
        <v>9.6533162356938149</v>
      </c>
      <c r="J2160" s="40">
        <v>35.849986904762197</v>
      </c>
      <c r="K2160" s="40">
        <v>9.6766907777806228</v>
      </c>
      <c r="L2160" s="40"/>
      <c r="M2160" s="40"/>
      <c r="N2160" s="40"/>
      <c r="Y2160">
        <v>18.56666700000001</v>
      </c>
      <c r="Z2160">
        <v>96.866667000000007</v>
      </c>
      <c r="AA2160">
        <v>8.6268080000000005</v>
      </c>
      <c r="AB2160">
        <v>4.4899331574152237</v>
      </c>
    </row>
    <row r="2161" spans="4:28" x14ac:dyDescent="0.25">
      <c r="D2161" s="40">
        <v>35.881899000001589</v>
      </c>
      <c r="E2161" s="40">
        <v>15.07197177053642</v>
      </c>
      <c r="F2161" s="40">
        <v>35.866666999999993</v>
      </c>
      <c r="G2161" s="40">
        <v>12.080697611091326</v>
      </c>
      <c r="H2161" s="40">
        <v>35.866667000000007</v>
      </c>
      <c r="I2161" s="40">
        <v>9.6566689718370728</v>
      </c>
      <c r="J2161" s="40">
        <v>35.866653565476398</v>
      </c>
      <c r="K2161" s="40">
        <v>9.6813991437336817</v>
      </c>
      <c r="L2161" s="40"/>
      <c r="M2161" s="40"/>
      <c r="N2161" s="40"/>
      <c r="Y2161">
        <v>18.583332999999996</v>
      </c>
      <c r="Z2161">
        <v>96.883332999999993</v>
      </c>
      <c r="AA2161">
        <v>8.6268419999999999</v>
      </c>
      <c r="AB2161">
        <v>4.4903449734342296</v>
      </c>
    </row>
    <row r="2162" spans="4:28" x14ac:dyDescent="0.25">
      <c r="D2162" s="40">
        <v>35.898565000001589</v>
      </c>
      <c r="E2162" s="40">
        <v>15.076672502696844</v>
      </c>
      <c r="F2162" s="40">
        <v>35.883332999999993</v>
      </c>
      <c r="G2162" s="40">
        <v>12.085452855181423</v>
      </c>
      <c r="H2162" s="40">
        <v>35.883334000000005</v>
      </c>
      <c r="I2162" s="40">
        <v>9.6600217079803308</v>
      </c>
      <c r="J2162" s="40">
        <v>35.883320226190698</v>
      </c>
      <c r="K2162" s="40">
        <v>9.6813991437336817</v>
      </c>
      <c r="L2162" s="40"/>
      <c r="M2162" s="40"/>
      <c r="N2162" s="40"/>
      <c r="Y2162">
        <v>18.600000000000009</v>
      </c>
      <c r="Z2162">
        <v>96.9</v>
      </c>
      <c r="AA2162">
        <v>8.6268419999999999</v>
      </c>
      <c r="AB2162">
        <v>4.4903449734342296</v>
      </c>
    </row>
    <row r="2163" spans="4:28" x14ac:dyDescent="0.25">
      <c r="D2163" s="40">
        <v>35.91523100000159</v>
      </c>
      <c r="E2163" s="40">
        <v>15.081515681286268</v>
      </c>
      <c r="F2163" s="40">
        <v>35.899999999999991</v>
      </c>
      <c r="G2163" s="40">
        <v>12.09020809927164</v>
      </c>
      <c r="H2163" s="40">
        <v>35.900000000000006</v>
      </c>
      <c r="I2163" s="40">
        <v>9.6632758342370941</v>
      </c>
      <c r="J2163" s="40">
        <v>35.899986886904998</v>
      </c>
      <c r="K2163" s="40">
        <v>9.6862501874429139</v>
      </c>
      <c r="L2163" s="40"/>
      <c r="M2163" s="40"/>
      <c r="N2163" s="40"/>
      <c r="Y2163">
        <v>18.616667000000007</v>
      </c>
      <c r="Z2163">
        <v>96.916667000000004</v>
      </c>
      <c r="AA2163">
        <v>8.6268759999999993</v>
      </c>
      <c r="AB2163">
        <v>4.4907567894532363</v>
      </c>
    </row>
    <row r="2164" spans="4:28" x14ac:dyDescent="0.25">
      <c r="D2164" s="40">
        <v>35.931897000001591</v>
      </c>
      <c r="E2164" s="40">
        <v>15.086358859875816</v>
      </c>
      <c r="F2164" s="40">
        <v>35.91666699999999</v>
      </c>
      <c r="G2164" s="40">
        <v>12.09020809927164</v>
      </c>
      <c r="H2164" s="40">
        <v>35.916667000000004</v>
      </c>
      <c r="I2164" s="40">
        <v>9.6666285703805244</v>
      </c>
      <c r="J2164" s="40">
        <v>35.916653547619298</v>
      </c>
      <c r="K2164" s="40">
        <v>9.6911012311520199</v>
      </c>
      <c r="L2164" s="40"/>
      <c r="M2164" s="40"/>
      <c r="N2164" s="40"/>
      <c r="Y2164">
        <v>18.633333000000007</v>
      </c>
      <c r="Z2164">
        <v>96.933333000000005</v>
      </c>
      <c r="AA2164">
        <v>8.6268759999999993</v>
      </c>
      <c r="AB2164">
        <v>4.4907567894532363</v>
      </c>
    </row>
    <row r="2165" spans="4:28" x14ac:dyDescent="0.25">
      <c r="D2165" s="40">
        <v>35.948563000001592</v>
      </c>
      <c r="E2165" s="40">
        <v>15.091059592036242</v>
      </c>
      <c r="F2165" s="40">
        <v>35.93333299999999</v>
      </c>
      <c r="G2165" s="40">
        <v>12.094823483241541</v>
      </c>
      <c r="H2165" s="40">
        <v>35.933334000000002</v>
      </c>
      <c r="I2165" s="40">
        <v>9.6699813065237823</v>
      </c>
      <c r="J2165" s="40">
        <v>35.933320208333598</v>
      </c>
      <c r="K2165" s="40">
        <v>9.6911012311520199</v>
      </c>
      <c r="L2165" s="40"/>
      <c r="M2165" s="40"/>
      <c r="N2165" s="40"/>
      <c r="Y2165">
        <v>18.650000000000006</v>
      </c>
      <c r="Z2165">
        <v>96.95</v>
      </c>
      <c r="AA2165">
        <v>8.6269089999999995</v>
      </c>
      <c r="AB2165">
        <v>4.4911564932363977</v>
      </c>
    </row>
    <row r="2166" spans="4:28" x14ac:dyDescent="0.25">
      <c r="D2166" s="40">
        <v>35.965229000001592</v>
      </c>
      <c r="E2166" s="40">
        <v>15.09590277062579</v>
      </c>
      <c r="F2166" s="40">
        <v>35.949999999999989</v>
      </c>
      <c r="G2166" s="40">
        <v>12.09957872733176</v>
      </c>
      <c r="H2166" s="40">
        <v>35.950000000000003</v>
      </c>
      <c r="I2166" s="40">
        <v>9.6699813065237823</v>
      </c>
      <c r="J2166" s="40">
        <v>35.949986869047898</v>
      </c>
      <c r="K2166" s="40">
        <v>9.6958095971050806</v>
      </c>
      <c r="L2166" s="40"/>
      <c r="M2166" s="40"/>
      <c r="N2166" s="40"/>
      <c r="Y2166">
        <v>18.666667000000004</v>
      </c>
      <c r="Z2166">
        <v>96.966667000000001</v>
      </c>
      <c r="AA2166">
        <v>8.6269089999999995</v>
      </c>
      <c r="AB2166">
        <v>4.4911564932363977</v>
      </c>
    </row>
    <row r="2167" spans="4:28" x14ac:dyDescent="0.25">
      <c r="D2167" s="40">
        <v>35.981895000001593</v>
      </c>
      <c r="E2167" s="40">
        <v>15.100745949215211</v>
      </c>
      <c r="F2167" s="40">
        <v>35.966667000000001</v>
      </c>
      <c r="G2167" s="40">
        <v>12.09957872733176</v>
      </c>
      <c r="H2167" s="40">
        <v>35.966667000000001</v>
      </c>
      <c r="I2167" s="40">
        <v>9.6732354327805439</v>
      </c>
      <c r="J2167" s="40">
        <v>35.966653529762198</v>
      </c>
      <c r="K2167" s="40">
        <v>9.6958095971050806</v>
      </c>
      <c r="L2167" s="40"/>
      <c r="M2167" s="40"/>
      <c r="N2167" s="40"/>
      <c r="Y2167">
        <v>18.683333000000005</v>
      </c>
      <c r="Z2167">
        <v>96.983333000000002</v>
      </c>
      <c r="AA2167">
        <v>8.6269430000000007</v>
      </c>
      <c r="AB2167">
        <v>4.4915683092554257</v>
      </c>
    </row>
    <row r="2168" spans="4:28" x14ac:dyDescent="0.25">
      <c r="D2168" s="40">
        <v>35.998561000001594</v>
      </c>
      <c r="E2168" s="40">
        <v>15.105446681375636</v>
      </c>
      <c r="F2168" s="40">
        <v>35.983332999999988</v>
      </c>
      <c r="G2168" s="40">
        <v>12.104333971421855</v>
      </c>
      <c r="H2168" s="40">
        <v>35.983334000000013</v>
      </c>
      <c r="I2168" s="40">
        <v>9.6765881689238018</v>
      </c>
      <c r="J2168" s="40">
        <v>35.983320190476398</v>
      </c>
      <c r="K2168" s="40">
        <v>9.7006606408143128</v>
      </c>
      <c r="L2168" s="40"/>
      <c r="M2168" s="40"/>
      <c r="N2168" s="40"/>
      <c r="Y2168">
        <v>18.700000000000003</v>
      </c>
      <c r="Z2168">
        <v>97</v>
      </c>
      <c r="AA2168">
        <v>8.6269430000000007</v>
      </c>
      <c r="AB2168">
        <v>4.4915683092554257</v>
      </c>
    </row>
    <row r="2169" spans="4:28" x14ac:dyDescent="0.25">
      <c r="D2169" s="40">
        <v>36.015227000001595</v>
      </c>
      <c r="E2169" s="40">
        <v>15.110289859965185</v>
      </c>
      <c r="F2169" s="40">
        <v>36</v>
      </c>
      <c r="G2169" s="40">
        <v>12.104333971421855</v>
      </c>
      <c r="H2169" s="40">
        <v>36</v>
      </c>
      <c r="I2169" s="40">
        <v>9.6799409050670597</v>
      </c>
      <c r="J2169" s="40">
        <v>35.999986851190698</v>
      </c>
      <c r="K2169" s="40">
        <v>9.7006606408143128</v>
      </c>
      <c r="L2169" s="40"/>
      <c r="M2169" s="40"/>
      <c r="N2169" s="40"/>
      <c r="Y2169">
        <v>18.716667000000001</v>
      </c>
      <c r="Z2169">
        <v>97.016666999999998</v>
      </c>
      <c r="AA2169">
        <v>8.6269760000000009</v>
      </c>
      <c r="AB2169">
        <v>4.4919680130385879</v>
      </c>
    </row>
    <row r="2170" spans="4:28" x14ac:dyDescent="0.25">
      <c r="D2170" s="40">
        <v>36.031893000001595</v>
      </c>
      <c r="E2170" s="40">
        <v>15.115133038554607</v>
      </c>
      <c r="F2170" s="40">
        <v>36.016666999999998</v>
      </c>
      <c r="G2170" s="40">
        <v>12.108949355391756</v>
      </c>
      <c r="H2170" s="40">
        <v>36.016667000000012</v>
      </c>
      <c r="I2170" s="40">
        <v>9.6832936412104917</v>
      </c>
      <c r="J2170" s="40">
        <v>36.016653511904998</v>
      </c>
      <c r="K2170" s="40">
        <v>9.705511684523545</v>
      </c>
      <c r="L2170" s="40"/>
      <c r="M2170" s="40"/>
      <c r="N2170" s="40"/>
      <c r="Y2170">
        <v>18.733333000000002</v>
      </c>
      <c r="Z2170">
        <v>97.033332999999999</v>
      </c>
      <c r="AA2170">
        <v>8.6269760000000009</v>
      </c>
      <c r="AB2170">
        <v>4.4919680130385879</v>
      </c>
    </row>
    <row r="2171" spans="4:28" x14ac:dyDescent="0.25">
      <c r="D2171" s="40">
        <v>36.048559000001596</v>
      </c>
      <c r="E2171" s="40">
        <v>15.119833770715033</v>
      </c>
      <c r="F2171" s="40">
        <v>36.033332999999999</v>
      </c>
      <c r="G2171" s="40">
        <v>12.113704599481975</v>
      </c>
      <c r="H2171" s="40">
        <v>36.033334000000011</v>
      </c>
      <c r="I2171" s="40">
        <v>9.6832936412104917</v>
      </c>
      <c r="J2171" s="40">
        <v>36.033320172619298</v>
      </c>
      <c r="K2171" s="40">
        <v>9.7102200504764777</v>
      </c>
      <c r="L2171" s="40"/>
      <c r="M2171" s="40"/>
      <c r="N2171" s="40"/>
      <c r="Y2171">
        <v>18.75</v>
      </c>
      <c r="Z2171">
        <v>97.05</v>
      </c>
      <c r="AA2171">
        <v>8.6270100000000003</v>
      </c>
      <c r="AB2171">
        <v>4.4923798290575938</v>
      </c>
    </row>
    <row r="2172" spans="4:28" x14ac:dyDescent="0.25">
      <c r="D2172" s="40">
        <v>36.065225000001597</v>
      </c>
      <c r="E2172" s="40">
        <v>15.124676949304581</v>
      </c>
      <c r="F2172" s="40">
        <v>36.049999999999997</v>
      </c>
      <c r="G2172" s="40">
        <v>12.113704599481975</v>
      </c>
      <c r="H2172" s="40">
        <v>36.050000000000011</v>
      </c>
      <c r="I2172" s="40">
        <v>9.6865477674672551</v>
      </c>
      <c r="J2172" s="40">
        <v>36.049986833333598</v>
      </c>
      <c r="K2172" s="40">
        <v>9.7150710941857099</v>
      </c>
      <c r="L2172" s="40"/>
      <c r="M2172" s="40"/>
      <c r="N2172" s="40"/>
      <c r="Y2172">
        <v>18.766666999999998</v>
      </c>
      <c r="Z2172">
        <v>97.066666999999995</v>
      </c>
      <c r="AA2172">
        <v>8.6270100000000003</v>
      </c>
      <c r="AB2172">
        <v>4.4923798290575938</v>
      </c>
    </row>
    <row r="2173" spans="4:28" x14ac:dyDescent="0.25">
      <c r="D2173" s="40">
        <v>36.081891000001598</v>
      </c>
      <c r="E2173" s="40">
        <v>15.129520127894002</v>
      </c>
      <c r="F2173" s="40">
        <v>36.066666999999995</v>
      </c>
      <c r="G2173" s="40">
        <v>12.118459843572071</v>
      </c>
      <c r="H2173" s="40">
        <v>36.06666700000001</v>
      </c>
      <c r="I2173" s="40">
        <v>9.689900503610513</v>
      </c>
      <c r="J2173" s="40">
        <v>36.066653494047898</v>
      </c>
      <c r="K2173" s="40">
        <v>9.7150710941857099</v>
      </c>
      <c r="L2173" s="40"/>
      <c r="M2173" s="40"/>
      <c r="N2173" s="40"/>
      <c r="Y2173">
        <v>18.783332999999999</v>
      </c>
      <c r="Z2173">
        <v>97.083332999999996</v>
      </c>
      <c r="AA2173">
        <v>8.6270439999999997</v>
      </c>
      <c r="AB2173">
        <v>4.4927916450766006</v>
      </c>
    </row>
    <row r="2174" spans="4:28" x14ac:dyDescent="0.25">
      <c r="D2174" s="40">
        <v>36.098557000001598</v>
      </c>
      <c r="E2174" s="40">
        <v>15.134220860054427</v>
      </c>
      <c r="F2174" s="40">
        <v>36.083332999999996</v>
      </c>
      <c r="G2174" s="40">
        <v>12.123075227541969</v>
      </c>
      <c r="H2174" s="40">
        <v>36.083334000000008</v>
      </c>
      <c r="I2174" s="40">
        <v>9.6932532397537692</v>
      </c>
      <c r="J2174" s="40">
        <v>36.083320154762198</v>
      </c>
      <c r="K2174" s="40">
        <v>9.7199221378949421</v>
      </c>
      <c r="L2174" s="40"/>
      <c r="M2174" s="40"/>
      <c r="N2174" s="40"/>
      <c r="Y2174">
        <v>18.799999999999997</v>
      </c>
      <c r="Z2174">
        <v>97.1</v>
      </c>
      <c r="AA2174">
        <v>8.6270439999999997</v>
      </c>
      <c r="AB2174">
        <v>4.4927916450766006</v>
      </c>
    </row>
    <row r="2175" spans="4:28" x14ac:dyDescent="0.25">
      <c r="D2175" s="40">
        <v>36.115223000001599</v>
      </c>
      <c r="E2175" s="40">
        <v>15.143907217233524</v>
      </c>
      <c r="F2175" s="40">
        <v>36.099999999999994</v>
      </c>
      <c r="G2175" s="40">
        <v>12.123075227541969</v>
      </c>
      <c r="H2175" s="40">
        <v>36.100000000000009</v>
      </c>
      <c r="I2175" s="40">
        <v>9.6965073660105325</v>
      </c>
      <c r="J2175" s="40">
        <v>36.099986815476399</v>
      </c>
      <c r="K2175" s="40">
        <v>9.7199221378949421</v>
      </c>
      <c r="L2175" s="40"/>
      <c r="M2175" s="40"/>
      <c r="N2175" s="40"/>
      <c r="Y2175">
        <v>18.81666700000001</v>
      </c>
      <c r="Z2175">
        <v>97.116667000000007</v>
      </c>
      <c r="AA2175">
        <v>8.6270769999999999</v>
      </c>
      <c r="AB2175">
        <v>4.4931913488597628</v>
      </c>
    </row>
    <row r="2176" spans="4:28" x14ac:dyDescent="0.25">
      <c r="D2176" s="40">
        <v>36.1318890000016</v>
      </c>
      <c r="E2176" s="40">
        <v>15.148607949393824</v>
      </c>
      <c r="F2176" s="40">
        <v>36.116666999999993</v>
      </c>
      <c r="G2176" s="40">
        <v>12.127830471632189</v>
      </c>
      <c r="H2176" s="40">
        <v>36.116667000000007</v>
      </c>
      <c r="I2176" s="40">
        <v>9.6998601021539645</v>
      </c>
      <c r="J2176" s="40">
        <v>36.116653476190699</v>
      </c>
      <c r="K2176" s="40">
        <v>9.7199221378949421</v>
      </c>
      <c r="L2176" s="40"/>
      <c r="M2176" s="40"/>
      <c r="N2176" s="40"/>
      <c r="Y2176">
        <v>18.833332999999996</v>
      </c>
      <c r="Z2176">
        <v>97.133332999999993</v>
      </c>
      <c r="AA2176">
        <v>8.6270769999999999</v>
      </c>
      <c r="AB2176">
        <v>4.4931913488597628</v>
      </c>
    </row>
    <row r="2177" spans="4:28" x14ac:dyDescent="0.25">
      <c r="D2177" s="40">
        <v>36.1485550000016</v>
      </c>
      <c r="E2177" s="40">
        <v>15.148607949393824</v>
      </c>
      <c r="F2177" s="40">
        <v>36.133332999999993</v>
      </c>
      <c r="G2177" s="40">
        <v>12.132585715722286</v>
      </c>
      <c r="H2177" s="40">
        <v>36.133334000000005</v>
      </c>
      <c r="I2177" s="40">
        <v>9.7032128382972225</v>
      </c>
      <c r="J2177" s="40">
        <v>36.133320136904999</v>
      </c>
      <c r="K2177" s="40">
        <v>9.7246305038480028</v>
      </c>
      <c r="L2177" s="40"/>
      <c r="M2177" s="40"/>
      <c r="N2177" s="40"/>
      <c r="Y2177">
        <v>18.850000000000009</v>
      </c>
      <c r="Z2177">
        <v>97.15</v>
      </c>
      <c r="AA2177">
        <v>8.6271109999999993</v>
      </c>
      <c r="AB2177">
        <v>4.4936031648787695</v>
      </c>
    </row>
    <row r="2178" spans="4:28" x14ac:dyDescent="0.25">
      <c r="D2178" s="40">
        <v>36.165221000001601</v>
      </c>
      <c r="E2178" s="40">
        <v>15.153451127983372</v>
      </c>
      <c r="F2178" s="40">
        <v>36.149999999999991</v>
      </c>
      <c r="G2178" s="40">
        <v>12.132585715722286</v>
      </c>
      <c r="H2178" s="40">
        <v>36.150000000000006</v>
      </c>
      <c r="I2178" s="40">
        <v>9.7064669645539858</v>
      </c>
      <c r="J2178" s="40">
        <v>36.149986797619299</v>
      </c>
      <c r="K2178" s="40">
        <v>9.7246305038480028</v>
      </c>
      <c r="L2178" s="40"/>
      <c r="M2178" s="40"/>
      <c r="N2178" s="40"/>
      <c r="Y2178">
        <v>18.866667000000007</v>
      </c>
      <c r="Z2178">
        <v>97.166667000000004</v>
      </c>
      <c r="AA2178">
        <v>8.6271109999999993</v>
      </c>
      <c r="AB2178">
        <v>4.4936031648787695</v>
      </c>
    </row>
    <row r="2179" spans="4:28" x14ac:dyDescent="0.25">
      <c r="D2179" s="40">
        <v>36.181887000001602</v>
      </c>
      <c r="E2179" s="40">
        <v>15.158294306572921</v>
      </c>
      <c r="F2179" s="40">
        <v>36.16666699999999</v>
      </c>
      <c r="G2179" s="40">
        <v>12.137201099692184</v>
      </c>
      <c r="H2179" s="40">
        <v>36.166667000000004</v>
      </c>
      <c r="I2179" s="40">
        <v>9.709819700697242</v>
      </c>
      <c r="J2179" s="40">
        <v>36.166653458333599</v>
      </c>
      <c r="K2179" s="40">
        <v>9.7246305038480028</v>
      </c>
      <c r="L2179" s="40"/>
      <c r="M2179" s="40"/>
      <c r="N2179" s="40"/>
      <c r="Y2179">
        <v>18.883333000000007</v>
      </c>
      <c r="Z2179">
        <v>97.183333000000005</v>
      </c>
      <c r="AA2179">
        <v>8.6271450000000005</v>
      </c>
      <c r="AB2179">
        <v>4.4940149808977967</v>
      </c>
    </row>
    <row r="2180" spans="4:28" x14ac:dyDescent="0.25">
      <c r="D2180" s="40">
        <v>36.198553000001603</v>
      </c>
      <c r="E2180" s="40">
        <v>15.16299503873322</v>
      </c>
      <c r="F2180" s="40">
        <v>36.18333299999999</v>
      </c>
      <c r="G2180" s="40">
        <v>12.141956343782404</v>
      </c>
      <c r="H2180" s="40">
        <v>36.183334000000002</v>
      </c>
      <c r="I2180" s="40">
        <v>9.709819700697242</v>
      </c>
      <c r="J2180" s="40">
        <v>36.183320119047899</v>
      </c>
      <c r="K2180" s="40">
        <v>9.7294815475571088</v>
      </c>
      <c r="L2180" s="40"/>
      <c r="M2180" s="40"/>
      <c r="N2180" s="40"/>
      <c r="Y2180">
        <v>18.900000000000006</v>
      </c>
      <c r="Z2180">
        <v>97.2</v>
      </c>
      <c r="AA2180">
        <v>8.6271450000000005</v>
      </c>
      <c r="AB2180">
        <v>4.4940149808977967</v>
      </c>
    </row>
    <row r="2181" spans="4:28" x14ac:dyDescent="0.25">
      <c r="D2181" s="40">
        <v>36.215219000001603</v>
      </c>
      <c r="E2181" s="40">
        <v>15.167838217322767</v>
      </c>
      <c r="F2181" s="40">
        <v>36.199999999999989</v>
      </c>
      <c r="G2181" s="40">
        <v>12.141956343782404</v>
      </c>
      <c r="H2181" s="40">
        <v>36.200000000000003</v>
      </c>
      <c r="I2181" s="40">
        <v>9.7131724368404981</v>
      </c>
      <c r="J2181" s="40">
        <v>36.199986779762199</v>
      </c>
      <c r="K2181" s="40">
        <v>9.7343325912663392</v>
      </c>
      <c r="L2181" s="40"/>
      <c r="M2181" s="40"/>
      <c r="N2181" s="40"/>
      <c r="Y2181">
        <v>18.916667000000004</v>
      </c>
      <c r="Z2181">
        <v>97.216667000000001</v>
      </c>
      <c r="AA2181">
        <v>8.6271780000000007</v>
      </c>
      <c r="AB2181">
        <v>4.4944146846809581</v>
      </c>
    </row>
    <row r="2182" spans="4:28" x14ac:dyDescent="0.25">
      <c r="D2182" s="40">
        <v>36.231885000001604</v>
      </c>
      <c r="E2182" s="40">
        <v>15.172681395912315</v>
      </c>
      <c r="F2182" s="40">
        <v>36.216667000000001</v>
      </c>
      <c r="G2182" s="40">
        <v>12.146711587872501</v>
      </c>
      <c r="H2182" s="40">
        <v>36.216667000000001</v>
      </c>
      <c r="I2182" s="40">
        <v>9.7164265630972615</v>
      </c>
      <c r="J2182" s="40">
        <v>36.216653440476399</v>
      </c>
      <c r="K2182" s="40">
        <v>9.7343325912663392</v>
      </c>
      <c r="L2182" s="40"/>
      <c r="M2182" s="40"/>
      <c r="N2182" s="40"/>
      <c r="Y2182">
        <v>18.933333000000005</v>
      </c>
      <c r="Z2182">
        <v>97.233333000000002</v>
      </c>
      <c r="AA2182">
        <v>8.6271780000000007</v>
      </c>
      <c r="AB2182">
        <v>4.4944146846809581</v>
      </c>
    </row>
    <row r="2183" spans="4:28" x14ac:dyDescent="0.25">
      <c r="D2183" s="40">
        <v>36.248551000001605</v>
      </c>
      <c r="E2183" s="40">
        <v>15.177382128072741</v>
      </c>
      <c r="F2183" s="40">
        <v>36.233332999999988</v>
      </c>
      <c r="G2183" s="40">
        <v>12.151326971842401</v>
      </c>
      <c r="H2183" s="40">
        <v>36.233334000000013</v>
      </c>
      <c r="I2183" s="40">
        <v>9.7197792992406935</v>
      </c>
      <c r="J2183" s="40">
        <v>36.233320101190699</v>
      </c>
      <c r="K2183" s="40">
        <v>9.7390409572193999</v>
      </c>
      <c r="L2183" s="40"/>
      <c r="M2183" s="40"/>
      <c r="N2183" s="40"/>
      <c r="Y2183">
        <v>18.950000000000003</v>
      </c>
      <c r="Z2183">
        <v>97.25</v>
      </c>
      <c r="AA2183">
        <v>8.6272120000000001</v>
      </c>
      <c r="AB2183">
        <v>4.4948265006999648</v>
      </c>
    </row>
    <row r="2184" spans="4:28" x14ac:dyDescent="0.25">
      <c r="D2184" s="40">
        <v>36.265217000001606</v>
      </c>
      <c r="E2184" s="40">
        <v>15.182225306662163</v>
      </c>
      <c r="F2184" s="40">
        <v>36.25</v>
      </c>
      <c r="G2184" s="40">
        <v>12.156082215932619</v>
      </c>
      <c r="H2184" s="40">
        <v>36.25</v>
      </c>
      <c r="I2184" s="40">
        <v>9.7231320353839514</v>
      </c>
      <c r="J2184" s="40">
        <v>36.249986761904999</v>
      </c>
      <c r="K2184" s="40">
        <v>9.7390409572193999</v>
      </c>
      <c r="L2184" s="40"/>
      <c r="M2184" s="40"/>
      <c r="N2184" s="40"/>
      <c r="Y2184">
        <v>18.966667000000001</v>
      </c>
      <c r="Z2184">
        <v>97.266666999999998</v>
      </c>
      <c r="AA2184">
        <v>8.6272120000000001</v>
      </c>
      <c r="AB2184">
        <v>4.4948265006999648</v>
      </c>
    </row>
    <row r="2185" spans="4:28" x14ac:dyDescent="0.25">
      <c r="D2185" s="40">
        <v>36.281883000001606</v>
      </c>
      <c r="E2185" s="40">
        <v>15.187068485251713</v>
      </c>
      <c r="F2185" s="40">
        <v>36.266666999999998</v>
      </c>
      <c r="G2185" s="40">
        <v>12.156082215932619</v>
      </c>
      <c r="H2185" s="40">
        <v>36.266667000000012</v>
      </c>
      <c r="I2185" s="40">
        <v>9.7263861616407148</v>
      </c>
      <c r="J2185" s="40">
        <v>36.266653422619299</v>
      </c>
      <c r="K2185" s="40">
        <v>9.7438920009285059</v>
      </c>
      <c r="L2185" s="40"/>
      <c r="M2185" s="40"/>
      <c r="N2185" s="40"/>
      <c r="Y2185">
        <v>18.983333000000002</v>
      </c>
      <c r="Z2185">
        <v>97.283332999999999</v>
      </c>
      <c r="AA2185">
        <v>8.6272459999999995</v>
      </c>
      <c r="AB2185">
        <v>4.4952383167189716</v>
      </c>
    </row>
    <row r="2186" spans="4:28" x14ac:dyDescent="0.25">
      <c r="D2186" s="40">
        <v>36.298549000001607</v>
      </c>
      <c r="E2186" s="40">
        <v>15.19191166384126</v>
      </c>
      <c r="F2186" s="40">
        <v>36.283332999999999</v>
      </c>
      <c r="G2186" s="40">
        <v>12.160837460022838</v>
      </c>
      <c r="H2186" s="40">
        <v>36.283334000000011</v>
      </c>
      <c r="I2186" s="40">
        <v>9.7297388977839727</v>
      </c>
      <c r="J2186" s="40">
        <v>36.283320083333599</v>
      </c>
      <c r="K2186" s="40">
        <v>9.7487430446377381</v>
      </c>
      <c r="L2186" s="40"/>
      <c r="M2186" s="40"/>
      <c r="N2186" s="40"/>
      <c r="Y2186">
        <v>19</v>
      </c>
      <c r="Z2186">
        <v>97.3</v>
      </c>
      <c r="AA2186">
        <v>8.6272459999999995</v>
      </c>
      <c r="AB2186">
        <v>4.4952383167189716</v>
      </c>
    </row>
    <row r="2187" spans="4:28" x14ac:dyDescent="0.25">
      <c r="D2187" s="40">
        <v>36.315215000001608</v>
      </c>
      <c r="E2187" s="40">
        <v>15.19191166384126</v>
      </c>
      <c r="F2187" s="40">
        <v>36.299999999999997</v>
      </c>
      <c r="G2187" s="40">
        <v>12.165452843992615</v>
      </c>
      <c r="H2187" s="40">
        <v>36.300000000000011</v>
      </c>
      <c r="I2187" s="40">
        <v>9.7330916339274047</v>
      </c>
      <c r="J2187" s="40">
        <v>36.299986744047899</v>
      </c>
      <c r="K2187" s="40">
        <v>9.7487430446377381</v>
      </c>
      <c r="L2187" s="40"/>
      <c r="M2187" s="40"/>
      <c r="N2187" s="40"/>
      <c r="Y2187">
        <v>19.016666999999998</v>
      </c>
      <c r="Z2187">
        <v>97.316666999999995</v>
      </c>
      <c r="AA2187">
        <v>8.6272789999999997</v>
      </c>
      <c r="AB2187">
        <v>4.4956380205021338</v>
      </c>
    </row>
    <row r="2188" spans="4:28" x14ac:dyDescent="0.25">
      <c r="D2188" s="40">
        <v>36.331881000001609</v>
      </c>
      <c r="E2188" s="40">
        <v>15.19661239600156</v>
      </c>
      <c r="F2188" s="40">
        <v>36.316666999999995</v>
      </c>
      <c r="G2188" s="40">
        <v>12.170208088082834</v>
      </c>
      <c r="H2188" s="40">
        <v>36.31666700000001</v>
      </c>
      <c r="I2188" s="40">
        <v>9.7363457601839922</v>
      </c>
      <c r="J2188" s="40">
        <v>36.316653404762199</v>
      </c>
      <c r="K2188" s="40">
        <v>9.7534514105907988</v>
      </c>
      <c r="L2188" s="40"/>
      <c r="M2188" s="40"/>
      <c r="N2188" s="40"/>
      <c r="Y2188">
        <v>19.033332999999999</v>
      </c>
      <c r="Z2188">
        <v>97.333332999999996</v>
      </c>
      <c r="AA2188">
        <v>8.6272789999999997</v>
      </c>
      <c r="AB2188">
        <v>4.4956380205021338</v>
      </c>
    </row>
    <row r="2189" spans="4:28" x14ac:dyDescent="0.25">
      <c r="D2189" s="40">
        <v>36.348547000001609</v>
      </c>
      <c r="E2189" s="40">
        <v>15.201455574591108</v>
      </c>
      <c r="F2189" s="40">
        <v>36.333332999999996</v>
      </c>
      <c r="G2189" s="40">
        <v>12.170208088082834</v>
      </c>
      <c r="H2189" s="40">
        <v>36.333334000000008</v>
      </c>
      <c r="I2189" s="40">
        <v>9.7363457601839922</v>
      </c>
      <c r="J2189" s="40">
        <v>36.3333200654764</v>
      </c>
      <c r="K2189" s="40">
        <v>9.7534514105907988</v>
      </c>
      <c r="L2189" s="40"/>
      <c r="M2189" s="40"/>
      <c r="N2189" s="40"/>
      <c r="Y2189">
        <v>19.049999999999997</v>
      </c>
      <c r="Z2189">
        <v>97.35</v>
      </c>
      <c r="AA2189">
        <v>8.6273129999999991</v>
      </c>
      <c r="AB2189">
        <v>4.4960498365211397</v>
      </c>
    </row>
    <row r="2190" spans="4:28" x14ac:dyDescent="0.25">
      <c r="D2190" s="40">
        <v>36.36521300000161</v>
      </c>
      <c r="E2190" s="40">
        <v>15.201455574591108</v>
      </c>
      <c r="F2190" s="40">
        <v>36.349999999999994</v>
      </c>
      <c r="G2190" s="40">
        <v>12.174963332173053</v>
      </c>
      <c r="H2190" s="40">
        <v>36.350000000000009</v>
      </c>
      <c r="I2190" s="40">
        <v>9.7396984963274242</v>
      </c>
      <c r="J2190" s="40">
        <v>36.3499867261907</v>
      </c>
      <c r="K2190" s="40">
        <v>9.7583024542999031</v>
      </c>
      <c r="L2190" s="40"/>
      <c r="M2190" s="40"/>
      <c r="N2190" s="40"/>
      <c r="Y2190">
        <v>19.06666700000001</v>
      </c>
      <c r="Z2190">
        <v>97.366667000000007</v>
      </c>
      <c r="AA2190">
        <v>8.6273129999999991</v>
      </c>
      <c r="AB2190">
        <v>4.4960498365211397</v>
      </c>
    </row>
    <row r="2191" spans="4:28" x14ac:dyDescent="0.25">
      <c r="D2191" s="40">
        <v>36.381879000001611</v>
      </c>
      <c r="E2191" s="40">
        <v>15.206298753180654</v>
      </c>
      <c r="F2191" s="40">
        <v>36.366666999999993</v>
      </c>
      <c r="G2191" s="40">
        <v>12.179578716142954</v>
      </c>
      <c r="H2191" s="40">
        <v>36.366667000000007</v>
      </c>
      <c r="I2191" s="40">
        <v>9.7396984963274242</v>
      </c>
      <c r="J2191" s="40">
        <v>36.366653386905</v>
      </c>
      <c r="K2191" s="40">
        <v>9.7631534980091352</v>
      </c>
      <c r="L2191" s="40"/>
      <c r="M2191" s="40"/>
      <c r="N2191" s="40"/>
      <c r="Y2191">
        <v>19.083332999999996</v>
      </c>
      <c r="Z2191">
        <v>97.383332999999993</v>
      </c>
      <c r="AA2191">
        <v>8.6273470000000003</v>
      </c>
      <c r="AB2191">
        <v>4.4964616525401677</v>
      </c>
    </row>
    <row r="2192" spans="4:28" x14ac:dyDescent="0.25">
      <c r="D2192" s="40">
        <v>36.398545000001612</v>
      </c>
      <c r="E2192" s="40">
        <v>15.206298753180654</v>
      </c>
      <c r="F2192" s="40">
        <v>36.383332999999993</v>
      </c>
      <c r="G2192" s="40">
        <v>12.184333960233047</v>
      </c>
      <c r="H2192" s="40">
        <v>36.383334000000005</v>
      </c>
      <c r="I2192" s="40">
        <v>9.7430512324706822</v>
      </c>
      <c r="J2192" s="40">
        <v>36.3833200476193</v>
      </c>
      <c r="K2192" s="40">
        <v>9.7680045417183692</v>
      </c>
      <c r="L2192" s="40"/>
      <c r="M2192" s="40"/>
      <c r="N2192" s="40"/>
      <c r="Y2192">
        <v>19.100000000000009</v>
      </c>
      <c r="Z2192">
        <v>97.4</v>
      </c>
      <c r="AA2192">
        <v>8.6273470000000003</v>
      </c>
      <c r="AB2192">
        <v>4.4964616525401677</v>
      </c>
    </row>
    <row r="2193" spans="4:28" x14ac:dyDescent="0.25">
      <c r="D2193" s="40">
        <v>36.415211000001612</v>
      </c>
      <c r="E2193" s="40">
        <v>15.210999485340954</v>
      </c>
      <c r="F2193" s="40">
        <v>36.399999999999991</v>
      </c>
      <c r="G2193" s="40">
        <v>12.189089204323267</v>
      </c>
      <c r="H2193" s="40">
        <v>36.400000000000006</v>
      </c>
      <c r="I2193" s="40">
        <v>9.7463053587274455</v>
      </c>
      <c r="J2193" s="40">
        <v>36.3999867083336</v>
      </c>
      <c r="K2193" s="40">
        <v>9.7680045417183692</v>
      </c>
      <c r="L2193" s="40"/>
      <c r="M2193" s="40"/>
      <c r="N2193" s="40"/>
      <c r="Y2193">
        <v>19.116667000000007</v>
      </c>
      <c r="Z2193">
        <v>97.416667000000004</v>
      </c>
      <c r="AA2193">
        <v>8.6273800000000005</v>
      </c>
      <c r="AB2193">
        <v>4.49686135632333</v>
      </c>
    </row>
    <row r="2194" spans="4:28" x14ac:dyDescent="0.25">
      <c r="D2194" s="40">
        <v>36.431877000001613</v>
      </c>
      <c r="E2194" s="40">
        <v>15.210999485340954</v>
      </c>
      <c r="F2194" s="40">
        <v>36.41666699999999</v>
      </c>
      <c r="G2194" s="40">
        <v>12.189089204323267</v>
      </c>
      <c r="H2194" s="40">
        <v>36.416667000000004</v>
      </c>
      <c r="I2194" s="40">
        <v>9.7463053587274455</v>
      </c>
      <c r="J2194" s="40">
        <v>36.4166533690479</v>
      </c>
      <c r="K2194" s="40">
        <v>9.7680045417183692</v>
      </c>
      <c r="L2194" s="40"/>
      <c r="M2194" s="40"/>
      <c r="N2194" s="40"/>
      <c r="Y2194">
        <v>19.133333000000007</v>
      </c>
      <c r="Z2194">
        <v>97.433333000000005</v>
      </c>
      <c r="AA2194">
        <v>8.6273800000000005</v>
      </c>
      <c r="AB2194">
        <v>4.49686135632333</v>
      </c>
    </row>
    <row r="2195" spans="4:28" x14ac:dyDescent="0.25">
      <c r="D2195" s="40">
        <v>36.448543000001614</v>
      </c>
      <c r="E2195" s="40">
        <v>15.215842663930502</v>
      </c>
      <c r="F2195" s="40">
        <v>36.43333299999999</v>
      </c>
      <c r="G2195" s="40">
        <v>12.193704588293167</v>
      </c>
      <c r="H2195" s="40">
        <v>36.433334000000002</v>
      </c>
      <c r="I2195" s="40">
        <v>9.7496580948707035</v>
      </c>
      <c r="J2195" s="40">
        <v>36.4333200297622</v>
      </c>
      <c r="K2195" s="40">
        <v>9.772712907671302</v>
      </c>
      <c r="L2195" s="40"/>
      <c r="M2195" s="40"/>
      <c r="N2195" s="40"/>
      <c r="Y2195">
        <v>19.150000000000006</v>
      </c>
      <c r="Z2195">
        <v>97.45</v>
      </c>
      <c r="AA2195">
        <v>8.6273800000000005</v>
      </c>
      <c r="AB2195">
        <v>4.49686135632333</v>
      </c>
    </row>
    <row r="2196" spans="4:28" x14ac:dyDescent="0.25">
      <c r="D2196" s="40">
        <v>36.465209000001614</v>
      </c>
      <c r="E2196" s="40">
        <v>15.220685842520052</v>
      </c>
      <c r="F2196" s="40">
        <v>36.449999999999989</v>
      </c>
      <c r="G2196" s="40">
        <v>12.198459832383262</v>
      </c>
      <c r="H2196" s="40">
        <v>36.450000000000003</v>
      </c>
      <c r="I2196" s="40">
        <v>9.7530108310141337</v>
      </c>
      <c r="J2196" s="40">
        <v>36.4499866904764</v>
      </c>
      <c r="K2196" s="40">
        <v>9.772712907671302</v>
      </c>
      <c r="L2196" s="40"/>
      <c r="M2196" s="40"/>
      <c r="N2196" s="40"/>
      <c r="Y2196">
        <v>19.166667000000004</v>
      </c>
      <c r="Z2196">
        <v>97.466667000000001</v>
      </c>
      <c r="AA2196">
        <v>8.6274139999999999</v>
      </c>
      <c r="AB2196">
        <v>4.4972731723423358</v>
      </c>
    </row>
    <row r="2197" spans="4:28" x14ac:dyDescent="0.25">
      <c r="D2197" s="40">
        <v>36.481875000001615</v>
      </c>
      <c r="E2197" s="40">
        <v>15.225386574680478</v>
      </c>
      <c r="F2197" s="40">
        <v>36.466667000000001</v>
      </c>
      <c r="G2197" s="40">
        <v>12.203215076473482</v>
      </c>
      <c r="H2197" s="40">
        <v>36.466667000000001</v>
      </c>
      <c r="I2197" s="40">
        <v>9.756264957270897</v>
      </c>
      <c r="J2197" s="40">
        <v>36.466653351190701</v>
      </c>
      <c r="K2197" s="40">
        <v>9.7775639513805341</v>
      </c>
      <c r="L2197" s="40"/>
      <c r="M2197" s="40"/>
      <c r="N2197" s="40"/>
      <c r="Y2197">
        <v>19.183333000000005</v>
      </c>
      <c r="Z2197">
        <v>97.483333000000002</v>
      </c>
      <c r="AA2197">
        <v>8.6274139999999999</v>
      </c>
      <c r="AB2197">
        <v>4.4972731723423358</v>
      </c>
    </row>
    <row r="2198" spans="4:28" x14ac:dyDescent="0.25">
      <c r="D2198" s="40">
        <v>36.498541000001616</v>
      </c>
      <c r="E2198" s="40">
        <v>15.225386574680478</v>
      </c>
      <c r="F2198" s="40">
        <v>36.483332999999988</v>
      </c>
      <c r="G2198" s="40">
        <v>12.207830460443382</v>
      </c>
      <c r="H2198" s="40">
        <v>36.483334000000013</v>
      </c>
      <c r="I2198" s="40">
        <v>9.759617693414155</v>
      </c>
      <c r="J2198" s="40">
        <v>36.483320011905001</v>
      </c>
      <c r="K2198" s="40">
        <v>9.7775639513805341</v>
      </c>
      <c r="L2198" s="40"/>
      <c r="M2198" s="40"/>
      <c r="N2198" s="40"/>
      <c r="Y2198">
        <v>19.200000000000003</v>
      </c>
      <c r="Z2198">
        <v>97.5</v>
      </c>
      <c r="AA2198">
        <v>8.6274479999999993</v>
      </c>
      <c r="AB2198">
        <v>4.4976849883613426</v>
      </c>
    </row>
    <row r="2199" spans="4:28" x14ac:dyDescent="0.25">
      <c r="D2199" s="40">
        <v>36.515207000001617</v>
      </c>
      <c r="E2199" s="40">
        <v>15.230229753269899</v>
      </c>
      <c r="F2199" s="40">
        <v>36.5</v>
      </c>
      <c r="G2199" s="40">
        <v>12.207830460443382</v>
      </c>
      <c r="H2199" s="40">
        <v>36.5</v>
      </c>
      <c r="I2199" s="40">
        <v>9.7629704295574111</v>
      </c>
      <c r="J2199" s="40">
        <v>36.499986672619301</v>
      </c>
      <c r="K2199" s="40">
        <v>9.7824149950897681</v>
      </c>
      <c r="L2199" s="40"/>
      <c r="M2199" s="40"/>
      <c r="N2199" s="40"/>
      <c r="Y2199">
        <v>19.216667000000001</v>
      </c>
      <c r="Z2199">
        <v>97.516666999999998</v>
      </c>
      <c r="AA2199">
        <v>8.6274479999999993</v>
      </c>
      <c r="AB2199">
        <v>4.4976849883613426</v>
      </c>
    </row>
    <row r="2200" spans="4:28" x14ac:dyDescent="0.25">
      <c r="D2200" s="40">
        <v>36.531873000001617</v>
      </c>
      <c r="E2200" s="40">
        <v>15.230229753269899</v>
      </c>
      <c r="F2200" s="40">
        <v>36.516666999999998</v>
      </c>
      <c r="G2200" s="40">
        <v>12.212585704533478</v>
      </c>
      <c r="H2200" s="40">
        <v>36.516667000000012</v>
      </c>
      <c r="I2200" s="40">
        <v>9.7629704295574111</v>
      </c>
      <c r="J2200" s="40">
        <v>36.516653333333601</v>
      </c>
      <c r="K2200" s="40">
        <v>9.7824149950897681</v>
      </c>
      <c r="L2200" s="40"/>
      <c r="M2200" s="40"/>
      <c r="N2200" s="40"/>
      <c r="Y2200">
        <v>19.233333000000002</v>
      </c>
      <c r="Z2200">
        <v>97.533332999999999</v>
      </c>
      <c r="AA2200">
        <v>8.6274809999999995</v>
      </c>
      <c r="AB2200">
        <v>4.4980846921445039</v>
      </c>
    </row>
    <row r="2201" spans="4:28" x14ac:dyDescent="0.25">
      <c r="D2201" s="40">
        <v>36.548539000001618</v>
      </c>
      <c r="E2201" s="40">
        <v>15.235072931859447</v>
      </c>
      <c r="F2201" s="40">
        <v>36.533332999999999</v>
      </c>
      <c r="G2201" s="40">
        <v>12.217340948623697</v>
      </c>
      <c r="H2201" s="40">
        <v>36.533334000000011</v>
      </c>
      <c r="I2201" s="40">
        <v>9.7662245558141745</v>
      </c>
      <c r="J2201" s="40">
        <v>36.533319994047901</v>
      </c>
      <c r="K2201" s="40">
        <v>9.7871233610428252</v>
      </c>
      <c r="L2201" s="40"/>
      <c r="M2201" s="40"/>
      <c r="N2201" s="40"/>
      <c r="Y2201">
        <v>19.25</v>
      </c>
      <c r="Z2201">
        <v>97.55</v>
      </c>
      <c r="AA2201">
        <v>8.6274809999999995</v>
      </c>
      <c r="AB2201">
        <v>4.4980846921445039</v>
      </c>
    </row>
    <row r="2202" spans="4:28" x14ac:dyDescent="0.25">
      <c r="D2202" s="40">
        <v>36.565205000001619</v>
      </c>
      <c r="E2202" s="40">
        <v>15.239773664019872</v>
      </c>
      <c r="F2202" s="40">
        <v>36.549999999999997</v>
      </c>
      <c r="G2202" s="40">
        <v>12.221956332593598</v>
      </c>
      <c r="H2202" s="40">
        <v>36.550000000000011</v>
      </c>
      <c r="I2202" s="40">
        <v>9.7662245558141745</v>
      </c>
      <c r="J2202" s="40">
        <v>36.549986654762201</v>
      </c>
      <c r="K2202" s="40">
        <v>9.7871233610428252</v>
      </c>
      <c r="L2202" s="40"/>
      <c r="M2202" s="40"/>
      <c r="N2202" s="40"/>
      <c r="Y2202">
        <v>19.266666999999998</v>
      </c>
      <c r="Z2202">
        <v>97.566666999999995</v>
      </c>
      <c r="AA2202">
        <v>8.6275150000000007</v>
      </c>
      <c r="AB2202">
        <v>4.4984965081635329</v>
      </c>
    </row>
    <row r="2203" spans="4:28" x14ac:dyDescent="0.25">
      <c r="D2203" s="40">
        <v>36.58187100000162</v>
      </c>
      <c r="E2203" s="40">
        <v>15.239773664019872</v>
      </c>
      <c r="F2203" s="40">
        <v>36.566666999999995</v>
      </c>
      <c r="G2203" s="40">
        <v>12.226711576683691</v>
      </c>
      <c r="H2203" s="40">
        <v>36.56666700000001</v>
      </c>
      <c r="I2203" s="40">
        <v>9.7695772919574324</v>
      </c>
      <c r="J2203" s="40">
        <v>36.566653315476401</v>
      </c>
      <c r="K2203" s="40">
        <v>9.7919744047519313</v>
      </c>
      <c r="L2203" s="40"/>
      <c r="M2203" s="40"/>
      <c r="N2203" s="40"/>
      <c r="Y2203">
        <v>19.283332999999999</v>
      </c>
      <c r="Z2203">
        <v>97.583332999999996</v>
      </c>
      <c r="AA2203">
        <v>8.6275150000000007</v>
      </c>
      <c r="AB2203">
        <v>4.4984965081635329</v>
      </c>
    </row>
    <row r="2204" spans="4:28" x14ac:dyDescent="0.25">
      <c r="D2204" s="40">
        <v>36.59853700000162</v>
      </c>
      <c r="E2204" s="40">
        <v>15.244616842609293</v>
      </c>
      <c r="F2204" s="40">
        <v>36.583332999999996</v>
      </c>
      <c r="G2204" s="40">
        <v>12.226711576683691</v>
      </c>
      <c r="H2204" s="40">
        <v>36.583334000000008</v>
      </c>
      <c r="I2204" s="40">
        <v>9.7729300281008644</v>
      </c>
      <c r="J2204" s="40">
        <v>36.583319976190701</v>
      </c>
      <c r="K2204" s="40">
        <v>9.7919744047519313</v>
      </c>
      <c r="L2204" s="40"/>
      <c r="M2204" s="40"/>
      <c r="N2204" s="40"/>
      <c r="Y2204">
        <v>19.299999999999997</v>
      </c>
      <c r="Z2204">
        <v>97.6</v>
      </c>
      <c r="AA2204">
        <v>8.6275490000000001</v>
      </c>
      <c r="AB2204">
        <v>4.4989083241825387</v>
      </c>
    </row>
    <row r="2205" spans="4:28" x14ac:dyDescent="0.25">
      <c r="D2205" s="40">
        <v>36.615203000001621</v>
      </c>
      <c r="E2205" s="40">
        <v>15.249460021198843</v>
      </c>
      <c r="F2205" s="40">
        <v>36.599999999999994</v>
      </c>
      <c r="G2205" s="40">
        <v>12.231466820773912</v>
      </c>
      <c r="H2205" s="40">
        <v>36.600000000000009</v>
      </c>
      <c r="I2205" s="40">
        <v>9.7729300281008644</v>
      </c>
      <c r="J2205" s="40">
        <v>36.599986636905001</v>
      </c>
      <c r="K2205" s="40">
        <v>9.7919744047519313</v>
      </c>
      <c r="L2205" s="40"/>
      <c r="M2205" s="40"/>
      <c r="N2205" s="40"/>
      <c r="Y2205">
        <v>19.31666700000001</v>
      </c>
      <c r="Z2205">
        <v>97.616667000000007</v>
      </c>
      <c r="AA2205">
        <v>8.6275490000000001</v>
      </c>
      <c r="AB2205">
        <v>4.4989083241825387</v>
      </c>
    </row>
    <row r="2206" spans="4:28" x14ac:dyDescent="0.25">
      <c r="D2206" s="40">
        <v>36.631869000001622</v>
      </c>
      <c r="E2206" s="40">
        <v>15.249460021198843</v>
      </c>
      <c r="F2206" s="40">
        <v>36.616666999999993</v>
      </c>
      <c r="G2206" s="40">
        <v>12.236082204743811</v>
      </c>
      <c r="H2206" s="40">
        <v>36.616667000000007</v>
      </c>
      <c r="I2206" s="40">
        <v>9.7761841543576278</v>
      </c>
      <c r="J2206" s="40">
        <v>36.616653297619301</v>
      </c>
      <c r="K2206" s="40">
        <v>9.7919744047519313</v>
      </c>
      <c r="L2206" s="40"/>
      <c r="M2206" s="40"/>
      <c r="N2206" s="40"/>
      <c r="Y2206">
        <v>19.333332999999996</v>
      </c>
      <c r="Z2206">
        <v>97.633332999999993</v>
      </c>
      <c r="AA2206">
        <v>8.6275820000000003</v>
      </c>
      <c r="AB2206">
        <v>4.4993080279657001</v>
      </c>
    </row>
    <row r="2207" spans="4:28" x14ac:dyDescent="0.25">
      <c r="D2207" s="40">
        <v>36.648535000001623</v>
      </c>
      <c r="E2207" s="40">
        <v>15.254160753359269</v>
      </c>
      <c r="F2207" s="40">
        <v>36.633332999999993</v>
      </c>
      <c r="G2207" s="40">
        <v>12.240837448834032</v>
      </c>
      <c r="H2207" s="40">
        <v>36.633334000000005</v>
      </c>
      <c r="I2207" s="40">
        <v>9.7795368905008857</v>
      </c>
      <c r="J2207" s="40">
        <v>36.633319958333601</v>
      </c>
      <c r="K2207" s="40">
        <v>9.7968254484611652</v>
      </c>
      <c r="L2207" s="40"/>
      <c r="M2207" s="40"/>
      <c r="N2207" s="40"/>
      <c r="Y2207">
        <v>19.350000000000009</v>
      </c>
      <c r="Z2207">
        <v>97.65</v>
      </c>
      <c r="AA2207">
        <v>8.6275820000000003</v>
      </c>
      <c r="AB2207">
        <v>4.4993080279657001</v>
      </c>
    </row>
    <row r="2208" spans="4:28" x14ac:dyDescent="0.25">
      <c r="D2208" s="40">
        <v>36.665201000001623</v>
      </c>
      <c r="E2208" s="40">
        <v>15.259003931948691</v>
      </c>
      <c r="F2208" s="40">
        <v>36.649999999999991</v>
      </c>
      <c r="G2208" s="40">
        <v>12.240837448834032</v>
      </c>
      <c r="H2208" s="40">
        <v>36.650000000000006</v>
      </c>
      <c r="I2208" s="40">
        <v>9.7795368905008857</v>
      </c>
      <c r="J2208" s="40">
        <v>36.649986619047901</v>
      </c>
      <c r="K2208" s="40">
        <v>9.8015338144142241</v>
      </c>
      <c r="L2208" s="40"/>
      <c r="M2208" s="40"/>
      <c r="N2208" s="40"/>
      <c r="Y2208">
        <v>19.366667000000007</v>
      </c>
      <c r="Z2208">
        <v>97.666667000000004</v>
      </c>
      <c r="AA2208">
        <v>8.6276159999999997</v>
      </c>
      <c r="AB2208">
        <v>4.4997198439847068</v>
      </c>
    </row>
    <row r="2209" spans="4:28" x14ac:dyDescent="0.25">
      <c r="D2209" s="40">
        <v>36.681867000001624</v>
      </c>
      <c r="E2209" s="40">
        <v>15.259003931948691</v>
      </c>
      <c r="F2209" s="40">
        <v>36.66666699999999</v>
      </c>
      <c r="G2209" s="40">
        <v>12.245592692924125</v>
      </c>
      <c r="H2209" s="40">
        <v>36.666667000000004</v>
      </c>
      <c r="I2209" s="40">
        <v>9.7828896266441419</v>
      </c>
      <c r="J2209" s="40">
        <v>36.666653279762201</v>
      </c>
      <c r="K2209" s="40">
        <v>9.8063848581233302</v>
      </c>
      <c r="L2209" s="40"/>
      <c r="M2209" s="40"/>
      <c r="N2209" s="40"/>
      <c r="Y2209">
        <v>19.383333000000007</v>
      </c>
      <c r="Z2209">
        <v>97.683333000000005</v>
      </c>
      <c r="AA2209">
        <v>8.6276159999999997</v>
      </c>
      <c r="AB2209">
        <v>4.4997198439847068</v>
      </c>
    </row>
    <row r="2210" spans="4:28" x14ac:dyDescent="0.25">
      <c r="D2210" s="40">
        <v>36.698533000001625</v>
      </c>
      <c r="E2210" s="40">
        <v>15.263847110538238</v>
      </c>
      <c r="F2210" s="40">
        <v>36.68333299999999</v>
      </c>
      <c r="G2210" s="40">
        <v>12.250208076894026</v>
      </c>
      <c r="H2210" s="40">
        <v>36.683334000000002</v>
      </c>
      <c r="I2210" s="40">
        <v>9.7861437529009052</v>
      </c>
      <c r="J2210" s="40">
        <v>36.683319940476402</v>
      </c>
      <c r="K2210" s="40">
        <v>9.8063848581233302</v>
      </c>
      <c r="L2210" s="40"/>
      <c r="M2210" s="40"/>
      <c r="N2210" s="40"/>
      <c r="Y2210">
        <v>19.400000000000006</v>
      </c>
      <c r="Z2210">
        <v>97.7</v>
      </c>
      <c r="AA2210">
        <v>8.6276499999999992</v>
      </c>
      <c r="AB2210">
        <v>4.5001316600037127</v>
      </c>
    </row>
    <row r="2211" spans="4:28" x14ac:dyDescent="0.25">
      <c r="D2211" s="40">
        <v>36.715199000001626</v>
      </c>
      <c r="E2211" s="40">
        <v>15.268547842698664</v>
      </c>
      <c r="F2211" s="40">
        <v>36.699999999999989</v>
      </c>
      <c r="G2211" s="40">
        <v>12.254963320984245</v>
      </c>
      <c r="H2211" s="40">
        <v>36.700000000000003</v>
      </c>
      <c r="I2211" s="40">
        <v>9.7861437529009052</v>
      </c>
      <c r="J2211" s="40">
        <v>36.699986601190702</v>
      </c>
      <c r="K2211" s="40">
        <v>9.8112359018325623</v>
      </c>
      <c r="L2211" s="40"/>
      <c r="M2211" s="40"/>
      <c r="N2211" s="40"/>
      <c r="Y2211">
        <v>19.416667000000004</v>
      </c>
      <c r="Z2211">
        <v>97.716667000000001</v>
      </c>
      <c r="AA2211">
        <v>8.6276499999999992</v>
      </c>
      <c r="AB2211">
        <v>4.5001316600037127</v>
      </c>
    </row>
    <row r="2212" spans="4:28" x14ac:dyDescent="0.25">
      <c r="D2212" s="40">
        <v>36.731865000001626</v>
      </c>
      <c r="E2212" s="40">
        <v>15.273391021288212</v>
      </c>
      <c r="F2212" s="40">
        <v>36.716667000000001</v>
      </c>
      <c r="G2212" s="40">
        <v>12.254963320984245</v>
      </c>
      <c r="H2212" s="40">
        <v>36.716667000000001</v>
      </c>
      <c r="I2212" s="40">
        <v>9.7894964890443372</v>
      </c>
      <c r="J2212" s="40">
        <v>36.716653261905002</v>
      </c>
      <c r="K2212" s="40">
        <v>9.8112359018325623</v>
      </c>
      <c r="L2212" s="40"/>
      <c r="M2212" s="40"/>
      <c r="N2212" s="40"/>
      <c r="Y2212">
        <v>19.433333000000005</v>
      </c>
      <c r="Z2212">
        <v>97.733333000000002</v>
      </c>
      <c r="AA2212">
        <v>8.6276829999999993</v>
      </c>
      <c r="AB2212">
        <v>4.5005313637868758</v>
      </c>
    </row>
    <row r="2213" spans="4:28" x14ac:dyDescent="0.25">
      <c r="D2213" s="40">
        <v>36.748531000001627</v>
      </c>
      <c r="E2213" s="40">
        <v>15.278234199877634</v>
      </c>
      <c r="F2213" s="40">
        <v>36.733332999999988</v>
      </c>
      <c r="G2213" s="40">
        <v>12.259718565074341</v>
      </c>
      <c r="H2213" s="40">
        <v>36.733334000000013</v>
      </c>
      <c r="I2213" s="40">
        <v>9.7928492251875952</v>
      </c>
      <c r="J2213" s="40">
        <v>36.733319922619302</v>
      </c>
      <c r="K2213" s="40">
        <v>9.8112359018325623</v>
      </c>
      <c r="L2213" s="40"/>
      <c r="M2213" s="40"/>
      <c r="N2213" s="40"/>
      <c r="Y2213">
        <v>19.450000000000003</v>
      </c>
      <c r="Z2213">
        <v>97.75</v>
      </c>
      <c r="AA2213">
        <v>8.6276829999999993</v>
      </c>
      <c r="AB2213">
        <v>4.5005313637868758</v>
      </c>
    </row>
    <row r="2214" spans="4:28" x14ac:dyDescent="0.25">
      <c r="D2214" s="40">
        <v>36.765197000001628</v>
      </c>
      <c r="E2214" s="40">
        <v>15.287778110627608</v>
      </c>
      <c r="F2214" s="40">
        <v>36.75</v>
      </c>
      <c r="G2214" s="40">
        <v>12.26447380916456</v>
      </c>
      <c r="H2214" s="40">
        <v>36.75</v>
      </c>
      <c r="I2214" s="40">
        <v>9.7961033514443567</v>
      </c>
      <c r="J2214" s="40">
        <v>36.749986583333602</v>
      </c>
      <c r="K2214" s="40">
        <v>9.8159442677856212</v>
      </c>
      <c r="L2214" s="40"/>
      <c r="M2214" s="40"/>
      <c r="N2214" s="40"/>
      <c r="Y2214">
        <v>19.466667000000001</v>
      </c>
      <c r="Z2214">
        <v>97.766666999999998</v>
      </c>
      <c r="AA2214">
        <v>8.6277170000000005</v>
      </c>
      <c r="AB2214">
        <v>4.500943179805903</v>
      </c>
    </row>
    <row r="2215" spans="4:28" x14ac:dyDescent="0.25">
      <c r="D2215" s="40">
        <v>36.781863000001628</v>
      </c>
      <c r="E2215" s="40">
        <v>15.292621289217029</v>
      </c>
      <c r="F2215" s="40">
        <v>36.766666999999998</v>
      </c>
      <c r="G2215" s="40">
        <v>12.269089193134461</v>
      </c>
      <c r="H2215" s="40">
        <v>36.766667000000012</v>
      </c>
      <c r="I2215" s="40">
        <v>9.7994560875876147</v>
      </c>
      <c r="J2215" s="40">
        <v>36.766653244047902</v>
      </c>
      <c r="K2215" s="40">
        <v>9.8159442677856212</v>
      </c>
      <c r="L2215" s="40"/>
      <c r="M2215" s="40"/>
      <c r="N2215" s="40"/>
      <c r="Y2215">
        <v>19.483333000000002</v>
      </c>
      <c r="Z2215">
        <v>97.783332999999999</v>
      </c>
      <c r="AA2215">
        <v>8.6277170000000005</v>
      </c>
      <c r="AB2215">
        <v>4.500943179805903</v>
      </c>
    </row>
    <row r="2216" spans="4:28" x14ac:dyDescent="0.25">
      <c r="D2216" s="40">
        <v>36.798529000001629</v>
      </c>
      <c r="E2216" s="40">
        <v>15.297322021377456</v>
      </c>
      <c r="F2216" s="40">
        <v>36.783332999999999</v>
      </c>
      <c r="G2216" s="40">
        <v>12.269089193134461</v>
      </c>
      <c r="H2216" s="40">
        <v>36.783334000000011</v>
      </c>
      <c r="I2216" s="40">
        <v>9.7994560875876147</v>
      </c>
      <c r="J2216" s="40">
        <v>36.783319904762202</v>
      </c>
      <c r="K2216" s="40">
        <v>9.8159442677856212</v>
      </c>
      <c r="L2216" s="40"/>
      <c r="M2216" s="40"/>
      <c r="N2216" s="40"/>
      <c r="Y2216">
        <v>19.5</v>
      </c>
      <c r="Z2216">
        <v>97.8</v>
      </c>
      <c r="AA2216">
        <v>8.6277509999999999</v>
      </c>
      <c r="AB2216">
        <v>4.5013549958249088</v>
      </c>
    </row>
    <row r="2217" spans="4:28" x14ac:dyDescent="0.25">
      <c r="D2217" s="40">
        <v>36.81519500000163</v>
      </c>
      <c r="E2217" s="40">
        <v>15.302165199967003</v>
      </c>
      <c r="F2217" s="40">
        <v>36.799999999999997</v>
      </c>
      <c r="G2217" s="40">
        <v>12.273844437224556</v>
      </c>
      <c r="H2217" s="40">
        <v>36.800000000000011</v>
      </c>
      <c r="I2217" s="40">
        <v>9.8028088237308708</v>
      </c>
      <c r="J2217" s="40">
        <v>36.799986565476402</v>
      </c>
      <c r="K2217" s="40">
        <v>9.8207953114947273</v>
      </c>
      <c r="L2217" s="40"/>
      <c r="M2217" s="40"/>
      <c r="N2217" s="40"/>
      <c r="Y2217">
        <v>19.516666999999998</v>
      </c>
      <c r="Z2217">
        <v>97.816666999999995</v>
      </c>
      <c r="AA2217">
        <v>8.6277840000000001</v>
      </c>
      <c r="AB2217">
        <v>4.501754699608072</v>
      </c>
    </row>
    <row r="2218" spans="4:28" x14ac:dyDescent="0.25">
      <c r="D2218" s="40">
        <v>36.831861000001631</v>
      </c>
      <c r="E2218" s="40">
        <v>15.302165199967003</v>
      </c>
      <c r="F2218" s="40">
        <v>36.816666999999995</v>
      </c>
      <c r="G2218" s="40">
        <v>12.278599681314775</v>
      </c>
      <c r="H2218" s="40">
        <v>36.81666700000001</v>
      </c>
      <c r="I2218" s="40">
        <v>9.8061615598743046</v>
      </c>
      <c r="J2218" s="40">
        <v>36.816653226190702</v>
      </c>
      <c r="K2218" s="40">
        <v>9.8207953114947273</v>
      </c>
      <c r="L2218" s="40"/>
      <c r="M2218" s="40"/>
      <c r="N2218" s="40"/>
      <c r="Y2218">
        <v>19.533332999999999</v>
      </c>
      <c r="Z2218">
        <v>97.833332999999996</v>
      </c>
      <c r="AA2218">
        <v>8.6277840000000001</v>
      </c>
      <c r="AB2218">
        <v>4.501754699608072</v>
      </c>
    </row>
    <row r="2219" spans="4:28" x14ac:dyDescent="0.25">
      <c r="D2219" s="40">
        <v>36.848527000001631</v>
      </c>
      <c r="E2219" s="40">
        <v>15.307008378556427</v>
      </c>
      <c r="F2219" s="40">
        <v>36.833332999999996</v>
      </c>
      <c r="G2219" s="40">
        <v>12.283215065284676</v>
      </c>
      <c r="H2219" s="40">
        <v>36.833334000000008</v>
      </c>
      <c r="I2219" s="40">
        <v>9.8061615598743046</v>
      </c>
      <c r="J2219" s="40">
        <v>36.833319886905002</v>
      </c>
      <c r="K2219" s="40">
        <v>9.8256463552039612</v>
      </c>
      <c r="L2219" s="40"/>
      <c r="M2219" s="40"/>
      <c r="N2219" s="40"/>
      <c r="Y2219">
        <v>19.549999999999997</v>
      </c>
      <c r="Z2219">
        <v>97.85</v>
      </c>
      <c r="AA2219">
        <v>8.6278179999999995</v>
      </c>
      <c r="AB2219">
        <v>4.5021665156270778</v>
      </c>
    </row>
    <row r="2220" spans="4:28" x14ac:dyDescent="0.25">
      <c r="D2220" s="40">
        <v>36.865193000001632</v>
      </c>
      <c r="E2220" s="40">
        <v>15.311709110716849</v>
      </c>
      <c r="F2220" s="40">
        <v>36.849999999999994</v>
      </c>
      <c r="G2220" s="40">
        <v>12.287970309374895</v>
      </c>
      <c r="H2220" s="40">
        <v>36.850000000000009</v>
      </c>
      <c r="I2220" s="40">
        <v>9.8094156861310662</v>
      </c>
      <c r="J2220" s="40">
        <v>36.849986547619302</v>
      </c>
      <c r="K2220" s="40">
        <v>9.8256463552039612</v>
      </c>
      <c r="L2220" s="40"/>
      <c r="M2220" s="40"/>
      <c r="N2220" s="40"/>
      <c r="Y2220">
        <v>19.56666700000001</v>
      </c>
      <c r="Z2220">
        <v>97.866667000000007</v>
      </c>
      <c r="AA2220">
        <v>8.6278179999999995</v>
      </c>
      <c r="AB2220">
        <v>4.5021665156270778</v>
      </c>
    </row>
    <row r="2221" spans="4:28" x14ac:dyDescent="0.25">
      <c r="D2221" s="40">
        <v>36.881859000001633</v>
      </c>
      <c r="E2221" s="40">
        <v>15.316552289306399</v>
      </c>
      <c r="F2221" s="40">
        <v>36.866666999999993</v>
      </c>
      <c r="G2221" s="40">
        <v>12.287970309374895</v>
      </c>
      <c r="H2221" s="40">
        <v>36.866667000000007</v>
      </c>
      <c r="I2221" s="40">
        <v>9.8127684222743241</v>
      </c>
      <c r="J2221" s="40">
        <v>36.866653208333602</v>
      </c>
      <c r="K2221" s="40">
        <v>9.8303547211570201</v>
      </c>
      <c r="L2221" s="40"/>
      <c r="M2221" s="40"/>
      <c r="N2221" s="40"/>
      <c r="Y2221">
        <v>19.583332999999996</v>
      </c>
      <c r="Z2221">
        <v>97.883332999999993</v>
      </c>
      <c r="AA2221">
        <v>8.6278520000000007</v>
      </c>
      <c r="AB2221">
        <v>4.5025783316461059</v>
      </c>
    </row>
    <row r="2222" spans="4:28" x14ac:dyDescent="0.25">
      <c r="D2222" s="40">
        <v>36.898525000001634</v>
      </c>
      <c r="E2222" s="40">
        <v>15.316552289306399</v>
      </c>
      <c r="F2222" s="40">
        <v>36.883332999999993</v>
      </c>
      <c r="G2222" s="40">
        <v>12.29272555346499</v>
      </c>
      <c r="H2222" s="40">
        <v>36.883334000000005</v>
      </c>
      <c r="I2222" s="40">
        <v>9.816121158417582</v>
      </c>
      <c r="J2222" s="40">
        <v>36.883319869047902</v>
      </c>
      <c r="K2222" s="40">
        <v>9.8303547211570201</v>
      </c>
      <c r="L2222" s="40"/>
      <c r="M2222" s="40"/>
      <c r="N2222" s="40"/>
      <c r="Y2222">
        <v>19.600000000000009</v>
      </c>
      <c r="Z2222">
        <v>97.9</v>
      </c>
      <c r="AA2222">
        <v>8.6278849999999991</v>
      </c>
      <c r="AB2222">
        <v>4.5029780354292459</v>
      </c>
    </row>
    <row r="2223" spans="4:28" x14ac:dyDescent="0.25">
      <c r="D2223" s="40">
        <v>36.915191000001634</v>
      </c>
      <c r="E2223" s="40">
        <v>15.321395467895821</v>
      </c>
      <c r="F2223" s="40">
        <v>36.899999999999991</v>
      </c>
      <c r="G2223" s="40">
        <v>12.297340937434889</v>
      </c>
      <c r="H2223" s="40">
        <v>36.900000000000006</v>
      </c>
      <c r="I2223" s="40">
        <v>9.8193752846743454</v>
      </c>
      <c r="J2223" s="40">
        <v>36.899986529762202</v>
      </c>
      <c r="K2223" s="40">
        <v>9.8352057648662523</v>
      </c>
      <c r="L2223" s="40"/>
      <c r="M2223" s="40"/>
      <c r="N2223" s="40"/>
      <c r="Y2223">
        <v>19.616667000000007</v>
      </c>
      <c r="Z2223">
        <v>97.916667000000004</v>
      </c>
      <c r="AA2223">
        <v>8.6278849999999991</v>
      </c>
      <c r="AB2223">
        <v>4.5029780354292459</v>
      </c>
    </row>
    <row r="2224" spans="4:28" x14ac:dyDescent="0.25">
      <c r="D2224" s="40">
        <v>36.931857000001635</v>
      </c>
      <c r="E2224" s="40">
        <v>15.326096200056247</v>
      </c>
      <c r="F2224" s="40">
        <v>36.91666699999999</v>
      </c>
      <c r="G2224" s="40">
        <v>12.30209618152511</v>
      </c>
      <c r="H2224" s="40">
        <v>36.916667000000004</v>
      </c>
      <c r="I2224" s="40">
        <v>9.8193752846743454</v>
      </c>
      <c r="J2224" s="40">
        <v>36.916653190476403</v>
      </c>
      <c r="K2224" s="40">
        <v>9.8352057648662523</v>
      </c>
      <c r="L2224" s="40"/>
      <c r="M2224" s="40"/>
      <c r="N2224" s="40"/>
      <c r="Y2224">
        <v>19.633333000000007</v>
      </c>
      <c r="Z2224">
        <v>97.933333000000005</v>
      </c>
      <c r="AA2224">
        <v>8.6279190000000003</v>
      </c>
      <c r="AB2224">
        <v>4.503389851448274</v>
      </c>
    </row>
    <row r="2225" spans="4:28" x14ac:dyDescent="0.25">
      <c r="D2225" s="40">
        <v>36.948523000001636</v>
      </c>
      <c r="E2225" s="40">
        <v>15.330939378645795</v>
      </c>
      <c r="F2225" s="40">
        <v>36.93333299999999</v>
      </c>
      <c r="G2225" s="40">
        <v>12.306851425615204</v>
      </c>
      <c r="H2225" s="40">
        <v>36.933334000000002</v>
      </c>
      <c r="I2225" s="40">
        <v>9.8227280208177774</v>
      </c>
      <c r="J2225" s="40">
        <v>36.933319851190703</v>
      </c>
      <c r="K2225" s="40">
        <v>9.8400568085753584</v>
      </c>
      <c r="L2225" s="40"/>
      <c r="M2225" s="40"/>
      <c r="N2225" s="40"/>
      <c r="Y2225">
        <v>19.650000000000006</v>
      </c>
      <c r="Z2225">
        <v>97.95</v>
      </c>
      <c r="AA2225">
        <v>8.6279190000000003</v>
      </c>
      <c r="AB2225">
        <v>4.503389851448274</v>
      </c>
    </row>
    <row r="2226" spans="4:28" x14ac:dyDescent="0.25">
      <c r="D2226" s="40">
        <v>36.965189000001637</v>
      </c>
      <c r="E2226" s="40">
        <v>15.335782557235344</v>
      </c>
      <c r="F2226" s="40">
        <v>36.949999999999989</v>
      </c>
      <c r="G2226" s="40">
        <v>12.311466809585104</v>
      </c>
      <c r="H2226" s="40">
        <v>36.950000000000003</v>
      </c>
      <c r="I2226" s="40">
        <v>9.8260807569610353</v>
      </c>
      <c r="J2226" s="40">
        <v>36.949986511905003</v>
      </c>
      <c r="K2226" s="40">
        <v>9.8400568085753584</v>
      </c>
      <c r="L2226" s="40"/>
      <c r="M2226" s="40"/>
      <c r="N2226" s="40"/>
      <c r="Y2226">
        <v>19.666667000000004</v>
      </c>
      <c r="Z2226">
        <v>97.966667000000001</v>
      </c>
      <c r="AA2226">
        <v>8.6279529999999998</v>
      </c>
      <c r="AB2226">
        <v>4.5038016674672807</v>
      </c>
    </row>
    <row r="2227" spans="4:28" x14ac:dyDescent="0.25">
      <c r="D2227" s="40">
        <v>36.981855000001637</v>
      </c>
      <c r="E2227" s="40">
        <v>15.335782557235344</v>
      </c>
      <c r="F2227" s="40">
        <v>36.966667000000001</v>
      </c>
      <c r="G2227" s="40">
        <v>12.316222053675324</v>
      </c>
      <c r="H2227" s="40">
        <v>36.966667000000001</v>
      </c>
      <c r="I2227" s="40">
        <v>9.8293348832177987</v>
      </c>
      <c r="J2227" s="40">
        <v>36.966653172619303</v>
      </c>
      <c r="K2227" s="40">
        <v>9.8447651745284173</v>
      </c>
      <c r="L2227" s="40"/>
      <c r="M2227" s="40"/>
      <c r="N2227" s="40"/>
      <c r="Y2227">
        <v>19.683333000000005</v>
      </c>
      <c r="Z2227">
        <v>97.983333000000002</v>
      </c>
      <c r="AA2227">
        <v>8.6279529999999998</v>
      </c>
      <c r="AB2227">
        <v>4.5038016674672807</v>
      </c>
    </row>
    <row r="2228" spans="4:28" x14ac:dyDescent="0.25">
      <c r="D2228" s="40">
        <v>36.998521000001638</v>
      </c>
      <c r="E2228" s="40">
        <v>15.340483289395642</v>
      </c>
      <c r="F2228" s="40">
        <v>36.983332999999988</v>
      </c>
      <c r="G2228" s="40">
        <v>12.316222053675324</v>
      </c>
      <c r="H2228" s="40">
        <v>36.983334000000013</v>
      </c>
      <c r="I2228" s="40">
        <v>9.8326876193610548</v>
      </c>
      <c r="J2228" s="40">
        <v>36.983319833333603</v>
      </c>
      <c r="K2228" s="40">
        <v>9.8447651745284173</v>
      </c>
      <c r="L2228" s="40"/>
      <c r="M2228" s="40"/>
      <c r="N2228" s="40"/>
      <c r="Y2228">
        <v>19.700000000000003</v>
      </c>
      <c r="Z2228">
        <v>98</v>
      </c>
      <c r="AA2228">
        <v>8.6279859999999999</v>
      </c>
      <c r="AB2228">
        <v>4.5042013712504421</v>
      </c>
    </row>
    <row r="2229" spans="4:28" x14ac:dyDescent="0.25">
      <c r="D2229" s="40">
        <v>37.015187000001639</v>
      </c>
      <c r="E2229" s="40">
        <v>15.34532646798519</v>
      </c>
      <c r="F2229" s="40">
        <v>37</v>
      </c>
      <c r="G2229" s="40">
        <v>12.320977297765419</v>
      </c>
      <c r="H2229" s="40">
        <v>37</v>
      </c>
      <c r="I2229" s="40">
        <v>9.8360403555043128</v>
      </c>
      <c r="J2229" s="40">
        <v>36.999986494047903</v>
      </c>
      <c r="K2229" s="40">
        <v>9.8496162182376512</v>
      </c>
      <c r="L2229" s="40"/>
      <c r="M2229" s="40"/>
      <c r="N2229" s="40"/>
      <c r="Y2229">
        <v>19.716667000000001</v>
      </c>
      <c r="Z2229">
        <v>98.016666999999998</v>
      </c>
      <c r="AA2229">
        <v>8.6279859999999999</v>
      </c>
      <c r="AB2229">
        <v>4.5042013712504421</v>
      </c>
    </row>
    <row r="2230" spans="4:28" x14ac:dyDescent="0.25">
      <c r="D2230" s="40">
        <v>37.031853000001639</v>
      </c>
      <c r="E2230" s="40">
        <v>15.350169646574738</v>
      </c>
      <c r="F2230" s="40">
        <v>37.016666999999998</v>
      </c>
      <c r="G2230" s="40">
        <v>12.325592681735319</v>
      </c>
      <c r="H2230" s="40">
        <v>37.016667000000012</v>
      </c>
      <c r="I2230" s="40">
        <v>9.8392944817610744</v>
      </c>
      <c r="J2230" s="40">
        <v>37.016653154762203</v>
      </c>
      <c r="K2230" s="40">
        <v>9.8496162182376512</v>
      </c>
      <c r="L2230" s="40"/>
      <c r="M2230" s="40"/>
      <c r="N2230" s="40"/>
      <c r="Y2230">
        <v>19.733333000000002</v>
      </c>
      <c r="Z2230">
        <v>98.033332999999999</v>
      </c>
      <c r="AA2230">
        <v>8.6280199999999994</v>
      </c>
      <c r="AB2230">
        <v>4.5046131872694488</v>
      </c>
    </row>
    <row r="2231" spans="4:28" x14ac:dyDescent="0.25">
      <c r="D2231" s="40">
        <v>37.04851900000164</v>
      </c>
      <c r="E2231" s="40">
        <v>15.354870378735038</v>
      </c>
      <c r="F2231" s="40">
        <v>37.033332999999999</v>
      </c>
      <c r="G2231" s="40">
        <v>12.330347925825539</v>
      </c>
      <c r="H2231" s="40">
        <v>37.033334000000011</v>
      </c>
      <c r="I2231" s="40">
        <v>9.8426472179045064</v>
      </c>
      <c r="J2231" s="40">
        <v>37.033319815476403</v>
      </c>
      <c r="K2231" s="40">
        <v>9.8544672619467573</v>
      </c>
      <c r="L2231" s="40"/>
      <c r="M2231" s="40"/>
      <c r="N2231" s="40"/>
      <c r="Y2231">
        <v>19.75</v>
      </c>
      <c r="Z2231">
        <v>98.05</v>
      </c>
      <c r="AA2231">
        <v>8.6280199999999994</v>
      </c>
      <c r="AB2231">
        <v>4.5046131872694488</v>
      </c>
    </row>
    <row r="2232" spans="4:28" x14ac:dyDescent="0.25">
      <c r="D2232" s="40">
        <v>37.065185000001641</v>
      </c>
      <c r="E2232" s="40">
        <v>15.359713557324586</v>
      </c>
      <c r="F2232" s="40">
        <v>37.049999999999997</v>
      </c>
      <c r="G2232" s="40">
        <v>12.335103169915756</v>
      </c>
      <c r="H2232" s="40">
        <v>37.050000000000011</v>
      </c>
      <c r="I2232" s="40">
        <v>9.8459999540477643</v>
      </c>
      <c r="J2232" s="40">
        <v>37.049986476190703</v>
      </c>
      <c r="K2232" s="40">
        <v>9.8544672619467573</v>
      </c>
      <c r="L2232" s="40"/>
      <c r="M2232" s="40"/>
      <c r="N2232" s="40"/>
      <c r="Y2232">
        <v>19.766666999999998</v>
      </c>
      <c r="Z2232">
        <v>98.066666999999995</v>
      </c>
      <c r="AA2232">
        <v>8.6280540000000006</v>
      </c>
      <c r="AB2232">
        <v>4.5050250032884769</v>
      </c>
    </row>
    <row r="2233" spans="4:28" x14ac:dyDescent="0.25">
      <c r="D2233" s="40">
        <v>37.081851000001642</v>
      </c>
      <c r="E2233" s="40">
        <v>15.359713557324586</v>
      </c>
      <c r="F2233" s="40">
        <v>37.066666999999995</v>
      </c>
      <c r="G2233" s="40">
        <v>12.339718553885534</v>
      </c>
      <c r="H2233" s="40">
        <v>37.06666700000001</v>
      </c>
      <c r="I2233" s="40">
        <v>9.8492540803045276</v>
      </c>
      <c r="J2233" s="40">
        <v>37.066653136905003</v>
      </c>
      <c r="K2233" s="40">
        <v>9.8544672619467573</v>
      </c>
      <c r="L2233" s="40"/>
      <c r="M2233" s="40"/>
      <c r="N2233" s="40"/>
      <c r="Y2233">
        <v>19.783332999999999</v>
      </c>
      <c r="Z2233">
        <v>98.083332999999996</v>
      </c>
      <c r="AA2233">
        <v>8.6280540000000006</v>
      </c>
      <c r="AB2233">
        <v>4.5050250032884769</v>
      </c>
    </row>
    <row r="2234" spans="4:28" x14ac:dyDescent="0.25">
      <c r="D2234" s="40">
        <v>37.098517000001642</v>
      </c>
      <c r="E2234" s="40">
        <v>15.364556735914135</v>
      </c>
      <c r="F2234" s="40">
        <v>37.083332999999996</v>
      </c>
      <c r="G2234" s="40">
        <v>12.344473797975754</v>
      </c>
      <c r="H2234" s="40">
        <v>37.083334000000008</v>
      </c>
      <c r="I2234" s="40">
        <v>9.8526068164477838</v>
      </c>
      <c r="J2234" s="40">
        <v>37.083319797619303</v>
      </c>
      <c r="K2234" s="40">
        <v>9.8544672619467573</v>
      </c>
      <c r="L2234" s="40"/>
      <c r="M2234" s="40"/>
      <c r="N2234" s="40"/>
      <c r="Y2234">
        <v>19.799999999999997</v>
      </c>
      <c r="Z2234">
        <v>98.1</v>
      </c>
      <c r="AA2234">
        <v>8.6280540000000006</v>
      </c>
      <c r="AB2234">
        <v>4.5050250032884769</v>
      </c>
    </row>
    <row r="2235" spans="4:28" x14ac:dyDescent="0.25">
      <c r="D2235" s="40">
        <v>37.115183000001643</v>
      </c>
      <c r="E2235" s="40">
        <v>15.369399914503557</v>
      </c>
      <c r="F2235" s="40">
        <v>37.099999999999994</v>
      </c>
      <c r="G2235" s="40">
        <v>12.349229042065971</v>
      </c>
      <c r="H2235" s="40">
        <v>37.100000000000009</v>
      </c>
      <c r="I2235" s="40">
        <v>9.8559595525910417</v>
      </c>
      <c r="J2235" s="40">
        <v>37.099986458333603</v>
      </c>
      <c r="K2235" s="40">
        <v>9.8591756278998144</v>
      </c>
      <c r="L2235" s="40"/>
      <c r="M2235" s="40"/>
      <c r="N2235" s="40"/>
      <c r="Y2235">
        <v>19.81666700000001</v>
      </c>
      <c r="Z2235">
        <v>98.116667000000007</v>
      </c>
      <c r="AA2235">
        <v>8.6280870000000007</v>
      </c>
      <c r="AB2235">
        <v>4.5054247070716382</v>
      </c>
    </row>
    <row r="2236" spans="4:28" x14ac:dyDescent="0.25">
      <c r="D2236" s="40">
        <v>37.131849000001644</v>
      </c>
      <c r="E2236" s="40">
        <v>15.374100646663983</v>
      </c>
      <c r="F2236" s="40">
        <v>37.116666999999993</v>
      </c>
      <c r="G2236" s="40">
        <v>12.349229042065971</v>
      </c>
      <c r="H2236" s="40">
        <v>37.116667000000007</v>
      </c>
      <c r="I2236" s="40">
        <v>9.8559595525910417</v>
      </c>
      <c r="J2236" s="40">
        <v>37.116653119047903</v>
      </c>
      <c r="K2236" s="40">
        <v>9.8591756278998144</v>
      </c>
      <c r="L2236" s="40"/>
      <c r="M2236" s="40"/>
      <c r="N2236" s="40"/>
      <c r="Y2236">
        <v>19.833332999999996</v>
      </c>
      <c r="Z2236">
        <v>98.133332999999993</v>
      </c>
      <c r="AA2236">
        <v>8.6280870000000007</v>
      </c>
      <c r="AB2236">
        <v>4.5054247070716382</v>
      </c>
    </row>
    <row r="2237" spans="4:28" x14ac:dyDescent="0.25">
      <c r="D2237" s="40">
        <v>37.148515000001645</v>
      </c>
      <c r="E2237" s="40">
        <v>15.374100646663983</v>
      </c>
      <c r="F2237" s="40">
        <v>37.133332999999993</v>
      </c>
      <c r="G2237" s="40">
        <v>12.353844426035748</v>
      </c>
      <c r="H2237" s="40">
        <v>37.133334000000005</v>
      </c>
      <c r="I2237" s="40">
        <v>9.8592136788478051</v>
      </c>
      <c r="J2237" s="40">
        <v>37.133319779762203</v>
      </c>
      <c r="K2237" s="40">
        <v>9.8591756278998144</v>
      </c>
      <c r="L2237" s="40"/>
      <c r="M2237" s="40"/>
      <c r="N2237" s="40"/>
      <c r="Y2237">
        <v>19.850000000000009</v>
      </c>
      <c r="Z2237">
        <v>98.15</v>
      </c>
      <c r="AA2237">
        <v>8.6281210000000002</v>
      </c>
      <c r="AB2237">
        <v>4.505836523090645</v>
      </c>
    </row>
    <row r="2238" spans="4:28" x14ac:dyDescent="0.25">
      <c r="D2238" s="40">
        <v>37.165181000001645</v>
      </c>
      <c r="E2238" s="40">
        <v>15.378943825253529</v>
      </c>
      <c r="F2238" s="40">
        <v>37.149999999999991</v>
      </c>
      <c r="G2238" s="40">
        <v>12.358599670125967</v>
      </c>
      <c r="H2238" s="40">
        <v>37.150000000000006</v>
      </c>
      <c r="I2238" s="40">
        <v>9.8625664149912371</v>
      </c>
      <c r="J2238" s="40">
        <v>37.149986440476397</v>
      </c>
      <c r="K2238" s="40">
        <v>9.8640266716090483</v>
      </c>
      <c r="L2238" s="40"/>
      <c r="M2238" s="40"/>
      <c r="N2238" s="40"/>
      <c r="Y2238">
        <v>19.866667000000007</v>
      </c>
      <c r="Z2238">
        <v>98.166667000000004</v>
      </c>
      <c r="AA2238">
        <v>8.6281210000000002</v>
      </c>
      <c r="AB2238">
        <v>4.505836523090645</v>
      </c>
    </row>
    <row r="2239" spans="4:28" x14ac:dyDescent="0.25">
      <c r="D2239" s="40">
        <v>37.181847000001646</v>
      </c>
      <c r="E2239" s="40">
        <v>15.383787003843079</v>
      </c>
      <c r="F2239" s="40">
        <v>37.16666699999999</v>
      </c>
      <c r="G2239" s="40">
        <v>12.363354914216186</v>
      </c>
      <c r="H2239" s="40">
        <v>37.166667000000004</v>
      </c>
      <c r="I2239" s="40">
        <v>9.8625664149912371</v>
      </c>
      <c r="J2239" s="40">
        <v>37.166653101190697</v>
      </c>
      <c r="K2239" s="40">
        <v>9.8640266716090483</v>
      </c>
      <c r="L2239" s="40"/>
      <c r="M2239" s="40"/>
      <c r="N2239" s="40"/>
      <c r="Y2239">
        <v>19.883333000000007</v>
      </c>
      <c r="Z2239">
        <v>98.183333000000005</v>
      </c>
      <c r="AA2239">
        <v>8.6281540000000003</v>
      </c>
      <c r="AB2239">
        <v>4.5062362268738072</v>
      </c>
    </row>
    <row r="2240" spans="4:28" x14ac:dyDescent="0.25">
      <c r="D2240" s="40">
        <v>37.198513000001647</v>
      </c>
      <c r="E2240" s="40">
        <v>15.383787003843079</v>
      </c>
      <c r="F2240" s="40">
        <v>37.18333299999999</v>
      </c>
      <c r="G2240" s="40">
        <v>12.367970298186087</v>
      </c>
      <c r="H2240" s="40">
        <v>37.183334000000002</v>
      </c>
      <c r="I2240" s="40">
        <v>9.865919151134495</v>
      </c>
      <c r="J2240" s="40">
        <v>37.183319761904997</v>
      </c>
      <c r="K2240" s="40">
        <v>9.8688777153181544</v>
      </c>
      <c r="L2240" s="40"/>
      <c r="M2240" s="40"/>
      <c r="N2240" s="40"/>
      <c r="Y2240">
        <v>19.900000000000006</v>
      </c>
      <c r="Z2240">
        <v>98.2</v>
      </c>
      <c r="AA2240">
        <v>8.6281540000000003</v>
      </c>
      <c r="AB2240">
        <v>4.5062362268738072</v>
      </c>
    </row>
    <row r="2241" spans="4:28" x14ac:dyDescent="0.25">
      <c r="D2241" s="40">
        <v>37.215179000001648</v>
      </c>
      <c r="E2241" s="40">
        <v>15.388487736003377</v>
      </c>
      <c r="F2241" s="40">
        <v>37.199999999999989</v>
      </c>
      <c r="G2241" s="40">
        <v>12.372725542276182</v>
      </c>
      <c r="H2241" s="40">
        <v>37.200000000000003</v>
      </c>
      <c r="I2241" s="40">
        <v>9.8691732773912584</v>
      </c>
      <c r="J2241" s="40">
        <v>37.199986422619297</v>
      </c>
      <c r="K2241" s="40">
        <v>9.8688777153181544</v>
      </c>
      <c r="L2241" s="40"/>
      <c r="M2241" s="40"/>
      <c r="N2241" s="40"/>
      <c r="Y2241">
        <v>19.916667000000004</v>
      </c>
      <c r="Z2241">
        <v>98.216667000000001</v>
      </c>
      <c r="AA2241">
        <v>8.6281540000000003</v>
      </c>
      <c r="AB2241">
        <v>4.5062362268738072</v>
      </c>
    </row>
    <row r="2242" spans="4:28" x14ac:dyDescent="0.25">
      <c r="D2242" s="40">
        <v>37.231845000001648</v>
      </c>
      <c r="E2242" s="40">
        <v>15.393330914592926</v>
      </c>
      <c r="F2242" s="40">
        <v>37.216667000000001</v>
      </c>
      <c r="G2242" s="40">
        <v>12.3774807863664</v>
      </c>
      <c r="H2242" s="40">
        <v>37.216667000000001</v>
      </c>
      <c r="I2242" s="40">
        <v>9.8691732773912584</v>
      </c>
      <c r="J2242" s="40">
        <v>37.216653083333597</v>
      </c>
      <c r="K2242" s="40">
        <v>9.8735860812712133</v>
      </c>
      <c r="L2242" s="40"/>
      <c r="M2242" s="40"/>
      <c r="N2242" s="40"/>
      <c r="Y2242">
        <v>19.933333000000005</v>
      </c>
      <c r="Z2242">
        <v>98.233333000000002</v>
      </c>
      <c r="AA2242">
        <v>8.6281879999999997</v>
      </c>
      <c r="AB2242">
        <v>4.5066480428928131</v>
      </c>
    </row>
    <row r="2243" spans="4:28" x14ac:dyDescent="0.25">
      <c r="D2243" s="40">
        <v>37.248511000001649</v>
      </c>
      <c r="E2243" s="40">
        <v>15.398174093182474</v>
      </c>
      <c r="F2243" s="40">
        <v>37.233332999999988</v>
      </c>
      <c r="G2243" s="40">
        <v>12.3820961703363</v>
      </c>
      <c r="H2243" s="40">
        <v>37.233334000000013</v>
      </c>
      <c r="I2243" s="40">
        <v>9.8725260135345145</v>
      </c>
      <c r="J2243" s="40">
        <v>37.233319744047897</v>
      </c>
      <c r="K2243" s="40">
        <v>9.8735860812712133</v>
      </c>
      <c r="L2243" s="40"/>
      <c r="M2243" s="40"/>
      <c r="N2243" s="40"/>
      <c r="Y2243">
        <v>19.950000000000003</v>
      </c>
      <c r="Z2243">
        <v>98.25</v>
      </c>
      <c r="AA2243">
        <v>8.6281879999999997</v>
      </c>
      <c r="AB2243">
        <v>4.5066480428928131</v>
      </c>
    </row>
    <row r="2244" spans="4:28" x14ac:dyDescent="0.25">
      <c r="D2244" s="40">
        <v>37.26517700000165</v>
      </c>
      <c r="E2244" s="40">
        <v>15.402874825342774</v>
      </c>
      <c r="F2244" s="40">
        <v>37.25</v>
      </c>
      <c r="G2244" s="40">
        <v>12.3820961703363</v>
      </c>
      <c r="H2244" s="40">
        <v>37.25</v>
      </c>
      <c r="I2244" s="40">
        <v>9.8758787496779483</v>
      </c>
      <c r="J2244" s="40">
        <v>37.249986404762197</v>
      </c>
      <c r="K2244" s="40">
        <v>9.8784371249804472</v>
      </c>
      <c r="L2244" s="40"/>
      <c r="M2244" s="40"/>
      <c r="N2244" s="40"/>
      <c r="Y2244">
        <v>19.966667000000001</v>
      </c>
      <c r="Z2244">
        <v>98.266666999999998</v>
      </c>
      <c r="AA2244">
        <v>8.6282219999999992</v>
      </c>
      <c r="AB2244">
        <v>4.5070598589118198</v>
      </c>
    </row>
    <row r="2245" spans="4:28" x14ac:dyDescent="0.25">
      <c r="D2245" s="40">
        <v>37.281843000001651</v>
      </c>
      <c r="E2245" s="40">
        <v>15.402874825342774</v>
      </c>
      <c r="F2245" s="40">
        <v>37.266666999999998</v>
      </c>
      <c r="G2245" s="40">
        <v>12.386851414426397</v>
      </c>
      <c r="H2245" s="40">
        <v>37.266667000000012</v>
      </c>
      <c r="I2245" s="40">
        <v>9.8791328759345358</v>
      </c>
      <c r="J2245" s="40">
        <v>37.266653065476397</v>
      </c>
      <c r="K2245" s="40">
        <v>9.8784371249804472</v>
      </c>
      <c r="L2245" s="40"/>
      <c r="M2245" s="40"/>
      <c r="N2245" s="40"/>
      <c r="Y2245">
        <v>19.983333000000002</v>
      </c>
      <c r="Z2245">
        <v>98.283332999999999</v>
      </c>
      <c r="AA2245">
        <v>8.6282219999999992</v>
      </c>
      <c r="AB2245">
        <v>4.5070598589118198</v>
      </c>
    </row>
    <row r="2246" spans="4:28" x14ac:dyDescent="0.25">
      <c r="D2246" s="40">
        <v>37.298509000001651</v>
      </c>
      <c r="E2246" s="40">
        <v>15.407718003932322</v>
      </c>
      <c r="F2246" s="40">
        <v>37.283332999999999</v>
      </c>
      <c r="G2246" s="40">
        <v>12.391606658516615</v>
      </c>
      <c r="H2246" s="40">
        <v>37.283334000000011</v>
      </c>
      <c r="I2246" s="40">
        <v>9.8824856120779661</v>
      </c>
      <c r="J2246" s="40">
        <v>37.283319726190697</v>
      </c>
      <c r="K2246" s="40">
        <v>9.8832881686895533</v>
      </c>
      <c r="L2246" s="40"/>
      <c r="M2246" s="40"/>
      <c r="N2246" s="40"/>
      <c r="Y2246">
        <v>20</v>
      </c>
      <c r="Z2246">
        <v>98.3</v>
      </c>
      <c r="AA2246">
        <v>8.6282549999999993</v>
      </c>
      <c r="AB2246">
        <v>4.5074595626949812</v>
      </c>
    </row>
    <row r="2247" spans="4:28" x14ac:dyDescent="0.25">
      <c r="D2247" s="40">
        <v>37.315175000001652</v>
      </c>
      <c r="E2247" s="40">
        <v>15.412561182521872</v>
      </c>
      <c r="F2247" s="40">
        <v>37.299999999999997</v>
      </c>
      <c r="G2247" s="40">
        <v>12.396222042486515</v>
      </c>
      <c r="H2247" s="40">
        <v>37.300000000000011</v>
      </c>
      <c r="I2247" s="40">
        <v>9.8824856120779661</v>
      </c>
      <c r="J2247" s="40">
        <v>37.299986386904997</v>
      </c>
      <c r="K2247" s="40">
        <v>9.8879965346426104</v>
      </c>
      <c r="L2247" s="40"/>
      <c r="M2247" s="40"/>
      <c r="N2247" s="40"/>
      <c r="Y2247">
        <v>20.016666999999998</v>
      </c>
      <c r="Z2247">
        <v>98.316666999999995</v>
      </c>
      <c r="AA2247">
        <v>8.6282549999999993</v>
      </c>
      <c r="AB2247">
        <v>4.5074595626949812</v>
      </c>
    </row>
    <row r="2248" spans="4:28" x14ac:dyDescent="0.25">
      <c r="D2248" s="40">
        <v>37.331841000001653</v>
      </c>
      <c r="E2248" s="40">
        <v>15.417261914682294</v>
      </c>
      <c r="F2248" s="40">
        <v>37.316666999999995</v>
      </c>
      <c r="G2248" s="40">
        <v>12.400977286576612</v>
      </c>
      <c r="H2248" s="40">
        <v>37.31666700000001</v>
      </c>
      <c r="I2248" s="40">
        <v>9.885838348221224</v>
      </c>
      <c r="J2248" s="40">
        <v>37.316653047619297</v>
      </c>
      <c r="K2248" s="40">
        <v>9.8879965346426104</v>
      </c>
      <c r="L2248" s="40"/>
      <c r="M2248" s="40"/>
      <c r="N2248" s="40"/>
      <c r="Y2248">
        <v>20.033332999999999</v>
      </c>
      <c r="Z2248">
        <v>98.333332999999996</v>
      </c>
      <c r="AA2248">
        <v>8.6282549999999993</v>
      </c>
      <c r="AB2248">
        <v>4.5074595626949812</v>
      </c>
    </row>
    <row r="2249" spans="4:28" x14ac:dyDescent="0.25">
      <c r="D2249" s="40">
        <v>37.348507000001653</v>
      </c>
      <c r="E2249" s="40">
        <v>15.422105093271718</v>
      </c>
      <c r="F2249" s="40">
        <v>37.333332999999996</v>
      </c>
      <c r="G2249" s="40">
        <v>12.40573253066683</v>
      </c>
      <c r="H2249" s="40">
        <v>37.333334000000008</v>
      </c>
      <c r="I2249" s="40">
        <v>9.885838348221224</v>
      </c>
      <c r="J2249" s="40">
        <v>37.333319708333597</v>
      </c>
      <c r="K2249" s="40">
        <v>9.8928475783518444</v>
      </c>
      <c r="L2249" s="40"/>
      <c r="M2249" s="40"/>
      <c r="N2249" s="40"/>
      <c r="Y2249">
        <v>20.049999999999997</v>
      </c>
      <c r="Z2249">
        <v>98.35</v>
      </c>
      <c r="AA2249">
        <v>8.6282890000000005</v>
      </c>
      <c r="AB2249">
        <v>4.5078713787140092</v>
      </c>
    </row>
    <row r="2250" spans="4:28" x14ac:dyDescent="0.25">
      <c r="D2250" s="40">
        <v>37.365173000001654</v>
      </c>
      <c r="E2250" s="40">
        <v>15.422105093271718</v>
      </c>
      <c r="F2250" s="40">
        <v>37.349999999999994</v>
      </c>
      <c r="G2250" s="40">
        <v>12.410347914636731</v>
      </c>
      <c r="H2250" s="40">
        <v>37.350000000000009</v>
      </c>
      <c r="I2250" s="40">
        <v>9.8890924744779873</v>
      </c>
      <c r="J2250" s="40">
        <v>37.349986369047897</v>
      </c>
      <c r="K2250" s="40">
        <v>9.8928475783518444</v>
      </c>
      <c r="L2250" s="40"/>
      <c r="M2250" s="40"/>
      <c r="N2250" s="40"/>
      <c r="Y2250">
        <v>20.06666700000001</v>
      </c>
      <c r="Z2250">
        <v>98.366667000000007</v>
      </c>
      <c r="AA2250">
        <v>8.6282890000000005</v>
      </c>
      <c r="AB2250">
        <v>4.5078713787140092</v>
      </c>
    </row>
    <row r="2251" spans="4:28" x14ac:dyDescent="0.25">
      <c r="D2251" s="40">
        <v>37.381839000001655</v>
      </c>
      <c r="E2251" s="40">
        <v>15.426948271861265</v>
      </c>
      <c r="F2251" s="40">
        <v>37.366666999999993</v>
      </c>
      <c r="G2251" s="40">
        <v>12.410347914636731</v>
      </c>
      <c r="H2251" s="40">
        <v>37.366667000000007</v>
      </c>
      <c r="I2251" s="40">
        <v>9.8924452106212435</v>
      </c>
      <c r="J2251" s="40">
        <v>37.366653029762197</v>
      </c>
      <c r="K2251" s="40">
        <v>9.8976986220610765</v>
      </c>
      <c r="L2251" s="40"/>
      <c r="M2251" s="40"/>
      <c r="N2251" s="40"/>
      <c r="Y2251">
        <v>20.083332999999996</v>
      </c>
      <c r="Z2251">
        <v>98.383332999999993</v>
      </c>
      <c r="AA2251">
        <v>8.628323</v>
      </c>
      <c r="AB2251">
        <v>4.508283194733016</v>
      </c>
    </row>
    <row r="2252" spans="4:28" x14ac:dyDescent="0.25">
      <c r="D2252" s="40">
        <v>37.398505000001656</v>
      </c>
      <c r="E2252" s="40">
        <v>15.431649004021692</v>
      </c>
      <c r="F2252" s="40">
        <v>37.383332999999993</v>
      </c>
      <c r="G2252" s="40">
        <v>12.415103158726826</v>
      </c>
      <c r="H2252" s="40">
        <v>37.383334000000005</v>
      </c>
      <c r="I2252" s="40">
        <v>9.8924452106212435</v>
      </c>
      <c r="J2252" s="40">
        <v>37.383319690476398</v>
      </c>
      <c r="K2252" s="40">
        <v>9.8976986220610765</v>
      </c>
      <c r="L2252" s="40"/>
      <c r="M2252" s="40"/>
      <c r="N2252" s="40"/>
      <c r="Y2252">
        <v>20.100000000000009</v>
      </c>
      <c r="Z2252">
        <v>98.4</v>
      </c>
      <c r="AA2252">
        <v>8.628323</v>
      </c>
      <c r="AB2252">
        <v>4.508283194733016</v>
      </c>
    </row>
    <row r="2253" spans="4:28" x14ac:dyDescent="0.25">
      <c r="D2253" s="40">
        <v>37.415171000001656</v>
      </c>
      <c r="E2253" s="40">
        <v>15.436492182611113</v>
      </c>
      <c r="F2253" s="40">
        <v>37.399999999999991</v>
      </c>
      <c r="G2253" s="40">
        <v>12.419858402817045</v>
      </c>
      <c r="H2253" s="40">
        <v>37.400000000000006</v>
      </c>
      <c r="I2253" s="40">
        <v>9.8957979467646773</v>
      </c>
      <c r="J2253" s="40">
        <v>37.399986351190698</v>
      </c>
      <c r="K2253" s="40">
        <v>9.9024069880140093</v>
      </c>
      <c r="L2253" s="40"/>
      <c r="M2253" s="40"/>
      <c r="N2253" s="40"/>
      <c r="Y2253">
        <v>20.116667000000007</v>
      </c>
      <c r="Z2253">
        <v>98.416667000000004</v>
      </c>
      <c r="AA2253">
        <v>8.6283560000000001</v>
      </c>
      <c r="AB2253">
        <v>4.5086828985161782</v>
      </c>
    </row>
    <row r="2254" spans="4:28" x14ac:dyDescent="0.25">
      <c r="D2254" s="40">
        <v>37.431837000001657</v>
      </c>
      <c r="E2254" s="40">
        <v>15.436492182611113</v>
      </c>
      <c r="F2254" s="40">
        <v>37.41666699999999</v>
      </c>
      <c r="G2254" s="40">
        <v>12.424473786786944</v>
      </c>
      <c r="H2254" s="40">
        <v>37.416667000000004</v>
      </c>
      <c r="I2254" s="40">
        <v>9.8957979467646773</v>
      </c>
      <c r="J2254" s="40">
        <v>37.416653011904998</v>
      </c>
      <c r="K2254" s="40">
        <v>9.9024069880140093</v>
      </c>
      <c r="L2254" s="40"/>
      <c r="M2254" s="40"/>
      <c r="N2254" s="40"/>
      <c r="Y2254">
        <v>20.133333000000007</v>
      </c>
      <c r="Z2254">
        <v>98.433333000000005</v>
      </c>
      <c r="AA2254">
        <v>8.6283560000000001</v>
      </c>
      <c r="AB2254">
        <v>4.5086828985161782</v>
      </c>
    </row>
    <row r="2255" spans="4:28" x14ac:dyDescent="0.25">
      <c r="D2255" s="40">
        <v>37.448503000001658</v>
      </c>
      <c r="E2255" s="40">
        <v>15.441335361200663</v>
      </c>
      <c r="F2255" s="40">
        <v>37.43333299999999</v>
      </c>
      <c r="G2255" s="40">
        <v>12.424473786786944</v>
      </c>
      <c r="H2255" s="40">
        <v>37.433334000000002</v>
      </c>
      <c r="I2255" s="40">
        <v>9.8990520730214406</v>
      </c>
      <c r="J2255" s="40">
        <v>37.433319672619298</v>
      </c>
      <c r="K2255" s="40">
        <v>9.9072580317232433</v>
      </c>
      <c r="L2255" s="40"/>
      <c r="M2255" s="40"/>
      <c r="N2255" s="40"/>
      <c r="Y2255">
        <v>20.150000000000006</v>
      </c>
      <c r="Z2255">
        <v>98.45</v>
      </c>
      <c r="AA2255">
        <v>8.6283560000000001</v>
      </c>
      <c r="AB2255">
        <v>4.5086828985161782</v>
      </c>
    </row>
    <row r="2256" spans="4:28" x14ac:dyDescent="0.25">
      <c r="D2256" s="40">
        <v>37.465169000001659</v>
      </c>
      <c r="E2256" s="40">
        <v>15.446036093361085</v>
      </c>
      <c r="F2256" s="40">
        <v>37.449999999999989</v>
      </c>
      <c r="G2256" s="40">
        <v>12.429229030877165</v>
      </c>
      <c r="H2256" s="40">
        <v>37.450000000000003</v>
      </c>
      <c r="I2256" s="40">
        <v>9.8990520730214406</v>
      </c>
      <c r="J2256" s="40">
        <v>37.449986333333598</v>
      </c>
      <c r="K2256" s="40">
        <v>9.9072580317232433</v>
      </c>
      <c r="L2256" s="40"/>
      <c r="M2256" s="40"/>
      <c r="N2256" s="40"/>
      <c r="Y2256">
        <v>20.166667000000004</v>
      </c>
      <c r="Z2256">
        <v>98.466667000000001</v>
      </c>
      <c r="AA2256">
        <v>8.6283899999999996</v>
      </c>
      <c r="AB2256">
        <v>4.5090947145351841</v>
      </c>
    </row>
    <row r="2257" spans="4:28" x14ac:dyDescent="0.25">
      <c r="D2257" s="40">
        <v>37.481835000001659</v>
      </c>
      <c r="E2257" s="40">
        <v>15.450879271950509</v>
      </c>
      <c r="F2257" s="40">
        <v>37.466667000000001</v>
      </c>
      <c r="G2257" s="40">
        <v>12.43398427496726</v>
      </c>
      <c r="H2257" s="40">
        <v>37.466667000000001</v>
      </c>
      <c r="I2257" s="40">
        <v>9.9024048091646968</v>
      </c>
      <c r="J2257" s="40">
        <v>37.466652994047898</v>
      </c>
      <c r="K2257" s="40">
        <v>9.9121090754324737</v>
      </c>
      <c r="L2257" s="40"/>
      <c r="M2257" s="40"/>
      <c r="N2257" s="40"/>
      <c r="Y2257">
        <v>20.183333000000005</v>
      </c>
      <c r="Z2257">
        <v>98.483333000000002</v>
      </c>
      <c r="AA2257">
        <v>8.6283899999999996</v>
      </c>
      <c r="AB2257">
        <v>4.5090947145351841</v>
      </c>
    </row>
    <row r="2258" spans="4:28" x14ac:dyDescent="0.25">
      <c r="D2258" s="40">
        <v>37.49850100000166</v>
      </c>
      <c r="E2258" s="40">
        <v>15.450879271950509</v>
      </c>
      <c r="F2258" s="40">
        <v>37.483332999999988</v>
      </c>
      <c r="G2258" s="40">
        <v>12.438739519057478</v>
      </c>
      <c r="H2258" s="40">
        <v>37.483334000000013</v>
      </c>
      <c r="I2258" s="40">
        <v>9.9057575453079547</v>
      </c>
      <c r="J2258" s="40">
        <v>37.483319654762198</v>
      </c>
      <c r="K2258" s="40">
        <v>9.9121090754324737</v>
      </c>
      <c r="L2258" s="40"/>
      <c r="M2258" s="40"/>
      <c r="N2258" s="40"/>
      <c r="Y2258">
        <v>20.200000000000003</v>
      </c>
      <c r="Z2258">
        <v>98.5</v>
      </c>
      <c r="AA2258">
        <v>8.6284240000000008</v>
      </c>
      <c r="AB2258">
        <v>4.5095065305542121</v>
      </c>
    </row>
    <row r="2259" spans="4:28" x14ac:dyDescent="0.25">
      <c r="D2259" s="40">
        <v>37.515167000001661</v>
      </c>
      <c r="E2259" s="40">
        <v>15.455722450540057</v>
      </c>
      <c r="F2259" s="40">
        <v>37.5</v>
      </c>
      <c r="G2259" s="40">
        <v>12.443354903027378</v>
      </c>
      <c r="H2259" s="40">
        <v>37.5</v>
      </c>
      <c r="I2259" s="40">
        <v>9.9057575453079547</v>
      </c>
      <c r="J2259" s="40">
        <v>37.499986315476399</v>
      </c>
      <c r="K2259" s="40">
        <v>9.9121090754324737</v>
      </c>
      <c r="L2259" s="40"/>
      <c r="M2259" s="40"/>
      <c r="N2259" s="40"/>
      <c r="Y2259">
        <v>20.216667000000001</v>
      </c>
      <c r="Z2259">
        <v>98.516666999999998</v>
      </c>
      <c r="AA2259">
        <v>8.6284240000000008</v>
      </c>
      <c r="AB2259">
        <v>4.5095065305542121</v>
      </c>
    </row>
    <row r="2260" spans="4:28" x14ac:dyDescent="0.25">
      <c r="D2260" s="40">
        <v>37.531833000001662</v>
      </c>
      <c r="E2260" s="40">
        <v>15.460423182700483</v>
      </c>
      <c r="F2260" s="40">
        <v>37.516666999999998</v>
      </c>
      <c r="G2260" s="40">
        <v>12.448110147117475</v>
      </c>
      <c r="H2260" s="40">
        <v>37.516667000000012</v>
      </c>
      <c r="I2260" s="40">
        <v>9.9090116715647181</v>
      </c>
      <c r="J2260" s="40">
        <v>37.516652976190699</v>
      </c>
      <c r="K2260" s="40">
        <v>9.9168174413855343</v>
      </c>
      <c r="L2260" s="40"/>
      <c r="M2260" s="40"/>
      <c r="N2260" s="40"/>
      <c r="Y2260">
        <v>20.233333000000002</v>
      </c>
      <c r="Z2260">
        <v>98.533332999999999</v>
      </c>
      <c r="AA2260">
        <v>8.6284569999999992</v>
      </c>
      <c r="AB2260">
        <v>4.509906234337353</v>
      </c>
    </row>
    <row r="2261" spans="4:28" x14ac:dyDescent="0.25">
      <c r="D2261" s="40">
        <v>37.548499000001662</v>
      </c>
      <c r="E2261" s="40">
        <v>15.465266361290031</v>
      </c>
      <c r="F2261" s="40">
        <v>37.533332999999999</v>
      </c>
      <c r="G2261" s="40">
        <v>12.452865391207693</v>
      </c>
      <c r="H2261" s="40">
        <v>37.533334000000011</v>
      </c>
      <c r="I2261" s="40">
        <v>9.9123644077079742</v>
      </c>
      <c r="J2261" s="40">
        <v>37.533319636904999</v>
      </c>
      <c r="K2261" s="40">
        <v>9.9168174413855343</v>
      </c>
      <c r="L2261" s="40"/>
      <c r="M2261" s="40"/>
      <c r="N2261" s="40"/>
      <c r="Y2261">
        <v>20.25</v>
      </c>
      <c r="Z2261">
        <v>98.55</v>
      </c>
      <c r="AA2261">
        <v>8.6284569999999992</v>
      </c>
      <c r="AB2261">
        <v>4.509906234337353</v>
      </c>
    </row>
    <row r="2262" spans="4:28" x14ac:dyDescent="0.25">
      <c r="D2262" s="40">
        <v>37.565165000001663</v>
      </c>
      <c r="E2262" s="40">
        <v>15.470109539879452</v>
      </c>
      <c r="F2262" s="40">
        <v>37.549999999999997</v>
      </c>
      <c r="G2262" s="40">
        <v>12.457480775177594</v>
      </c>
      <c r="H2262" s="40">
        <v>37.550000000000011</v>
      </c>
      <c r="I2262" s="40">
        <v>9.915717143851408</v>
      </c>
      <c r="J2262" s="40">
        <v>37.549986297619299</v>
      </c>
      <c r="K2262" s="40">
        <v>9.9216684850946404</v>
      </c>
      <c r="L2262" s="40"/>
      <c r="M2262" s="40"/>
      <c r="N2262" s="40"/>
      <c r="Y2262">
        <v>20.266666999999998</v>
      </c>
      <c r="Z2262">
        <v>98.566666999999995</v>
      </c>
      <c r="AA2262">
        <v>8.6284910000000004</v>
      </c>
      <c r="AB2262">
        <v>4.5103180503563802</v>
      </c>
    </row>
    <row r="2263" spans="4:28" x14ac:dyDescent="0.25">
      <c r="D2263" s="40">
        <v>37.581831000001664</v>
      </c>
      <c r="E2263" s="40">
        <v>15.474810272039878</v>
      </c>
      <c r="F2263" s="40">
        <v>37.566666999999995</v>
      </c>
      <c r="G2263" s="40">
        <v>12.46223601926769</v>
      </c>
      <c r="H2263" s="40">
        <v>37.56666700000001</v>
      </c>
      <c r="I2263" s="40">
        <v>9.9189712701081714</v>
      </c>
      <c r="J2263" s="40">
        <v>37.566652958333599</v>
      </c>
      <c r="K2263" s="40">
        <v>9.9265195288038726</v>
      </c>
      <c r="L2263" s="40"/>
      <c r="M2263" s="40"/>
      <c r="N2263" s="40"/>
      <c r="Y2263">
        <v>20.283332999999999</v>
      </c>
      <c r="Z2263">
        <v>98.583332999999996</v>
      </c>
      <c r="AA2263">
        <v>8.6284910000000004</v>
      </c>
      <c r="AB2263">
        <v>4.5103180503563802</v>
      </c>
    </row>
    <row r="2264" spans="4:28" x14ac:dyDescent="0.25">
      <c r="D2264" s="40">
        <v>37.598497000001665</v>
      </c>
      <c r="E2264" s="40">
        <v>15.474810272039878</v>
      </c>
      <c r="F2264" s="40">
        <v>37.583332999999996</v>
      </c>
      <c r="G2264" s="40">
        <v>12.466991263357908</v>
      </c>
      <c r="H2264" s="40">
        <v>37.583334000000008</v>
      </c>
      <c r="I2264" s="40">
        <v>9.9223240062514275</v>
      </c>
      <c r="J2264" s="40">
        <v>37.583319619047899</v>
      </c>
      <c r="K2264" s="40">
        <v>9.9265195288038726</v>
      </c>
      <c r="L2264" s="40"/>
      <c r="M2264" s="40"/>
      <c r="N2264" s="40"/>
      <c r="Y2264">
        <v>20.299999999999997</v>
      </c>
      <c r="Z2264">
        <v>98.6</v>
      </c>
      <c r="AA2264">
        <v>8.6285249999999998</v>
      </c>
      <c r="AB2264">
        <v>4.510729866375387</v>
      </c>
    </row>
    <row r="2265" spans="4:28" x14ac:dyDescent="0.25">
      <c r="D2265" s="40">
        <v>37.615163000001665</v>
      </c>
      <c r="E2265" s="40">
        <v>15.479653450629428</v>
      </c>
      <c r="F2265" s="40">
        <v>37.599999999999994</v>
      </c>
      <c r="G2265" s="40">
        <v>12.471606647327809</v>
      </c>
      <c r="H2265" s="40">
        <v>37.600000000000009</v>
      </c>
      <c r="I2265" s="40">
        <v>9.9256767423946837</v>
      </c>
      <c r="J2265" s="40">
        <v>37.599986279762199</v>
      </c>
      <c r="K2265" s="40">
        <v>9.9312278947569332</v>
      </c>
      <c r="L2265" s="40"/>
      <c r="M2265" s="40"/>
      <c r="N2265" s="40"/>
      <c r="Y2265">
        <v>20.31666700000001</v>
      </c>
      <c r="Z2265">
        <v>98.616667000000007</v>
      </c>
      <c r="AA2265">
        <v>8.6285249999999998</v>
      </c>
      <c r="AB2265">
        <v>4.510729866375387</v>
      </c>
    </row>
    <row r="2266" spans="4:28" x14ac:dyDescent="0.25">
      <c r="D2266" s="40">
        <v>37.631829000001666</v>
      </c>
      <c r="E2266" s="40">
        <v>15.48449662921885</v>
      </c>
      <c r="F2266" s="40">
        <v>37.616666999999993</v>
      </c>
      <c r="G2266" s="40">
        <v>12.476361891418028</v>
      </c>
      <c r="H2266" s="40">
        <v>37.616667000000007</v>
      </c>
      <c r="I2266" s="40">
        <v>9.928930868651447</v>
      </c>
      <c r="J2266" s="40">
        <v>37.616652940476499</v>
      </c>
      <c r="K2266" s="40">
        <v>9.9312278947569332</v>
      </c>
      <c r="L2266" s="40"/>
      <c r="M2266" s="40"/>
      <c r="N2266" s="40"/>
      <c r="Y2266">
        <v>20.333332999999996</v>
      </c>
      <c r="Z2266">
        <v>98.633332999999993</v>
      </c>
      <c r="AA2266">
        <v>8.628558</v>
      </c>
      <c r="AB2266">
        <v>4.5111295701585483</v>
      </c>
    </row>
    <row r="2267" spans="4:28" x14ac:dyDescent="0.25">
      <c r="D2267" s="40">
        <v>37.648495000001667</v>
      </c>
      <c r="E2267" s="40">
        <v>15.489197361379274</v>
      </c>
      <c r="F2267" s="40">
        <v>37.633332999999993</v>
      </c>
      <c r="G2267" s="40">
        <v>12.476361891418028</v>
      </c>
      <c r="H2267" s="40">
        <v>37.633334000000005</v>
      </c>
      <c r="I2267" s="40">
        <v>9.932283604794879</v>
      </c>
      <c r="J2267" s="40">
        <v>37.633319601190699</v>
      </c>
      <c r="K2267" s="40">
        <v>9.9360789384660375</v>
      </c>
      <c r="L2267" s="40"/>
      <c r="M2267" s="40"/>
      <c r="N2267" s="40"/>
      <c r="Y2267">
        <v>20.350000000000009</v>
      </c>
      <c r="Z2267">
        <v>98.65</v>
      </c>
      <c r="AA2267">
        <v>8.628558</v>
      </c>
      <c r="AB2267">
        <v>4.5111295701585483</v>
      </c>
    </row>
    <row r="2268" spans="4:28" x14ac:dyDescent="0.25">
      <c r="D2268" s="40">
        <v>37.665161000001667</v>
      </c>
      <c r="E2268" s="40">
        <v>15.494040539968822</v>
      </c>
      <c r="F2268" s="40">
        <v>37.649999999999991</v>
      </c>
      <c r="G2268" s="40">
        <v>12.481117135508121</v>
      </c>
      <c r="H2268" s="40">
        <v>37.650000000000006</v>
      </c>
      <c r="I2268" s="40">
        <v>9.935636340938137</v>
      </c>
      <c r="J2268" s="40">
        <v>37.649986261904999</v>
      </c>
      <c r="K2268" s="40">
        <v>9.9409299821752697</v>
      </c>
      <c r="L2268" s="40"/>
      <c r="M2268" s="40"/>
      <c r="N2268" s="40"/>
      <c r="Y2268">
        <v>20.366667000000007</v>
      </c>
      <c r="Z2268">
        <v>98.666667000000004</v>
      </c>
      <c r="AA2268">
        <v>8.628558</v>
      </c>
      <c r="AB2268">
        <v>4.5111295701585483</v>
      </c>
    </row>
    <row r="2269" spans="4:28" x14ac:dyDescent="0.25">
      <c r="D2269" s="40">
        <v>37.681827000001668</v>
      </c>
      <c r="E2269" s="40">
        <v>15.498883718558243</v>
      </c>
      <c r="F2269" s="40">
        <v>37.66666699999999</v>
      </c>
      <c r="G2269" s="40">
        <v>12.485732519478022</v>
      </c>
      <c r="H2269" s="40">
        <v>37.666667000000004</v>
      </c>
      <c r="I2269" s="40">
        <v>9.9389890770813931</v>
      </c>
      <c r="J2269" s="40">
        <v>37.666652922619299</v>
      </c>
      <c r="K2269" s="40">
        <v>9.9409299821752697</v>
      </c>
      <c r="L2269" s="40"/>
      <c r="M2269" s="40"/>
      <c r="N2269" s="40"/>
      <c r="Y2269">
        <v>20.383333000000007</v>
      </c>
      <c r="Z2269">
        <v>98.683333000000005</v>
      </c>
      <c r="AA2269">
        <v>8.6285919999999994</v>
      </c>
      <c r="AB2269">
        <v>4.5115413861775551</v>
      </c>
    </row>
    <row r="2270" spans="4:28" x14ac:dyDescent="0.25">
      <c r="D2270" s="40">
        <v>37.698493000001669</v>
      </c>
      <c r="E2270" s="40">
        <v>15.50358445071867</v>
      </c>
      <c r="F2270" s="40">
        <v>37.68333299999999</v>
      </c>
      <c r="G2270" s="40">
        <v>12.485732519478022</v>
      </c>
      <c r="H2270" s="40">
        <v>37.683334000000002</v>
      </c>
      <c r="I2270" s="40">
        <v>9.9389890770813931</v>
      </c>
      <c r="J2270" s="40">
        <v>37.683319583333599</v>
      </c>
      <c r="K2270" s="40">
        <v>9.9457810258845019</v>
      </c>
      <c r="L2270" s="40"/>
      <c r="M2270" s="40"/>
      <c r="N2270" s="40"/>
      <c r="Y2270">
        <v>20.400000000000006</v>
      </c>
      <c r="Z2270">
        <v>98.7</v>
      </c>
      <c r="AA2270">
        <v>8.6285919999999994</v>
      </c>
      <c r="AB2270">
        <v>4.5115413861775551</v>
      </c>
    </row>
    <row r="2271" spans="4:28" x14ac:dyDescent="0.25">
      <c r="D2271" s="40">
        <v>37.71515900000167</v>
      </c>
      <c r="E2271" s="40">
        <v>15.513270807897641</v>
      </c>
      <c r="F2271" s="40">
        <v>37.699999999999989</v>
      </c>
      <c r="G2271" s="40">
        <v>12.490487763568243</v>
      </c>
      <c r="H2271" s="40">
        <v>37.700000000000003</v>
      </c>
      <c r="I2271" s="40">
        <v>9.9422432033381565</v>
      </c>
      <c r="J2271" s="40">
        <v>37.699986244047899</v>
      </c>
      <c r="K2271" s="40">
        <v>9.9457810258845019</v>
      </c>
      <c r="L2271" s="40"/>
      <c r="M2271" s="40"/>
      <c r="N2271" s="40"/>
      <c r="Y2271">
        <v>20.416667000000004</v>
      </c>
      <c r="Z2271">
        <v>98.716667000000001</v>
      </c>
      <c r="AA2271">
        <v>8.6286260000000006</v>
      </c>
      <c r="AB2271">
        <v>4.5119532021965831</v>
      </c>
    </row>
    <row r="2272" spans="4:28" x14ac:dyDescent="0.25">
      <c r="D2272" s="40">
        <v>37.73182500000167</v>
      </c>
      <c r="E2272" s="40">
        <v>15.517971540058065</v>
      </c>
      <c r="F2272" s="40">
        <v>37.716667000000001</v>
      </c>
      <c r="G2272" s="40">
        <v>12.495243007658337</v>
      </c>
      <c r="H2272" s="40">
        <v>37.716667000000001</v>
      </c>
      <c r="I2272" s="40">
        <v>9.9455959394814144</v>
      </c>
      <c r="J2272" s="40">
        <v>37.716652904762199</v>
      </c>
      <c r="K2272" s="40">
        <v>9.9457810258845019</v>
      </c>
      <c r="L2272" s="40"/>
      <c r="M2272" s="40"/>
      <c r="N2272" s="40"/>
      <c r="Y2272">
        <v>20.433333000000005</v>
      </c>
      <c r="Z2272">
        <v>98.733333000000002</v>
      </c>
      <c r="AA2272">
        <v>8.6286260000000006</v>
      </c>
      <c r="AB2272">
        <v>4.5119532021965831</v>
      </c>
    </row>
    <row r="2273" spans="4:28" x14ac:dyDescent="0.25">
      <c r="D2273" s="40">
        <v>37.748491000001671</v>
      </c>
      <c r="E2273" s="40">
        <v>15.522814718647613</v>
      </c>
      <c r="F2273" s="40">
        <v>37.733332999999988</v>
      </c>
      <c r="G2273" s="40">
        <v>12.495243007658337</v>
      </c>
      <c r="H2273" s="40">
        <v>37.733334000000013</v>
      </c>
      <c r="I2273" s="40">
        <v>9.9489486756248464</v>
      </c>
      <c r="J2273" s="40">
        <v>37.733319565476499</v>
      </c>
      <c r="K2273" s="40">
        <v>9.9504893918374364</v>
      </c>
      <c r="L2273" s="40"/>
      <c r="M2273" s="40"/>
      <c r="N2273" s="40"/>
      <c r="Y2273">
        <v>20.450000000000003</v>
      </c>
      <c r="Z2273">
        <v>98.75</v>
      </c>
      <c r="AA2273">
        <v>8.6286590000000007</v>
      </c>
      <c r="AB2273">
        <v>4.5123529059797445</v>
      </c>
    </row>
    <row r="2274" spans="4:28" x14ac:dyDescent="0.25">
      <c r="D2274" s="40">
        <v>37.765157000001672</v>
      </c>
      <c r="E2274" s="40">
        <v>15.522814718647613</v>
      </c>
      <c r="F2274" s="40">
        <v>37.75</v>
      </c>
      <c r="G2274" s="40">
        <v>12.499858391628237</v>
      </c>
      <c r="H2274" s="40">
        <v>37.75</v>
      </c>
      <c r="I2274" s="40">
        <v>9.9522028018816098</v>
      </c>
      <c r="J2274" s="40">
        <v>37.7499862261907</v>
      </c>
      <c r="K2274" s="40">
        <v>9.9553404355466686</v>
      </c>
      <c r="L2274" s="40"/>
      <c r="M2274" s="40"/>
      <c r="N2274" s="40"/>
      <c r="Y2274">
        <v>20.466667000000001</v>
      </c>
      <c r="Z2274">
        <v>98.766666999999998</v>
      </c>
      <c r="AA2274">
        <v>8.6286590000000007</v>
      </c>
      <c r="AB2274">
        <v>4.5123529059797445</v>
      </c>
    </row>
    <row r="2275" spans="4:28" x14ac:dyDescent="0.25">
      <c r="D2275" s="40">
        <v>37.781823000001673</v>
      </c>
      <c r="E2275" s="40">
        <v>15.527657897237162</v>
      </c>
      <c r="F2275" s="40">
        <v>37.766666999999998</v>
      </c>
      <c r="G2275" s="40">
        <v>12.504613635718457</v>
      </c>
      <c r="H2275" s="40">
        <v>37.766667000000012</v>
      </c>
      <c r="I2275" s="40">
        <v>9.9555555380248677</v>
      </c>
      <c r="J2275" s="40">
        <v>37.766652886905</v>
      </c>
      <c r="K2275" s="40">
        <v>9.9553404355466686</v>
      </c>
      <c r="L2275" s="40"/>
      <c r="M2275" s="40"/>
      <c r="N2275" s="40"/>
      <c r="Y2275">
        <v>20.483333000000002</v>
      </c>
      <c r="Z2275">
        <v>98.783332999999999</v>
      </c>
      <c r="AA2275">
        <v>8.6286590000000007</v>
      </c>
      <c r="AB2275">
        <v>4.5123529059797445</v>
      </c>
    </row>
    <row r="2276" spans="4:28" x14ac:dyDescent="0.25">
      <c r="D2276" s="40">
        <v>37.798489000001673</v>
      </c>
      <c r="E2276" s="40">
        <v>15.532358629397461</v>
      </c>
      <c r="F2276" s="40">
        <v>37.783332999999999</v>
      </c>
      <c r="G2276" s="40">
        <v>12.509368879808552</v>
      </c>
      <c r="H2276" s="40">
        <v>37.783334000000011</v>
      </c>
      <c r="I2276" s="40">
        <v>9.9589082741681239</v>
      </c>
      <c r="J2276" s="40">
        <v>37.7833195476193</v>
      </c>
      <c r="K2276" s="40">
        <v>9.9553404355466686</v>
      </c>
      <c r="L2276" s="40"/>
      <c r="M2276" s="40"/>
      <c r="N2276" s="40"/>
      <c r="Y2276">
        <v>20.5</v>
      </c>
      <c r="Z2276">
        <v>98.8</v>
      </c>
      <c r="AA2276">
        <v>8.6286930000000002</v>
      </c>
      <c r="AB2276">
        <v>4.5127647219987512</v>
      </c>
    </row>
    <row r="2277" spans="4:28" x14ac:dyDescent="0.25">
      <c r="D2277" s="40">
        <v>37.815155000001674</v>
      </c>
      <c r="E2277" s="40">
        <v>15.53720180798701</v>
      </c>
      <c r="F2277" s="40">
        <v>37.799999999999997</v>
      </c>
      <c r="G2277" s="40">
        <v>12.509368879808552</v>
      </c>
      <c r="H2277" s="40">
        <v>37.800000000000011</v>
      </c>
      <c r="I2277" s="40">
        <v>9.9621624004248872</v>
      </c>
      <c r="J2277" s="40">
        <v>37.7999862083336</v>
      </c>
      <c r="K2277" s="40">
        <v>9.9601914792559008</v>
      </c>
      <c r="L2277" s="40"/>
      <c r="M2277" s="40"/>
      <c r="N2277" s="40"/>
      <c r="Y2277">
        <v>20.516666999999998</v>
      </c>
      <c r="Z2277">
        <v>98.816666999999995</v>
      </c>
      <c r="AA2277">
        <v>8.6286930000000002</v>
      </c>
      <c r="AB2277">
        <v>4.5127647219987512</v>
      </c>
    </row>
    <row r="2278" spans="4:28" x14ac:dyDescent="0.25">
      <c r="D2278" s="40">
        <v>37.831821000001675</v>
      </c>
      <c r="E2278" s="40">
        <v>15.542044986576558</v>
      </c>
      <c r="F2278" s="40">
        <v>37.816666999999995</v>
      </c>
      <c r="G2278" s="40">
        <v>12.513984263778452</v>
      </c>
      <c r="H2278" s="40">
        <v>37.81666700000001</v>
      </c>
      <c r="I2278" s="40">
        <v>9.965515136568321</v>
      </c>
      <c r="J2278" s="40">
        <v>37.8166528690479</v>
      </c>
      <c r="K2278" s="40">
        <v>9.9601914792559008</v>
      </c>
      <c r="L2278" s="40"/>
      <c r="M2278" s="40"/>
      <c r="N2278" s="40"/>
      <c r="Y2278">
        <v>20.533332999999999</v>
      </c>
      <c r="Z2278">
        <v>98.833332999999996</v>
      </c>
      <c r="AA2278">
        <v>8.6287269999999996</v>
      </c>
      <c r="AB2278">
        <v>4.5131765380177571</v>
      </c>
    </row>
    <row r="2279" spans="4:28" x14ac:dyDescent="0.25">
      <c r="D2279" s="40">
        <v>37.848487000001676</v>
      </c>
      <c r="E2279" s="40">
        <v>15.542044986576558</v>
      </c>
      <c r="F2279" s="40">
        <v>37.833332999999996</v>
      </c>
      <c r="G2279" s="40">
        <v>12.518739507868672</v>
      </c>
      <c r="H2279" s="40">
        <v>37.833334000000008</v>
      </c>
      <c r="I2279" s="40">
        <v>9.9688678727115754</v>
      </c>
      <c r="J2279" s="40">
        <v>37.8333195297622</v>
      </c>
      <c r="K2279" s="40">
        <v>9.9648998452088335</v>
      </c>
      <c r="L2279" s="40"/>
      <c r="M2279" s="40"/>
      <c r="N2279" s="40"/>
      <c r="Y2279">
        <v>20.549999999999997</v>
      </c>
      <c r="Z2279">
        <v>98.85</v>
      </c>
      <c r="AA2279">
        <v>8.6287269999999996</v>
      </c>
      <c r="AB2279">
        <v>4.5131765380177571</v>
      </c>
    </row>
    <row r="2280" spans="4:28" x14ac:dyDescent="0.25">
      <c r="D2280" s="40">
        <v>37.865153000001676</v>
      </c>
      <c r="E2280" s="40">
        <v>15.546745718736984</v>
      </c>
      <c r="F2280" s="40">
        <v>37.849999999999994</v>
      </c>
      <c r="G2280" s="40">
        <v>12.523494751958891</v>
      </c>
      <c r="H2280" s="40">
        <v>37.850000000000009</v>
      </c>
      <c r="I2280" s="40">
        <v>9.9688678727115754</v>
      </c>
      <c r="J2280" s="40">
        <v>37.8499861904765</v>
      </c>
      <c r="K2280" s="40">
        <v>9.9697508889180657</v>
      </c>
      <c r="L2280" s="40"/>
      <c r="M2280" s="40"/>
      <c r="N2280" s="40"/>
      <c r="Y2280">
        <v>20.56666700000001</v>
      </c>
      <c r="Z2280">
        <v>98.866667000000007</v>
      </c>
      <c r="AA2280">
        <v>8.6287599999999998</v>
      </c>
      <c r="AB2280">
        <v>4.5135762418009202</v>
      </c>
    </row>
    <row r="2281" spans="4:28" x14ac:dyDescent="0.25">
      <c r="D2281" s="40">
        <v>37.881819000001677</v>
      </c>
      <c r="E2281" s="40">
        <v>15.551588897326406</v>
      </c>
      <c r="F2281" s="40">
        <v>37.866666999999993</v>
      </c>
      <c r="G2281" s="40">
        <v>12.528110135928666</v>
      </c>
      <c r="H2281" s="40">
        <v>37.866667000000007</v>
      </c>
      <c r="I2281" s="40">
        <v>9.9721219989683387</v>
      </c>
      <c r="J2281" s="40">
        <v>37.8666528511907</v>
      </c>
      <c r="K2281" s="40">
        <v>9.9697508889180657</v>
      </c>
      <c r="L2281" s="40"/>
      <c r="M2281" s="40"/>
      <c r="N2281" s="40"/>
      <c r="Y2281">
        <v>20.583332999999996</v>
      </c>
      <c r="Z2281">
        <v>98.883332999999993</v>
      </c>
      <c r="AA2281">
        <v>8.6287599999999998</v>
      </c>
      <c r="AB2281">
        <v>4.5135762418009202</v>
      </c>
    </row>
    <row r="2282" spans="4:28" x14ac:dyDescent="0.25">
      <c r="D2282" s="40">
        <v>37.898485000001678</v>
      </c>
      <c r="E2282" s="40">
        <v>15.556432075915952</v>
      </c>
      <c r="F2282" s="40">
        <v>37.883332999999993</v>
      </c>
      <c r="G2282" s="40">
        <v>12.532865380018887</v>
      </c>
      <c r="H2282" s="40">
        <v>37.883334000000005</v>
      </c>
      <c r="I2282" s="40">
        <v>9.9754747351115967</v>
      </c>
      <c r="J2282" s="40">
        <v>37.883319511905</v>
      </c>
      <c r="K2282" s="40">
        <v>9.9746019326272979</v>
      </c>
      <c r="L2282" s="40"/>
      <c r="M2282" s="40"/>
      <c r="N2282" s="40"/>
      <c r="Y2282">
        <v>20.600000000000009</v>
      </c>
      <c r="Z2282">
        <v>98.9</v>
      </c>
      <c r="AA2282">
        <v>8.6287939999999992</v>
      </c>
      <c r="AB2282">
        <v>4.5139880578199261</v>
      </c>
    </row>
    <row r="2283" spans="4:28" x14ac:dyDescent="0.25">
      <c r="D2283" s="40">
        <v>37.915151000001678</v>
      </c>
      <c r="E2283" s="40">
        <v>15.561275254505375</v>
      </c>
      <c r="F2283" s="40">
        <v>37.899999999999991</v>
      </c>
      <c r="G2283" s="40">
        <v>12.537620624109106</v>
      </c>
      <c r="H2283" s="40">
        <v>37.900000000000006</v>
      </c>
      <c r="I2283" s="40">
        <v>9.9788274712548546</v>
      </c>
      <c r="J2283" s="40">
        <v>37.8999861726193</v>
      </c>
      <c r="K2283" s="40">
        <v>9.9793102985803586</v>
      </c>
      <c r="L2283" s="40"/>
      <c r="M2283" s="40"/>
      <c r="N2283" s="40"/>
      <c r="Y2283">
        <v>20.616667000000007</v>
      </c>
      <c r="Z2283">
        <v>98.916667000000004</v>
      </c>
      <c r="AA2283">
        <v>8.6287939999999992</v>
      </c>
      <c r="AB2283">
        <v>4.5139880578199261</v>
      </c>
    </row>
    <row r="2284" spans="4:28" x14ac:dyDescent="0.25">
      <c r="D2284" s="40">
        <v>37.931817000001679</v>
      </c>
      <c r="E2284" s="40">
        <v>15.561275254505375</v>
      </c>
      <c r="F2284" s="40">
        <v>37.91666699999999</v>
      </c>
      <c r="G2284" s="40">
        <v>12.537620624109106</v>
      </c>
      <c r="H2284" s="40">
        <v>37.916667000000004</v>
      </c>
      <c r="I2284" s="40">
        <v>9.9788274712548546</v>
      </c>
      <c r="J2284" s="40">
        <v>37.9166528333336</v>
      </c>
      <c r="K2284" s="40">
        <v>9.9793102985803586</v>
      </c>
      <c r="L2284" s="40"/>
      <c r="M2284" s="40"/>
      <c r="N2284" s="40"/>
      <c r="Y2284">
        <v>20.633333000000007</v>
      </c>
      <c r="Z2284">
        <v>98.933333000000005</v>
      </c>
      <c r="AA2284">
        <v>8.6288280000000004</v>
      </c>
      <c r="AB2284">
        <v>4.5143998738389541</v>
      </c>
    </row>
    <row r="2285" spans="4:28" x14ac:dyDescent="0.25">
      <c r="D2285" s="40">
        <v>37.94848300000168</v>
      </c>
      <c r="E2285" s="40">
        <v>15.5659759866658</v>
      </c>
      <c r="F2285" s="40">
        <v>37.93333299999999</v>
      </c>
      <c r="G2285" s="40">
        <v>12.542236008078881</v>
      </c>
      <c r="H2285" s="40">
        <v>37.933334000000002</v>
      </c>
      <c r="I2285" s="40">
        <v>9.9820815975116162</v>
      </c>
      <c r="J2285" s="40">
        <v>37.9333194940479</v>
      </c>
      <c r="K2285" s="40">
        <v>9.9841613422894646</v>
      </c>
      <c r="L2285" s="40"/>
      <c r="M2285" s="40"/>
      <c r="N2285" s="40"/>
      <c r="Y2285">
        <v>20.650000000000006</v>
      </c>
      <c r="Z2285">
        <v>98.95</v>
      </c>
      <c r="AA2285">
        <v>8.6288280000000004</v>
      </c>
      <c r="AB2285">
        <v>4.5143998738389541</v>
      </c>
    </row>
    <row r="2286" spans="4:28" x14ac:dyDescent="0.25">
      <c r="D2286" s="40">
        <v>37.965149000001681</v>
      </c>
      <c r="E2286" s="40">
        <v>15.575662343844897</v>
      </c>
      <c r="F2286" s="40">
        <v>37.949999999999989</v>
      </c>
      <c r="G2286" s="40">
        <v>12.5469912521691</v>
      </c>
      <c r="H2286" s="40">
        <v>37.950000000000003</v>
      </c>
      <c r="I2286" s="40">
        <v>9.98543433365505</v>
      </c>
      <c r="J2286" s="40">
        <v>37.9499861547622</v>
      </c>
      <c r="K2286" s="40">
        <v>9.9841613422894646</v>
      </c>
      <c r="L2286" s="40"/>
      <c r="M2286" s="40"/>
      <c r="N2286" s="40"/>
      <c r="Y2286">
        <v>20.666667000000004</v>
      </c>
      <c r="Z2286">
        <v>98.966667000000001</v>
      </c>
      <c r="AA2286">
        <v>8.6288280000000004</v>
      </c>
      <c r="AB2286">
        <v>4.5143998738389541</v>
      </c>
    </row>
    <row r="2287" spans="4:28" x14ac:dyDescent="0.25">
      <c r="D2287" s="40">
        <v>37.981815000001681</v>
      </c>
      <c r="E2287" s="40">
        <v>15.575662343844897</v>
      </c>
      <c r="F2287" s="40">
        <v>37.966667000000001</v>
      </c>
      <c r="G2287" s="40">
        <v>12.551746496259321</v>
      </c>
      <c r="H2287" s="40">
        <v>37.966667000000001</v>
      </c>
      <c r="I2287" s="40">
        <v>9.9887870697983061</v>
      </c>
      <c r="J2287" s="40">
        <v>37.9666528154765</v>
      </c>
      <c r="K2287" s="40">
        <v>9.989012385998695</v>
      </c>
      <c r="L2287" s="40"/>
      <c r="M2287" s="40"/>
      <c r="N2287" s="40"/>
      <c r="Y2287">
        <v>20.683333000000005</v>
      </c>
      <c r="Z2287">
        <v>98.983333000000002</v>
      </c>
      <c r="AA2287">
        <v>8.6288610000000006</v>
      </c>
      <c r="AB2287">
        <v>4.5147995776221164</v>
      </c>
    </row>
    <row r="2288" spans="4:28" x14ac:dyDescent="0.25">
      <c r="D2288" s="40">
        <v>37.998481000001682</v>
      </c>
      <c r="E2288" s="40">
        <v>15.580363076005197</v>
      </c>
      <c r="F2288" s="40">
        <v>37.983332999999988</v>
      </c>
      <c r="G2288" s="40">
        <v>12.551746496259321</v>
      </c>
      <c r="H2288" s="40">
        <v>37.983334000000013</v>
      </c>
      <c r="I2288" s="40">
        <v>9.9887870697983061</v>
      </c>
      <c r="J2288" s="40">
        <v>37.983319476190701</v>
      </c>
      <c r="K2288" s="40">
        <v>9.989012385998695</v>
      </c>
      <c r="L2288" s="40"/>
      <c r="M2288" s="40"/>
      <c r="N2288" s="40"/>
      <c r="Y2288">
        <v>20.700000000000003</v>
      </c>
      <c r="Z2288">
        <v>99</v>
      </c>
      <c r="AA2288">
        <v>8.6288610000000006</v>
      </c>
      <c r="AB2288">
        <v>4.5147995776221164</v>
      </c>
    </row>
    <row r="2289" spans="4:28" x14ac:dyDescent="0.25">
      <c r="D2289" s="40">
        <v>38.015147000001683</v>
      </c>
      <c r="E2289" s="40">
        <v>15.585206254594745</v>
      </c>
      <c r="F2289" s="40">
        <v>38</v>
      </c>
      <c r="G2289" s="40">
        <v>12.55636188022922</v>
      </c>
      <c r="H2289" s="40">
        <v>38</v>
      </c>
      <c r="I2289" s="40">
        <v>9.9920411960550695</v>
      </c>
      <c r="J2289" s="40">
        <v>37.999986136905001</v>
      </c>
      <c r="K2289" s="40">
        <v>9.989012385998695</v>
      </c>
      <c r="L2289" s="40"/>
      <c r="M2289" s="40"/>
      <c r="N2289" s="40"/>
      <c r="Y2289">
        <v>20.716667000000001</v>
      </c>
      <c r="Z2289">
        <v>99.016666999999998</v>
      </c>
      <c r="AA2289">
        <v>8.628895</v>
      </c>
      <c r="AB2289">
        <v>4.5152113936411222</v>
      </c>
    </row>
    <row r="2290" spans="4:28" x14ac:dyDescent="0.25">
      <c r="D2290" s="40">
        <v>38.031813000001684</v>
      </c>
      <c r="E2290" s="40">
        <v>15.585206254594745</v>
      </c>
      <c r="F2290" s="40">
        <v>38.016666999999998</v>
      </c>
      <c r="G2290" s="40">
        <v>12.561117124319315</v>
      </c>
      <c r="H2290" s="40">
        <v>38.016667000000012</v>
      </c>
      <c r="I2290" s="40">
        <v>9.9953939321983274</v>
      </c>
      <c r="J2290" s="40">
        <v>38.016652797619301</v>
      </c>
      <c r="K2290" s="40">
        <v>9.9937207519517557</v>
      </c>
      <c r="L2290" s="40"/>
      <c r="M2290" s="40"/>
      <c r="N2290" s="40"/>
      <c r="Y2290">
        <v>20.733333000000002</v>
      </c>
      <c r="Z2290">
        <v>99.033332999999999</v>
      </c>
      <c r="AA2290">
        <v>8.628895</v>
      </c>
      <c r="AB2290">
        <v>4.5152113936411222</v>
      </c>
    </row>
    <row r="2291" spans="4:28" x14ac:dyDescent="0.25">
      <c r="D2291" s="40">
        <v>38.048479000001684</v>
      </c>
      <c r="E2291" s="40">
        <v>15.590049433184294</v>
      </c>
      <c r="F2291" s="40">
        <v>38.033332999999999</v>
      </c>
      <c r="G2291" s="40">
        <v>12.565872368409535</v>
      </c>
      <c r="H2291" s="40">
        <v>38.033334000000011</v>
      </c>
      <c r="I2291" s="40">
        <v>9.9953939321983274</v>
      </c>
      <c r="J2291" s="40">
        <v>38.033319458333601</v>
      </c>
      <c r="K2291" s="40">
        <v>9.9937207519517557</v>
      </c>
      <c r="L2291" s="40"/>
      <c r="M2291" s="40"/>
      <c r="N2291" s="40"/>
      <c r="Y2291">
        <v>20.75</v>
      </c>
      <c r="Z2291">
        <v>99.05</v>
      </c>
      <c r="AA2291">
        <v>8.628895</v>
      </c>
      <c r="AB2291">
        <v>4.5152113936411222</v>
      </c>
    </row>
    <row r="2292" spans="4:28" x14ac:dyDescent="0.25">
      <c r="D2292" s="40">
        <v>38.065145000001685</v>
      </c>
      <c r="E2292" s="40">
        <v>15.590049433184294</v>
      </c>
      <c r="F2292" s="40">
        <v>38.049999999999997</v>
      </c>
      <c r="G2292" s="40">
        <v>12.570487752379435</v>
      </c>
      <c r="H2292" s="40">
        <v>38.050000000000011</v>
      </c>
      <c r="I2292" s="40">
        <v>9.9987466683417594</v>
      </c>
      <c r="J2292" s="40">
        <v>38.049986119047901</v>
      </c>
      <c r="K2292" s="40">
        <v>9.9937207519517557</v>
      </c>
      <c r="L2292" s="40"/>
      <c r="M2292" s="40"/>
      <c r="N2292" s="40"/>
      <c r="Y2292">
        <v>20.766666999999998</v>
      </c>
      <c r="Z2292">
        <v>99.066666999999995</v>
      </c>
      <c r="AA2292">
        <v>8.6289289999999994</v>
      </c>
      <c r="AB2292">
        <v>4.515623209660129</v>
      </c>
    </row>
    <row r="2293" spans="4:28" x14ac:dyDescent="0.25">
      <c r="D2293" s="40">
        <v>38.081811000001686</v>
      </c>
      <c r="E2293" s="40">
        <v>15.594750165344591</v>
      </c>
      <c r="F2293" s="40">
        <v>38.066666999999995</v>
      </c>
      <c r="G2293" s="40">
        <v>12.57524299646953</v>
      </c>
      <c r="H2293" s="40">
        <v>38.06666700000001</v>
      </c>
      <c r="I2293" s="40">
        <v>9.9987466683417594</v>
      </c>
      <c r="J2293" s="40">
        <v>38.066652779762201</v>
      </c>
      <c r="K2293" s="40">
        <v>9.9985717956608617</v>
      </c>
      <c r="L2293" s="40"/>
      <c r="M2293" s="40"/>
      <c r="N2293" s="40"/>
      <c r="Y2293">
        <v>20.783332999999999</v>
      </c>
      <c r="Z2293">
        <v>99.083332999999996</v>
      </c>
      <c r="AA2293">
        <v>8.6289289999999994</v>
      </c>
      <c r="AB2293">
        <v>4.515623209660129</v>
      </c>
    </row>
    <row r="2294" spans="4:28" x14ac:dyDescent="0.25">
      <c r="D2294" s="40">
        <v>38.098477000001687</v>
      </c>
      <c r="E2294" s="40">
        <v>15.594750165344591</v>
      </c>
      <c r="F2294" s="40">
        <v>38.083332999999996</v>
      </c>
      <c r="G2294" s="40">
        <v>12.57999824055975</v>
      </c>
      <c r="H2294" s="40">
        <v>38.083334000000008</v>
      </c>
      <c r="I2294" s="40">
        <v>10.002000794598347</v>
      </c>
      <c r="J2294" s="40">
        <v>38.083319440476501</v>
      </c>
      <c r="K2294" s="40">
        <v>9.9985717956608617</v>
      </c>
      <c r="L2294" s="40"/>
      <c r="M2294" s="40"/>
      <c r="N2294" s="40"/>
      <c r="Y2294">
        <v>20.799999999999997</v>
      </c>
      <c r="Z2294">
        <v>99.1</v>
      </c>
      <c r="AA2294">
        <v>8.6289619999999996</v>
      </c>
      <c r="AB2294">
        <v>4.5160229134432903</v>
      </c>
    </row>
    <row r="2295" spans="4:28" x14ac:dyDescent="0.25">
      <c r="D2295" s="40">
        <v>38.115143000001687</v>
      </c>
      <c r="E2295" s="40">
        <v>15.59959334393414</v>
      </c>
      <c r="F2295" s="40">
        <v>38.099999999999994</v>
      </c>
      <c r="G2295" s="40">
        <v>12.58461362452965</v>
      </c>
      <c r="H2295" s="40">
        <v>38.100000000000009</v>
      </c>
      <c r="I2295" s="40">
        <v>10.005353530741781</v>
      </c>
      <c r="J2295" s="40">
        <v>38.099986101190702</v>
      </c>
      <c r="K2295" s="40">
        <v>10.003422839370094</v>
      </c>
      <c r="L2295" s="40"/>
      <c r="M2295" s="40"/>
      <c r="N2295" s="40"/>
      <c r="Y2295">
        <v>20.81666700000001</v>
      </c>
      <c r="Z2295">
        <v>99.116667000000007</v>
      </c>
      <c r="AA2295">
        <v>8.6289619999999996</v>
      </c>
      <c r="AB2295">
        <v>4.5160229134432903</v>
      </c>
    </row>
    <row r="2296" spans="4:28" x14ac:dyDescent="0.25">
      <c r="D2296" s="40">
        <v>38.131809000001688</v>
      </c>
      <c r="E2296" s="40">
        <v>15.604436522523688</v>
      </c>
      <c r="F2296" s="40">
        <v>38.116666999999993</v>
      </c>
      <c r="G2296" s="40">
        <v>12.589368868619744</v>
      </c>
      <c r="H2296" s="40">
        <v>38.116667000000007</v>
      </c>
      <c r="I2296" s="40">
        <v>10.005353530741781</v>
      </c>
      <c r="J2296" s="40">
        <v>38.116652761905002</v>
      </c>
      <c r="K2296" s="40">
        <v>10.003422839370094</v>
      </c>
      <c r="L2296" s="40"/>
      <c r="M2296" s="40"/>
      <c r="N2296" s="40"/>
      <c r="Y2296">
        <v>20.833332999999996</v>
      </c>
      <c r="Z2296">
        <v>99.133332999999993</v>
      </c>
      <c r="AA2296">
        <v>8.6289960000000008</v>
      </c>
      <c r="AB2296">
        <v>4.5164347294623184</v>
      </c>
    </row>
    <row r="2297" spans="4:28" x14ac:dyDescent="0.25">
      <c r="D2297" s="40">
        <v>38.148475000001689</v>
      </c>
      <c r="E2297" s="40">
        <v>15.609137254684114</v>
      </c>
      <c r="F2297" s="40">
        <v>38.133332999999993</v>
      </c>
      <c r="G2297" s="40">
        <v>12.589368868619744</v>
      </c>
      <c r="H2297" s="40">
        <v>38.133334000000005</v>
      </c>
      <c r="I2297" s="40">
        <v>10.008706266885037</v>
      </c>
      <c r="J2297" s="40">
        <v>38.133319422619302</v>
      </c>
      <c r="K2297" s="40">
        <v>10.008131205323155</v>
      </c>
      <c r="L2297" s="40"/>
      <c r="M2297" s="40"/>
      <c r="N2297" s="40"/>
      <c r="Y2297">
        <v>20.850000000000009</v>
      </c>
      <c r="Z2297">
        <v>99.15</v>
      </c>
      <c r="AA2297">
        <v>8.6289960000000008</v>
      </c>
      <c r="AB2297">
        <v>4.5164347294623184</v>
      </c>
    </row>
    <row r="2298" spans="4:28" x14ac:dyDescent="0.25">
      <c r="D2298" s="40">
        <v>38.16514100000169</v>
      </c>
      <c r="E2298" s="40">
        <v>15.613980433273536</v>
      </c>
      <c r="F2298" s="40">
        <v>38.149999999999991</v>
      </c>
      <c r="G2298" s="40">
        <v>12.594124112709965</v>
      </c>
      <c r="H2298" s="40">
        <v>38.150000000000006</v>
      </c>
      <c r="I2298" s="40">
        <v>10.008706266885037</v>
      </c>
      <c r="J2298" s="40">
        <v>38.149986083333602</v>
      </c>
      <c r="K2298" s="40">
        <v>10.012982249032259</v>
      </c>
      <c r="L2298" s="40"/>
      <c r="M2298" s="40"/>
      <c r="N2298" s="40"/>
      <c r="Y2298">
        <v>20.866667000000007</v>
      </c>
      <c r="Z2298">
        <v>99.166667000000004</v>
      </c>
      <c r="AA2298">
        <v>8.6289960000000008</v>
      </c>
      <c r="AB2298">
        <v>4.5164347294623184</v>
      </c>
    </row>
    <row r="2299" spans="4:28" x14ac:dyDescent="0.25">
      <c r="D2299" s="40">
        <v>38.18180700000169</v>
      </c>
      <c r="E2299" s="40">
        <v>15.618823611863085</v>
      </c>
      <c r="F2299" s="40">
        <v>38.16666699999999</v>
      </c>
      <c r="G2299" s="40">
        <v>12.598739496679865</v>
      </c>
      <c r="H2299" s="40">
        <v>38.166667000000004</v>
      </c>
      <c r="I2299" s="40">
        <v>10.011960393141798</v>
      </c>
      <c r="J2299" s="40">
        <v>38.166652744047902</v>
      </c>
      <c r="K2299" s="40">
        <v>10.012982249032259</v>
      </c>
      <c r="L2299" s="40"/>
      <c r="M2299" s="40"/>
      <c r="N2299" s="40"/>
      <c r="Y2299">
        <v>20.883333000000007</v>
      </c>
      <c r="Z2299">
        <v>99.183333000000005</v>
      </c>
      <c r="AA2299">
        <v>8.6290300000000002</v>
      </c>
      <c r="AB2299">
        <v>4.5168465454813251</v>
      </c>
    </row>
    <row r="2300" spans="4:28" x14ac:dyDescent="0.25">
      <c r="D2300" s="40">
        <v>38.198473000001691</v>
      </c>
      <c r="E2300" s="40">
        <v>15.62352434402351</v>
      </c>
      <c r="F2300" s="40">
        <v>38.18333299999999</v>
      </c>
      <c r="G2300" s="40">
        <v>12.603494740770085</v>
      </c>
      <c r="H2300" s="40">
        <v>38.183334000000002</v>
      </c>
      <c r="I2300" s="40">
        <v>10.015313129285056</v>
      </c>
      <c r="J2300" s="40">
        <v>38.183319404762202</v>
      </c>
      <c r="K2300" s="40">
        <v>10.017833292741491</v>
      </c>
      <c r="L2300" s="40"/>
      <c r="M2300" s="40"/>
      <c r="N2300" s="40"/>
      <c r="Y2300">
        <v>20.900000000000006</v>
      </c>
      <c r="Z2300">
        <v>99.2</v>
      </c>
      <c r="AA2300">
        <v>8.6290300000000002</v>
      </c>
      <c r="AB2300">
        <v>4.5168465454813251</v>
      </c>
    </row>
    <row r="2301" spans="4:28" x14ac:dyDescent="0.25">
      <c r="D2301" s="40">
        <v>38.215139000001692</v>
      </c>
      <c r="E2301" s="40">
        <v>15.628367522612933</v>
      </c>
      <c r="F2301" s="40">
        <v>38.199999999999989</v>
      </c>
      <c r="G2301" s="40">
        <v>12.608249984860178</v>
      </c>
      <c r="H2301" s="40">
        <v>38.200000000000003</v>
      </c>
      <c r="I2301" s="40">
        <v>10.015313129285056</v>
      </c>
      <c r="J2301" s="40">
        <v>38.199986065476502</v>
      </c>
      <c r="K2301" s="40">
        <v>10.017833292741491</v>
      </c>
      <c r="L2301" s="40"/>
      <c r="M2301" s="40"/>
      <c r="N2301" s="40"/>
      <c r="Y2301">
        <v>20.916667000000004</v>
      </c>
      <c r="Z2301">
        <v>99.216667000000001</v>
      </c>
      <c r="AA2301">
        <v>8.6290630000000004</v>
      </c>
      <c r="AB2301">
        <v>4.5172462492644865</v>
      </c>
    </row>
    <row r="2302" spans="4:28" x14ac:dyDescent="0.25">
      <c r="D2302" s="40">
        <v>38.231805000001692</v>
      </c>
      <c r="E2302" s="40">
        <v>15.633210701202479</v>
      </c>
      <c r="F2302" s="40">
        <v>38.216667000000001</v>
      </c>
      <c r="G2302" s="40">
        <v>12.608249984860178</v>
      </c>
      <c r="H2302" s="40">
        <v>38.216667000000001</v>
      </c>
      <c r="I2302" s="40">
        <v>10.018665865428488</v>
      </c>
      <c r="J2302" s="40">
        <v>38.216652726190702</v>
      </c>
      <c r="K2302" s="40">
        <v>10.022541658694552</v>
      </c>
      <c r="L2302" s="40"/>
      <c r="M2302" s="40"/>
      <c r="N2302" s="40"/>
      <c r="Y2302">
        <v>20.933333000000005</v>
      </c>
      <c r="Z2302">
        <v>99.233333000000002</v>
      </c>
      <c r="AA2302">
        <v>8.6290630000000004</v>
      </c>
      <c r="AB2302">
        <v>4.5172462492644865</v>
      </c>
    </row>
    <row r="2303" spans="4:28" x14ac:dyDescent="0.25">
      <c r="D2303" s="40">
        <v>38.248471000001693</v>
      </c>
      <c r="E2303" s="40">
        <v>15.637911433362905</v>
      </c>
      <c r="F2303" s="40">
        <v>38.233332999999988</v>
      </c>
      <c r="G2303" s="40">
        <v>12.612865368830079</v>
      </c>
      <c r="H2303" s="40">
        <v>38.233334000000013</v>
      </c>
      <c r="I2303" s="40">
        <v>10.021919991685252</v>
      </c>
      <c r="J2303" s="40">
        <v>38.233319386905002</v>
      </c>
      <c r="K2303" s="40">
        <v>10.022541658694552</v>
      </c>
      <c r="L2303" s="40"/>
      <c r="M2303" s="40"/>
      <c r="N2303" s="40"/>
      <c r="Y2303">
        <v>20.950000000000003</v>
      </c>
      <c r="Z2303">
        <v>99.25</v>
      </c>
      <c r="AA2303">
        <v>8.6290630000000004</v>
      </c>
      <c r="AB2303">
        <v>4.5172462492644865</v>
      </c>
    </row>
    <row r="2304" spans="4:28" x14ac:dyDescent="0.25">
      <c r="D2304" s="40">
        <v>38.265137000001694</v>
      </c>
      <c r="E2304" s="40">
        <v>15.642754611952327</v>
      </c>
      <c r="F2304" s="40">
        <v>38.25</v>
      </c>
      <c r="G2304" s="40">
        <v>12.617620612920298</v>
      </c>
      <c r="H2304" s="40">
        <v>38.25</v>
      </c>
      <c r="I2304" s="40">
        <v>10.021919991685252</v>
      </c>
      <c r="J2304" s="40">
        <v>38.249986047619302</v>
      </c>
      <c r="K2304" s="40">
        <v>10.022541658694552</v>
      </c>
      <c r="L2304" s="40"/>
      <c r="M2304" s="40"/>
      <c r="N2304" s="40"/>
      <c r="Y2304">
        <v>20.966667000000001</v>
      </c>
      <c r="Z2304">
        <v>99.266666999999998</v>
      </c>
      <c r="AA2304">
        <v>8.6290969999999998</v>
      </c>
      <c r="AB2304">
        <v>4.5176580652834932</v>
      </c>
    </row>
    <row r="2305" spans="4:28" x14ac:dyDescent="0.25">
      <c r="D2305" s="40">
        <v>38.281803000001695</v>
      </c>
      <c r="E2305" s="40">
        <v>15.647597790541875</v>
      </c>
      <c r="F2305" s="40">
        <v>38.266666999999998</v>
      </c>
      <c r="G2305" s="40">
        <v>12.622375857010393</v>
      </c>
      <c r="H2305" s="40">
        <v>38.266667000000012</v>
      </c>
      <c r="I2305" s="40">
        <v>10.02527272782851</v>
      </c>
      <c r="J2305" s="40">
        <v>38.266652708333602</v>
      </c>
      <c r="K2305" s="40">
        <v>10.027392702403784</v>
      </c>
      <c r="L2305" s="40"/>
      <c r="M2305" s="40"/>
      <c r="N2305" s="40"/>
      <c r="Y2305">
        <v>20.983333000000002</v>
      </c>
      <c r="Z2305">
        <v>99.283332999999999</v>
      </c>
      <c r="AA2305">
        <v>8.6290969999999998</v>
      </c>
      <c r="AB2305">
        <v>4.5176580652834932</v>
      </c>
    </row>
    <row r="2306" spans="4:28" x14ac:dyDescent="0.25">
      <c r="D2306" s="40">
        <v>38.298469000001695</v>
      </c>
      <c r="E2306" s="40">
        <v>15.647597790541875</v>
      </c>
      <c r="F2306" s="40">
        <v>38.283332999999999</v>
      </c>
      <c r="G2306" s="40">
        <v>12.627131101100613</v>
      </c>
      <c r="H2306" s="40">
        <v>38.283334000000011</v>
      </c>
      <c r="I2306" s="40">
        <v>10.028625463971766</v>
      </c>
      <c r="J2306" s="40">
        <v>38.283319369047902</v>
      </c>
      <c r="K2306" s="40">
        <v>10.027392702403784</v>
      </c>
      <c r="L2306" s="40"/>
      <c r="M2306" s="40"/>
      <c r="N2306" s="40"/>
      <c r="Y2306">
        <v>21</v>
      </c>
      <c r="Z2306">
        <v>99.3</v>
      </c>
      <c r="AA2306">
        <v>8.6290969999999998</v>
      </c>
      <c r="AB2306">
        <v>4.5176580652834932</v>
      </c>
    </row>
    <row r="2307" spans="4:28" x14ac:dyDescent="0.25">
      <c r="D2307" s="40">
        <v>38.315135000001696</v>
      </c>
      <c r="E2307" s="40">
        <v>15.652298522702299</v>
      </c>
      <c r="F2307" s="40">
        <v>38.299999999999997</v>
      </c>
      <c r="G2307" s="40">
        <v>12.631746485070513</v>
      </c>
      <c r="H2307" s="40">
        <v>38.300000000000011</v>
      </c>
      <c r="I2307" s="40">
        <v>10.028625463971766</v>
      </c>
      <c r="J2307" s="40">
        <v>38.299986029762202</v>
      </c>
      <c r="K2307" s="40">
        <v>10.03224374611289</v>
      </c>
      <c r="L2307" s="40"/>
      <c r="M2307" s="40"/>
      <c r="N2307" s="40"/>
      <c r="Y2307">
        <v>21.016666999999998</v>
      </c>
      <c r="Z2307">
        <v>99.316666999999995</v>
      </c>
      <c r="AA2307">
        <v>8.6291309999999992</v>
      </c>
      <c r="AB2307">
        <v>4.5180698813024991</v>
      </c>
    </row>
    <row r="2308" spans="4:28" x14ac:dyDescent="0.25">
      <c r="D2308" s="40">
        <v>38.331801000001697</v>
      </c>
      <c r="E2308" s="40">
        <v>15.657141701291851</v>
      </c>
      <c r="F2308" s="40">
        <v>38.316666999999995</v>
      </c>
      <c r="G2308" s="40">
        <v>12.631746485070513</v>
      </c>
      <c r="H2308" s="40">
        <v>38.31666700000001</v>
      </c>
      <c r="I2308" s="40">
        <v>10.031879590228529</v>
      </c>
      <c r="J2308" s="40">
        <v>38.316652690476502</v>
      </c>
      <c r="K2308" s="40">
        <v>10.03224374611289</v>
      </c>
      <c r="L2308" s="40"/>
      <c r="M2308" s="40"/>
      <c r="N2308" s="40"/>
      <c r="Y2308">
        <v>21.033332999999999</v>
      </c>
      <c r="Z2308">
        <v>99.333332999999996</v>
      </c>
      <c r="AA2308">
        <v>8.6291309999999992</v>
      </c>
      <c r="AB2308">
        <v>4.5180698813024991</v>
      </c>
    </row>
    <row r="2309" spans="4:28" x14ac:dyDescent="0.25">
      <c r="D2309" s="40">
        <v>38.348467000001698</v>
      </c>
      <c r="E2309" s="40">
        <v>15.657141701291851</v>
      </c>
      <c r="F2309" s="40">
        <v>38.333332999999996</v>
      </c>
      <c r="G2309" s="40">
        <v>12.636501729160608</v>
      </c>
      <c r="H2309" s="40">
        <v>38.333334000000008</v>
      </c>
      <c r="I2309" s="40">
        <v>10.035232326371787</v>
      </c>
      <c r="J2309" s="40">
        <v>38.333319351190703</v>
      </c>
      <c r="K2309" s="40">
        <v>10.036952112065949</v>
      </c>
      <c r="L2309" s="40"/>
      <c r="M2309" s="40"/>
      <c r="N2309" s="40"/>
      <c r="Y2309">
        <v>21.049999999999997</v>
      </c>
      <c r="Z2309">
        <v>99.35</v>
      </c>
      <c r="AA2309">
        <v>8.6291639999999994</v>
      </c>
      <c r="AB2309">
        <v>4.5184695850856613</v>
      </c>
    </row>
    <row r="2310" spans="4:28" x14ac:dyDescent="0.25">
      <c r="D2310" s="40">
        <v>38.365133000001698</v>
      </c>
      <c r="E2310" s="40">
        <v>15.661984879881272</v>
      </c>
      <c r="F2310" s="40">
        <v>38.349999999999994</v>
      </c>
      <c r="G2310" s="40">
        <v>12.641256973250828</v>
      </c>
      <c r="H2310" s="40">
        <v>38.350000000000009</v>
      </c>
      <c r="I2310" s="40">
        <v>10.035232326371787</v>
      </c>
      <c r="J2310" s="40">
        <v>38.349986011905003</v>
      </c>
      <c r="K2310" s="40">
        <v>10.036952112065949</v>
      </c>
      <c r="L2310" s="40"/>
      <c r="M2310" s="40"/>
      <c r="N2310" s="40"/>
      <c r="Y2310">
        <v>21.06666700000001</v>
      </c>
      <c r="Z2310">
        <v>99.366667000000007</v>
      </c>
      <c r="AA2310">
        <v>8.6291639999999994</v>
      </c>
      <c r="AB2310">
        <v>4.5184695850856613</v>
      </c>
    </row>
    <row r="2311" spans="4:28" x14ac:dyDescent="0.25">
      <c r="D2311" s="40">
        <v>38.381799000001699</v>
      </c>
      <c r="E2311" s="40">
        <v>15.661984879881272</v>
      </c>
      <c r="F2311" s="40">
        <v>38.366666999999993</v>
      </c>
      <c r="G2311" s="40">
        <v>12.645872357220728</v>
      </c>
      <c r="H2311" s="40">
        <v>38.366667000000007</v>
      </c>
      <c r="I2311" s="40">
        <v>10.038585062515219</v>
      </c>
      <c r="J2311" s="40">
        <v>38.366652672619303</v>
      </c>
      <c r="K2311" s="40">
        <v>10.041803155775181</v>
      </c>
      <c r="L2311" s="40"/>
      <c r="M2311" s="40"/>
      <c r="N2311" s="40"/>
      <c r="Y2311">
        <v>21.083332999999996</v>
      </c>
      <c r="Z2311">
        <v>99.383332999999993</v>
      </c>
      <c r="AA2311">
        <v>8.6291639999999994</v>
      </c>
      <c r="AB2311">
        <v>4.5184695850856613</v>
      </c>
    </row>
    <row r="2312" spans="4:28" x14ac:dyDescent="0.25">
      <c r="D2312" s="40">
        <v>38.3984650000017</v>
      </c>
      <c r="E2312" s="40">
        <v>15.666685612041698</v>
      </c>
      <c r="F2312" s="40">
        <v>38.383332999999993</v>
      </c>
      <c r="G2312" s="40">
        <v>12.650627601310822</v>
      </c>
      <c r="H2312" s="40">
        <v>38.383334000000005</v>
      </c>
      <c r="I2312" s="40">
        <v>10.038585062515219</v>
      </c>
      <c r="J2312" s="40">
        <v>38.383319333333603</v>
      </c>
      <c r="K2312" s="40">
        <v>10.046654199484287</v>
      </c>
      <c r="L2312" s="40"/>
      <c r="M2312" s="40"/>
      <c r="N2312" s="40"/>
      <c r="Y2312">
        <v>21.100000000000009</v>
      </c>
      <c r="Z2312">
        <v>99.4</v>
      </c>
      <c r="AA2312">
        <v>8.6291980000000006</v>
      </c>
      <c r="AB2312">
        <v>4.5188814011046894</v>
      </c>
    </row>
    <row r="2313" spans="4:28" x14ac:dyDescent="0.25">
      <c r="D2313" s="40">
        <v>38.415131000001701</v>
      </c>
      <c r="E2313" s="40">
        <v>15.666685612041698</v>
      </c>
      <c r="F2313" s="40">
        <v>38.399999999999991</v>
      </c>
      <c r="G2313" s="40">
        <v>12.655382845401043</v>
      </c>
      <c r="H2313" s="40">
        <v>38.400000000000006</v>
      </c>
      <c r="I2313" s="40">
        <v>10.041839188771982</v>
      </c>
      <c r="J2313" s="40">
        <v>38.399985994047903</v>
      </c>
      <c r="K2313" s="40">
        <v>10.046654199484287</v>
      </c>
      <c r="L2313" s="40"/>
      <c r="M2313" s="40"/>
      <c r="N2313" s="40"/>
      <c r="Y2313">
        <v>21.116667000000007</v>
      </c>
      <c r="Z2313">
        <v>99.416667000000004</v>
      </c>
      <c r="AA2313">
        <v>8.6291980000000006</v>
      </c>
      <c r="AB2313">
        <v>4.5188814011046894</v>
      </c>
    </row>
    <row r="2314" spans="4:28" x14ac:dyDescent="0.25">
      <c r="D2314" s="40">
        <v>38.431797000001701</v>
      </c>
      <c r="E2314" s="40">
        <v>15.671528790631244</v>
      </c>
      <c r="F2314" s="40">
        <v>38.41666699999999</v>
      </c>
      <c r="G2314" s="40">
        <v>12.659998229370943</v>
      </c>
      <c r="H2314" s="40">
        <v>38.416667000000004</v>
      </c>
      <c r="I2314" s="40">
        <v>10.041839188771982</v>
      </c>
      <c r="J2314" s="40">
        <v>38.416652654762203</v>
      </c>
      <c r="K2314" s="40">
        <v>10.051362565437348</v>
      </c>
      <c r="L2314" s="40"/>
      <c r="M2314" s="40"/>
      <c r="N2314" s="40"/>
      <c r="Y2314">
        <v>21.133333000000007</v>
      </c>
      <c r="Z2314">
        <v>99.433333000000005</v>
      </c>
      <c r="AA2314">
        <v>8.6292310000000008</v>
      </c>
      <c r="AB2314">
        <v>4.5192811048878507</v>
      </c>
    </row>
    <row r="2315" spans="4:28" x14ac:dyDescent="0.25">
      <c r="D2315" s="40">
        <v>38.448463000001702</v>
      </c>
      <c r="E2315" s="40">
        <v>15.676371969220668</v>
      </c>
      <c r="F2315" s="40">
        <v>38.43333299999999</v>
      </c>
      <c r="G2315" s="40">
        <v>12.664753473461161</v>
      </c>
      <c r="H2315" s="40">
        <v>38.433334000000002</v>
      </c>
      <c r="I2315" s="40">
        <v>10.04519192491524</v>
      </c>
      <c r="J2315" s="40">
        <v>38.433319315476503</v>
      </c>
      <c r="K2315" s="40">
        <v>10.051362565437348</v>
      </c>
      <c r="L2315" s="40"/>
      <c r="M2315" s="40"/>
      <c r="N2315" s="40"/>
      <c r="Y2315">
        <v>21.150000000000006</v>
      </c>
      <c r="Z2315">
        <v>99.45</v>
      </c>
      <c r="AA2315">
        <v>8.6292310000000008</v>
      </c>
      <c r="AB2315">
        <v>4.5192811048878507</v>
      </c>
    </row>
    <row r="2316" spans="4:28" x14ac:dyDescent="0.25">
      <c r="D2316" s="40">
        <v>38.465129000001703</v>
      </c>
      <c r="E2316" s="40">
        <v>15.681072701381092</v>
      </c>
      <c r="F2316" s="40">
        <v>38.449999999999989</v>
      </c>
      <c r="G2316" s="40">
        <v>12.664753473461161</v>
      </c>
      <c r="H2316" s="40">
        <v>38.450000000000003</v>
      </c>
      <c r="I2316" s="40">
        <v>10.048544661058497</v>
      </c>
      <c r="J2316" s="40">
        <v>38.449985976190703</v>
      </c>
      <c r="K2316" s="40">
        <v>10.05621360914658</v>
      </c>
      <c r="L2316" s="40"/>
      <c r="M2316" s="40"/>
      <c r="N2316" s="40"/>
      <c r="Y2316">
        <v>21.166667000000004</v>
      </c>
      <c r="Z2316">
        <v>99.466667000000001</v>
      </c>
      <c r="AA2316">
        <v>8.6292650000000002</v>
      </c>
      <c r="AB2316">
        <v>4.5196929209068575</v>
      </c>
    </row>
    <row r="2317" spans="4:28" x14ac:dyDescent="0.25">
      <c r="D2317" s="40">
        <v>38.481795000001703</v>
      </c>
      <c r="E2317" s="40">
        <v>15.68591587997064</v>
      </c>
      <c r="F2317" s="40">
        <v>38.466667000000001</v>
      </c>
      <c r="G2317" s="40">
        <v>12.669508717551256</v>
      </c>
      <c r="H2317" s="40">
        <v>38.466667000000001</v>
      </c>
      <c r="I2317" s="40">
        <v>10.048544661058497</v>
      </c>
      <c r="J2317" s="40">
        <v>38.466652636905003</v>
      </c>
      <c r="K2317" s="40">
        <v>10.05621360914658</v>
      </c>
      <c r="L2317" s="40"/>
      <c r="M2317" s="40"/>
      <c r="N2317" s="40"/>
      <c r="Y2317">
        <v>21.183333000000005</v>
      </c>
      <c r="Z2317">
        <v>99.483333000000002</v>
      </c>
      <c r="AA2317">
        <v>8.6292650000000002</v>
      </c>
      <c r="AB2317">
        <v>4.5196929209068575</v>
      </c>
    </row>
    <row r="2318" spans="4:28" x14ac:dyDescent="0.25">
      <c r="D2318" s="40">
        <v>38.498461000001704</v>
      </c>
      <c r="E2318" s="40">
        <v>15.68591587997064</v>
      </c>
      <c r="F2318" s="40">
        <v>38.483332999999988</v>
      </c>
      <c r="G2318" s="40">
        <v>12.674124101521157</v>
      </c>
      <c r="H2318" s="40">
        <v>38.483334000000013</v>
      </c>
      <c r="I2318" s="40">
        <v>10.05179878731526</v>
      </c>
      <c r="J2318" s="40">
        <v>38.483319297619303</v>
      </c>
      <c r="K2318" s="40">
        <v>10.061064652855684</v>
      </c>
      <c r="L2318" s="40"/>
      <c r="M2318" s="40"/>
      <c r="N2318" s="40"/>
      <c r="Y2318">
        <v>21.200000000000003</v>
      </c>
      <c r="Z2318">
        <v>99.5</v>
      </c>
      <c r="AA2318">
        <v>8.6292989999999996</v>
      </c>
      <c r="AB2318">
        <v>4.5201047369258642</v>
      </c>
    </row>
    <row r="2319" spans="4:28" x14ac:dyDescent="0.25">
      <c r="D2319" s="40">
        <v>38.515127000001705</v>
      </c>
      <c r="E2319" s="40">
        <v>15.690759058560062</v>
      </c>
      <c r="F2319" s="40">
        <v>38.5</v>
      </c>
      <c r="G2319" s="40">
        <v>12.674124101521157</v>
      </c>
      <c r="H2319" s="40">
        <v>38.5</v>
      </c>
      <c r="I2319" s="40">
        <v>10.055151523458692</v>
      </c>
      <c r="J2319" s="40">
        <v>38.499985958333603</v>
      </c>
      <c r="K2319" s="40">
        <v>10.061064652855684</v>
      </c>
      <c r="L2319" s="40"/>
      <c r="M2319" s="40"/>
      <c r="N2319" s="40"/>
      <c r="Y2319">
        <v>21.216667000000001</v>
      </c>
      <c r="Z2319">
        <v>99.516666999999998</v>
      </c>
      <c r="AA2319">
        <v>8.6292989999999996</v>
      </c>
      <c r="AB2319">
        <v>4.5201047369258642</v>
      </c>
    </row>
    <row r="2320" spans="4:28" x14ac:dyDescent="0.25">
      <c r="D2320" s="40">
        <v>38.531793000001706</v>
      </c>
      <c r="E2320" s="40">
        <v>15.695459790720488</v>
      </c>
      <c r="F2320" s="40">
        <v>38.516666999999998</v>
      </c>
      <c r="G2320" s="40">
        <v>12.678879345611374</v>
      </c>
      <c r="H2320" s="40">
        <v>38.516667000000012</v>
      </c>
      <c r="I2320" s="40">
        <v>10.055151523458692</v>
      </c>
      <c r="J2320" s="40">
        <v>38.516652619047903</v>
      </c>
      <c r="K2320" s="40">
        <v>10.061064652855684</v>
      </c>
      <c r="L2320" s="40"/>
      <c r="M2320" s="40"/>
      <c r="N2320" s="40"/>
      <c r="Y2320">
        <v>21.233333000000002</v>
      </c>
      <c r="Z2320">
        <v>99.533332999999999</v>
      </c>
      <c r="AA2320">
        <v>8.6293319999999998</v>
      </c>
      <c r="AB2320">
        <v>4.5205044407090256</v>
      </c>
    </row>
    <row r="2321" spans="4:28" x14ac:dyDescent="0.25">
      <c r="D2321" s="40">
        <v>38.548459000001706</v>
      </c>
      <c r="E2321" s="40">
        <v>15.700302969310037</v>
      </c>
      <c r="F2321" s="40">
        <v>38.533332999999999</v>
      </c>
      <c r="G2321" s="40">
        <v>12.683634589701471</v>
      </c>
      <c r="H2321" s="40">
        <v>38.533334000000011</v>
      </c>
      <c r="I2321" s="40">
        <v>10.058504259601948</v>
      </c>
      <c r="J2321" s="40">
        <v>38.533319279762203</v>
      </c>
      <c r="K2321" s="40">
        <v>10.061064652855684</v>
      </c>
      <c r="L2321" s="40"/>
      <c r="M2321" s="40"/>
      <c r="N2321" s="40"/>
      <c r="Y2321">
        <v>21.25</v>
      </c>
      <c r="Z2321">
        <v>99.55</v>
      </c>
      <c r="AA2321">
        <v>8.6293319999999998</v>
      </c>
      <c r="AB2321">
        <v>4.5205044407090256</v>
      </c>
    </row>
    <row r="2322" spans="4:28" x14ac:dyDescent="0.25">
      <c r="D2322" s="40">
        <v>38.565125000001707</v>
      </c>
      <c r="E2322" s="40">
        <v>15.700302969310037</v>
      </c>
      <c r="F2322" s="40">
        <v>38.549999999999997</v>
      </c>
      <c r="G2322" s="40">
        <v>12.688249973671372</v>
      </c>
      <c r="H2322" s="40">
        <v>38.550000000000011</v>
      </c>
      <c r="I2322" s="40">
        <v>10.061758385858711</v>
      </c>
      <c r="J2322" s="40">
        <v>38.549985940476503</v>
      </c>
      <c r="K2322" s="40">
        <v>10.061064652855684</v>
      </c>
      <c r="L2322" s="40"/>
      <c r="M2322" s="40"/>
      <c r="N2322" s="40"/>
      <c r="Y2322">
        <v>21.266666999999998</v>
      </c>
      <c r="Z2322">
        <v>99.566666999999995</v>
      </c>
      <c r="AA2322">
        <v>8.6293659999999992</v>
      </c>
      <c r="AB2322">
        <v>4.5209162567280323</v>
      </c>
    </row>
    <row r="2323" spans="4:28" x14ac:dyDescent="0.25">
      <c r="D2323" s="40">
        <v>38.581791000001708</v>
      </c>
      <c r="E2323" s="40">
        <v>15.705146147899585</v>
      </c>
      <c r="F2323" s="40">
        <v>38.566666999999995</v>
      </c>
      <c r="G2323" s="40">
        <v>12.69300521776159</v>
      </c>
      <c r="H2323" s="40">
        <v>38.56666700000001</v>
      </c>
      <c r="I2323" s="40">
        <v>10.065111122001969</v>
      </c>
      <c r="J2323" s="40">
        <v>38.566652601190697</v>
      </c>
      <c r="K2323" s="40">
        <v>10.061064652855684</v>
      </c>
      <c r="L2323" s="40"/>
      <c r="M2323" s="40"/>
      <c r="N2323" s="40"/>
      <c r="Y2323">
        <v>21.283332999999999</v>
      </c>
      <c r="Z2323">
        <v>99.583332999999996</v>
      </c>
      <c r="AA2323">
        <v>8.6293659999999992</v>
      </c>
      <c r="AB2323">
        <v>4.5209162567280323</v>
      </c>
    </row>
    <row r="2324" spans="4:28" x14ac:dyDescent="0.25">
      <c r="D2324" s="40">
        <v>38.598457000001709</v>
      </c>
      <c r="E2324" s="40">
        <v>15.705146147899585</v>
      </c>
      <c r="F2324" s="40">
        <v>38.583332999999996</v>
      </c>
      <c r="G2324" s="40">
        <v>12.697760461851686</v>
      </c>
      <c r="H2324" s="40">
        <v>38.583334000000008</v>
      </c>
      <c r="I2324" s="40">
        <v>10.068463858145227</v>
      </c>
      <c r="J2324" s="40">
        <v>38.583319261904997</v>
      </c>
      <c r="K2324" s="40">
        <v>10.061064652855684</v>
      </c>
      <c r="L2324" s="40"/>
      <c r="M2324" s="40"/>
      <c r="N2324" s="40"/>
      <c r="Y2324">
        <v>21.299999999999997</v>
      </c>
      <c r="Z2324">
        <v>99.6</v>
      </c>
      <c r="AA2324">
        <v>8.6294000000000004</v>
      </c>
      <c r="AB2324">
        <v>4.5213280727470595</v>
      </c>
    </row>
    <row r="2325" spans="4:28" x14ac:dyDescent="0.25">
      <c r="D2325" s="40">
        <v>38.615123000001709</v>
      </c>
      <c r="E2325" s="40">
        <v>15.709846880059882</v>
      </c>
      <c r="F2325" s="40">
        <v>38.599999999999994</v>
      </c>
      <c r="G2325" s="40">
        <v>12.702375845821587</v>
      </c>
      <c r="H2325" s="40">
        <v>38.600000000000009</v>
      </c>
      <c r="I2325" s="40">
        <v>10.071816594288659</v>
      </c>
      <c r="J2325" s="40">
        <v>38.599985922619297</v>
      </c>
      <c r="K2325" s="40">
        <v>10.061064652855684</v>
      </c>
      <c r="L2325" s="40"/>
      <c r="M2325" s="40"/>
      <c r="N2325" s="40"/>
      <c r="Y2325">
        <v>21.31666700000001</v>
      </c>
      <c r="Z2325">
        <v>99.616667000000007</v>
      </c>
      <c r="AA2325">
        <v>8.6294000000000004</v>
      </c>
      <c r="AB2325">
        <v>4.5213280727470595</v>
      </c>
    </row>
    <row r="2326" spans="4:28" x14ac:dyDescent="0.25">
      <c r="D2326" s="40">
        <v>38.63178900000171</v>
      </c>
      <c r="E2326" s="40">
        <v>15.714690058649433</v>
      </c>
      <c r="F2326" s="40">
        <v>38.616666999999993</v>
      </c>
      <c r="G2326" s="40">
        <v>12.707131089911805</v>
      </c>
      <c r="H2326" s="40">
        <v>38.616667000000007</v>
      </c>
      <c r="I2326" s="40">
        <v>10.071816594288659</v>
      </c>
      <c r="J2326" s="40">
        <v>38.616652583333597</v>
      </c>
      <c r="K2326" s="40">
        <v>10.061064652855684</v>
      </c>
      <c r="L2326" s="40"/>
      <c r="M2326" s="40"/>
      <c r="N2326" s="40"/>
      <c r="Y2326">
        <v>21.333332999999996</v>
      </c>
      <c r="Z2326">
        <v>99.633332999999993</v>
      </c>
      <c r="AA2326">
        <v>8.6294330000000006</v>
      </c>
      <c r="AB2326">
        <v>4.5217277765302226</v>
      </c>
    </row>
    <row r="2327" spans="4:28" x14ac:dyDescent="0.25">
      <c r="D2327" s="40">
        <v>38.648455000001711</v>
      </c>
      <c r="E2327" s="40">
        <v>15.714690058649433</v>
      </c>
      <c r="F2327" s="40">
        <v>38.633332999999993</v>
      </c>
      <c r="G2327" s="40">
        <v>12.711886334002024</v>
      </c>
      <c r="H2327" s="40">
        <v>38.633334000000005</v>
      </c>
      <c r="I2327" s="40">
        <v>10.075070720545423</v>
      </c>
      <c r="J2327" s="40">
        <v>38.633319244047897</v>
      </c>
      <c r="K2327" s="40">
        <v>10.061064652855684</v>
      </c>
      <c r="L2327" s="40"/>
      <c r="M2327" s="40"/>
      <c r="N2327" s="40"/>
      <c r="Y2327">
        <v>21.350000000000009</v>
      </c>
      <c r="Z2327">
        <v>99.65</v>
      </c>
      <c r="AA2327">
        <v>8.6294330000000006</v>
      </c>
      <c r="AB2327">
        <v>4.5217277765302226</v>
      </c>
    </row>
    <row r="2328" spans="4:28" x14ac:dyDescent="0.25">
      <c r="D2328" s="40">
        <v>38.665121000001712</v>
      </c>
      <c r="E2328" s="40">
        <v>15.719533237238979</v>
      </c>
      <c r="F2328" s="40">
        <v>38.649999999999991</v>
      </c>
      <c r="G2328" s="40">
        <v>12.711886334002024</v>
      </c>
      <c r="H2328" s="40">
        <v>38.650000000000006</v>
      </c>
      <c r="I2328" s="40">
        <v>10.078423456688679</v>
      </c>
      <c r="J2328" s="40">
        <v>38.649985904762197</v>
      </c>
      <c r="K2328" s="40">
        <v>10.065773018808745</v>
      </c>
      <c r="L2328" s="40"/>
      <c r="M2328" s="40"/>
      <c r="N2328" s="40"/>
      <c r="Y2328">
        <v>21.366667000000007</v>
      </c>
      <c r="Z2328">
        <v>99.666667000000004</v>
      </c>
      <c r="AA2328">
        <v>8.629467</v>
      </c>
      <c r="AB2328">
        <v>4.5221395925492285</v>
      </c>
    </row>
    <row r="2329" spans="4:28" x14ac:dyDescent="0.25">
      <c r="D2329" s="40">
        <v>38.681787000001712</v>
      </c>
      <c r="E2329" s="40">
        <v>15.719533237238979</v>
      </c>
      <c r="F2329" s="40">
        <v>38.66666699999999</v>
      </c>
      <c r="G2329" s="40">
        <v>12.7165017179718</v>
      </c>
      <c r="H2329" s="40">
        <v>38.666667000000004</v>
      </c>
      <c r="I2329" s="40">
        <v>10.081776192831937</v>
      </c>
      <c r="J2329" s="40">
        <v>38.666652565476497</v>
      </c>
      <c r="K2329" s="40">
        <v>10.065773018808745</v>
      </c>
      <c r="L2329" s="40"/>
      <c r="M2329" s="40"/>
      <c r="N2329" s="40"/>
      <c r="Y2329">
        <v>21.383333000000007</v>
      </c>
      <c r="Z2329">
        <v>99.683333000000005</v>
      </c>
      <c r="AA2329">
        <v>8.629467</v>
      </c>
      <c r="AB2329">
        <v>4.5221395925492285</v>
      </c>
    </row>
    <row r="2330" spans="4:28" x14ac:dyDescent="0.25">
      <c r="D2330" s="40">
        <v>38.698453000001713</v>
      </c>
      <c r="E2330" s="40">
        <v>15.724233969399281</v>
      </c>
      <c r="F2330" s="40">
        <v>38.68333299999999</v>
      </c>
      <c r="G2330" s="40">
        <v>12.72125696206202</v>
      </c>
      <c r="H2330" s="40">
        <v>38.683334000000002</v>
      </c>
      <c r="I2330" s="40">
        <v>10.0850303190887</v>
      </c>
      <c r="J2330" s="40">
        <v>38.683319226190697</v>
      </c>
      <c r="K2330" s="40">
        <v>10.070624062517977</v>
      </c>
      <c r="L2330" s="40"/>
      <c r="M2330" s="40"/>
      <c r="N2330" s="40"/>
      <c r="Y2330">
        <v>21.400000000000006</v>
      </c>
      <c r="Z2330">
        <v>99.7</v>
      </c>
      <c r="AA2330">
        <v>8.6295009999999994</v>
      </c>
      <c r="AB2330">
        <v>4.5225514085682352</v>
      </c>
    </row>
    <row r="2331" spans="4:28" x14ac:dyDescent="0.25">
      <c r="D2331" s="40">
        <v>38.715119000001714</v>
      </c>
      <c r="E2331" s="40">
        <v>15.729077147988827</v>
      </c>
      <c r="F2331" s="40">
        <v>38.699999999999989</v>
      </c>
      <c r="G2331" s="40">
        <v>12.72125696206202</v>
      </c>
      <c r="H2331" s="40">
        <v>38.700000000000003</v>
      </c>
      <c r="I2331" s="40">
        <v>10.088383055232132</v>
      </c>
      <c r="J2331" s="40">
        <v>38.699985886904997</v>
      </c>
      <c r="K2331" s="40">
        <v>10.070624062517977</v>
      </c>
      <c r="L2331" s="40"/>
      <c r="M2331" s="40"/>
      <c r="N2331" s="40"/>
      <c r="Y2331">
        <v>21.416667000000004</v>
      </c>
      <c r="Z2331">
        <v>99.716667000000001</v>
      </c>
      <c r="AA2331">
        <v>8.6295339999999996</v>
      </c>
      <c r="AB2331">
        <v>4.5229511123513966</v>
      </c>
    </row>
    <row r="2332" spans="4:28" x14ac:dyDescent="0.25">
      <c r="D2332" s="40">
        <v>38.731785000001715</v>
      </c>
      <c r="E2332" s="40">
        <v>15.733920326578378</v>
      </c>
      <c r="F2332" s="40">
        <v>38.716667000000001</v>
      </c>
      <c r="G2332" s="40">
        <v>12.726012206152239</v>
      </c>
      <c r="H2332" s="40">
        <v>38.716667000000001</v>
      </c>
      <c r="I2332" s="40">
        <v>10.09173579137539</v>
      </c>
      <c r="J2332" s="40">
        <v>38.716652547619297</v>
      </c>
      <c r="K2332" s="40">
        <v>10.070624062517977</v>
      </c>
      <c r="L2332" s="40"/>
      <c r="M2332" s="40"/>
      <c r="N2332" s="40"/>
      <c r="Y2332">
        <v>21.433333000000005</v>
      </c>
      <c r="Z2332">
        <v>99.733333000000002</v>
      </c>
      <c r="AA2332">
        <v>8.6295339999999996</v>
      </c>
      <c r="AB2332">
        <v>4.5229511123513966</v>
      </c>
    </row>
    <row r="2333" spans="4:28" x14ac:dyDescent="0.25">
      <c r="D2333" s="40">
        <v>38.748451000001715</v>
      </c>
      <c r="E2333" s="40">
        <v>15.733920326578378</v>
      </c>
      <c r="F2333" s="40">
        <v>38.733332999999988</v>
      </c>
      <c r="G2333" s="40">
        <v>12.726012206152239</v>
      </c>
      <c r="H2333" s="40">
        <v>38.733334000000013</v>
      </c>
      <c r="I2333" s="40">
        <v>10.094989917632153</v>
      </c>
      <c r="J2333" s="40">
        <v>38.733319208333597</v>
      </c>
      <c r="K2333" s="40">
        <v>10.075475106227209</v>
      </c>
      <c r="L2333" s="40"/>
      <c r="M2333" s="40"/>
      <c r="N2333" s="40"/>
      <c r="Y2333">
        <v>21.450000000000003</v>
      </c>
      <c r="Z2333">
        <v>99.75</v>
      </c>
      <c r="AA2333">
        <v>8.6295680000000008</v>
      </c>
      <c r="AB2333">
        <v>4.5233629283704246</v>
      </c>
    </row>
    <row r="2334" spans="4:28" x14ac:dyDescent="0.25">
      <c r="D2334" s="40">
        <v>38.765117000001716</v>
      </c>
      <c r="E2334" s="40">
        <v>15.7387635051678</v>
      </c>
      <c r="F2334" s="40">
        <v>38.75</v>
      </c>
      <c r="G2334" s="40">
        <v>12.730627590122015</v>
      </c>
      <c r="H2334" s="40">
        <v>38.75</v>
      </c>
      <c r="I2334" s="40">
        <v>10.098342653775408</v>
      </c>
      <c r="J2334" s="40">
        <v>38.749985869047897</v>
      </c>
      <c r="K2334" s="40">
        <v>10.075475106227209</v>
      </c>
      <c r="L2334" s="40"/>
      <c r="M2334" s="40"/>
      <c r="N2334" s="40"/>
      <c r="Y2334">
        <v>21.466667000000001</v>
      </c>
      <c r="Z2334">
        <v>99.766666999999998</v>
      </c>
      <c r="AA2334">
        <v>8.6295680000000008</v>
      </c>
      <c r="AB2334">
        <v>4.5233629283704246</v>
      </c>
    </row>
    <row r="2335" spans="4:28" x14ac:dyDescent="0.25">
      <c r="D2335" s="40">
        <v>38.781783000001717</v>
      </c>
      <c r="E2335" s="40">
        <v>15.748307415917772</v>
      </c>
      <c r="F2335" s="40">
        <v>38.766666999999998</v>
      </c>
      <c r="G2335" s="40">
        <v>12.735382834212235</v>
      </c>
      <c r="H2335" s="40">
        <v>38.766667000000012</v>
      </c>
      <c r="I2335" s="40">
        <v>10.101695389918666</v>
      </c>
      <c r="J2335" s="40">
        <v>38.766652529762197</v>
      </c>
      <c r="K2335" s="40">
        <v>10.075475106227209</v>
      </c>
      <c r="L2335" s="40"/>
      <c r="M2335" s="40"/>
      <c r="N2335" s="40"/>
      <c r="Y2335">
        <v>21.483333000000002</v>
      </c>
      <c r="Z2335">
        <v>99.783332999999999</v>
      </c>
      <c r="AA2335">
        <v>8.6296020000000002</v>
      </c>
      <c r="AB2335">
        <v>4.5237747443894314</v>
      </c>
    </row>
    <row r="2336" spans="4:28" x14ac:dyDescent="0.25">
      <c r="D2336" s="40">
        <v>38.798449000001717</v>
      </c>
      <c r="E2336" s="40">
        <v>15.753150594507193</v>
      </c>
      <c r="F2336" s="40">
        <v>38.783332999999999</v>
      </c>
      <c r="G2336" s="40">
        <v>12.735382834212235</v>
      </c>
      <c r="H2336" s="40">
        <v>38.783334000000011</v>
      </c>
      <c r="I2336" s="40">
        <v>10.104949516175429</v>
      </c>
      <c r="J2336" s="40">
        <v>38.783319190476497</v>
      </c>
      <c r="K2336" s="40">
        <v>10.075475106227209</v>
      </c>
      <c r="L2336" s="40"/>
      <c r="M2336" s="40"/>
      <c r="N2336" s="40"/>
      <c r="Y2336">
        <v>21.5</v>
      </c>
      <c r="Z2336">
        <v>99.8</v>
      </c>
      <c r="AA2336">
        <v>8.6296020000000002</v>
      </c>
      <c r="AB2336">
        <v>4.5237747443894314</v>
      </c>
    </row>
    <row r="2337" spans="4:28" x14ac:dyDescent="0.25">
      <c r="D2337" s="40">
        <v>38.815115000001718</v>
      </c>
      <c r="E2337" s="40">
        <v>15.75785132666762</v>
      </c>
      <c r="F2337" s="40">
        <v>38.799999999999997</v>
      </c>
      <c r="G2337" s="40">
        <v>12.740138078302452</v>
      </c>
      <c r="H2337" s="40">
        <v>38.800000000000011</v>
      </c>
      <c r="I2337" s="40">
        <v>10.108302252318861</v>
      </c>
      <c r="J2337" s="40">
        <v>38.799985851190698</v>
      </c>
      <c r="K2337" s="40">
        <v>10.075475106227209</v>
      </c>
      <c r="L2337" s="40"/>
      <c r="M2337" s="40"/>
      <c r="N2337" s="40"/>
      <c r="Y2337">
        <v>21.516666999999998</v>
      </c>
      <c r="Z2337">
        <v>99.816666999999995</v>
      </c>
      <c r="AA2337">
        <v>8.6296350000000004</v>
      </c>
      <c r="AB2337">
        <v>4.5241744481725927</v>
      </c>
    </row>
    <row r="2338" spans="4:28" x14ac:dyDescent="0.25">
      <c r="D2338" s="40">
        <v>38.831781000001719</v>
      </c>
      <c r="E2338" s="40">
        <v>15.75785132666762</v>
      </c>
      <c r="F2338" s="40">
        <v>38.816666999999995</v>
      </c>
      <c r="G2338" s="40">
        <v>12.744753462272353</v>
      </c>
      <c r="H2338" s="40">
        <v>38.81666700000001</v>
      </c>
      <c r="I2338" s="40">
        <v>10.111654988462119</v>
      </c>
      <c r="J2338" s="40">
        <v>38.816652511904998</v>
      </c>
      <c r="K2338" s="40">
        <v>10.075475106227209</v>
      </c>
      <c r="L2338" s="40"/>
      <c r="M2338" s="40"/>
      <c r="N2338" s="40"/>
      <c r="Y2338">
        <v>21.533332999999999</v>
      </c>
      <c r="Z2338">
        <v>99.833332999999996</v>
      </c>
      <c r="AA2338">
        <v>8.6296350000000004</v>
      </c>
      <c r="AB2338">
        <v>4.5241744481725927</v>
      </c>
    </row>
    <row r="2339" spans="4:28" x14ac:dyDescent="0.25">
      <c r="D2339" s="40">
        <v>38.84844700000172</v>
      </c>
      <c r="E2339" s="40">
        <v>15.762694505257167</v>
      </c>
      <c r="F2339" s="40">
        <v>38.833332999999996</v>
      </c>
      <c r="G2339" s="40">
        <v>12.744753462272353</v>
      </c>
      <c r="H2339" s="40">
        <v>38.833334000000008</v>
      </c>
      <c r="I2339" s="40">
        <v>10.114909114718882</v>
      </c>
      <c r="J2339" s="40">
        <v>38.833319172619298</v>
      </c>
      <c r="K2339" s="40">
        <v>10.075475106227209</v>
      </c>
      <c r="L2339" s="40"/>
      <c r="M2339" s="40"/>
      <c r="N2339" s="40"/>
      <c r="Y2339">
        <v>21.549999999999997</v>
      </c>
      <c r="Z2339">
        <v>99.85</v>
      </c>
      <c r="AA2339">
        <v>8.6296689999999998</v>
      </c>
      <c r="AB2339">
        <v>4.5245862641915995</v>
      </c>
    </row>
    <row r="2340" spans="4:28" x14ac:dyDescent="0.25">
      <c r="D2340" s="40">
        <v>38.86511300000172</v>
      </c>
      <c r="E2340" s="40">
        <v>15.772238416007015</v>
      </c>
      <c r="F2340" s="40">
        <v>38.849999999999994</v>
      </c>
      <c r="G2340" s="40">
        <v>12.74950870636245</v>
      </c>
      <c r="H2340" s="40">
        <v>38.850000000000009</v>
      </c>
      <c r="I2340" s="40">
        <v>10.118261850862138</v>
      </c>
      <c r="J2340" s="40">
        <v>38.849985833333598</v>
      </c>
      <c r="K2340" s="40">
        <v>10.080183472180144</v>
      </c>
      <c r="L2340" s="40"/>
      <c r="M2340" s="40"/>
      <c r="N2340" s="40"/>
      <c r="Y2340">
        <v>21.56666700000001</v>
      </c>
      <c r="Z2340">
        <v>99.866667000000007</v>
      </c>
      <c r="AA2340">
        <v>8.6296689999999998</v>
      </c>
      <c r="AB2340">
        <v>4.5245862641915995</v>
      </c>
    </row>
    <row r="2341" spans="4:28" x14ac:dyDescent="0.25">
      <c r="D2341" s="40">
        <v>38.881779000001721</v>
      </c>
      <c r="E2341" s="40">
        <v>15.777081594596565</v>
      </c>
      <c r="F2341" s="40">
        <v>38.866666999999993</v>
      </c>
      <c r="G2341" s="40">
        <v>12.754263950452668</v>
      </c>
      <c r="H2341" s="40">
        <v>38.866667000000007</v>
      </c>
      <c r="I2341" s="40">
        <v>10.121614587005572</v>
      </c>
      <c r="J2341" s="40">
        <v>38.866652494047898</v>
      </c>
      <c r="K2341" s="40">
        <v>10.080183472180144</v>
      </c>
      <c r="L2341" s="40"/>
      <c r="M2341" s="40"/>
      <c r="N2341" s="40"/>
      <c r="Y2341">
        <v>21.583332999999996</v>
      </c>
      <c r="Z2341">
        <v>99.883332999999993</v>
      </c>
      <c r="AA2341">
        <v>8.6297029999999992</v>
      </c>
      <c r="AB2341">
        <v>4.5249980802106053</v>
      </c>
    </row>
    <row r="2342" spans="4:28" x14ac:dyDescent="0.25">
      <c r="D2342" s="40">
        <v>38.898445000001722</v>
      </c>
      <c r="E2342" s="40">
        <v>15.781924773186111</v>
      </c>
      <c r="F2342" s="40">
        <v>38.883332999999993</v>
      </c>
      <c r="G2342" s="40">
        <v>12.758879334422568</v>
      </c>
      <c r="H2342" s="40">
        <v>38.883334000000005</v>
      </c>
      <c r="I2342" s="40">
        <v>10.121614587005572</v>
      </c>
      <c r="J2342" s="40">
        <v>38.883319154762198</v>
      </c>
      <c r="K2342" s="40">
        <v>10.085034515889376</v>
      </c>
      <c r="L2342" s="40"/>
      <c r="M2342" s="40"/>
      <c r="N2342" s="40"/>
      <c r="Y2342">
        <v>21.600000000000009</v>
      </c>
      <c r="Z2342">
        <v>99.9</v>
      </c>
      <c r="AA2342">
        <v>8.6297029999999992</v>
      </c>
      <c r="AB2342">
        <v>4.5249980802106053</v>
      </c>
    </row>
    <row r="2343" spans="4:28" x14ac:dyDescent="0.25">
      <c r="D2343" s="40">
        <v>38.915111000001723</v>
      </c>
      <c r="E2343" s="40">
        <v>15.786625505346409</v>
      </c>
      <c r="F2343" s="40">
        <v>38.899999999999991</v>
      </c>
      <c r="G2343" s="40">
        <v>12.758879334422568</v>
      </c>
      <c r="H2343" s="40">
        <v>38.900000000000006</v>
      </c>
      <c r="I2343" s="40">
        <v>10.12486871326216</v>
      </c>
      <c r="J2343" s="40">
        <v>38.899985815476498</v>
      </c>
      <c r="K2343" s="40">
        <v>10.089885559598606</v>
      </c>
      <c r="L2343" s="40"/>
      <c r="M2343" s="40"/>
      <c r="N2343" s="40"/>
      <c r="Y2343">
        <v>21.616667000000007</v>
      </c>
      <c r="Z2343">
        <v>99.916667000000004</v>
      </c>
      <c r="AA2343">
        <v>8.6297359999999994</v>
      </c>
      <c r="AB2343">
        <v>4.5253977839937676</v>
      </c>
    </row>
    <row r="2344" spans="4:28" x14ac:dyDescent="0.25">
      <c r="D2344" s="40">
        <v>38.931777000001723</v>
      </c>
      <c r="E2344" s="40">
        <v>15.791468683935959</v>
      </c>
      <c r="F2344" s="40">
        <v>38.91666699999999</v>
      </c>
      <c r="G2344" s="40">
        <v>12.763634578512665</v>
      </c>
      <c r="H2344" s="40">
        <v>38.916667000000004</v>
      </c>
      <c r="I2344" s="40">
        <v>10.128221449405592</v>
      </c>
      <c r="J2344" s="40">
        <v>38.916652476190698</v>
      </c>
      <c r="K2344" s="40">
        <v>10.089885559598606</v>
      </c>
      <c r="L2344" s="40"/>
      <c r="M2344" s="40"/>
      <c r="N2344" s="40"/>
      <c r="Y2344">
        <v>21.633333000000007</v>
      </c>
      <c r="Z2344">
        <v>99.933333000000005</v>
      </c>
      <c r="AA2344">
        <v>8.6297359999999994</v>
      </c>
      <c r="AB2344">
        <v>4.5253977839937676</v>
      </c>
    </row>
    <row r="2345" spans="4:28" x14ac:dyDescent="0.25">
      <c r="D2345" s="40">
        <v>38.948443000001724</v>
      </c>
      <c r="E2345" s="40">
        <v>15.796311862525506</v>
      </c>
      <c r="F2345" s="40">
        <v>38.93333299999999</v>
      </c>
      <c r="G2345" s="40">
        <v>12.768389822602883</v>
      </c>
      <c r="H2345" s="40">
        <v>38.933334000000002</v>
      </c>
      <c r="I2345" s="40">
        <v>10.13157418554885</v>
      </c>
      <c r="J2345" s="40">
        <v>38.933319136904998</v>
      </c>
      <c r="K2345" s="40">
        <v>10.089885559598606</v>
      </c>
      <c r="L2345" s="40"/>
      <c r="M2345" s="40"/>
      <c r="N2345" s="40"/>
      <c r="Y2345">
        <v>21.650000000000006</v>
      </c>
      <c r="Z2345">
        <v>99.95</v>
      </c>
      <c r="AA2345">
        <v>8.6297359999999994</v>
      </c>
      <c r="AB2345">
        <v>4.5253977839937676</v>
      </c>
    </row>
    <row r="2346" spans="4:28" x14ac:dyDescent="0.25">
      <c r="D2346" s="40">
        <v>38.965109000001725</v>
      </c>
      <c r="E2346" s="40">
        <v>15.801012594685933</v>
      </c>
      <c r="F2346" s="40">
        <v>38.949999999999989</v>
      </c>
      <c r="G2346" s="40">
        <v>12.773005206572783</v>
      </c>
      <c r="H2346" s="40">
        <v>38.950000000000003</v>
      </c>
      <c r="I2346" s="40">
        <v>10.13157418554885</v>
      </c>
      <c r="J2346" s="40">
        <v>38.949985797619298</v>
      </c>
      <c r="K2346" s="40">
        <v>10.094593925551541</v>
      </c>
      <c r="L2346" s="40"/>
      <c r="M2346" s="40"/>
      <c r="N2346" s="40"/>
      <c r="Y2346">
        <v>21.666667000000004</v>
      </c>
      <c r="Z2346">
        <v>99.966667000000001</v>
      </c>
      <c r="AA2346">
        <v>8.6297700000000006</v>
      </c>
      <c r="AB2346">
        <v>4.5258096000127956</v>
      </c>
    </row>
    <row r="2347" spans="4:28" x14ac:dyDescent="0.25">
      <c r="D2347" s="40">
        <v>38.981775000001726</v>
      </c>
      <c r="E2347" s="40">
        <v>15.805855773275354</v>
      </c>
      <c r="F2347" s="40">
        <v>38.966667000000001</v>
      </c>
      <c r="G2347" s="40">
        <v>12.773005206572783</v>
      </c>
      <c r="H2347" s="40">
        <v>38.966667000000001</v>
      </c>
      <c r="I2347" s="40">
        <v>10.134828311805613</v>
      </c>
      <c r="J2347" s="40">
        <v>38.966652458333598</v>
      </c>
      <c r="K2347" s="40">
        <v>10.099444969260773</v>
      </c>
      <c r="L2347" s="40"/>
      <c r="M2347" s="40"/>
      <c r="N2347" s="40"/>
      <c r="Y2347">
        <v>21.683333000000005</v>
      </c>
      <c r="Z2347">
        <v>99.983333000000002</v>
      </c>
      <c r="AA2347">
        <v>8.6297700000000006</v>
      </c>
      <c r="AB2347">
        <v>4.5258096000127956</v>
      </c>
    </row>
    <row r="2348" spans="4:28" x14ac:dyDescent="0.25">
      <c r="D2348" s="40">
        <v>38.998441000001726</v>
      </c>
      <c r="E2348" s="40">
        <v>15.810698951864904</v>
      </c>
      <c r="F2348" s="40">
        <v>38.983332999999988</v>
      </c>
      <c r="G2348" s="40">
        <v>12.777760450662878</v>
      </c>
      <c r="H2348" s="40">
        <v>38.983334000000013</v>
      </c>
      <c r="I2348" s="40">
        <v>10.138181047948871</v>
      </c>
      <c r="J2348" s="40">
        <v>38.983319119047898</v>
      </c>
      <c r="K2348" s="40">
        <v>10.104296012970005</v>
      </c>
      <c r="L2348" s="40"/>
      <c r="M2348" s="40"/>
      <c r="N2348" s="40"/>
      <c r="Y2348">
        <v>21.700000000000003</v>
      </c>
      <c r="Z2348">
        <v>100</v>
      </c>
      <c r="AA2348">
        <v>8.629804</v>
      </c>
      <c r="AB2348">
        <v>4.5262214160318015</v>
      </c>
    </row>
    <row r="2349" spans="4:28" x14ac:dyDescent="0.25">
      <c r="D2349" s="40">
        <v>39.015107000001727</v>
      </c>
      <c r="E2349" s="40">
        <v>15.815399684025326</v>
      </c>
      <c r="F2349" s="40">
        <v>39</v>
      </c>
      <c r="G2349" s="40">
        <v>12.782515694753098</v>
      </c>
      <c r="H2349" s="40">
        <v>39</v>
      </c>
      <c r="I2349" s="40">
        <v>10.141533784092301</v>
      </c>
      <c r="J2349" s="40">
        <v>38.999985779762198</v>
      </c>
      <c r="K2349" s="40">
        <v>10.104296012970005</v>
      </c>
      <c r="L2349" s="40"/>
      <c r="M2349" s="40"/>
      <c r="N2349" s="40"/>
      <c r="Y2349">
        <v>21.716667000000001</v>
      </c>
      <c r="Z2349">
        <v>100.016667</v>
      </c>
      <c r="AA2349">
        <v>8.629804</v>
      </c>
      <c r="AB2349">
        <v>4.5262214160318015</v>
      </c>
    </row>
    <row r="2350" spans="4:28" x14ac:dyDescent="0.25">
      <c r="D2350" s="40">
        <v>39.031773000001728</v>
      </c>
      <c r="E2350" s="40">
        <v>15.820242862614748</v>
      </c>
      <c r="F2350" s="40">
        <v>39.016666999999998</v>
      </c>
      <c r="G2350" s="40">
        <v>12.787131078722997</v>
      </c>
      <c r="H2350" s="40">
        <v>39.016667000000012</v>
      </c>
      <c r="I2350" s="40">
        <v>10.144787910349065</v>
      </c>
      <c r="J2350" s="40">
        <v>39.016652440476498</v>
      </c>
      <c r="K2350" s="40">
        <v>10.109004378923066</v>
      </c>
      <c r="L2350" s="40"/>
      <c r="M2350" s="40"/>
      <c r="N2350" s="40"/>
      <c r="Y2350">
        <v>21.733333000000002</v>
      </c>
      <c r="Z2350">
        <v>100.033333</v>
      </c>
      <c r="AA2350">
        <v>8.6298370000000002</v>
      </c>
      <c r="AB2350">
        <v>4.5266211198149646</v>
      </c>
    </row>
    <row r="2351" spans="4:28" x14ac:dyDescent="0.25">
      <c r="D2351" s="40">
        <v>39.048439000001729</v>
      </c>
      <c r="E2351" s="40">
        <v>15.825086041204299</v>
      </c>
      <c r="F2351" s="40">
        <v>39.033332999999999</v>
      </c>
      <c r="G2351" s="40">
        <v>12.791886322813218</v>
      </c>
      <c r="H2351" s="40">
        <v>39.033334000000011</v>
      </c>
      <c r="I2351" s="40">
        <v>10.144787910349065</v>
      </c>
      <c r="J2351" s="40">
        <v>39.033319101190799</v>
      </c>
      <c r="K2351" s="40">
        <v>10.109004378923066</v>
      </c>
      <c r="L2351" s="40"/>
      <c r="M2351" s="40"/>
      <c r="N2351" s="40"/>
      <c r="Y2351">
        <v>21.75</v>
      </c>
      <c r="Z2351">
        <v>100.05</v>
      </c>
      <c r="AA2351">
        <v>8.6298370000000002</v>
      </c>
      <c r="AB2351">
        <v>4.5266211198149646</v>
      </c>
    </row>
    <row r="2352" spans="4:28" x14ac:dyDescent="0.25">
      <c r="D2352" s="40">
        <v>39.065105000001729</v>
      </c>
      <c r="E2352" s="40">
        <v>15.829786773364726</v>
      </c>
      <c r="F2352" s="40">
        <v>39.049999999999997</v>
      </c>
      <c r="G2352" s="40">
        <v>12.791886322813218</v>
      </c>
      <c r="H2352" s="40">
        <v>39.050000000000011</v>
      </c>
      <c r="I2352" s="40">
        <v>10.148140646492321</v>
      </c>
      <c r="J2352" s="40">
        <v>39.049985761904999</v>
      </c>
      <c r="K2352" s="40">
        <v>10.11385542263217</v>
      </c>
      <c r="L2352" s="40"/>
      <c r="M2352" s="40"/>
      <c r="N2352" s="40"/>
      <c r="Y2352">
        <v>21.766666999999998</v>
      </c>
      <c r="Z2352">
        <v>100.066667</v>
      </c>
      <c r="AA2352">
        <v>8.6298709999999996</v>
      </c>
      <c r="AB2352">
        <v>4.5270329358339705</v>
      </c>
    </row>
    <row r="2353" spans="4:28" x14ac:dyDescent="0.25">
      <c r="D2353" s="40">
        <v>39.08177100000173</v>
      </c>
      <c r="E2353" s="40">
        <v>15.834629951954147</v>
      </c>
      <c r="F2353" s="40">
        <v>39.066666999999995</v>
      </c>
      <c r="G2353" s="40">
        <v>12.796641566903311</v>
      </c>
      <c r="H2353" s="40">
        <v>39.06666700000001</v>
      </c>
      <c r="I2353" s="40">
        <v>10.151493382635579</v>
      </c>
      <c r="J2353" s="40">
        <v>39.066652422619299</v>
      </c>
      <c r="K2353" s="40">
        <v>10.11385542263217</v>
      </c>
      <c r="L2353" s="40"/>
      <c r="M2353" s="40"/>
      <c r="N2353" s="40"/>
      <c r="Y2353">
        <v>21.783332999999999</v>
      </c>
      <c r="Z2353">
        <v>100.083333</v>
      </c>
      <c r="AA2353">
        <v>8.6298709999999996</v>
      </c>
      <c r="AB2353">
        <v>4.5270329358339705</v>
      </c>
    </row>
    <row r="2354" spans="4:28" x14ac:dyDescent="0.25">
      <c r="D2354" s="40">
        <v>39.098437000001731</v>
      </c>
      <c r="E2354" s="40">
        <v>15.839473130543693</v>
      </c>
      <c r="F2354" s="40">
        <v>39.083332999999996</v>
      </c>
      <c r="G2354" s="40">
        <v>12.801396810993531</v>
      </c>
      <c r="H2354" s="40">
        <v>39.083334000000008</v>
      </c>
      <c r="I2354" s="40">
        <v>10.151493382635579</v>
      </c>
      <c r="J2354" s="40">
        <v>39.083319083333599</v>
      </c>
      <c r="K2354" s="40">
        <v>10.118706466341402</v>
      </c>
      <c r="L2354" s="40"/>
      <c r="M2354" s="40"/>
      <c r="N2354" s="40"/>
      <c r="Y2354">
        <v>21.799999999999997</v>
      </c>
      <c r="Z2354">
        <v>100.1</v>
      </c>
      <c r="AA2354">
        <v>8.6298709999999996</v>
      </c>
      <c r="AB2354">
        <v>4.5270329358339705</v>
      </c>
    </row>
    <row r="2355" spans="4:28" x14ac:dyDescent="0.25">
      <c r="D2355" s="40">
        <v>39.115103000001731</v>
      </c>
      <c r="E2355" s="40">
        <v>15.844173862704119</v>
      </c>
      <c r="F2355" s="40">
        <v>39.099999999999994</v>
      </c>
      <c r="G2355" s="40">
        <v>12.806012194963431</v>
      </c>
      <c r="H2355" s="40">
        <v>39.100000000000009</v>
      </c>
      <c r="I2355" s="40">
        <v>10.154747508892342</v>
      </c>
      <c r="J2355" s="40">
        <v>39.099985744047899</v>
      </c>
      <c r="K2355" s="40">
        <v>10.118706466341402</v>
      </c>
      <c r="L2355" s="40"/>
      <c r="M2355" s="40"/>
      <c r="N2355" s="40"/>
      <c r="Y2355">
        <v>21.81666700000001</v>
      </c>
      <c r="Z2355">
        <v>100.11666700000001</v>
      </c>
      <c r="AA2355">
        <v>8.6299050000000008</v>
      </c>
      <c r="AB2355">
        <v>4.5274447518529986</v>
      </c>
    </row>
    <row r="2356" spans="4:28" x14ac:dyDescent="0.25">
      <c r="D2356" s="40">
        <v>39.131769000001732</v>
      </c>
      <c r="E2356" s="40">
        <v>15.849017041293671</v>
      </c>
      <c r="F2356" s="40">
        <v>39.116666999999993</v>
      </c>
      <c r="G2356" s="40">
        <v>12.810767439053526</v>
      </c>
      <c r="H2356" s="40">
        <v>39.116667000000007</v>
      </c>
      <c r="I2356" s="40">
        <v>10.1581002450356</v>
      </c>
      <c r="J2356" s="40">
        <v>39.116652404762199</v>
      </c>
      <c r="K2356" s="40">
        <v>10.123414832294463</v>
      </c>
      <c r="L2356" s="40"/>
      <c r="M2356" s="40"/>
      <c r="N2356" s="40"/>
      <c r="Y2356">
        <v>21.833332999999996</v>
      </c>
      <c r="Z2356">
        <v>100.13333299999999</v>
      </c>
      <c r="AA2356">
        <v>8.6299050000000008</v>
      </c>
      <c r="AB2356">
        <v>4.5274447518529986</v>
      </c>
    </row>
    <row r="2357" spans="4:28" x14ac:dyDescent="0.25">
      <c r="D2357" s="40">
        <v>39.148435000001733</v>
      </c>
      <c r="E2357" s="40">
        <v>15.853860219883092</v>
      </c>
      <c r="F2357" s="40">
        <v>39.133332999999993</v>
      </c>
      <c r="G2357" s="40">
        <v>12.815522683143746</v>
      </c>
      <c r="H2357" s="40">
        <v>39.133334000000005</v>
      </c>
      <c r="I2357" s="40">
        <v>10.1581002450356</v>
      </c>
      <c r="J2357" s="40">
        <v>39.133319065476499</v>
      </c>
      <c r="K2357" s="40">
        <v>10.123414832294463</v>
      </c>
      <c r="L2357" s="40"/>
      <c r="M2357" s="40"/>
      <c r="N2357" s="40"/>
      <c r="Y2357">
        <v>21.850000000000009</v>
      </c>
      <c r="Z2357">
        <v>100.15</v>
      </c>
      <c r="AA2357">
        <v>8.6299050000000008</v>
      </c>
      <c r="AB2357">
        <v>4.5274447518529986</v>
      </c>
    </row>
    <row r="2358" spans="4:28" x14ac:dyDescent="0.25">
      <c r="D2358" s="40">
        <v>39.165101000001734</v>
      </c>
      <c r="E2358" s="40">
        <v>15.858560952043515</v>
      </c>
      <c r="F2358" s="40">
        <v>39.149999999999991</v>
      </c>
      <c r="G2358" s="40">
        <v>12.820138067113646</v>
      </c>
      <c r="H2358" s="40">
        <v>39.150000000000006</v>
      </c>
      <c r="I2358" s="40">
        <v>10.161452981179032</v>
      </c>
      <c r="J2358" s="40">
        <v>39.149985726190799</v>
      </c>
      <c r="K2358" s="40">
        <v>10.128265876003569</v>
      </c>
      <c r="L2358" s="40"/>
      <c r="M2358" s="40"/>
      <c r="N2358" s="40"/>
      <c r="Y2358">
        <v>21.866667000000007</v>
      </c>
      <c r="Z2358">
        <v>100.166667</v>
      </c>
      <c r="AA2358">
        <v>8.6299379999999992</v>
      </c>
      <c r="AB2358">
        <v>4.5278444556361386</v>
      </c>
    </row>
    <row r="2359" spans="4:28" x14ac:dyDescent="0.25">
      <c r="D2359" s="40">
        <v>39.181767000001734</v>
      </c>
      <c r="E2359" s="40">
        <v>15.858560952043515</v>
      </c>
      <c r="F2359" s="40">
        <v>39.16666699999999</v>
      </c>
      <c r="G2359" s="40">
        <v>12.824893311203741</v>
      </c>
      <c r="H2359" s="40">
        <v>39.166667000000004</v>
      </c>
      <c r="I2359" s="40">
        <v>10.164707107435795</v>
      </c>
      <c r="J2359" s="40">
        <v>39.166652386905</v>
      </c>
      <c r="K2359" s="40">
        <v>10.128265876003569</v>
      </c>
      <c r="L2359" s="40"/>
      <c r="M2359" s="40"/>
      <c r="N2359" s="40"/>
      <c r="Y2359">
        <v>21.883333000000007</v>
      </c>
      <c r="Z2359">
        <v>100.183333</v>
      </c>
      <c r="AA2359">
        <v>8.6299379999999992</v>
      </c>
      <c r="AB2359">
        <v>4.5278444556361386</v>
      </c>
    </row>
    <row r="2360" spans="4:28" x14ac:dyDescent="0.25">
      <c r="D2360" s="40">
        <v>39.198433000001735</v>
      </c>
      <c r="E2360" s="40">
        <v>15.863404130633064</v>
      </c>
      <c r="F2360" s="40">
        <v>39.18333299999999</v>
      </c>
      <c r="G2360" s="40">
        <v>12.824893311203741</v>
      </c>
      <c r="H2360" s="40">
        <v>39.183334000000002</v>
      </c>
      <c r="I2360" s="40">
        <v>10.168059843579051</v>
      </c>
      <c r="J2360" s="40">
        <v>39.1833190476193</v>
      </c>
      <c r="K2360" s="40">
        <v>10.133116919712801</v>
      </c>
      <c r="L2360" s="40"/>
      <c r="M2360" s="40"/>
      <c r="N2360" s="40"/>
      <c r="Y2360">
        <v>21.900000000000006</v>
      </c>
      <c r="Z2360">
        <v>100.2</v>
      </c>
      <c r="AA2360">
        <v>8.6299379999999992</v>
      </c>
      <c r="AB2360">
        <v>4.5278444556361386</v>
      </c>
    </row>
    <row r="2361" spans="4:28" x14ac:dyDescent="0.25">
      <c r="D2361" s="40">
        <v>39.215099000001736</v>
      </c>
      <c r="E2361" s="40">
        <v>15.868247309222486</v>
      </c>
      <c r="F2361" s="40">
        <v>39.199999999999989</v>
      </c>
      <c r="G2361" s="40">
        <v>12.829648555293961</v>
      </c>
      <c r="H2361" s="40">
        <v>39.200000000000003</v>
      </c>
      <c r="I2361" s="40">
        <v>10.171412579722309</v>
      </c>
      <c r="J2361" s="40">
        <v>39.1999857083336</v>
      </c>
      <c r="K2361" s="40">
        <v>10.137967963422035</v>
      </c>
      <c r="L2361" s="40"/>
      <c r="M2361" s="40"/>
      <c r="N2361" s="40"/>
      <c r="Y2361">
        <v>21.916667000000004</v>
      </c>
      <c r="Z2361">
        <v>100.216667</v>
      </c>
      <c r="AA2361">
        <v>8.6299720000000004</v>
      </c>
      <c r="AB2361">
        <v>4.5282562716551666</v>
      </c>
    </row>
    <row r="2362" spans="4:28" x14ac:dyDescent="0.25">
      <c r="D2362" s="40">
        <v>39.231765000001737</v>
      </c>
      <c r="E2362" s="40">
        <v>15.868247309222486</v>
      </c>
      <c r="F2362" s="40">
        <v>39.216667000000001</v>
      </c>
      <c r="G2362" s="40">
        <v>12.834263939263861</v>
      </c>
      <c r="H2362" s="40">
        <v>39.216667000000001</v>
      </c>
      <c r="I2362" s="40">
        <v>10.171412579722309</v>
      </c>
      <c r="J2362" s="40">
        <v>39.2166523690479</v>
      </c>
      <c r="K2362" s="40">
        <v>10.142676329374966</v>
      </c>
      <c r="L2362" s="40"/>
      <c r="M2362" s="40"/>
      <c r="N2362" s="40"/>
      <c r="Y2362">
        <v>21.933333000000005</v>
      </c>
      <c r="Z2362">
        <v>100.233333</v>
      </c>
      <c r="AA2362">
        <v>8.6299720000000004</v>
      </c>
      <c r="AB2362">
        <v>4.5282562716551666</v>
      </c>
    </row>
    <row r="2363" spans="4:28" x14ac:dyDescent="0.25">
      <c r="D2363" s="40">
        <v>39.248431000001737</v>
      </c>
      <c r="E2363" s="40">
        <v>15.872948041382912</v>
      </c>
      <c r="F2363" s="40">
        <v>39.233332999999988</v>
      </c>
      <c r="G2363" s="40">
        <v>12.834263939263861</v>
      </c>
      <c r="H2363" s="40">
        <v>39.233334000000013</v>
      </c>
      <c r="I2363" s="40">
        <v>10.174666705979073</v>
      </c>
      <c r="J2363" s="40">
        <v>39.2333190297622</v>
      </c>
      <c r="K2363" s="40">
        <v>10.142676329374966</v>
      </c>
      <c r="L2363" s="40"/>
      <c r="M2363" s="40"/>
      <c r="N2363" s="40"/>
      <c r="Y2363">
        <v>21.950000000000003</v>
      </c>
      <c r="Z2363">
        <v>100.25</v>
      </c>
      <c r="AA2363">
        <v>8.6299720000000004</v>
      </c>
      <c r="AB2363">
        <v>4.5282562716551666</v>
      </c>
    </row>
    <row r="2364" spans="4:28" x14ac:dyDescent="0.25">
      <c r="D2364" s="40">
        <v>39.265097000001738</v>
      </c>
      <c r="E2364" s="40">
        <v>15.877791219972458</v>
      </c>
      <c r="F2364" s="40">
        <v>39.25</v>
      </c>
      <c r="G2364" s="40">
        <v>12.839019183353955</v>
      </c>
      <c r="H2364" s="40">
        <v>39.25</v>
      </c>
      <c r="I2364" s="40">
        <v>10.178019442122331</v>
      </c>
      <c r="J2364" s="40">
        <v>39.2499856904765</v>
      </c>
      <c r="K2364" s="40">
        <v>10.147527373084198</v>
      </c>
      <c r="L2364" s="40"/>
      <c r="M2364" s="40"/>
      <c r="N2364" s="40"/>
      <c r="Y2364">
        <v>21.966667000000001</v>
      </c>
      <c r="Z2364">
        <v>100.266667</v>
      </c>
      <c r="AA2364">
        <v>8.6299720000000004</v>
      </c>
      <c r="AB2364">
        <v>4.5282562716551666</v>
      </c>
    </row>
    <row r="2365" spans="4:28" x14ac:dyDescent="0.25">
      <c r="D2365" s="40">
        <v>39.281763000001739</v>
      </c>
      <c r="E2365" s="40">
        <v>15.877791219972458</v>
      </c>
      <c r="F2365" s="40">
        <v>39.266666999999998</v>
      </c>
      <c r="G2365" s="40">
        <v>12.839019183353955</v>
      </c>
      <c r="H2365" s="40">
        <v>39.266667000000012</v>
      </c>
      <c r="I2365" s="40">
        <v>10.178019442122331</v>
      </c>
      <c r="J2365" s="40">
        <v>39.2666523511908</v>
      </c>
      <c r="K2365" s="40">
        <v>10.147527373084198</v>
      </c>
      <c r="L2365" s="40"/>
      <c r="M2365" s="40"/>
      <c r="N2365" s="40"/>
      <c r="Y2365">
        <v>21.983333000000002</v>
      </c>
      <c r="Z2365">
        <v>100.283333</v>
      </c>
      <c r="AA2365">
        <v>8.6300059999999998</v>
      </c>
      <c r="AB2365">
        <v>4.5286680876741734</v>
      </c>
    </row>
    <row r="2366" spans="4:28" x14ac:dyDescent="0.25">
      <c r="D2366" s="40">
        <v>39.29842900000174</v>
      </c>
      <c r="E2366" s="40">
        <v>15.882634398561882</v>
      </c>
      <c r="F2366" s="40">
        <v>39.283332999999999</v>
      </c>
      <c r="G2366" s="40">
        <v>12.843774427444176</v>
      </c>
      <c r="H2366" s="40">
        <v>39.283334000000011</v>
      </c>
      <c r="I2366" s="40">
        <v>10.184626304522524</v>
      </c>
      <c r="J2366" s="40">
        <v>39.283319011905</v>
      </c>
      <c r="K2366" s="40">
        <v>10.152378416793432</v>
      </c>
      <c r="L2366" s="40"/>
      <c r="M2366" s="40"/>
      <c r="N2366" s="40"/>
      <c r="Y2366">
        <v>22</v>
      </c>
      <c r="Z2366">
        <v>100.3</v>
      </c>
      <c r="AA2366">
        <v>8.6300059999999998</v>
      </c>
      <c r="AB2366">
        <v>4.5286680876741734</v>
      </c>
    </row>
    <row r="2367" spans="4:28" x14ac:dyDescent="0.25">
      <c r="D2367" s="40">
        <v>39.31509500000174</v>
      </c>
      <c r="E2367" s="40">
        <v>15.882634398561882</v>
      </c>
      <c r="F2367" s="40">
        <v>39.299999999999997</v>
      </c>
      <c r="G2367" s="40">
        <v>12.848389811414075</v>
      </c>
      <c r="H2367" s="40">
        <v>39.300000000000011</v>
      </c>
      <c r="I2367" s="40">
        <v>10.18797904066578</v>
      </c>
      <c r="J2367" s="40">
        <v>39.2999856726193</v>
      </c>
      <c r="K2367" s="40">
        <v>10.152378416793432</v>
      </c>
      <c r="L2367" s="40"/>
      <c r="M2367" s="40"/>
      <c r="N2367" s="40"/>
      <c r="Y2367">
        <v>22.016666999999998</v>
      </c>
      <c r="Z2367">
        <v>100.316667</v>
      </c>
      <c r="AA2367">
        <v>8.6300059999999998</v>
      </c>
      <c r="AB2367">
        <v>4.5286680876741734</v>
      </c>
    </row>
    <row r="2368" spans="4:28" x14ac:dyDescent="0.25">
      <c r="D2368" s="40">
        <v>39.331761000001741</v>
      </c>
      <c r="E2368" s="40">
        <v>15.887335130722306</v>
      </c>
      <c r="F2368" s="40">
        <v>39.316666999999995</v>
      </c>
      <c r="G2368" s="40">
        <v>12.853145055504296</v>
      </c>
      <c r="H2368" s="40">
        <v>39.31666700000001</v>
      </c>
      <c r="I2368" s="40">
        <v>10.191331776809038</v>
      </c>
      <c r="J2368" s="40">
        <v>39.3166523333336</v>
      </c>
      <c r="K2368" s="40">
        <v>10.152378416793432</v>
      </c>
      <c r="L2368" s="40"/>
      <c r="M2368" s="40"/>
      <c r="N2368" s="40"/>
      <c r="Y2368">
        <v>22.033332999999999</v>
      </c>
      <c r="Z2368">
        <v>100.333333</v>
      </c>
      <c r="AA2368">
        <v>8.630039</v>
      </c>
      <c r="AB2368">
        <v>4.5290677914573347</v>
      </c>
    </row>
    <row r="2369" spans="4:28" x14ac:dyDescent="0.25">
      <c r="D2369" s="40">
        <v>39.348427000001742</v>
      </c>
      <c r="E2369" s="40">
        <v>15.892178309311854</v>
      </c>
      <c r="F2369" s="40">
        <v>39.333332999999996</v>
      </c>
      <c r="G2369" s="40">
        <v>12.853145055504296</v>
      </c>
      <c r="H2369" s="40">
        <v>39.333334000000008</v>
      </c>
      <c r="I2369" s="40">
        <v>10.191331776809038</v>
      </c>
      <c r="J2369" s="40">
        <v>39.3333189940479</v>
      </c>
      <c r="K2369" s="40">
        <v>10.152378416793432</v>
      </c>
      <c r="L2369" s="40"/>
      <c r="M2369" s="40"/>
      <c r="N2369" s="40"/>
      <c r="Y2369">
        <v>22.049999999999997</v>
      </c>
      <c r="Z2369">
        <v>100.35</v>
      </c>
      <c r="AA2369">
        <v>8.630039</v>
      </c>
      <c r="AB2369">
        <v>4.5290677914573347</v>
      </c>
    </row>
    <row r="2370" spans="4:28" x14ac:dyDescent="0.25">
      <c r="D2370" s="40">
        <v>39.365093000001742</v>
      </c>
      <c r="E2370" s="40">
        <v>15.892178309311854</v>
      </c>
      <c r="F2370" s="40">
        <v>39.349999999999994</v>
      </c>
      <c r="G2370" s="40">
        <v>12.853145055504296</v>
      </c>
      <c r="H2370" s="40">
        <v>39.350000000000009</v>
      </c>
      <c r="I2370" s="40">
        <v>10.19468451295247</v>
      </c>
      <c r="J2370" s="40">
        <v>39.3499856547622</v>
      </c>
      <c r="K2370" s="40">
        <v>10.157086782746365</v>
      </c>
      <c r="L2370" s="40"/>
      <c r="M2370" s="40"/>
      <c r="N2370" s="40"/>
      <c r="Y2370">
        <v>22.06666700000001</v>
      </c>
      <c r="Z2370">
        <v>100.36666700000001</v>
      </c>
      <c r="AA2370">
        <v>8.6300729999999994</v>
      </c>
      <c r="AB2370">
        <v>4.5294796074763406</v>
      </c>
    </row>
    <row r="2371" spans="4:28" x14ac:dyDescent="0.25">
      <c r="D2371" s="40">
        <v>39.381759000001743</v>
      </c>
      <c r="E2371" s="40">
        <v>15.897021487901403</v>
      </c>
      <c r="F2371" s="40">
        <v>39.366666999999993</v>
      </c>
      <c r="G2371" s="40">
        <v>12.857900299594389</v>
      </c>
      <c r="H2371" s="40">
        <v>39.366667000000007</v>
      </c>
      <c r="I2371" s="40">
        <v>10.197938639209234</v>
      </c>
      <c r="J2371" s="40">
        <v>39.3666523154765</v>
      </c>
      <c r="K2371" s="40">
        <v>10.157086782746365</v>
      </c>
      <c r="L2371" s="40"/>
      <c r="M2371" s="40"/>
      <c r="N2371" s="40"/>
      <c r="Y2371">
        <v>22.083332999999996</v>
      </c>
      <c r="Z2371">
        <v>100.38333299999999</v>
      </c>
      <c r="AA2371">
        <v>8.6300729999999994</v>
      </c>
      <c r="AB2371">
        <v>4.5294796074763406</v>
      </c>
    </row>
    <row r="2372" spans="4:28" x14ac:dyDescent="0.25">
      <c r="D2372" s="40">
        <v>39.398425000001744</v>
      </c>
      <c r="E2372" s="40">
        <v>15.901722220061702</v>
      </c>
      <c r="F2372" s="40">
        <v>39.383332999999993</v>
      </c>
      <c r="G2372" s="40">
        <v>12.86251568356429</v>
      </c>
      <c r="H2372" s="40">
        <v>39.383334000000005</v>
      </c>
      <c r="I2372" s="40">
        <v>10.201291375352492</v>
      </c>
      <c r="J2372" s="40">
        <v>39.3833189761908</v>
      </c>
      <c r="K2372" s="40">
        <v>10.161937826455596</v>
      </c>
      <c r="L2372" s="40"/>
      <c r="M2372" s="40"/>
      <c r="N2372" s="40"/>
      <c r="Y2372">
        <v>22.100000000000009</v>
      </c>
      <c r="Z2372">
        <v>100.4</v>
      </c>
      <c r="AA2372">
        <v>8.6300729999999994</v>
      </c>
      <c r="AB2372">
        <v>4.5294796074763406</v>
      </c>
    </row>
    <row r="2373" spans="4:28" x14ac:dyDescent="0.25">
      <c r="D2373" s="40">
        <v>39.415091000001745</v>
      </c>
      <c r="E2373" s="40">
        <v>15.906565398651251</v>
      </c>
      <c r="F2373" s="40">
        <v>39.399999999999991</v>
      </c>
      <c r="G2373" s="40">
        <v>12.867270927654509</v>
      </c>
      <c r="H2373" s="40">
        <v>39.400000000000006</v>
      </c>
      <c r="I2373" s="40">
        <v>10.20464411149575</v>
      </c>
      <c r="J2373" s="40">
        <v>39.399985636905001</v>
      </c>
      <c r="K2373" s="40">
        <v>10.161937826455596</v>
      </c>
      <c r="L2373" s="40"/>
      <c r="M2373" s="40"/>
      <c r="N2373" s="40"/>
      <c r="Y2373">
        <v>22.116667000000007</v>
      </c>
      <c r="Z2373">
        <v>100.416667</v>
      </c>
      <c r="AA2373">
        <v>8.6300729999999994</v>
      </c>
      <c r="AB2373">
        <v>4.5294796074763406</v>
      </c>
    </row>
    <row r="2374" spans="4:28" x14ac:dyDescent="0.25">
      <c r="D2374" s="40">
        <v>39.431757000001745</v>
      </c>
      <c r="E2374" s="40">
        <v>15.911408577240799</v>
      </c>
      <c r="F2374" s="40">
        <v>39.41666699999999</v>
      </c>
      <c r="G2374" s="40">
        <v>12.867270927654509</v>
      </c>
      <c r="H2374" s="40">
        <v>39.416667000000004</v>
      </c>
      <c r="I2374" s="40">
        <v>10.207898237752513</v>
      </c>
      <c r="J2374" s="40">
        <v>39.416652297619301</v>
      </c>
      <c r="K2374" s="40">
        <v>10.161937826455596</v>
      </c>
      <c r="L2374" s="40"/>
      <c r="M2374" s="40"/>
      <c r="N2374" s="40"/>
      <c r="Y2374">
        <v>22.133333000000007</v>
      </c>
      <c r="Z2374">
        <v>100.433333</v>
      </c>
      <c r="AA2374">
        <v>8.6301070000000006</v>
      </c>
      <c r="AB2374">
        <v>4.5298914234953696</v>
      </c>
    </row>
    <row r="2375" spans="4:28" x14ac:dyDescent="0.25">
      <c r="D2375" s="40">
        <v>39.448423000001746</v>
      </c>
      <c r="E2375" s="40">
        <v>15.911408577240799</v>
      </c>
      <c r="F2375" s="40">
        <v>39.43333299999999</v>
      </c>
      <c r="G2375" s="40">
        <v>12.872026171744604</v>
      </c>
      <c r="H2375" s="40">
        <v>39.433334000000002</v>
      </c>
      <c r="I2375" s="40">
        <v>10.207898237752513</v>
      </c>
      <c r="J2375" s="40">
        <v>39.433318958333601</v>
      </c>
      <c r="K2375" s="40">
        <v>10.161937826455596</v>
      </c>
      <c r="L2375" s="40"/>
      <c r="M2375" s="40"/>
      <c r="N2375" s="40"/>
      <c r="Y2375">
        <v>22.150000000000006</v>
      </c>
      <c r="Z2375">
        <v>100.45</v>
      </c>
      <c r="AA2375">
        <v>8.6301070000000006</v>
      </c>
      <c r="AB2375">
        <v>4.5298914234953696</v>
      </c>
    </row>
    <row r="2376" spans="4:28" x14ac:dyDescent="0.25">
      <c r="D2376" s="40">
        <v>39.465089000001747</v>
      </c>
      <c r="E2376" s="40">
        <v>15.916109309401099</v>
      </c>
      <c r="F2376" s="40">
        <v>39.449999999999989</v>
      </c>
      <c r="G2376" s="40">
        <v>12.876641555714505</v>
      </c>
      <c r="H2376" s="40">
        <v>39.450000000000003</v>
      </c>
      <c r="I2376" s="40">
        <v>10.211250973895769</v>
      </c>
      <c r="J2376" s="40">
        <v>39.449985619047901</v>
      </c>
      <c r="K2376" s="40">
        <v>10.166788870164829</v>
      </c>
      <c r="L2376" s="40"/>
      <c r="M2376" s="40"/>
      <c r="N2376" s="40"/>
      <c r="Y2376">
        <v>22.166667000000004</v>
      </c>
      <c r="Z2376">
        <v>100.466667</v>
      </c>
      <c r="AA2376">
        <v>8.6301070000000006</v>
      </c>
      <c r="AB2376">
        <v>4.5298914234953696</v>
      </c>
    </row>
    <row r="2377" spans="4:28" x14ac:dyDescent="0.25">
      <c r="D2377" s="40">
        <v>39.481755000001748</v>
      </c>
      <c r="E2377" s="40">
        <v>15.920952487990647</v>
      </c>
      <c r="F2377" s="40">
        <v>39.466667000000001</v>
      </c>
      <c r="G2377" s="40">
        <v>12.881396799804724</v>
      </c>
      <c r="H2377" s="40">
        <v>39.466667000000001</v>
      </c>
      <c r="I2377" s="40">
        <v>10.214603710039201</v>
      </c>
      <c r="J2377" s="40">
        <v>39.466652279762201</v>
      </c>
      <c r="K2377" s="40">
        <v>10.166788870164829</v>
      </c>
      <c r="L2377" s="40"/>
      <c r="M2377" s="40"/>
      <c r="N2377" s="40"/>
      <c r="Y2377">
        <v>22.183333000000005</v>
      </c>
      <c r="Z2377">
        <v>100.483333</v>
      </c>
      <c r="AA2377">
        <v>8.6301400000000008</v>
      </c>
      <c r="AB2377">
        <v>4.5302911272785309</v>
      </c>
    </row>
    <row r="2378" spans="4:28" x14ac:dyDescent="0.25">
      <c r="D2378" s="40">
        <v>39.498421000001748</v>
      </c>
      <c r="E2378" s="40">
        <v>15.920952487990647</v>
      </c>
      <c r="F2378" s="40">
        <v>39.483332999999988</v>
      </c>
      <c r="G2378" s="40">
        <v>12.886152043894819</v>
      </c>
      <c r="H2378" s="40">
        <v>39.483334000000013</v>
      </c>
      <c r="I2378" s="40">
        <v>10.217857836295964</v>
      </c>
      <c r="J2378" s="40">
        <v>39.483318940476501</v>
      </c>
      <c r="K2378" s="40">
        <v>10.171497236117888</v>
      </c>
      <c r="L2378" s="40"/>
      <c r="M2378" s="40"/>
      <c r="N2378" s="40"/>
      <c r="Y2378">
        <v>22.200000000000003</v>
      </c>
      <c r="Z2378">
        <v>100.5</v>
      </c>
      <c r="AA2378">
        <v>8.6301400000000008</v>
      </c>
      <c r="AB2378">
        <v>4.5302911272785309</v>
      </c>
    </row>
    <row r="2379" spans="4:28" x14ac:dyDescent="0.25">
      <c r="D2379" s="40">
        <v>39.515087000001749</v>
      </c>
      <c r="E2379" s="40">
        <v>15.925795666580193</v>
      </c>
      <c r="F2379" s="40">
        <v>39.5</v>
      </c>
      <c r="G2379" s="40">
        <v>12.886152043894819</v>
      </c>
      <c r="H2379" s="40">
        <v>39.5</v>
      </c>
      <c r="I2379" s="40">
        <v>10.221210572439222</v>
      </c>
      <c r="J2379" s="40">
        <v>39.499985601190801</v>
      </c>
      <c r="K2379" s="40">
        <v>10.171497236117888</v>
      </c>
      <c r="L2379" s="40"/>
      <c r="M2379" s="40"/>
      <c r="N2379" s="40"/>
      <c r="Y2379">
        <v>22.216667000000001</v>
      </c>
      <c r="Z2379">
        <v>100.516667</v>
      </c>
      <c r="AA2379">
        <v>8.6301740000000002</v>
      </c>
      <c r="AB2379">
        <v>4.5307029432975376</v>
      </c>
    </row>
    <row r="2380" spans="4:28" x14ac:dyDescent="0.25">
      <c r="D2380" s="40">
        <v>39.53175300000175</v>
      </c>
      <c r="E2380" s="40">
        <v>15.930638845169616</v>
      </c>
      <c r="F2380" s="40">
        <v>39.516666999999998</v>
      </c>
      <c r="G2380" s="40">
        <v>12.89076742786472</v>
      </c>
      <c r="H2380" s="40">
        <v>39.516667000000012</v>
      </c>
      <c r="I2380" s="40">
        <v>10.22456330858248</v>
      </c>
      <c r="J2380" s="40">
        <v>39.516652261905001</v>
      </c>
      <c r="K2380" s="40">
        <v>10.171497236117888</v>
      </c>
      <c r="L2380" s="40"/>
      <c r="M2380" s="40"/>
      <c r="N2380" s="40"/>
      <c r="Y2380">
        <v>22.233333000000002</v>
      </c>
      <c r="Z2380">
        <v>100.533333</v>
      </c>
      <c r="AA2380">
        <v>8.6301740000000002</v>
      </c>
      <c r="AB2380">
        <v>4.5307029432975376</v>
      </c>
    </row>
    <row r="2381" spans="4:28" x14ac:dyDescent="0.25">
      <c r="D2381" s="40">
        <v>39.548419000001751</v>
      </c>
      <c r="E2381" s="40">
        <v>15.935339577330041</v>
      </c>
      <c r="F2381" s="40">
        <v>39.533332999999999</v>
      </c>
      <c r="G2381" s="40">
        <v>12.895522671954939</v>
      </c>
      <c r="H2381" s="40">
        <v>39.533334000000011</v>
      </c>
      <c r="I2381" s="40">
        <v>10.227817434839242</v>
      </c>
      <c r="J2381" s="40">
        <v>39.533318922619301</v>
      </c>
      <c r="K2381" s="40">
        <v>10.171497236117888</v>
      </c>
      <c r="L2381" s="40"/>
      <c r="M2381" s="40"/>
      <c r="N2381" s="40"/>
      <c r="Y2381">
        <v>22.25</v>
      </c>
      <c r="Z2381">
        <v>100.55</v>
      </c>
      <c r="AA2381">
        <v>8.6302079999999997</v>
      </c>
      <c r="AB2381">
        <v>4.5311147593165435</v>
      </c>
    </row>
    <row r="2382" spans="4:28" x14ac:dyDescent="0.25">
      <c r="D2382" s="40">
        <v>39.565085000001751</v>
      </c>
      <c r="E2382" s="40">
        <v>15.935339577330041</v>
      </c>
      <c r="F2382" s="40">
        <v>39.549999999999997</v>
      </c>
      <c r="G2382" s="40">
        <v>12.900277916045159</v>
      </c>
      <c r="H2382" s="40">
        <v>39.550000000000011</v>
      </c>
      <c r="I2382" s="40">
        <v>10.231170170982674</v>
      </c>
      <c r="J2382" s="40">
        <v>39.549985583333601</v>
      </c>
      <c r="K2382" s="40">
        <v>10.171497236117888</v>
      </c>
      <c r="L2382" s="40"/>
      <c r="M2382" s="40"/>
      <c r="N2382" s="40"/>
      <c r="Y2382">
        <v>22.266666999999998</v>
      </c>
      <c r="Z2382">
        <v>100.566667</v>
      </c>
      <c r="AA2382">
        <v>8.6302079999999997</v>
      </c>
      <c r="AB2382">
        <v>4.5311147593165435</v>
      </c>
    </row>
    <row r="2383" spans="4:28" x14ac:dyDescent="0.25">
      <c r="D2383" s="40">
        <v>39.581751000001752</v>
      </c>
      <c r="E2383" s="40">
        <v>15.940182755919592</v>
      </c>
      <c r="F2383" s="40">
        <v>39.566666999999995</v>
      </c>
      <c r="G2383" s="40">
        <v>12.904893300014933</v>
      </c>
      <c r="H2383" s="40">
        <v>39.56666700000001</v>
      </c>
      <c r="I2383" s="40">
        <v>10.234522907125932</v>
      </c>
      <c r="J2383" s="40">
        <v>39.566652244047901</v>
      </c>
      <c r="K2383" s="40">
        <v>10.176348279826994</v>
      </c>
      <c r="L2383" s="40"/>
      <c r="M2383" s="40"/>
      <c r="N2383" s="40"/>
      <c r="Y2383">
        <v>22.283332999999999</v>
      </c>
      <c r="Z2383">
        <v>100.583333</v>
      </c>
      <c r="AA2383">
        <v>8.6302409999999998</v>
      </c>
      <c r="AB2383">
        <v>4.5315144630997057</v>
      </c>
    </row>
    <row r="2384" spans="4:28" x14ac:dyDescent="0.25">
      <c r="D2384" s="40">
        <v>39.598417000001753</v>
      </c>
      <c r="E2384" s="40">
        <v>15.940182755919592</v>
      </c>
      <c r="F2384" s="40">
        <v>39.583332999999996</v>
      </c>
      <c r="G2384" s="40">
        <v>12.909648544105153</v>
      </c>
      <c r="H2384" s="40">
        <v>39.583334000000008</v>
      </c>
      <c r="I2384" s="40">
        <v>10.234522907125932</v>
      </c>
      <c r="J2384" s="40">
        <v>39.583318904762201</v>
      </c>
      <c r="K2384" s="40">
        <v>10.176348279826994</v>
      </c>
      <c r="L2384" s="40"/>
      <c r="M2384" s="40"/>
      <c r="N2384" s="40"/>
      <c r="Y2384">
        <v>22.299999999999997</v>
      </c>
      <c r="Z2384">
        <v>100.6</v>
      </c>
      <c r="AA2384">
        <v>8.6302409999999998</v>
      </c>
      <c r="AB2384">
        <v>4.5315144630997057</v>
      </c>
    </row>
    <row r="2385" spans="4:28" x14ac:dyDescent="0.25">
      <c r="D2385" s="40">
        <v>39.615083000001754</v>
      </c>
      <c r="E2385" s="40">
        <v>15.945025934509014</v>
      </c>
      <c r="F2385" s="40">
        <v>39.599999999999994</v>
      </c>
      <c r="G2385" s="40">
        <v>12.914403788195374</v>
      </c>
      <c r="H2385" s="40">
        <v>39.600000000000009</v>
      </c>
      <c r="I2385" s="40">
        <v>10.237777033382693</v>
      </c>
      <c r="J2385" s="40">
        <v>39.599985565476501</v>
      </c>
      <c r="K2385" s="40">
        <v>10.176348279826994</v>
      </c>
      <c r="L2385" s="40"/>
      <c r="M2385" s="40"/>
      <c r="N2385" s="40"/>
      <c r="Y2385">
        <v>22.31666700000001</v>
      </c>
      <c r="Z2385">
        <v>100.61666700000001</v>
      </c>
      <c r="AA2385">
        <v>8.6302409999999998</v>
      </c>
      <c r="AB2385">
        <v>4.5315144630997057</v>
      </c>
    </row>
    <row r="2386" spans="4:28" x14ac:dyDescent="0.25">
      <c r="D2386" s="40">
        <v>39.631749000001754</v>
      </c>
      <c r="E2386" s="40">
        <v>15.94972666666944</v>
      </c>
      <c r="F2386" s="40">
        <v>39.616666999999993</v>
      </c>
      <c r="G2386" s="40">
        <v>12.914403788195374</v>
      </c>
      <c r="H2386" s="40">
        <v>39.616667000000007</v>
      </c>
      <c r="I2386" s="40">
        <v>10.237777033382693</v>
      </c>
      <c r="J2386" s="40">
        <v>39.616652226190801</v>
      </c>
      <c r="K2386" s="40">
        <v>10.176348279826994</v>
      </c>
      <c r="L2386" s="40"/>
      <c r="M2386" s="40"/>
      <c r="N2386" s="40"/>
      <c r="Y2386">
        <v>22.333332999999996</v>
      </c>
      <c r="Z2386">
        <v>100.63333299999999</v>
      </c>
      <c r="AA2386">
        <v>8.6302749999999993</v>
      </c>
      <c r="AB2386">
        <v>4.5319262791187125</v>
      </c>
    </row>
    <row r="2387" spans="4:28" x14ac:dyDescent="0.25">
      <c r="D2387" s="40">
        <v>39.648415000001755</v>
      </c>
      <c r="E2387" s="40">
        <v>15.954569845258986</v>
      </c>
      <c r="F2387" s="40">
        <v>39.633332999999993</v>
      </c>
      <c r="G2387" s="40">
        <v>12.919019172165148</v>
      </c>
      <c r="H2387" s="40">
        <v>39.633334000000005</v>
      </c>
      <c r="I2387" s="40">
        <v>10.241129769525951</v>
      </c>
      <c r="J2387" s="40">
        <v>39.633318886905002</v>
      </c>
      <c r="K2387" s="40">
        <v>10.181199323536227</v>
      </c>
      <c r="L2387" s="40"/>
      <c r="M2387" s="40"/>
      <c r="N2387" s="40"/>
      <c r="Y2387">
        <v>22.350000000000009</v>
      </c>
      <c r="Z2387">
        <v>100.65</v>
      </c>
      <c r="AA2387">
        <v>8.6302749999999993</v>
      </c>
      <c r="AB2387">
        <v>4.5319262791187125</v>
      </c>
    </row>
    <row r="2388" spans="4:28" x14ac:dyDescent="0.25">
      <c r="D2388" s="40">
        <v>39.665081000001756</v>
      </c>
      <c r="E2388" s="40">
        <v>15.954569845258986</v>
      </c>
      <c r="F2388" s="40">
        <v>39.649999999999991</v>
      </c>
      <c r="G2388" s="40">
        <v>12.923774416255368</v>
      </c>
      <c r="H2388" s="40">
        <v>39.650000000000006</v>
      </c>
      <c r="I2388" s="40">
        <v>10.244482505669209</v>
      </c>
      <c r="J2388" s="40">
        <v>39.649985547619302</v>
      </c>
      <c r="K2388" s="40">
        <v>10.181199323536227</v>
      </c>
      <c r="L2388" s="40"/>
      <c r="M2388" s="40"/>
      <c r="N2388" s="40"/>
      <c r="Y2388">
        <v>22.366667000000007</v>
      </c>
      <c r="Z2388">
        <v>100.666667</v>
      </c>
      <c r="AA2388">
        <v>8.6303079999999994</v>
      </c>
      <c r="AB2388">
        <v>4.5323259829018738</v>
      </c>
    </row>
    <row r="2389" spans="4:28" x14ac:dyDescent="0.25">
      <c r="D2389" s="40">
        <v>39.681747000001756</v>
      </c>
      <c r="E2389" s="40">
        <v>15.959413023848533</v>
      </c>
      <c r="F2389" s="40">
        <v>39.66666699999999</v>
      </c>
      <c r="G2389" s="40">
        <v>12.928529660345587</v>
      </c>
      <c r="H2389" s="40">
        <v>39.666667000000004</v>
      </c>
      <c r="I2389" s="40">
        <v>10.244482505669209</v>
      </c>
      <c r="J2389" s="40">
        <v>39.666652208333602</v>
      </c>
      <c r="K2389" s="40">
        <v>10.185907689489285</v>
      </c>
      <c r="L2389" s="40"/>
      <c r="M2389" s="40"/>
      <c r="N2389" s="40"/>
      <c r="Y2389">
        <v>22.383333000000007</v>
      </c>
      <c r="Z2389">
        <v>100.683333</v>
      </c>
      <c r="AA2389">
        <v>8.6303079999999994</v>
      </c>
      <c r="AB2389">
        <v>4.5323259829018738</v>
      </c>
    </row>
    <row r="2390" spans="4:28" x14ac:dyDescent="0.25">
      <c r="D2390" s="40">
        <v>39.698413000001757</v>
      </c>
      <c r="E2390" s="40">
        <v>15.964113756008834</v>
      </c>
      <c r="F2390" s="40">
        <v>39.68333299999999</v>
      </c>
      <c r="G2390" s="40">
        <v>12.933145044315488</v>
      </c>
      <c r="H2390" s="40">
        <v>39.683334000000002</v>
      </c>
      <c r="I2390" s="40">
        <v>10.247736631925973</v>
      </c>
      <c r="J2390" s="40">
        <v>39.683318869047902</v>
      </c>
      <c r="K2390" s="40">
        <v>10.185907689489285</v>
      </c>
      <c r="L2390" s="40"/>
      <c r="M2390" s="40"/>
      <c r="N2390" s="40"/>
      <c r="Y2390">
        <v>22.400000000000006</v>
      </c>
      <c r="Z2390">
        <v>100.7</v>
      </c>
      <c r="AA2390">
        <v>8.6303420000000006</v>
      </c>
      <c r="AB2390">
        <v>4.5327377989209019</v>
      </c>
    </row>
    <row r="2391" spans="4:28" x14ac:dyDescent="0.25">
      <c r="D2391" s="40">
        <v>39.715079000001758</v>
      </c>
      <c r="E2391" s="40">
        <v>15.968956934598381</v>
      </c>
      <c r="F2391" s="40">
        <v>39.699999999999989</v>
      </c>
      <c r="G2391" s="40">
        <v>12.937900288405583</v>
      </c>
      <c r="H2391" s="40">
        <v>39.700000000000003</v>
      </c>
      <c r="I2391" s="40">
        <v>10.251089368069405</v>
      </c>
      <c r="J2391" s="40">
        <v>39.699985529762202</v>
      </c>
      <c r="K2391" s="40">
        <v>10.185907689489285</v>
      </c>
      <c r="L2391" s="40"/>
      <c r="M2391" s="40"/>
      <c r="N2391" s="40"/>
      <c r="Y2391">
        <v>22.416667000000004</v>
      </c>
      <c r="Z2391">
        <v>100.716667</v>
      </c>
      <c r="AA2391">
        <v>8.6303420000000006</v>
      </c>
      <c r="AB2391">
        <v>4.5327377989209019</v>
      </c>
    </row>
    <row r="2392" spans="4:28" x14ac:dyDescent="0.25">
      <c r="D2392" s="40">
        <v>39.731745000001759</v>
      </c>
      <c r="E2392" s="40">
        <v>15.968956934598381</v>
      </c>
      <c r="F2392" s="40">
        <v>39.716667000000001</v>
      </c>
      <c r="G2392" s="40">
        <v>12.937900288405583</v>
      </c>
      <c r="H2392" s="40">
        <v>39.716667000000001</v>
      </c>
      <c r="I2392" s="40">
        <v>10.251089368069405</v>
      </c>
      <c r="J2392" s="40">
        <v>39.716652190476502</v>
      </c>
      <c r="K2392" s="40">
        <v>10.190758733198392</v>
      </c>
      <c r="L2392" s="40"/>
      <c r="M2392" s="40"/>
      <c r="N2392" s="40"/>
      <c r="Y2392">
        <v>22.433333000000005</v>
      </c>
      <c r="Z2392">
        <v>100.733333</v>
      </c>
      <c r="AA2392">
        <v>8.630376</v>
      </c>
      <c r="AB2392">
        <v>4.5331496149399086</v>
      </c>
    </row>
    <row r="2393" spans="4:28" x14ac:dyDescent="0.25">
      <c r="D2393" s="40">
        <v>39.748411000001759</v>
      </c>
      <c r="E2393" s="40">
        <v>15.973800113187931</v>
      </c>
      <c r="F2393" s="40">
        <v>39.733332999999988</v>
      </c>
      <c r="G2393" s="40">
        <v>12.942655532495802</v>
      </c>
      <c r="H2393" s="40">
        <v>39.733334000000013</v>
      </c>
      <c r="I2393" s="40">
        <v>10.254442104212663</v>
      </c>
      <c r="J2393" s="40">
        <v>39.733318851190802</v>
      </c>
      <c r="K2393" s="40">
        <v>10.195609776907625</v>
      </c>
      <c r="L2393" s="40"/>
      <c r="M2393" s="40"/>
      <c r="N2393" s="40"/>
      <c r="Y2393">
        <v>22.450000000000003</v>
      </c>
      <c r="Z2393">
        <v>100.75</v>
      </c>
      <c r="AA2393">
        <v>8.630376</v>
      </c>
      <c r="AB2393">
        <v>4.5331496149399086</v>
      </c>
    </row>
    <row r="2394" spans="4:28" x14ac:dyDescent="0.25">
      <c r="D2394" s="40">
        <v>39.76507700000176</v>
      </c>
      <c r="E2394" s="40">
        <v>15.973800113187931</v>
      </c>
      <c r="F2394" s="40">
        <v>39.75</v>
      </c>
      <c r="G2394" s="40">
        <v>12.947270916465703</v>
      </c>
      <c r="H2394" s="40">
        <v>39.75</v>
      </c>
      <c r="I2394" s="40">
        <v>10.257696230469424</v>
      </c>
      <c r="J2394" s="40">
        <v>39.749985511905003</v>
      </c>
      <c r="K2394" s="40">
        <v>10.195609776907625</v>
      </c>
      <c r="L2394" s="40"/>
      <c r="M2394" s="40"/>
      <c r="N2394" s="40"/>
      <c r="Y2394">
        <v>22.466667000000001</v>
      </c>
      <c r="Z2394">
        <v>100.766667</v>
      </c>
      <c r="AA2394">
        <v>8.6304090000000002</v>
      </c>
      <c r="AB2394">
        <v>4.53354931872307</v>
      </c>
    </row>
    <row r="2395" spans="4:28" x14ac:dyDescent="0.25">
      <c r="D2395" s="40">
        <v>39.781743000001761</v>
      </c>
      <c r="E2395" s="40">
        <v>15.978500845348357</v>
      </c>
      <c r="F2395" s="40">
        <v>39.766666999999998</v>
      </c>
      <c r="G2395" s="40">
        <v>12.952026160555798</v>
      </c>
      <c r="H2395" s="40">
        <v>39.766667000000012</v>
      </c>
      <c r="I2395" s="40">
        <v>10.261048966612682</v>
      </c>
      <c r="J2395" s="40">
        <v>39.766652172619303</v>
      </c>
      <c r="K2395" s="40">
        <v>10.200318142860684</v>
      </c>
      <c r="L2395" s="40"/>
      <c r="M2395" s="40"/>
      <c r="N2395" s="40"/>
      <c r="Y2395">
        <v>22.483333000000002</v>
      </c>
      <c r="Z2395">
        <v>100.783333</v>
      </c>
      <c r="AA2395">
        <v>8.6304090000000002</v>
      </c>
      <c r="AB2395">
        <v>4.53354931872307</v>
      </c>
    </row>
    <row r="2396" spans="4:28" x14ac:dyDescent="0.25">
      <c r="D2396" s="40">
        <v>39.798409000001762</v>
      </c>
      <c r="E2396" s="40">
        <v>15.983344023937779</v>
      </c>
      <c r="F2396" s="40">
        <v>39.783332999999999</v>
      </c>
      <c r="G2396" s="40">
        <v>12.956781404646017</v>
      </c>
      <c r="H2396" s="40">
        <v>39.783334000000011</v>
      </c>
      <c r="I2396" s="40">
        <v>10.264401702756114</v>
      </c>
      <c r="J2396" s="40">
        <v>39.783318833333603</v>
      </c>
      <c r="K2396" s="40">
        <v>10.200318142860684</v>
      </c>
      <c r="L2396" s="40"/>
      <c r="M2396" s="40"/>
      <c r="N2396" s="40"/>
      <c r="Y2396">
        <v>22.5</v>
      </c>
      <c r="Z2396">
        <v>100.8</v>
      </c>
      <c r="AA2396">
        <v>8.6304429999999996</v>
      </c>
      <c r="AB2396">
        <v>4.5339611347420767</v>
      </c>
    </row>
    <row r="2397" spans="4:28" x14ac:dyDescent="0.25">
      <c r="D2397" s="40">
        <v>39.815075000001762</v>
      </c>
      <c r="E2397" s="40">
        <v>15.983344023937779</v>
      </c>
      <c r="F2397" s="40">
        <v>39.799999999999997</v>
      </c>
      <c r="G2397" s="40">
        <v>12.961396788615918</v>
      </c>
      <c r="H2397" s="40">
        <v>39.800000000000011</v>
      </c>
      <c r="I2397" s="40">
        <v>10.264401702756114</v>
      </c>
      <c r="J2397" s="40">
        <v>39.799985494047903</v>
      </c>
      <c r="K2397" s="40">
        <v>10.20516918656979</v>
      </c>
      <c r="L2397" s="40"/>
      <c r="M2397" s="40"/>
      <c r="N2397" s="40"/>
      <c r="Y2397">
        <v>22.516666999999998</v>
      </c>
      <c r="Z2397">
        <v>100.816667</v>
      </c>
      <c r="AA2397">
        <v>8.6304429999999996</v>
      </c>
      <c r="AB2397">
        <v>4.5339611347420767</v>
      </c>
    </row>
    <row r="2398" spans="4:28" x14ac:dyDescent="0.25">
      <c r="D2398" s="40">
        <v>39.831741000001763</v>
      </c>
      <c r="E2398" s="40">
        <v>15.988187202527326</v>
      </c>
      <c r="F2398" s="40">
        <v>39.816666999999995</v>
      </c>
      <c r="G2398" s="40">
        <v>12.966152032706011</v>
      </c>
      <c r="H2398" s="40">
        <v>39.81666700000001</v>
      </c>
      <c r="I2398" s="40">
        <v>10.267655829012703</v>
      </c>
      <c r="J2398" s="40">
        <v>39.816652154762203</v>
      </c>
      <c r="K2398" s="40">
        <v>10.20516918656979</v>
      </c>
      <c r="L2398" s="40"/>
      <c r="M2398" s="40"/>
      <c r="N2398" s="40"/>
      <c r="Y2398">
        <v>22.533332999999999</v>
      </c>
      <c r="Z2398">
        <v>100.833333</v>
      </c>
      <c r="AA2398">
        <v>8.6304770000000008</v>
      </c>
      <c r="AB2398">
        <v>4.5343729507611039</v>
      </c>
    </row>
    <row r="2399" spans="4:28" x14ac:dyDescent="0.25">
      <c r="D2399" s="40">
        <v>39.848407000001764</v>
      </c>
      <c r="E2399" s="40">
        <v>15.988187202527326</v>
      </c>
      <c r="F2399" s="40">
        <v>39.833332999999996</v>
      </c>
      <c r="G2399" s="40">
        <v>12.966152032706011</v>
      </c>
      <c r="H2399" s="40">
        <v>39.833334000000008</v>
      </c>
      <c r="I2399" s="40">
        <v>10.271008565156134</v>
      </c>
      <c r="J2399" s="40">
        <v>39.833318815476503</v>
      </c>
      <c r="K2399" s="40">
        <v>10.210020230279023</v>
      </c>
      <c r="L2399" s="40"/>
      <c r="M2399" s="40"/>
      <c r="N2399" s="40"/>
      <c r="Y2399">
        <v>22.549999999999997</v>
      </c>
      <c r="Z2399">
        <v>100.85</v>
      </c>
      <c r="AA2399">
        <v>8.6304770000000008</v>
      </c>
      <c r="AB2399">
        <v>4.5343729507611039</v>
      </c>
    </row>
    <row r="2400" spans="4:28" x14ac:dyDescent="0.25">
      <c r="D2400" s="40">
        <v>39.865073000001765</v>
      </c>
      <c r="E2400" s="40">
        <v>15.988187202527326</v>
      </c>
      <c r="F2400" s="40">
        <v>39.849999999999994</v>
      </c>
      <c r="G2400" s="40">
        <v>12.970907276796231</v>
      </c>
      <c r="H2400" s="40">
        <v>39.850000000000009</v>
      </c>
      <c r="I2400" s="40">
        <v>10.274361301299392</v>
      </c>
      <c r="J2400" s="40">
        <v>39.849985476190803</v>
      </c>
      <c r="K2400" s="40">
        <v>10.210020230279023</v>
      </c>
      <c r="L2400" s="40"/>
      <c r="M2400" s="40"/>
      <c r="N2400" s="40"/>
      <c r="Y2400">
        <v>22.56666700000001</v>
      </c>
      <c r="Z2400">
        <v>100.86666700000001</v>
      </c>
      <c r="AA2400">
        <v>8.6305099999999992</v>
      </c>
      <c r="AB2400">
        <v>4.5347726545442457</v>
      </c>
    </row>
    <row r="2401" spans="4:28" x14ac:dyDescent="0.25">
      <c r="D2401" s="40">
        <v>39.881739000001765</v>
      </c>
      <c r="E2401" s="40">
        <v>15.992887934687751</v>
      </c>
      <c r="F2401" s="40">
        <v>39.866666999999993</v>
      </c>
      <c r="G2401" s="40">
        <v>12.975522660766131</v>
      </c>
      <c r="H2401" s="40">
        <v>39.866667000000007</v>
      </c>
      <c r="I2401" s="40">
        <v>10.277615427556155</v>
      </c>
      <c r="J2401" s="40">
        <v>39.866652136905003</v>
      </c>
      <c r="K2401" s="40">
        <v>10.214728596232082</v>
      </c>
      <c r="L2401" s="40"/>
      <c r="M2401" s="40"/>
      <c r="N2401" s="40"/>
      <c r="Y2401">
        <v>22.583332999999996</v>
      </c>
      <c r="Z2401">
        <v>100.88333299999999</v>
      </c>
      <c r="AA2401">
        <v>8.6305099999999992</v>
      </c>
      <c r="AB2401">
        <v>4.5347726545442457</v>
      </c>
    </row>
    <row r="2402" spans="4:28" x14ac:dyDescent="0.25">
      <c r="D2402" s="40">
        <v>39.898405000001766</v>
      </c>
      <c r="E2402" s="40">
        <v>15.992887934687751</v>
      </c>
      <c r="F2402" s="40">
        <v>39.883332999999993</v>
      </c>
      <c r="G2402" s="40">
        <v>12.980277904856351</v>
      </c>
      <c r="H2402" s="40">
        <v>39.883334000000005</v>
      </c>
      <c r="I2402" s="40">
        <v>10.277615427556155</v>
      </c>
      <c r="J2402" s="40">
        <v>39.883318797619303</v>
      </c>
      <c r="K2402" s="40">
        <v>10.214728596232082</v>
      </c>
      <c r="L2402" s="40"/>
      <c r="M2402" s="40"/>
      <c r="N2402" s="40"/>
      <c r="Y2402">
        <v>22.600000000000009</v>
      </c>
      <c r="Z2402">
        <v>100.9</v>
      </c>
      <c r="AA2402">
        <v>8.6305099999999992</v>
      </c>
      <c r="AB2402">
        <v>4.5347726545442457</v>
      </c>
    </row>
    <row r="2403" spans="4:28" x14ac:dyDescent="0.25">
      <c r="D2403" s="40">
        <v>39.915071000001767</v>
      </c>
      <c r="E2403" s="40">
        <v>15.997731113277174</v>
      </c>
      <c r="F2403" s="40">
        <v>39.899999999999991</v>
      </c>
      <c r="G2403" s="40">
        <v>12.980277904856351</v>
      </c>
      <c r="H2403" s="40">
        <v>39.900000000000006</v>
      </c>
      <c r="I2403" s="40">
        <v>10.280968163699411</v>
      </c>
      <c r="J2403" s="40">
        <v>39.899985458333603</v>
      </c>
      <c r="K2403" s="40">
        <v>10.219579639941315</v>
      </c>
      <c r="L2403" s="40"/>
      <c r="M2403" s="40"/>
      <c r="N2403" s="40"/>
      <c r="Y2403">
        <v>22.616667000000007</v>
      </c>
      <c r="Z2403">
        <v>100.916667</v>
      </c>
      <c r="AA2403">
        <v>8.6305440000000004</v>
      </c>
      <c r="AB2403">
        <v>4.5351844705632729</v>
      </c>
    </row>
    <row r="2404" spans="4:28" x14ac:dyDescent="0.25">
      <c r="D2404" s="40">
        <v>39.931737000001768</v>
      </c>
      <c r="E2404" s="40">
        <v>16.002574291866722</v>
      </c>
      <c r="F2404" s="40">
        <v>39.91666699999999</v>
      </c>
      <c r="G2404" s="40">
        <v>12.985033148946446</v>
      </c>
      <c r="H2404" s="40">
        <v>39.916667000000004</v>
      </c>
      <c r="I2404" s="40">
        <v>10.284320899842843</v>
      </c>
      <c r="J2404" s="40">
        <v>39.916652119047903</v>
      </c>
      <c r="K2404" s="40">
        <v>10.219579639941315</v>
      </c>
      <c r="L2404" s="40"/>
      <c r="M2404" s="40"/>
      <c r="N2404" s="40"/>
      <c r="Y2404">
        <v>22.633333000000007</v>
      </c>
      <c r="Z2404">
        <v>100.933333</v>
      </c>
      <c r="AA2404">
        <v>8.6305440000000004</v>
      </c>
      <c r="AB2404">
        <v>4.5351844705632729</v>
      </c>
    </row>
    <row r="2405" spans="4:28" x14ac:dyDescent="0.25">
      <c r="D2405" s="40">
        <v>39.948403000001768</v>
      </c>
      <c r="E2405" s="40">
        <v>16.007275024027145</v>
      </c>
      <c r="F2405" s="40">
        <v>39.93333299999999</v>
      </c>
      <c r="G2405" s="40">
        <v>12.985033148946446</v>
      </c>
      <c r="H2405" s="40">
        <v>39.933334000000002</v>
      </c>
      <c r="I2405" s="40">
        <v>10.287575026099606</v>
      </c>
      <c r="J2405" s="40">
        <v>39.933318779762203</v>
      </c>
      <c r="K2405" s="40">
        <v>10.224430683650422</v>
      </c>
      <c r="L2405" s="40"/>
      <c r="M2405" s="40"/>
      <c r="N2405" s="40"/>
      <c r="Y2405">
        <v>22.650000000000006</v>
      </c>
      <c r="Z2405">
        <v>100.95</v>
      </c>
      <c r="AA2405">
        <v>8.6305779999999999</v>
      </c>
      <c r="AB2405">
        <v>4.5355962865822796</v>
      </c>
    </row>
    <row r="2406" spans="4:28" x14ac:dyDescent="0.25">
      <c r="D2406" s="40">
        <v>39.965069000001769</v>
      </c>
      <c r="E2406" s="40">
        <v>16.007275024027145</v>
      </c>
      <c r="F2406" s="40">
        <v>39.949999999999989</v>
      </c>
      <c r="G2406" s="40">
        <v>12.989788393036664</v>
      </c>
      <c r="H2406" s="40">
        <v>39.950000000000003</v>
      </c>
      <c r="I2406" s="40">
        <v>10.287575026099606</v>
      </c>
      <c r="J2406" s="40">
        <v>39.949985440476503</v>
      </c>
      <c r="K2406" s="40">
        <v>10.224430683650422</v>
      </c>
      <c r="L2406" s="40"/>
      <c r="M2406" s="40"/>
      <c r="N2406" s="40"/>
      <c r="Y2406">
        <v>22.666667000000004</v>
      </c>
      <c r="Z2406">
        <v>100.966667</v>
      </c>
      <c r="AA2406">
        <v>8.6305779999999999</v>
      </c>
      <c r="AB2406">
        <v>4.5355962865822796</v>
      </c>
    </row>
    <row r="2407" spans="4:28" x14ac:dyDescent="0.25">
      <c r="D2407" s="40">
        <v>39.98173500000177</v>
      </c>
      <c r="E2407" s="40">
        <v>16.01211820261657</v>
      </c>
      <c r="F2407" s="40">
        <v>39.966667000000001</v>
      </c>
      <c r="G2407" s="40">
        <v>12.994403777006564</v>
      </c>
      <c r="H2407" s="40">
        <v>39.966667000000001</v>
      </c>
      <c r="I2407" s="40">
        <v>10.290927762242864</v>
      </c>
      <c r="J2407" s="40">
        <v>39.966652101190803</v>
      </c>
      <c r="K2407" s="40">
        <v>10.22913904960348</v>
      </c>
      <c r="L2407" s="40"/>
      <c r="M2407" s="40"/>
      <c r="N2407" s="40"/>
      <c r="Y2407">
        <v>22.683333000000005</v>
      </c>
      <c r="Z2407">
        <v>100.983333</v>
      </c>
      <c r="AA2407">
        <v>8.630611</v>
      </c>
      <c r="AB2407">
        <v>4.535995990365441</v>
      </c>
    </row>
    <row r="2408" spans="4:28" x14ac:dyDescent="0.25">
      <c r="D2408" s="40">
        <v>39.99840100000177</v>
      </c>
      <c r="E2408" s="40">
        <v>16.016961381206119</v>
      </c>
      <c r="F2408" s="40">
        <v>39.983332999999988</v>
      </c>
      <c r="G2408" s="40">
        <v>12.994403777006564</v>
      </c>
      <c r="H2408" s="40">
        <v>39.983334000000013</v>
      </c>
      <c r="I2408" s="40">
        <v>10.290927762242864</v>
      </c>
      <c r="J2408" s="40">
        <v>39.983318761904997</v>
      </c>
      <c r="K2408" s="40">
        <v>10.233990093312714</v>
      </c>
      <c r="L2408" s="40"/>
      <c r="M2408" s="40"/>
      <c r="N2408" s="40"/>
      <c r="Y2408">
        <v>22.700000000000003</v>
      </c>
      <c r="Z2408">
        <v>101</v>
      </c>
      <c r="AA2408">
        <v>8.630611</v>
      </c>
      <c r="AB2408">
        <v>4.535995990365441</v>
      </c>
    </row>
    <row r="2409" spans="4:28" x14ac:dyDescent="0.25">
      <c r="D2409" s="40">
        <v>40.015067000001771</v>
      </c>
      <c r="E2409" s="40">
        <v>16.021662113366546</v>
      </c>
      <c r="F2409" s="40">
        <v>40</v>
      </c>
      <c r="G2409" s="40">
        <v>12.999159021096661</v>
      </c>
      <c r="H2409" s="40">
        <v>40</v>
      </c>
      <c r="I2409" s="40">
        <v>10.294280498386122</v>
      </c>
      <c r="J2409" s="40">
        <v>39.999985422619297</v>
      </c>
      <c r="K2409" s="40">
        <v>10.238841137021819</v>
      </c>
      <c r="L2409" s="40"/>
      <c r="M2409" s="40"/>
      <c r="N2409" s="40"/>
      <c r="Y2409">
        <v>22.716667000000001</v>
      </c>
      <c r="Z2409">
        <v>101.016667</v>
      </c>
      <c r="AA2409">
        <v>8.6306449999999995</v>
      </c>
      <c r="AB2409">
        <v>4.5364078063844477</v>
      </c>
    </row>
    <row r="2410" spans="4:28" x14ac:dyDescent="0.25">
      <c r="D2410" s="40">
        <v>40.031733000001772</v>
      </c>
      <c r="E2410" s="40">
        <v>16.026505291955967</v>
      </c>
      <c r="F2410" s="40">
        <v>40.016666999999998</v>
      </c>
      <c r="G2410" s="40">
        <v>13.003914265186879</v>
      </c>
      <c r="H2410" s="40">
        <v>40.016667000000012</v>
      </c>
      <c r="I2410" s="40">
        <v>10.297534624642886</v>
      </c>
      <c r="J2410" s="40">
        <v>40.016652083333597</v>
      </c>
      <c r="K2410" s="40">
        <v>10.238841137021819</v>
      </c>
      <c r="L2410" s="40"/>
      <c r="M2410" s="40"/>
      <c r="N2410" s="40"/>
      <c r="Y2410">
        <v>22.733333000000002</v>
      </c>
      <c r="Z2410">
        <v>101.033333</v>
      </c>
      <c r="AA2410">
        <v>8.6306449999999995</v>
      </c>
      <c r="AB2410">
        <v>4.5364078063844477</v>
      </c>
    </row>
    <row r="2411" spans="4:28" x14ac:dyDescent="0.25">
      <c r="D2411" s="40">
        <v>40.048399000001773</v>
      </c>
      <c r="E2411" s="40">
        <v>16.031348470545513</v>
      </c>
      <c r="F2411" s="40">
        <v>40.033332999999999</v>
      </c>
      <c r="G2411" s="40">
        <v>13.008529649156779</v>
      </c>
      <c r="H2411" s="40">
        <v>40.033334000000011</v>
      </c>
      <c r="I2411" s="40">
        <v>10.300887360786142</v>
      </c>
      <c r="J2411" s="40">
        <v>40.033318744047897</v>
      </c>
      <c r="K2411" s="40">
        <v>10.243549502974878</v>
      </c>
      <c r="L2411" s="40"/>
      <c r="M2411" s="40"/>
      <c r="N2411" s="40"/>
      <c r="Y2411">
        <v>22.75</v>
      </c>
      <c r="Z2411">
        <v>101.05</v>
      </c>
      <c r="AA2411">
        <v>8.6306790000000007</v>
      </c>
      <c r="AB2411">
        <v>4.5368196224034758</v>
      </c>
    </row>
    <row r="2412" spans="4:28" x14ac:dyDescent="0.25">
      <c r="D2412" s="40">
        <v>40.065065000001773</v>
      </c>
      <c r="E2412" s="40">
        <v>16.031348470545513</v>
      </c>
      <c r="F2412" s="40">
        <v>40.049999999999997</v>
      </c>
      <c r="G2412" s="40">
        <v>13.013284893246876</v>
      </c>
      <c r="H2412" s="40">
        <v>40.050000000000011</v>
      </c>
      <c r="I2412" s="40">
        <v>10.304240096929576</v>
      </c>
      <c r="J2412" s="40">
        <v>40.049985404762197</v>
      </c>
      <c r="K2412" s="40">
        <v>10.243549502974878</v>
      </c>
      <c r="L2412" s="40"/>
      <c r="M2412" s="40"/>
      <c r="N2412" s="40"/>
      <c r="Y2412">
        <v>22.766666999999998</v>
      </c>
      <c r="Z2412">
        <v>101.066667</v>
      </c>
      <c r="AA2412">
        <v>8.6306790000000007</v>
      </c>
      <c r="AB2412">
        <v>4.5368196224034758</v>
      </c>
    </row>
    <row r="2413" spans="4:28" x14ac:dyDescent="0.25">
      <c r="D2413" s="40">
        <v>40.081731000001774</v>
      </c>
      <c r="E2413" s="40">
        <v>16.036049202705939</v>
      </c>
      <c r="F2413" s="40">
        <v>40.066666999999995</v>
      </c>
      <c r="G2413" s="40">
        <v>13.013284893246876</v>
      </c>
      <c r="H2413" s="40">
        <v>40.06666700000001</v>
      </c>
      <c r="I2413" s="40">
        <v>10.307494223186337</v>
      </c>
      <c r="J2413" s="40">
        <v>40.066652065476497</v>
      </c>
      <c r="K2413" s="40">
        <v>10.248400546684111</v>
      </c>
      <c r="L2413" s="40"/>
      <c r="M2413" s="40"/>
      <c r="N2413" s="40"/>
      <c r="Y2413">
        <v>22.783332999999999</v>
      </c>
      <c r="Z2413">
        <v>101.083333</v>
      </c>
      <c r="AA2413">
        <v>8.6306790000000007</v>
      </c>
      <c r="AB2413">
        <v>4.5368196224034758</v>
      </c>
    </row>
    <row r="2414" spans="4:28" x14ac:dyDescent="0.25">
      <c r="D2414" s="40">
        <v>40.098397000001775</v>
      </c>
      <c r="E2414" s="40">
        <v>16.040892381295485</v>
      </c>
      <c r="F2414" s="40">
        <v>40.083332999999996</v>
      </c>
      <c r="G2414" s="40">
        <v>13.018040137337096</v>
      </c>
      <c r="H2414" s="40">
        <v>40.083334000000008</v>
      </c>
      <c r="I2414" s="40">
        <v>10.310846959329595</v>
      </c>
      <c r="J2414" s="40">
        <v>40.083318726190797</v>
      </c>
      <c r="K2414" s="40">
        <v>10.248400546684111</v>
      </c>
      <c r="L2414" s="40"/>
      <c r="M2414" s="40"/>
      <c r="N2414" s="40"/>
      <c r="Y2414">
        <v>22.799999999999997</v>
      </c>
      <c r="Z2414">
        <v>101.1</v>
      </c>
      <c r="AA2414">
        <v>8.6307120000000008</v>
      </c>
      <c r="AB2414">
        <v>4.5372193261866371</v>
      </c>
    </row>
    <row r="2415" spans="4:28" x14ac:dyDescent="0.25">
      <c r="D2415" s="40">
        <v>40.115063000001776</v>
      </c>
      <c r="E2415" s="40">
        <v>16.045735559884907</v>
      </c>
      <c r="F2415" s="40">
        <v>40.099999999999994</v>
      </c>
      <c r="G2415" s="40">
        <v>13.022655521306994</v>
      </c>
      <c r="H2415" s="40">
        <v>40.100000000000009</v>
      </c>
      <c r="I2415" s="40">
        <v>10.310846959329595</v>
      </c>
      <c r="J2415" s="40">
        <v>40.099985386904997</v>
      </c>
      <c r="K2415" s="40">
        <v>10.248400546684111</v>
      </c>
      <c r="L2415" s="40"/>
      <c r="M2415" s="40"/>
      <c r="N2415" s="40"/>
      <c r="Y2415">
        <v>22.81666700000001</v>
      </c>
      <c r="Z2415">
        <v>101.11666700000001</v>
      </c>
      <c r="AA2415">
        <v>8.6307120000000008</v>
      </c>
      <c r="AB2415">
        <v>4.5372193261866371</v>
      </c>
    </row>
    <row r="2416" spans="4:28" x14ac:dyDescent="0.25">
      <c r="D2416" s="40">
        <v>40.131729000001776</v>
      </c>
      <c r="E2416" s="40">
        <v>16.050436292045333</v>
      </c>
      <c r="F2416" s="40">
        <v>40.116666999999993</v>
      </c>
      <c r="G2416" s="40">
        <v>13.027410765397089</v>
      </c>
      <c r="H2416" s="40">
        <v>40.116667000000007</v>
      </c>
      <c r="I2416" s="40">
        <v>10.314199695472851</v>
      </c>
      <c r="J2416" s="40">
        <v>40.116652047619297</v>
      </c>
      <c r="K2416" s="40">
        <v>10.253251590393216</v>
      </c>
      <c r="L2416" s="40"/>
      <c r="M2416" s="40"/>
      <c r="N2416" s="40"/>
      <c r="Y2416">
        <v>22.833332999999996</v>
      </c>
      <c r="Z2416">
        <v>101.13333299999999</v>
      </c>
      <c r="AA2416">
        <v>8.6307460000000003</v>
      </c>
      <c r="AB2416">
        <v>4.5376311422056439</v>
      </c>
    </row>
    <row r="2417" spans="4:28" x14ac:dyDescent="0.25">
      <c r="D2417" s="40">
        <v>40.148395000001777</v>
      </c>
      <c r="E2417" s="40">
        <v>16.055279470634883</v>
      </c>
      <c r="F2417" s="40">
        <v>40.133332999999993</v>
      </c>
      <c r="G2417" s="40">
        <v>13.032166009487309</v>
      </c>
      <c r="H2417" s="40">
        <v>40.133334000000005</v>
      </c>
      <c r="I2417" s="40">
        <v>10.317453821729615</v>
      </c>
      <c r="J2417" s="40">
        <v>40.133318708333597</v>
      </c>
      <c r="K2417" s="40">
        <v>10.253251590393216</v>
      </c>
      <c r="L2417" s="40"/>
      <c r="M2417" s="40"/>
      <c r="N2417" s="40"/>
      <c r="Y2417">
        <v>22.850000000000009</v>
      </c>
      <c r="Z2417">
        <v>101.15</v>
      </c>
      <c r="AA2417">
        <v>8.6307460000000003</v>
      </c>
      <c r="AB2417">
        <v>4.5376311422056439</v>
      </c>
    </row>
    <row r="2418" spans="4:28" x14ac:dyDescent="0.25">
      <c r="D2418" s="40">
        <v>40.165061000001778</v>
      </c>
      <c r="E2418" s="40">
        <v>16.060122649224304</v>
      </c>
      <c r="F2418" s="40">
        <v>40.149999999999991</v>
      </c>
      <c r="G2418" s="40">
        <v>13.032166009487309</v>
      </c>
      <c r="H2418" s="40">
        <v>40.150000000000006</v>
      </c>
      <c r="I2418" s="40">
        <v>10.320806557873047</v>
      </c>
      <c r="J2418" s="40">
        <v>40.149985369047897</v>
      </c>
      <c r="K2418" s="40">
        <v>10.253251590393216</v>
      </c>
      <c r="L2418" s="40"/>
      <c r="M2418" s="40"/>
      <c r="N2418" s="40"/>
      <c r="Y2418">
        <v>22.866667000000007</v>
      </c>
      <c r="Z2418">
        <v>101.166667</v>
      </c>
      <c r="AA2418">
        <v>8.6307799999999997</v>
      </c>
      <c r="AB2418">
        <v>4.5380429582246498</v>
      </c>
    </row>
    <row r="2419" spans="4:28" x14ac:dyDescent="0.25">
      <c r="D2419" s="40">
        <v>40.181727000001779</v>
      </c>
      <c r="E2419" s="40">
        <v>16.064823381384727</v>
      </c>
      <c r="F2419" s="40">
        <v>40.16666699999999</v>
      </c>
      <c r="G2419" s="40">
        <v>13.036781393457208</v>
      </c>
      <c r="H2419" s="40">
        <v>40.166667000000004</v>
      </c>
      <c r="I2419" s="40">
        <v>10.324159294016305</v>
      </c>
      <c r="J2419" s="40">
        <v>40.166652029762197</v>
      </c>
      <c r="K2419" s="40">
        <v>10.253251590393216</v>
      </c>
      <c r="L2419" s="40"/>
      <c r="M2419" s="40"/>
      <c r="N2419" s="40"/>
      <c r="Y2419">
        <v>22.883333000000007</v>
      </c>
      <c r="Z2419">
        <v>101.183333</v>
      </c>
      <c r="AA2419">
        <v>8.6307799999999997</v>
      </c>
      <c r="AB2419">
        <v>4.5380429582246498</v>
      </c>
    </row>
    <row r="2420" spans="4:28" x14ac:dyDescent="0.25">
      <c r="D2420" s="40">
        <v>40.198393000001779</v>
      </c>
      <c r="E2420" s="40">
        <v>16.06966655997428</v>
      </c>
      <c r="F2420" s="40">
        <v>40.18333299999999</v>
      </c>
      <c r="G2420" s="40">
        <v>13.041536637547429</v>
      </c>
      <c r="H2420" s="40">
        <v>40.183334000000002</v>
      </c>
      <c r="I2420" s="40">
        <v>10.324159294016305</v>
      </c>
      <c r="J2420" s="40">
        <v>40.183318690476497</v>
      </c>
      <c r="K2420" s="40">
        <v>10.253251590393216</v>
      </c>
      <c r="L2420" s="40"/>
      <c r="M2420" s="40"/>
      <c r="N2420" s="40"/>
      <c r="Y2420">
        <v>22.900000000000006</v>
      </c>
      <c r="Z2420">
        <v>101.2</v>
      </c>
      <c r="AA2420">
        <v>8.6307799999999997</v>
      </c>
      <c r="AB2420">
        <v>4.5380429582246498</v>
      </c>
    </row>
    <row r="2421" spans="4:28" x14ac:dyDescent="0.25">
      <c r="D2421" s="40">
        <v>40.21505900000178</v>
      </c>
      <c r="E2421" s="40">
        <v>16.074509738563702</v>
      </c>
      <c r="F2421" s="40">
        <v>40.199999999999989</v>
      </c>
      <c r="G2421" s="40">
        <v>13.046291881637524</v>
      </c>
      <c r="H2421" s="40">
        <v>40.200000000000003</v>
      </c>
      <c r="I2421" s="40">
        <v>10.327512030159561</v>
      </c>
      <c r="J2421" s="40">
        <v>40.199985351190797</v>
      </c>
      <c r="K2421" s="40">
        <v>10.253251590393216</v>
      </c>
      <c r="L2421" s="40"/>
      <c r="M2421" s="40"/>
      <c r="N2421" s="40"/>
      <c r="Y2421">
        <v>22.916667000000004</v>
      </c>
      <c r="Z2421">
        <v>101.216667</v>
      </c>
      <c r="AA2421">
        <v>8.6308129999999998</v>
      </c>
      <c r="AB2421">
        <v>4.538442662007812</v>
      </c>
    </row>
    <row r="2422" spans="4:28" x14ac:dyDescent="0.25">
      <c r="D2422" s="40">
        <v>40.231725000001781</v>
      </c>
      <c r="E2422" s="40">
        <v>16.079210470724128</v>
      </c>
      <c r="F2422" s="40">
        <v>40.216667000000001</v>
      </c>
      <c r="G2422" s="40">
        <v>13.050907265607425</v>
      </c>
      <c r="H2422" s="40">
        <v>40.216667000000001</v>
      </c>
      <c r="I2422" s="40">
        <v>10.330766156416324</v>
      </c>
      <c r="J2422" s="40">
        <v>40.216652011904998</v>
      </c>
      <c r="K2422" s="40">
        <v>10.257959956346276</v>
      </c>
      <c r="L2422" s="40"/>
      <c r="M2422" s="40"/>
      <c r="N2422" s="40"/>
      <c r="Y2422">
        <v>22.933333000000005</v>
      </c>
      <c r="Z2422">
        <v>101.233333</v>
      </c>
      <c r="AA2422">
        <v>8.6308129999999998</v>
      </c>
      <c r="AB2422">
        <v>4.538442662007812</v>
      </c>
    </row>
    <row r="2423" spans="4:28" x14ac:dyDescent="0.25">
      <c r="D2423" s="40">
        <v>40.248391000001781</v>
      </c>
      <c r="E2423" s="40">
        <v>16.079210470724128</v>
      </c>
      <c r="F2423" s="40">
        <v>40.233332999999988</v>
      </c>
      <c r="G2423" s="40">
        <v>13.055662509697642</v>
      </c>
      <c r="H2423" s="40">
        <v>40.233334000000013</v>
      </c>
      <c r="I2423" s="40">
        <v>10.334118892559582</v>
      </c>
      <c r="J2423" s="40">
        <v>40.233318672619298</v>
      </c>
      <c r="K2423" s="40">
        <v>10.262811000055509</v>
      </c>
      <c r="L2423" s="40"/>
      <c r="M2423" s="40"/>
      <c r="N2423" s="40"/>
      <c r="Y2423">
        <v>22.950000000000003</v>
      </c>
      <c r="Z2423">
        <v>101.25</v>
      </c>
      <c r="AA2423">
        <v>8.6308129999999998</v>
      </c>
      <c r="AB2423">
        <v>4.538442662007812</v>
      </c>
    </row>
    <row r="2424" spans="4:28" x14ac:dyDescent="0.25">
      <c r="D2424" s="40">
        <v>40.265057000001782</v>
      </c>
      <c r="E2424" s="40">
        <v>16.084053649313674</v>
      </c>
      <c r="F2424" s="40">
        <v>40.25</v>
      </c>
      <c r="G2424" s="40">
        <v>13.055662509697642</v>
      </c>
      <c r="H2424" s="40">
        <v>40.25</v>
      </c>
      <c r="I2424" s="40">
        <v>10.334118892559582</v>
      </c>
      <c r="J2424" s="40">
        <v>40.249985333333598</v>
      </c>
      <c r="K2424" s="40">
        <v>10.262811000055509</v>
      </c>
      <c r="L2424" s="40"/>
      <c r="M2424" s="40"/>
      <c r="N2424" s="40"/>
      <c r="Y2424">
        <v>22.966667000000001</v>
      </c>
      <c r="Z2424">
        <v>101.266667</v>
      </c>
      <c r="AA2424">
        <v>8.6308469999999993</v>
      </c>
      <c r="AB2424">
        <v>4.5388544780268187</v>
      </c>
    </row>
    <row r="2425" spans="4:28" x14ac:dyDescent="0.25">
      <c r="D2425" s="40">
        <v>40.281723000001783</v>
      </c>
      <c r="E2425" s="40">
        <v>16.088896827903223</v>
      </c>
      <c r="F2425" s="40">
        <v>40.266666999999998</v>
      </c>
      <c r="G2425" s="40">
        <v>13.060417753787739</v>
      </c>
      <c r="H2425" s="40">
        <v>40.266667000000012</v>
      </c>
      <c r="I2425" s="40">
        <v>10.337471628703014</v>
      </c>
      <c r="J2425" s="40">
        <v>40.266651994047898</v>
      </c>
      <c r="K2425" s="40">
        <v>10.267662043764741</v>
      </c>
      <c r="L2425" s="40"/>
      <c r="M2425" s="40"/>
      <c r="N2425" s="40"/>
      <c r="Y2425">
        <v>22.983333000000002</v>
      </c>
      <c r="Z2425">
        <v>101.283333</v>
      </c>
      <c r="AA2425">
        <v>8.6308469999999993</v>
      </c>
      <c r="AB2425">
        <v>4.5388544780268187</v>
      </c>
    </row>
    <row r="2426" spans="4:28" x14ac:dyDescent="0.25">
      <c r="D2426" s="40">
        <v>40.298389000001784</v>
      </c>
      <c r="E2426" s="40">
        <v>16.093597560063522</v>
      </c>
      <c r="F2426" s="40">
        <v>40.283332999999999</v>
      </c>
      <c r="G2426" s="40">
        <v>13.06503313775764</v>
      </c>
      <c r="H2426" s="40">
        <v>40.283334000000011</v>
      </c>
      <c r="I2426" s="40">
        <v>10.340725754959777</v>
      </c>
      <c r="J2426" s="40">
        <v>40.283318654762198</v>
      </c>
      <c r="K2426" s="40">
        <v>10.267662043764741</v>
      </c>
      <c r="L2426" s="40"/>
      <c r="M2426" s="40"/>
      <c r="N2426" s="40"/>
      <c r="Y2426">
        <v>23</v>
      </c>
      <c r="Z2426">
        <v>101.3</v>
      </c>
      <c r="AA2426">
        <v>8.6308810000000005</v>
      </c>
      <c r="AB2426">
        <v>4.5392662940458459</v>
      </c>
    </row>
    <row r="2427" spans="4:28" x14ac:dyDescent="0.25">
      <c r="D2427" s="40">
        <v>40.315055000001784</v>
      </c>
      <c r="E2427" s="40">
        <v>16.098440738653068</v>
      </c>
      <c r="F2427" s="40">
        <v>40.299999999999997</v>
      </c>
      <c r="G2427" s="40">
        <v>13.069788381847857</v>
      </c>
      <c r="H2427" s="40">
        <v>40.300000000000011</v>
      </c>
      <c r="I2427" s="40">
        <v>10.344078491103035</v>
      </c>
      <c r="J2427" s="40">
        <v>40.299985315476498</v>
      </c>
      <c r="K2427" s="40">
        <v>10.272370409717674</v>
      </c>
      <c r="L2427" s="40"/>
      <c r="M2427" s="40"/>
      <c r="N2427" s="40"/>
      <c r="Y2427">
        <v>23.016666999999998</v>
      </c>
      <c r="Z2427">
        <v>101.316667</v>
      </c>
      <c r="AA2427">
        <v>8.6308810000000005</v>
      </c>
      <c r="AB2427">
        <v>4.5392662940458459</v>
      </c>
    </row>
    <row r="2428" spans="4:28" x14ac:dyDescent="0.25">
      <c r="D2428" s="40">
        <v>40.331721000001785</v>
      </c>
      <c r="E2428" s="40">
        <v>16.103283917242617</v>
      </c>
      <c r="F2428" s="40">
        <v>40.316666999999995</v>
      </c>
      <c r="G2428" s="40">
        <v>13.074543625937954</v>
      </c>
      <c r="H2428" s="40">
        <v>40.31666700000001</v>
      </c>
      <c r="I2428" s="40">
        <v>10.344078491103035</v>
      </c>
      <c r="J2428" s="40">
        <v>40.316651976190798</v>
      </c>
      <c r="K2428" s="40">
        <v>10.277221453426908</v>
      </c>
      <c r="L2428" s="40"/>
      <c r="M2428" s="40"/>
      <c r="N2428" s="40"/>
      <c r="Y2428">
        <v>23.033332999999999</v>
      </c>
      <c r="Z2428">
        <v>101.333333</v>
      </c>
      <c r="AA2428">
        <v>8.6308810000000005</v>
      </c>
      <c r="AB2428">
        <v>4.5392662940458459</v>
      </c>
    </row>
    <row r="2429" spans="4:28" x14ac:dyDescent="0.25">
      <c r="D2429" s="40">
        <v>40.348387000001786</v>
      </c>
      <c r="E2429" s="40">
        <v>16.108127095832039</v>
      </c>
      <c r="F2429" s="40">
        <v>40.333332999999996</v>
      </c>
      <c r="G2429" s="40">
        <v>13.079159009907855</v>
      </c>
      <c r="H2429" s="40">
        <v>40.333334000000008</v>
      </c>
      <c r="I2429" s="40">
        <v>10.347431227246291</v>
      </c>
      <c r="J2429" s="40">
        <v>40.333318636904998</v>
      </c>
      <c r="K2429" s="40">
        <v>10.277221453426908</v>
      </c>
      <c r="L2429" s="40"/>
      <c r="M2429" s="40"/>
      <c r="N2429" s="40"/>
      <c r="Y2429">
        <v>23.049999999999997</v>
      </c>
      <c r="Z2429">
        <v>101.35</v>
      </c>
      <c r="AA2429">
        <v>8.6309140000000006</v>
      </c>
      <c r="AB2429">
        <v>4.539665997829009</v>
      </c>
    </row>
    <row r="2430" spans="4:28" x14ac:dyDescent="0.25">
      <c r="D2430" s="40">
        <v>40.365053000001787</v>
      </c>
      <c r="E2430" s="40">
        <v>16.108127095832039</v>
      </c>
      <c r="F2430" s="40">
        <v>40.349999999999994</v>
      </c>
      <c r="G2430" s="40">
        <v>13.083914253998072</v>
      </c>
      <c r="H2430" s="40">
        <v>40.350000000000009</v>
      </c>
      <c r="I2430" s="40">
        <v>10.350685353503055</v>
      </c>
      <c r="J2430" s="40">
        <v>40.349985297619298</v>
      </c>
      <c r="K2430" s="40">
        <v>10.28207249713614</v>
      </c>
      <c r="L2430" s="40"/>
      <c r="M2430" s="40"/>
      <c r="N2430" s="40"/>
      <c r="Y2430">
        <v>23.06666700000001</v>
      </c>
      <c r="Z2430">
        <v>101.36666700000001</v>
      </c>
      <c r="AA2430">
        <v>8.6309140000000006</v>
      </c>
      <c r="AB2430">
        <v>4.539665997829009</v>
      </c>
    </row>
    <row r="2431" spans="4:28" x14ac:dyDescent="0.25">
      <c r="D2431" s="40">
        <v>40.381719000001787</v>
      </c>
      <c r="E2431" s="40">
        <v>16.112827827992465</v>
      </c>
      <c r="F2431" s="40">
        <v>40.366666999999993</v>
      </c>
      <c r="G2431" s="40">
        <v>13.088669498088292</v>
      </c>
      <c r="H2431" s="40">
        <v>40.366667000000007</v>
      </c>
      <c r="I2431" s="40">
        <v>10.354038089646487</v>
      </c>
      <c r="J2431" s="40">
        <v>40.366651958333598</v>
      </c>
      <c r="K2431" s="40">
        <v>10.28207249713614</v>
      </c>
      <c r="L2431" s="40"/>
      <c r="M2431" s="40"/>
      <c r="N2431" s="40"/>
      <c r="Y2431">
        <v>23.083332999999996</v>
      </c>
      <c r="Z2431">
        <v>101.38333299999999</v>
      </c>
      <c r="AA2431">
        <v>8.6309140000000006</v>
      </c>
      <c r="AB2431">
        <v>4.539665997829009</v>
      </c>
    </row>
    <row r="2432" spans="4:28" x14ac:dyDescent="0.25">
      <c r="D2432" s="40">
        <v>40.398385000001788</v>
      </c>
      <c r="E2432" s="40">
        <v>16.117671006582015</v>
      </c>
      <c r="F2432" s="40">
        <v>40.383332999999993</v>
      </c>
      <c r="G2432" s="40">
        <v>13.093284882058068</v>
      </c>
      <c r="H2432" s="40">
        <v>40.383334000000005</v>
      </c>
      <c r="I2432" s="40">
        <v>10.354038089646487</v>
      </c>
      <c r="J2432" s="40">
        <v>40.383318619047898</v>
      </c>
      <c r="K2432" s="40">
        <v>10.286780863089071</v>
      </c>
      <c r="L2432" s="40"/>
      <c r="M2432" s="40"/>
      <c r="N2432" s="40"/>
      <c r="Y2432">
        <v>23.100000000000009</v>
      </c>
      <c r="Z2432">
        <v>101.4</v>
      </c>
      <c r="AA2432">
        <v>8.6309140000000006</v>
      </c>
      <c r="AB2432">
        <v>4.539665997829009</v>
      </c>
    </row>
    <row r="2433" spans="4:28" x14ac:dyDescent="0.25">
      <c r="D2433" s="40">
        <v>40.415051000001789</v>
      </c>
      <c r="E2433" s="40">
        <v>16.117671006582015</v>
      </c>
      <c r="F2433" s="40">
        <v>40.399999999999991</v>
      </c>
      <c r="G2433" s="40">
        <v>13.098040126148286</v>
      </c>
      <c r="H2433" s="40">
        <v>40.400000000000006</v>
      </c>
      <c r="I2433" s="40">
        <v>10.357390825789743</v>
      </c>
      <c r="J2433" s="40">
        <v>40.399985279762198</v>
      </c>
      <c r="K2433" s="40">
        <v>10.286780863089071</v>
      </c>
      <c r="L2433" s="40"/>
      <c r="M2433" s="40"/>
      <c r="N2433" s="40"/>
      <c r="Y2433">
        <v>23.116667000000007</v>
      </c>
      <c r="Z2433">
        <v>101.416667</v>
      </c>
      <c r="AA2433">
        <v>8.6309140000000006</v>
      </c>
      <c r="AB2433">
        <v>4.539665997829009</v>
      </c>
    </row>
    <row r="2434" spans="4:28" x14ac:dyDescent="0.25">
      <c r="D2434" s="40">
        <v>40.43171700000179</v>
      </c>
      <c r="E2434" s="40">
        <v>16.122514185171436</v>
      </c>
      <c r="F2434" s="40">
        <v>40.41666699999999</v>
      </c>
      <c r="G2434" s="40">
        <v>13.102795370238507</v>
      </c>
      <c r="H2434" s="40">
        <v>40.416667000000004</v>
      </c>
      <c r="I2434" s="40">
        <v>10.360644952046506</v>
      </c>
      <c r="J2434" s="40">
        <v>40.416651940476498</v>
      </c>
      <c r="K2434" s="40">
        <v>10.286780863089071</v>
      </c>
      <c r="L2434" s="40"/>
      <c r="M2434" s="40"/>
      <c r="N2434" s="40"/>
      <c r="Y2434">
        <v>23.133333000000007</v>
      </c>
      <c r="Z2434">
        <v>101.433333</v>
      </c>
      <c r="AA2434">
        <v>8.6309480000000001</v>
      </c>
      <c r="AB2434">
        <v>4.5400778138480149</v>
      </c>
    </row>
    <row r="2435" spans="4:28" x14ac:dyDescent="0.25">
      <c r="D2435" s="40">
        <v>40.44838300000179</v>
      </c>
      <c r="E2435" s="40">
        <v>16.122514185171436</v>
      </c>
      <c r="F2435" s="40">
        <v>40.43333299999999</v>
      </c>
      <c r="G2435" s="40">
        <v>13.107410754208283</v>
      </c>
      <c r="H2435" s="40">
        <v>40.433334000000002</v>
      </c>
      <c r="I2435" s="40">
        <v>10.363997688189764</v>
      </c>
      <c r="J2435" s="40">
        <v>40.433318601190798</v>
      </c>
      <c r="K2435" s="40">
        <v>10.286780863089071</v>
      </c>
      <c r="L2435" s="40"/>
      <c r="M2435" s="40"/>
      <c r="N2435" s="40"/>
      <c r="Y2435">
        <v>23.150000000000006</v>
      </c>
      <c r="Z2435">
        <v>101.45</v>
      </c>
      <c r="AA2435">
        <v>8.6309480000000001</v>
      </c>
      <c r="AB2435">
        <v>4.5400778138480149</v>
      </c>
    </row>
    <row r="2436" spans="4:28" x14ac:dyDescent="0.25">
      <c r="D2436" s="40">
        <v>40.465049000001791</v>
      </c>
      <c r="E2436" s="40">
        <v>16.127214917331859</v>
      </c>
      <c r="F2436" s="40">
        <v>40.449999999999989</v>
      </c>
      <c r="G2436" s="40">
        <v>13.107410754208283</v>
      </c>
      <c r="H2436" s="40">
        <v>40.450000000000003</v>
      </c>
      <c r="I2436" s="40">
        <v>10.363997688189764</v>
      </c>
      <c r="J2436" s="40">
        <v>40.449985261905098</v>
      </c>
      <c r="K2436" s="40">
        <v>10.291631906798305</v>
      </c>
      <c r="L2436" s="40"/>
      <c r="M2436" s="40"/>
      <c r="N2436" s="40"/>
      <c r="Y2436">
        <v>23.166667000000004</v>
      </c>
      <c r="Z2436">
        <v>101.466667</v>
      </c>
      <c r="AA2436">
        <v>8.6309480000000001</v>
      </c>
      <c r="AB2436">
        <v>4.5400778138480149</v>
      </c>
    </row>
    <row r="2437" spans="4:28" x14ac:dyDescent="0.25">
      <c r="D2437" s="40">
        <v>40.481715000001792</v>
      </c>
      <c r="E2437" s="40">
        <v>16.132058095921412</v>
      </c>
      <c r="F2437" s="40">
        <v>40.466667000000001</v>
      </c>
      <c r="G2437" s="40">
        <v>13.112165998298501</v>
      </c>
      <c r="H2437" s="40">
        <v>40.466667000000001</v>
      </c>
      <c r="I2437" s="40">
        <v>10.36735042433302</v>
      </c>
      <c r="J2437" s="40">
        <v>40.466651922619299</v>
      </c>
      <c r="K2437" s="40">
        <v>10.291631906798305</v>
      </c>
      <c r="L2437" s="40"/>
      <c r="M2437" s="40"/>
      <c r="N2437" s="40"/>
      <c r="Y2437">
        <v>23.183333000000005</v>
      </c>
      <c r="Z2437">
        <v>101.483333</v>
      </c>
      <c r="AA2437">
        <v>8.6309819999999995</v>
      </c>
      <c r="AB2437">
        <v>4.5404896298670216</v>
      </c>
    </row>
    <row r="2438" spans="4:28" x14ac:dyDescent="0.25">
      <c r="D2438" s="40">
        <v>40.498381000001793</v>
      </c>
      <c r="E2438" s="40">
        <v>16.132058095921412</v>
      </c>
      <c r="F2438" s="40">
        <v>40.483332999999988</v>
      </c>
      <c r="G2438" s="40">
        <v>13.11692124238872</v>
      </c>
      <c r="H2438" s="40">
        <v>40.483334000000013</v>
      </c>
      <c r="I2438" s="40">
        <v>10.36735042433302</v>
      </c>
      <c r="J2438" s="40">
        <v>40.483318583333599</v>
      </c>
      <c r="K2438" s="40">
        <v>10.291631906798305</v>
      </c>
      <c r="L2438" s="40"/>
      <c r="M2438" s="40"/>
      <c r="N2438" s="40"/>
      <c r="Y2438">
        <v>23.200000000000003</v>
      </c>
      <c r="Z2438">
        <v>101.5</v>
      </c>
      <c r="AA2438">
        <v>8.6309819999999995</v>
      </c>
      <c r="AB2438">
        <v>4.5404896298670216</v>
      </c>
    </row>
    <row r="2439" spans="4:28" x14ac:dyDescent="0.25">
      <c r="D2439" s="40">
        <v>40.515047000001793</v>
      </c>
      <c r="E2439" s="40">
        <v>16.13690127451083</v>
      </c>
      <c r="F2439" s="40">
        <v>40.5</v>
      </c>
      <c r="G2439" s="40">
        <v>13.121536626358621</v>
      </c>
      <c r="H2439" s="40">
        <v>40.5</v>
      </c>
      <c r="I2439" s="40">
        <v>10.370604550589784</v>
      </c>
      <c r="J2439" s="40">
        <v>40.499985244047899</v>
      </c>
      <c r="K2439" s="40">
        <v>10.296482950507537</v>
      </c>
      <c r="L2439" s="40"/>
      <c r="M2439" s="40"/>
      <c r="N2439" s="40"/>
      <c r="Y2439">
        <v>23.216667000000001</v>
      </c>
      <c r="Z2439">
        <v>101.516667</v>
      </c>
      <c r="AA2439">
        <v>8.6309819999999995</v>
      </c>
      <c r="AB2439">
        <v>4.5404896298670216</v>
      </c>
    </row>
    <row r="2440" spans="4:28" x14ac:dyDescent="0.25">
      <c r="D2440" s="40">
        <v>40.531713000001794</v>
      </c>
      <c r="E2440" s="40">
        <v>16.141602006671256</v>
      </c>
      <c r="F2440" s="40">
        <v>40.516666999999998</v>
      </c>
      <c r="G2440" s="40">
        <v>13.121536626358621</v>
      </c>
      <c r="H2440" s="40">
        <v>40.516667000000012</v>
      </c>
      <c r="I2440" s="40">
        <v>10.373957286733217</v>
      </c>
      <c r="J2440" s="40">
        <v>40.516651904762199</v>
      </c>
      <c r="K2440" s="40">
        <v>10.296482950507537</v>
      </c>
      <c r="L2440" s="40"/>
      <c r="M2440" s="40"/>
      <c r="N2440" s="40"/>
      <c r="Y2440">
        <v>23.233333000000002</v>
      </c>
      <c r="Z2440">
        <v>101.533333</v>
      </c>
      <c r="AA2440">
        <v>8.6310149999999997</v>
      </c>
      <c r="AB2440">
        <v>4.540889333650183</v>
      </c>
    </row>
    <row r="2441" spans="4:28" x14ac:dyDescent="0.25">
      <c r="D2441" s="40">
        <v>40.548379000001795</v>
      </c>
      <c r="E2441" s="40">
        <v>16.141602006671256</v>
      </c>
      <c r="F2441" s="40">
        <v>40.533332999999999</v>
      </c>
      <c r="G2441" s="40">
        <v>13.126291870448716</v>
      </c>
      <c r="H2441" s="40">
        <v>40.533334000000011</v>
      </c>
      <c r="I2441" s="40">
        <v>10.373957286733217</v>
      </c>
      <c r="J2441" s="40">
        <v>40.533318565476499</v>
      </c>
      <c r="K2441" s="40">
        <v>10.301191316460597</v>
      </c>
      <c r="L2441" s="40"/>
      <c r="M2441" s="40"/>
      <c r="N2441" s="40"/>
      <c r="Y2441">
        <v>23.25</v>
      </c>
      <c r="Z2441">
        <v>101.55</v>
      </c>
      <c r="AA2441">
        <v>8.6310149999999997</v>
      </c>
      <c r="AB2441">
        <v>4.540889333650183</v>
      </c>
    </row>
    <row r="2442" spans="4:28" x14ac:dyDescent="0.25">
      <c r="D2442" s="40">
        <v>40.565045000001795</v>
      </c>
      <c r="E2442" s="40">
        <v>16.141602006671256</v>
      </c>
      <c r="F2442" s="40">
        <v>40.549999999999997</v>
      </c>
      <c r="G2442" s="40">
        <v>13.131047114538935</v>
      </c>
      <c r="H2442" s="40">
        <v>40.550000000000011</v>
      </c>
      <c r="I2442" s="40">
        <v>10.377310022876474</v>
      </c>
      <c r="J2442" s="40">
        <v>40.549985226190799</v>
      </c>
      <c r="K2442" s="40">
        <v>10.301191316460597</v>
      </c>
      <c r="L2442" s="40"/>
      <c r="M2442" s="40"/>
      <c r="N2442" s="40"/>
      <c r="Y2442">
        <v>23.266666999999998</v>
      </c>
      <c r="Z2442">
        <v>101.566667</v>
      </c>
      <c r="AA2442">
        <v>8.6310149999999997</v>
      </c>
      <c r="AB2442">
        <v>4.540889333650183</v>
      </c>
    </row>
    <row r="2443" spans="4:28" x14ac:dyDescent="0.25">
      <c r="D2443" s="40">
        <v>40.581711000001796</v>
      </c>
      <c r="E2443" s="40">
        <v>16.146445185260806</v>
      </c>
      <c r="F2443" s="40">
        <v>40.566666999999995</v>
      </c>
      <c r="G2443" s="40">
        <v>13.135662498508836</v>
      </c>
      <c r="H2443" s="40">
        <v>40.56666700000001</v>
      </c>
      <c r="I2443" s="40">
        <v>10.380564149133237</v>
      </c>
      <c r="J2443" s="40">
        <v>40.566651886905099</v>
      </c>
      <c r="K2443" s="40">
        <v>10.306042360169704</v>
      </c>
      <c r="L2443" s="40"/>
      <c r="M2443" s="40"/>
      <c r="N2443" s="40"/>
      <c r="Y2443">
        <v>23.283332999999999</v>
      </c>
      <c r="Z2443">
        <v>101.583333</v>
      </c>
      <c r="AA2443">
        <v>8.6310149999999997</v>
      </c>
      <c r="AB2443">
        <v>4.540889333650183</v>
      </c>
    </row>
    <row r="2444" spans="4:28" x14ac:dyDescent="0.25">
      <c r="D2444" s="40">
        <v>40.598377000001797</v>
      </c>
      <c r="E2444" s="40">
        <v>16.146445185260806</v>
      </c>
      <c r="F2444" s="40">
        <v>40.583332999999996</v>
      </c>
      <c r="G2444" s="40">
        <v>13.140417742598929</v>
      </c>
      <c r="H2444" s="40">
        <v>40.583334000000008</v>
      </c>
      <c r="I2444" s="40">
        <v>10.383916885276495</v>
      </c>
      <c r="J2444" s="40">
        <v>40.583318547619299</v>
      </c>
      <c r="K2444" s="40">
        <v>10.310893403878936</v>
      </c>
      <c r="L2444" s="40"/>
      <c r="M2444" s="40"/>
      <c r="N2444" s="40"/>
      <c r="Y2444">
        <v>23.299999999999997</v>
      </c>
      <c r="Z2444">
        <v>101.6</v>
      </c>
      <c r="AA2444">
        <v>8.6310490000000009</v>
      </c>
      <c r="AB2444">
        <v>4.5413011496692111</v>
      </c>
    </row>
    <row r="2445" spans="4:28" x14ac:dyDescent="0.25">
      <c r="D2445" s="40">
        <v>40.615043000001798</v>
      </c>
      <c r="E2445" s="40">
        <v>16.146445185260806</v>
      </c>
      <c r="F2445" s="40">
        <v>40.599999999999994</v>
      </c>
      <c r="G2445" s="40">
        <v>13.14517298668915</v>
      </c>
      <c r="H2445" s="40">
        <v>40.600000000000009</v>
      </c>
      <c r="I2445" s="40">
        <v>10.383916885276495</v>
      </c>
      <c r="J2445" s="40">
        <v>40.599985208333599</v>
      </c>
      <c r="K2445" s="40">
        <v>10.310893403878936</v>
      </c>
      <c r="L2445" s="40"/>
      <c r="M2445" s="40"/>
      <c r="N2445" s="40"/>
      <c r="Y2445">
        <v>23.31666700000001</v>
      </c>
      <c r="Z2445">
        <v>101.61666700000001</v>
      </c>
      <c r="AA2445">
        <v>8.6310490000000009</v>
      </c>
      <c r="AB2445">
        <v>4.5413011496692111</v>
      </c>
    </row>
    <row r="2446" spans="4:28" x14ac:dyDescent="0.25">
      <c r="D2446" s="40">
        <v>40.631709000001798</v>
      </c>
      <c r="E2446" s="40">
        <v>16.151288363850352</v>
      </c>
      <c r="F2446" s="40">
        <v>40.616666999999993</v>
      </c>
      <c r="G2446" s="40">
        <v>13.14517298668915</v>
      </c>
      <c r="H2446" s="40">
        <v>40.616667000000007</v>
      </c>
      <c r="I2446" s="40">
        <v>10.387269621419927</v>
      </c>
      <c r="J2446" s="40">
        <v>40.616651869047899</v>
      </c>
      <c r="K2446" s="40">
        <v>10.31574444758804</v>
      </c>
      <c r="L2446" s="40"/>
      <c r="M2446" s="40"/>
      <c r="N2446" s="40"/>
      <c r="Y2446">
        <v>23.333332999999996</v>
      </c>
      <c r="Z2446">
        <v>101.63333299999999</v>
      </c>
      <c r="AA2446">
        <v>8.6310830000000003</v>
      </c>
      <c r="AB2446">
        <v>4.5417129656882178</v>
      </c>
    </row>
    <row r="2447" spans="4:28" x14ac:dyDescent="0.25">
      <c r="D2447" s="40">
        <v>40.648375000001799</v>
      </c>
      <c r="E2447" s="40">
        <v>16.151288363850352</v>
      </c>
      <c r="F2447" s="40">
        <v>40.633332999999993</v>
      </c>
      <c r="G2447" s="40">
        <v>13.149788370659051</v>
      </c>
      <c r="H2447" s="40">
        <v>40.633334000000005</v>
      </c>
      <c r="I2447" s="40">
        <v>10.390523747676514</v>
      </c>
      <c r="J2447" s="40">
        <v>40.633318529762199</v>
      </c>
      <c r="K2447" s="40">
        <v>10.31574444758804</v>
      </c>
      <c r="L2447" s="40"/>
      <c r="M2447" s="40"/>
      <c r="N2447" s="40"/>
      <c r="Y2447">
        <v>23.350000000000009</v>
      </c>
      <c r="Z2447">
        <v>101.65</v>
      </c>
      <c r="AA2447">
        <v>8.6310830000000003</v>
      </c>
      <c r="AB2447">
        <v>4.5417129656882178</v>
      </c>
    </row>
    <row r="2448" spans="4:28" x14ac:dyDescent="0.25">
      <c r="D2448" s="40">
        <v>40.6650410000018</v>
      </c>
      <c r="E2448" s="40">
        <v>16.155989096010654</v>
      </c>
      <c r="F2448" s="40">
        <v>40.649999999999991</v>
      </c>
      <c r="G2448" s="40">
        <v>13.154543614749144</v>
      </c>
      <c r="H2448" s="40">
        <v>40.650000000000006</v>
      </c>
      <c r="I2448" s="40">
        <v>10.390523747676514</v>
      </c>
      <c r="J2448" s="40">
        <v>40.649985190476499</v>
      </c>
      <c r="K2448" s="40">
        <v>10.320452813541101</v>
      </c>
      <c r="L2448" s="40"/>
      <c r="M2448" s="40"/>
      <c r="N2448" s="40"/>
      <c r="Y2448">
        <v>23.366667000000007</v>
      </c>
      <c r="Z2448">
        <v>101.666667</v>
      </c>
      <c r="AA2448">
        <v>8.6310830000000003</v>
      </c>
      <c r="AB2448">
        <v>4.5417129656882178</v>
      </c>
    </row>
    <row r="2449" spans="4:28" x14ac:dyDescent="0.25">
      <c r="D2449" s="40">
        <v>40.681707000001801</v>
      </c>
      <c r="E2449" s="40">
        <v>16.1608322746002</v>
      </c>
      <c r="F2449" s="40">
        <v>40.66666699999999</v>
      </c>
      <c r="G2449" s="40">
        <v>13.154543614749144</v>
      </c>
      <c r="H2449" s="40">
        <v>40.666667000000004</v>
      </c>
      <c r="I2449" s="40">
        <v>10.393876483819948</v>
      </c>
      <c r="J2449" s="40">
        <v>40.6666518511908</v>
      </c>
      <c r="K2449" s="40">
        <v>10.320452813541101</v>
      </c>
      <c r="L2449" s="40"/>
      <c r="M2449" s="40"/>
      <c r="N2449" s="40"/>
      <c r="Y2449">
        <v>23.383333000000007</v>
      </c>
      <c r="Z2449">
        <v>101.683333</v>
      </c>
      <c r="AA2449">
        <v>8.6311160000000005</v>
      </c>
      <c r="AB2449">
        <v>4.5421126694713791</v>
      </c>
    </row>
    <row r="2450" spans="4:28" x14ac:dyDescent="0.25">
      <c r="D2450" s="40">
        <v>40.698373000001801</v>
      </c>
      <c r="E2450" s="40">
        <v>16.1608322746002</v>
      </c>
      <c r="F2450" s="40">
        <v>40.68333299999999</v>
      </c>
      <c r="G2450" s="40">
        <v>13.159298858839364</v>
      </c>
      <c r="H2450" s="40">
        <v>40.683334000000002</v>
      </c>
      <c r="I2450" s="40">
        <v>10.397229219963204</v>
      </c>
      <c r="J2450" s="40">
        <v>40.6833185119051</v>
      </c>
      <c r="K2450" s="40">
        <v>10.320452813541101</v>
      </c>
      <c r="L2450" s="40"/>
      <c r="M2450" s="40"/>
      <c r="N2450" s="40"/>
      <c r="Y2450">
        <v>23.400000000000006</v>
      </c>
      <c r="Z2450">
        <v>101.7</v>
      </c>
      <c r="AA2450">
        <v>8.6311160000000005</v>
      </c>
      <c r="AB2450">
        <v>4.5421126694713791</v>
      </c>
    </row>
    <row r="2451" spans="4:28" x14ac:dyDescent="0.25">
      <c r="D2451" s="40">
        <v>40.715039000001802</v>
      </c>
      <c r="E2451" s="40">
        <v>16.165675453189749</v>
      </c>
      <c r="F2451" s="40">
        <v>40.699999999999989</v>
      </c>
      <c r="G2451" s="40">
        <v>13.159298858839364</v>
      </c>
      <c r="H2451" s="40">
        <v>40.700000000000003</v>
      </c>
      <c r="I2451" s="40">
        <v>10.400483346219966</v>
      </c>
      <c r="J2451" s="40">
        <v>40.6999851726193</v>
      </c>
      <c r="K2451" s="40">
        <v>10.320452813541101</v>
      </c>
      <c r="L2451" s="40"/>
      <c r="M2451" s="40"/>
      <c r="N2451" s="40"/>
      <c r="Y2451">
        <v>23.416667000000004</v>
      </c>
      <c r="Z2451">
        <v>101.716667</v>
      </c>
      <c r="AA2451">
        <v>8.6311499999999999</v>
      </c>
      <c r="AB2451">
        <v>4.5425244854903859</v>
      </c>
    </row>
    <row r="2452" spans="4:28" x14ac:dyDescent="0.25">
      <c r="D2452" s="40">
        <v>40.731705000001803</v>
      </c>
      <c r="E2452" s="40">
        <v>16.170376185350172</v>
      </c>
      <c r="F2452" s="40">
        <v>40.716667000000001</v>
      </c>
      <c r="G2452" s="40">
        <v>13.163914242809264</v>
      </c>
      <c r="H2452" s="40">
        <v>40.716667000000001</v>
      </c>
      <c r="I2452" s="40">
        <v>10.400483346219966</v>
      </c>
      <c r="J2452" s="40">
        <v>40.7166518333336</v>
      </c>
      <c r="K2452" s="40">
        <v>10.325303857250333</v>
      </c>
      <c r="L2452" s="40"/>
      <c r="M2452" s="40"/>
      <c r="N2452" s="40"/>
      <c r="Y2452">
        <v>23.433333000000005</v>
      </c>
      <c r="Z2452">
        <v>101.733333</v>
      </c>
      <c r="AA2452">
        <v>8.6311499999999999</v>
      </c>
      <c r="AB2452">
        <v>4.5425244854903859</v>
      </c>
    </row>
    <row r="2453" spans="4:28" x14ac:dyDescent="0.25">
      <c r="D2453" s="40">
        <v>40.748371000001804</v>
      </c>
      <c r="E2453" s="40">
        <v>16.170376185350172</v>
      </c>
      <c r="F2453" s="40">
        <v>40.733332999999988</v>
      </c>
      <c r="G2453" s="40">
        <v>13.168669486899486</v>
      </c>
      <c r="H2453" s="40">
        <v>40.733334000000013</v>
      </c>
      <c r="I2453" s="40">
        <v>10.403836082363224</v>
      </c>
      <c r="J2453" s="40">
        <v>40.7333184940479</v>
      </c>
      <c r="K2453" s="40">
        <v>10.325303857250333</v>
      </c>
      <c r="L2453" s="40"/>
      <c r="M2453" s="40"/>
      <c r="N2453" s="40"/>
      <c r="Y2453">
        <v>23.450000000000003</v>
      </c>
      <c r="Z2453">
        <v>101.75</v>
      </c>
      <c r="AA2453">
        <v>8.6311499999999999</v>
      </c>
      <c r="AB2453">
        <v>4.5425244854903859</v>
      </c>
    </row>
    <row r="2454" spans="4:28" x14ac:dyDescent="0.25">
      <c r="D2454" s="40">
        <v>40.765037000001804</v>
      </c>
      <c r="E2454" s="40">
        <v>16.175219363939593</v>
      </c>
      <c r="F2454" s="40">
        <v>40.75</v>
      </c>
      <c r="G2454" s="40">
        <v>13.168669486899486</v>
      </c>
      <c r="H2454" s="40">
        <v>40.75</v>
      </c>
      <c r="I2454" s="40">
        <v>10.407188818506656</v>
      </c>
      <c r="J2454" s="40">
        <v>40.7499851547622</v>
      </c>
      <c r="K2454" s="40">
        <v>10.325303857250333</v>
      </c>
      <c r="L2454" s="40"/>
      <c r="M2454" s="40"/>
      <c r="N2454" s="40"/>
      <c r="Y2454">
        <v>23.466667000000001</v>
      </c>
      <c r="Z2454">
        <v>101.766667</v>
      </c>
      <c r="AA2454">
        <v>8.6311839999999993</v>
      </c>
      <c r="AB2454">
        <v>4.5429363015093918</v>
      </c>
    </row>
    <row r="2455" spans="4:28" x14ac:dyDescent="0.25">
      <c r="D2455" s="40">
        <v>40.781703000001805</v>
      </c>
      <c r="E2455" s="40">
        <v>16.180062542529146</v>
      </c>
      <c r="F2455" s="40">
        <v>40.766666999999998</v>
      </c>
      <c r="G2455" s="40">
        <v>13.173424730989579</v>
      </c>
      <c r="H2455" s="40">
        <v>40.766667000000012</v>
      </c>
      <c r="I2455" s="40">
        <v>10.410442944763419</v>
      </c>
      <c r="J2455" s="40">
        <v>40.7666518154765</v>
      </c>
      <c r="K2455" s="40">
        <v>10.330154900959565</v>
      </c>
      <c r="L2455" s="40"/>
      <c r="M2455" s="40"/>
      <c r="N2455" s="40"/>
      <c r="Y2455">
        <v>23.483333000000002</v>
      </c>
      <c r="Z2455">
        <v>101.783333</v>
      </c>
      <c r="AA2455">
        <v>8.6311839999999993</v>
      </c>
      <c r="AB2455">
        <v>4.5429363015093918</v>
      </c>
    </row>
    <row r="2456" spans="4:28" x14ac:dyDescent="0.25">
      <c r="D2456" s="40">
        <v>40.798369000001806</v>
      </c>
      <c r="E2456" s="40">
        <v>16.184763274689573</v>
      </c>
      <c r="F2456" s="40">
        <v>40.783332999999999</v>
      </c>
      <c r="G2456" s="40">
        <v>13.178179975079798</v>
      </c>
      <c r="H2456" s="40">
        <v>40.783334000000011</v>
      </c>
      <c r="I2456" s="40">
        <v>10.413795680906677</v>
      </c>
      <c r="J2456" s="40">
        <v>40.7833184761908</v>
      </c>
      <c r="K2456" s="40">
        <v>10.330154900959565</v>
      </c>
      <c r="L2456" s="40"/>
      <c r="M2456" s="40"/>
      <c r="N2456" s="40"/>
      <c r="Y2456">
        <v>23.5</v>
      </c>
      <c r="Z2456">
        <v>101.8</v>
      </c>
      <c r="AA2456">
        <v>8.6312169999999995</v>
      </c>
      <c r="AB2456">
        <v>4.543336005292554</v>
      </c>
    </row>
    <row r="2457" spans="4:28" x14ac:dyDescent="0.25">
      <c r="D2457" s="40">
        <v>40.815035000001807</v>
      </c>
      <c r="E2457" s="40">
        <v>16.184763274689573</v>
      </c>
      <c r="F2457" s="40">
        <v>40.799999999999997</v>
      </c>
      <c r="G2457" s="40">
        <v>13.182795359049699</v>
      </c>
      <c r="H2457" s="40">
        <v>40.800000000000011</v>
      </c>
      <c r="I2457" s="40">
        <v>10.417148417049933</v>
      </c>
      <c r="J2457" s="40">
        <v>40.7999851369051</v>
      </c>
      <c r="K2457" s="40">
        <v>10.330154900959565</v>
      </c>
      <c r="L2457" s="40"/>
      <c r="M2457" s="40"/>
      <c r="N2457" s="40"/>
      <c r="Y2457">
        <v>23.516666999999998</v>
      </c>
      <c r="Z2457">
        <v>101.816667</v>
      </c>
      <c r="AA2457">
        <v>8.6312169999999995</v>
      </c>
      <c r="AB2457">
        <v>4.543336005292554</v>
      </c>
    </row>
    <row r="2458" spans="4:28" x14ac:dyDescent="0.25">
      <c r="D2458" s="40">
        <v>40.831701000001807</v>
      </c>
      <c r="E2458" s="40">
        <v>16.189606453278994</v>
      </c>
      <c r="F2458" s="40">
        <v>40.816666999999995</v>
      </c>
      <c r="G2458" s="40">
        <v>13.187550603139794</v>
      </c>
      <c r="H2458" s="40">
        <v>40.81666700000001</v>
      </c>
      <c r="I2458" s="40">
        <v>10.420402543306697</v>
      </c>
      <c r="J2458" s="40">
        <v>40.816651797619301</v>
      </c>
      <c r="K2458" s="40">
        <v>10.330154900959565</v>
      </c>
      <c r="L2458" s="40"/>
      <c r="M2458" s="40"/>
      <c r="N2458" s="40"/>
      <c r="Y2458">
        <v>23.533332999999999</v>
      </c>
      <c r="Z2458">
        <v>101.833333</v>
      </c>
      <c r="AA2458">
        <v>8.6312510000000007</v>
      </c>
      <c r="AB2458">
        <v>4.5437478213115821</v>
      </c>
    </row>
    <row r="2459" spans="4:28" x14ac:dyDescent="0.25">
      <c r="D2459" s="40">
        <v>40.848367000001808</v>
      </c>
      <c r="E2459" s="40">
        <v>16.19444963186854</v>
      </c>
      <c r="F2459" s="40">
        <v>40.833332999999996</v>
      </c>
      <c r="G2459" s="40">
        <v>13.187550603139794</v>
      </c>
      <c r="H2459" s="40">
        <v>40.833334000000008</v>
      </c>
      <c r="I2459" s="40">
        <v>10.423755279449955</v>
      </c>
      <c r="J2459" s="40">
        <v>40.833318458333601</v>
      </c>
      <c r="K2459" s="40">
        <v>10.3348632669125</v>
      </c>
      <c r="L2459" s="40"/>
      <c r="M2459" s="40"/>
      <c r="N2459" s="40"/>
      <c r="Y2459">
        <v>23.549999999999997</v>
      </c>
      <c r="Z2459">
        <v>101.85</v>
      </c>
      <c r="AA2459">
        <v>8.6312510000000007</v>
      </c>
      <c r="AB2459">
        <v>4.5437478213115821</v>
      </c>
    </row>
    <row r="2460" spans="4:28" x14ac:dyDescent="0.25">
      <c r="D2460" s="40">
        <v>40.865033000001809</v>
      </c>
      <c r="E2460" s="40">
        <v>16.19444963186854</v>
      </c>
      <c r="F2460" s="40">
        <v>40.849999999999994</v>
      </c>
      <c r="G2460" s="40">
        <v>13.192305847230013</v>
      </c>
      <c r="H2460" s="40">
        <v>40.850000000000009</v>
      </c>
      <c r="I2460" s="40">
        <v>10.423755279449955</v>
      </c>
      <c r="J2460" s="40">
        <v>40.849985119047901</v>
      </c>
      <c r="K2460" s="40">
        <v>10.33971431062173</v>
      </c>
      <c r="L2460" s="40"/>
      <c r="M2460" s="40"/>
      <c r="N2460" s="40"/>
      <c r="Y2460">
        <v>23.56666700000001</v>
      </c>
      <c r="Z2460">
        <v>101.86666700000001</v>
      </c>
      <c r="AA2460">
        <v>8.6312850000000001</v>
      </c>
      <c r="AB2460">
        <v>4.5441596373305879</v>
      </c>
    </row>
    <row r="2461" spans="4:28" x14ac:dyDescent="0.25">
      <c r="D2461" s="40">
        <v>40.881699000001809</v>
      </c>
      <c r="E2461" s="40">
        <v>16.199150364028966</v>
      </c>
      <c r="F2461" s="40">
        <v>40.866666999999993</v>
      </c>
      <c r="G2461" s="40">
        <v>13.196921231199914</v>
      </c>
      <c r="H2461" s="40">
        <v>40.866667000000007</v>
      </c>
      <c r="I2461" s="40">
        <v>10.427108015593387</v>
      </c>
      <c r="J2461" s="40">
        <v>40.866651779762201</v>
      </c>
      <c r="K2461" s="40">
        <v>10.33971431062173</v>
      </c>
      <c r="L2461" s="40"/>
      <c r="M2461" s="40"/>
      <c r="N2461" s="40"/>
      <c r="Y2461">
        <v>23.583332999999996</v>
      </c>
      <c r="Z2461">
        <v>101.88333299999999</v>
      </c>
      <c r="AA2461">
        <v>8.6312850000000001</v>
      </c>
      <c r="AB2461">
        <v>4.5441596373305879</v>
      </c>
    </row>
    <row r="2462" spans="4:28" x14ac:dyDescent="0.25">
      <c r="D2462" s="40">
        <v>40.89836500000181</v>
      </c>
      <c r="E2462" s="40">
        <v>16.203993542618388</v>
      </c>
      <c r="F2462" s="40">
        <v>40.883332999999993</v>
      </c>
      <c r="G2462" s="40">
        <v>13.201676475290007</v>
      </c>
      <c r="H2462" s="40">
        <v>40.883334000000005</v>
      </c>
      <c r="I2462" s="40">
        <v>10.43036214185015</v>
      </c>
      <c r="J2462" s="40">
        <v>40.883318440476501</v>
      </c>
      <c r="K2462" s="40">
        <v>10.344565354330962</v>
      </c>
      <c r="L2462" s="40"/>
      <c r="M2462" s="40"/>
      <c r="N2462" s="40"/>
      <c r="Y2462">
        <v>23.600000000000009</v>
      </c>
      <c r="Z2462">
        <v>101.9</v>
      </c>
      <c r="AA2462">
        <v>8.6312850000000001</v>
      </c>
      <c r="AB2462">
        <v>4.5441596373305879</v>
      </c>
    </row>
    <row r="2463" spans="4:28" x14ac:dyDescent="0.25">
      <c r="D2463" s="40">
        <v>40.915031000001811</v>
      </c>
      <c r="E2463" s="40">
        <v>16.208836721207934</v>
      </c>
      <c r="F2463" s="40">
        <v>40.899999999999991</v>
      </c>
      <c r="G2463" s="40">
        <v>13.206431719380229</v>
      </c>
      <c r="H2463" s="40">
        <v>40.900000000000006</v>
      </c>
      <c r="I2463" s="40">
        <v>10.433714877993408</v>
      </c>
      <c r="J2463" s="40">
        <v>40.899985101190801</v>
      </c>
      <c r="K2463" s="40">
        <v>10.344565354330962</v>
      </c>
      <c r="L2463" s="40"/>
      <c r="M2463" s="40"/>
      <c r="N2463" s="40"/>
      <c r="Y2463">
        <v>23.616667000000007</v>
      </c>
      <c r="Z2463">
        <v>101.916667</v>
      </c>
      <c r="AA2463">
        <v>8.6313180000000003</v>
      </c>
      <c r="AB2463">
        <v>4.5445593411137502</v>
      </c>
    </row>
    <row r="2464" spans="4:28" x14ac:dyDescent="0.25">
      <c r="D2464" s="40">
        <v>40.931697000001812</v>
      </c>
      <c r="E2464" s="40">
        <v>16.208836721207934</v>
      </c>
      <c r="F2464" s="40">
        <v>40.91666699999999</v>
      </c>
      <c r="G2464" s="40">
        <v>13.211047103350129</v>
      </c>
      <c r="H2464" s="40">
        <v>40.916667000000004</v>
      </c>
      <c r="I2464" s="40">
        <v>10.437067614136664</v>
      </c>
      <c r="J2464" s="40">
        <v>40.916651761905101</v>
      </c>
      <c r="K2464" s="40">
        <v>10.349273720284023</v>
      </c>
      <c r="L2464" s="40"/>
      <c r="M2464" s="40"/>
      <c r="N2464" s="40"/>
      <c r="Y2464">
        <v>23.633333000000007</v>
      </c>
      <c r="Z2464">
        <v>101.933333</v>
      </c>
      <c r="AA2464">
        <v>8.6313180000000003</v>
      </c>
      <c r="AB2464">
        <v>4.5445593411137502</v>
      </c>
    </row>
    <row r="2465" spans="4:28" x14ac:dyDescent="0.25">
      <c r="D2465" s="40">
        <v>40.948363000001812</v>
      </c>
      <c r="E2465" s="40">
        <v>16.21353745336836</v>
      </c>
      <c r="F2465" s="40">
        <v>40.93333299999999</v>
      </c>
      <c r="G2465" s="40">
        <v>13.215802347440349</v>
      </c>
      <c r="H2465" s="40">
        <v>40.933334000000002</v>
      </c>
      <c r="I2465" s="40">
        <v>10.440321740393427</v>
      </c>
      <c r="J2465" s="40">
        <v>40.933318422619301</v>
      </c>
      <c r="K2465" s="40">
        <v>10.349273720284023</v>
      </c>
      <c r="L2465" s="40"/>
      <c r="M2465" s="40"/>
      <c r="N2465" s="40"/>
      <c r="Y2465">
        <v>23.650000000000006</v>
      </c>
      <c r="Z2465">
        <v>101.95</v>
      </c>
      <c r="AA2465">
        <v>8.6313519999999997</v>
      </c>
      <c r="AB2465">
        <v>4.5449711571327569</v>
      </c>
    </row>
    <row r="2466" spans="4:28" x14ac:dyDescent="0.25">
      <c r="D2466" s="40">
        <v>40.965029000001813</v>
      </c>
      <c r="E2466" s="40">
        <v>16.218380631957782</v>
      </c>
      <c r="F2466" s="40">
        <v>40.949999999999989</v>
      </c>
      <c r="G2466" s="40">
        <v>13.215802347440349</v>
      </c>
      <c r="H2466" s="40">
        <v>40.950000000000003</v>
      </c>
      <c r="I2466" s="40">
        <v>10.443674476536859</v>
      </c>
      <c r="J2466" s="40">
        <v>40.949985083333601</v>
      </c>
      <c r="K2466" s="40">
        <v>10.349273720284023</v>
      </c>
      <c r="L2466" s="40"/>
      <c r="M2466" s="40"/>
      <c r="N2466" s="40"/>
      <c r="Y2466">
        <v>23.666667000000004</v>
      </c>
      <c r="Z2466">
        <v>101.966667</v>
      </c>
      <c r="AA2466">
        <v>8.6313519999999997</v>
      </c>
      <c r="AB2466">
        <v>4.5449711571327569</v>
      </c>
    </row>
    <row r="2467" spans="4:28" x14ac:dyDescent="0.25">
      <c r="D2467" s="40">
        <v>40.981695000001814</v>
      </c>
      <c r="E2467" s="40">
        <v>16.223223810547331</v>
      </c>
      <c r="F2467" s="40">
        <v>40.966667000000001</v>
      </c>
      <c r="G2467" s="40">
        <v>13.220557591530442</v>
      </c>
      <c r="H2467" s="40">
        <v>40.966667000000001</v>
      </c>
      <c r="I2467" s="40">
        <v>10.443674476536859</v>
      </c>
      <c r="J2467" s="40">
        <v>40.966651744047901</v>
      </c>
      <c r="K2467" s="40">
        <v>10.354124763993129</v>
      </c>
      <c r="L2467" s="40"/>
      <c r="M2467" s="40"/>
      <c r="N2467" s="40"/>
      <c r="Y2467">
        <v>23.683333000000005</v>
      </c>
      <c r="Z2467">
        <v>101.983333</v>
      </c>
      <c r="AA2467">
        <v>8.6313859999999991</v>
      </c>
      <c r="AB2467">
        <v>4.5453829731517628</v>
      </c>
    </row>
    <row r="2468" spans="4:28" x14ac:dyDescent="0.25">
      <c r="D2468" s="40">
        <v>40.998361000001815</v>
      </c>
      <c r="E2468" s="40">
        <v>16.227924542707758</v>
      </c>
      <c r="F2468" s="40">
        <v>40.983332999999988</v>
      </c>
      <c r="G2468" s="40">
        <v>13.225172975500342</v>
      </c>
      <c r="H2468" s="40">
        <v>40.983334000000013</v>
      </c>
      <c r="I2468" s="40">
        <v>10.447027212680116</v>
      </c>
      <c r="J2468" s="40">
        <v>40.983318404762201</v>
      </c>
      <c r="K2468" s="40">
        <v>10.354124763993129</v>
      </c>
      <c r="L2468" s="40"/>
      <c r="M2468" s="40"/>
      <c r="N2468" s="40"/>
      <c r="Y2468">
        <v>23.700000000000003</v>
      </c>
      <c r="Z2468">
        <v>102</v>
      </c>
      <c r="AA2468">
        <v>8.6314189999999993</v>
      </c>
      <c r="AB2468">
        <v>4.545782676934925</v>
      </c>
    </row>
    <row r="2469" spans="4:28" x14ac:dyDescent="0.25">
      <c r="D2469" s="40">
        <v>41.015027000001815</v>
      </c>
      <c r="E2469" s="40">
        <v>16.232767721297304</v>
      </c>
      <c r="F2469" s="40">
        <v>41</v>
      </c>
      <c r="G2469" s="40">
        <v>13.229928219590562</v>
      </c>
      <c r="H2469" s="40">
        <v>41</v>
      </c>
      <c r="I2469" s="40">
        <v>10.450379948823374</v>
      </c>
      <c r="J2469" s="40">
        <v>40.999985065476501</v>
      </c>
      <c r="K2469" s="40">
        <v>10.358975807702361</v>
      </c>
      <c r="L2469" s="40"/>
      <c r="M2469" s="40"/>
      <c r="N2469" s="40"/>
      <c r="Y2469">
        <v>23.716667000000001</v>
      </c>
      <c r="Z2469">
        <v>102.016667</v>
      </c>
      <c r="AA2469">
        <v>8.6314189999999993</v>
      </c>
      <c r="AB2469">
        <v>4.545782676934925</v>
      </c>
    </row>
    <row r="2470" spans="4:28" x14ac:dyDescent="0.25">
      <c r="D2470" s="40">
        <v>41.031693000001816</v>
      </c>
      <c r="E2470" s="40">
        <v>16.232767721297304</v>
      </c>
      <c r="F2470" s="40">
        <v>41.016666999999998</v>
      </c>
      <c r="G2470" s="40">
        <v>13.234683463680657</v>
      </c>
      <c r="H2470" s="40">
        <v>41.016667000000012</v>
      </c>
      <c r="I2470" s="40">
        <v>10.447027212680116</v>
      </c>
      <c r="J2470" s="40">
        <v>41.016651726190801</v>
      </c>
      <c r="K2470" s="40">
        <v>10.358975807702361</v>
      </c>
      <c r="L2470" s="40"/>
      <c r="M2470" s="40"/>
      <c r="N2470" s="40"/>
      <c r="Y2470">
        <v>23.733333000000002</v>
      </c>
      <c r="Z2470">
        <v>102.033333</v>
      </c>
      <c r="AA2470">
        <v>8.6314530000000005</v>
      </c>
      <c r="AB2470">
        <v>4.5461944929539522</v>
      </c>
    </row>
    <row r="2471" spans="4:28" x14ac:dyDescent="0.25">
      <c r="D2471" s="40">
        <v>41.048359000001817</v>
      </c>
      <c r="E2471" s="40">
        <v>16.237610899886729</v>
      </c>
      <c r="F2471" s="40">
        <v>41.033332999999999</v>
      </c>
      <c r="G2471" s="40">
        <v>13.239298847650558</v>
      </c>
      <c r="H2471" s="40">
        <v>41.033334000000011</v>
      </c>
      <c r="I2471" s="40">
        <v>10.447027212680116</v>
      </c>
      <c r="J2471" s="40">
        <v>41.033318386905101</v>
      </c>
      <c r="K2471" s="40">
        <v>10.36368417365542</v>
      </c>
      <c r="L2471" s="40"/>
      <c r="M2471" s="40"/>
      <c r="N2471" s="40"/>
      <c r="Y2471">
        <v>23.75</v>
      </c>
      <c r="Z2471">
        <v>102.05</v>
      </c>
      <c r="AA2471">
        <v>8.6314530000000005</v>
      </c>
      <c r="AB2471">
        <v>4.5461944929539522</v>
      </c>
    </row>
    <row r="2472" spans="4:28" x14ac:dyDescent="0.25">
      <c r="D2472" s="40">
        <v>41.065025000001818</v>
      </c>
      <c r="E2472" s="40">
        <v>16.242311632047151</v>
      </c>
      <c r="F2472" s="40">
        <v>41.05</v>
      </c>
      <c r="G2472" s="40">
        <v>13.244054091740777</v>
      </c>
      <c r="H2472" s="40">
        <v>41.050000000000011</v>
      </c>
      <c r="I2472" s="40">
        <v>10.450379948823374</v>
      </c>
      <c r="J2472" s="40">
        <v>41.049985047619302</v>
      </c>
      <c r="K2472" s="40">
        <v>10.36368417365542</v>
      </c>
      <c r="L2472" s="40"/>
      <c r="M2472" s="40"/>
      <c r="N2472" s="40"/>
      <c r="Y2472">
        <v>23.766666999999998</v>
      </c>
      <c r="Z2472">
        <v>102.066667</v>
      </c>
      <c r="AA2472">
        <v>8.6314530000000005</v>
      </c>
      <c r="AB2472">
        <v>4.5461944929539522</v>
      </c>
    </row>
    <row r="2473" spans="4:28" x14ac:dyDescent="0.25">
      <c r="D2473" s="40">
        <v>41.081691000001818</v>
      </c>
      <c r="E2473" s="40">
        <v>16.247154810636701</v>
      </c>
      <c r="F2473" s="40">
        <v>41.066666999999995</v>
      </c>
      <c r="G2473" s="40">
        <v>13.244054091740777</v>
      </c>
      <c r="H2473" s="40">
        <v>41.06666700000001</v>
      </c>
      <c r="I2473" s="40">
        <v>10.450379948823374</v>
      </c>
      <c r="J2473" s="40">
        <v>41.066651708333602</v>
      </c>
      <c r="K2473" s="40">
        <v>10.368535217364526</v>
      </c>
      <c r="L2473" s="40"/>
      <c r="M2473" s="40"/>
      <c r="N2473" s="40"/>
      <c r="Y2473">
        <v>23.783332999999999</v>
      </c>
      <c r="Z2473">
        <v>102.083333</v>
      </c>
      <c r="AA2473">
        <v>8.6314860000000007</v>
      </c>
      <c r="AB2473">
        <v>4.5465941967371144</v>
      </c>
    </row>
    <row r="2474" spans="4:28" x14ac:dyDescent="0.25">
      <c r="D2474" s="40">
        <v>41.098357000001819</v>
      </c>
      <c r="E2474" s="40">
        <v>16.251997989226123</v>
      </c>
      <c r="F2474" s="40">
        <v>41.083332999999996</v>
      </c>
      <c r="G2474" s="40">
        <v>13.248809335830872</v>
      </c>
      <c r="H2474" s="40">
        <v>41.083334000000008</v>
      </c>
      <c r="I2474" s="40">
        <v>10.453634075080137</v>
      </c>
      <c r="J2474" s="40">
        <v>41.083318369047902</v>
      </c>
      <c r="K2474" s="40">
        <v>10.368535217364526</v>
      </c>
      <c r="L2474" s="40"/>
      <c r="M2474" s="40"/>
      <c r="N2474" s="40"/>
      <c r="Y2474">
        <v>23.799999999999997</v>
      </c>
      <c r="Z2474">
        <v>102.1</v>
      </c>
      <c r="AA2474">
        <v>8.6314860000000007</v>
      </c>
      <c r="AB2474">
        <v>4.5465941967371144</v>
      </c>
    </row>
    <row r="2475" spans="4:28" x14ac:dyDescent="0.25">
      <c r="D2475" s="40">
        <v>41.11502300000182</v>
      </c>
      <c r="E2475" s="40">
        <v>16.256698721386549</v>
      </c>
      <c r="F2475" s="40">
        <v>41.099999999999994</v>
      </c>
      <c r="G2475" s="40">
        <v>13.253424719800773</v>
      </c>
      <c r="H2475" s="40">
        <v>41.100000000000009</v>
      </c>
      <c r="I2475" s="40">
        <v>10.453634075080137</v>
      </c>
      <c r="J2475" s="40">
        <v>41.099985029762202</v>
      </c>
      <c r="K2475" s="40">
        <v>10.368535217364526</v>
      </c>
      <c r="L2475" s="40"/>
      <c r="M2475" s="40"/>
      <c r="N2475" s="40"/>
      <c r="Y2475">
        <v>23.81666700000001</v>
      </c>
      <c r="Z2475">
        <v>102.11666700000001</v>
      </c>
      <c r="AA2475">
        <v>8.6315200000000001</v>
      </c>
      <c r="AB2475">
        <v>4.5470060127561212</v>
      </c>
    </row>
    <row r="2476" spans="4:28" x14ac:dyDescent="0.25">
      <c r="D2476" s="40">
        <v>41.13168900000182</v>
      </c>
      <c r="E2476" s="40">
        <v>16.256698721386549</v>
      </c>
      <c r="F2476" s="40">
        <v>41.116666999999993</v>
      </c>
      <c r="G2476" s="40">
        <v>13.258179963890992</v>
      </c>
      <c r="H2476" s="40">
        <v>41.116667000000007</v>
      </c>
      <c r="I2476" s="40">
        <v>10.456986811223393</v>
      </c>
      <c r="J2476" s="40">
        <v>41.116651690476502</v>
      </c>
      <c r="K2476" s="40">
        <v>10.373386261073758</v>
      </c>
      <c r="L2476" s="40"/>
      <c r="M2476" s="40"/>
      <c r="N2476" s="40"/>
      <c r="Y2476">
        <v>23.833332999999996</v>
      </c>
      <c r="Z2476">
        <v>102.13333299999999</v>
      </c>
      <c r="AA2476">
        <v>8.6315200000000001</v>
      </c>
      <c r="AB2476">
        <v>4.5470060127561212</v>
      </c>
    </row>
    <row r="2477" spans="4:28" x14ac:dyDescent="0.25">
      <c r="D2477" s="40">
        <v>41.148355000001821</v>
      </c>
      <c r="E2477" s="40">
        <v>16.261541899976098</v>
      </c>
      <c r="F2477" s="40">
        <v>41.133332999999993</v>
      </c>
      <c r="G2477" s="40">
        <v>13.262935207981085</v>
      </c>
      <c r="H2477" s="40">
        <v>41.133334000000005</v>
      </c>
      <c r="I2477" s="40">
        <v>10.456986811223393</v>
      </c>
      <c r="J2477" s="40">
        <v>41.133318351190802</v>
      </c>
      <c r="K2477" s="40">
        <v>10.373386261073758</v>
      </c>
      <c r="L2477" s="40"/>
      <c r="M2477" s="40"/>
      <c r="N2477" s="40"/>
      <c r="Y2477">
        <v>23.850000000000009</v>
      </c>
      <c r="Z2477">
        <v>102.15</v>
      </c>
      <c r="AA2477">
        <v>8.6315200000000001</v>
      </c>
      <c r="AB2477">
        <v>4.5470060127561212</v>
      </c>
    </row>
    <row r="2478" spans="4:28" x14ac:dyDescent="0.25">
      <c r="D2478" s="40">
        <v>41.165021000001822</v>
      </c>
      <c r="E2478" s="40">
        <v>16.26638507856552</v>
      </c>
      <c r="F2478" s="40">
        <v>41.149999999999991</v>
      </c>
      <c r="G2478" s="40">
        <v>13.262935207981085</v>
      </c>
      <c r="H2478" s="40">
        <v>41.150000000000006</v>
      </c>
      <c r="I2478" s="40">
        <v>10.460339547366827</v>
      </c>
      <c r="J2478" s="40">
        <v>41.149985011905102</v>
      </c>
      <c r="K2478" s="40">
        <v>10.378094627026819</v>
      </c>
      <c r="L2478" s="40"/>
      <c r="M2478" s="40"/>
      <c r="N2478" s="40"/>
      <c r="Y2478">
        <v>23.866667000000007</v>
      </c>
      <c r="Z2478">
        <v>102.166667</v>
      </c>
      <c r="AA2478">
        <v>8.6315539999999995</v>
      </c>
      <c r="AB2478">
        <v>4.547417828775127</v>
      </c>
    </row>
    <row r="2479" spans="4:28" x14ac:dyDescent="0.25">
      <c r="D2479" s="40">
        <v>41.181687000001823</v>
      </c>
      <c r="E2479" s="40">
        <v>16.271085810725943</v>
      </c>
      <c r="F2479" s="40">
        <v>41.16666699999999</v>
      </c>
      <c r="G2479" s="40">
        <v>13.267550591950986</v>
      </c>
      <c r="H2479" s="40">
        <v>41.166667000000004</v>
      </c>
      <c r="I2479" s="40">
        <v>10.46359367362359</v>
      </c>
      <c r="J2479" s="40">
        <v>41.166651672619302</v>
      </c>
      <c r="K2479" s="40">
        <v>10.378094627026819</v>
      </c>
      <c r="L2479" s="40"/>
      <c r="M2479" s="40"/>
      <c r="N2479" s="40"/>
      <c r="Y2479">
        <v>23.883333000000007</v>
      </c>
      <c r="Z2479">
        <v>102.183333</v>
      </c>
      <c r="AA2479">
        <v>8.6315539999999995</v>
      </c>
      <c r="AB2479">
        <v>4.547417828775127</v>
      </c>
    </row>
    <row r="2480" spans="4:28" x14ac:dyDescent="0.25">
      <c r="D2480" s="40">
        <v>41.198353000001823</v>
      </c>
      <c r="E2480" s="40">
        <v>16.275928989315492</v>
      </c>
      <c r="F2480" s="40">
        <v>41.18333299999999</v>
      </c>
      <c r="G2480" s="40">
        <v>13.272305836041207</v>
      </c>
      <c r="H2480" s="40">
        <v>41.183334000000002</v>
      </c>
      <c r="I2480" s="40">
        <v>10.46359367362359</v>
      </c>
      <c r="J2480" s="40">
        <v>41.183318333333602</v>
      </c>
      <c r="K2480" s="40">
        <v>10.382945670735925</v>
      </c>
      <c r="L2480" s="40"/>
      <c r="M2480" s="40"/>
      <c r="N2480" s="40"/>
      <c r="Y2480">
        <v>23.900000000000006</v>
      </c>
      <c r="Z2480">
        <v>102.2</v>
      </c>
      <c r="AA2480">
        <v>8.6315869999999997</v>
      </c>
      <c r="AB2480">
        <v>4.5478175325582892</v>
      </c>
    </row>
    <row r="2481" spans="4:28" x14ac:dyDescent="0.25">
      <c r="D2481" s="40">
        <v>41.215019000001824</v>
      </c>
      <c r="E2481" s="40">
        <v>16.275928989315492</v>
      </c>
      <c r="F2481" s="40">
        <v>41.199999999999989</v>
      </c>
      <c r="G2481" s="40">
        <v>13.272305836041207</v>
      </c>
      <c r="H2481" s="40">
        <v>41.2</v>
      </c>
      <c r="I2481" s="40">
        <v>10.466946409766846</v>
      </c>
      <c r="J2481" s="40">
        <v>41.199984994047902</v>
      </c>
      <c r="K2481" s="40">
        <v>10.382945670735925</v>
      </c>
      <c r="L2481" s="40"/>
      <c r="M2481" s="40"/>
      <c r="N2481" s="40"/>
      <c r="Y2481">
        <v>23.916667000000004</v>
      </c>
      <c r="Z2481">
        <v>102.216667</v>
      </c>
      <c r="AA2481">
        <v>8.6315869999999997</v>
      </c>
      <c r="AB2481">
        <v>4.5478175325582892</v>
      </c>
    </row>
    <row r="2482" spans="4:28" x14ac:dyDescent="0.25">
      <c r="D2482" s="40">
        <v>41.231685000001825</v>
      </c>
      <c r="E2482" s="40">
        <v>16.280772167905038</v>
      </c>
      <c r="F2482" s="40">
        <v>41.216667000000001</v>
      </c>
      <c r="G2482" s="40">
        <v>13.277061080131425</v>
      </c>
      <c r="H2482" s="40">
        <v>41.216667000000001</v>
      </c>
      <c r="I2482" s="40">
        <v>10.470299145910104</v>
      </c>
      <c r="J2482" s="40">
        <v>41.216651654762202</v>
      </c>
      <c r="K2482" s="40">
        <v>10.387796714445157</v>
      </c>
      <c r="L2482" s="40"/>
      <c r="M2482" s="40"/>
      <c r="N2482" s="40"/>
      <c r="Y2482">
        <v>23.933333000000005</v>
      </c>
      <c r="Z2482">
        <v>102.233333</v>
      </c>
      <c r="AA2482">
        <v>8.6315869999999997</v>
      </c>
      <c r="AB2482">
        <v>4.5478175325582892</v>
      </c>
    </row>
    <row r="2483" spans="4:28" x14ac:dyDescent="0.25">
      <c r="D2483" s="40">
        <v>41.248351000001826</v>
      </c>
      <c r="E2483" s="40">
        <v>16.28547290006534</v>
      </c>
      <c r="F2483" s="40">
        <v>41.233332999999988</v>
      </c>
      <c r="G2483" s="40">
        <v>13.277061080131425</v>
      </c>
      <c r="H2483" s="40">
        <v>41.233334000000013</v>
      </c>
      <c r="I2483" s="40">
        <v>10.473553272166868</v>
      </c>
      <c r="J2483" s="40">
        <v>41.233318315476502</v>
      </c>
      <c r="K2483" s="40">
        <v>10.387796714445157</v>
      </c>
      <c r="L2483" s="40"/>
      <c r="M2483" s="40"/>
      <c r="N2483" s="40"/>
      <c r="Y2483">
        <v>23.950000000000003</v>
      </c>
      <c r="Z2483">
        <v>102.25</v>
      </c>
      <c r="AA2483">
        <v>8.6316210000000009</v>
      </c>
      <c r="AB2483">
        <v>4.5482293485773173</v>
      </c>
    </row>
    <row r="2484" spans="4:28" x14ac:dyDescent="0.25">
      <c r="D2484" s="40">
        <v>41.265017000001826</v>
      </c>
      <c r="E2484" s="40">
        <v>16.290316078654886</v>
      </c>
      <c r="F2484" s="40">
        <v>41.25</v>
      </c>
      <c r="G2484" s="40">
        <v>13.281676464101201</v>
      </c>
      <c r="H2484" s="40">
        <v>41.25</v>
      </c>
      <c r="I2484" s="40">
        <v>10.473553272166868</v>
      </c>
      <c r="J2484" s="40">
        <v>41.249984976190802</v>
      </c>
      <c r="K2484" s="40">
        <v>10.392505080398216</v>
      </c>
      <c r="L2484" s="40"/>
      <c r="M2484" s="40"/>
      <c r="N2484" s="40"/>
      <c r="Y2484">
        <v>23.966667000000001</v>
      </c>
      <c r="Z2484">
        <v>102.266667</v>
      </c>
      <c r="AA2484">
        <v>8.6316210000000009</v>
      </c>
      <c r="AB2484">
        <v>4.5482293485773173</v>
      </c>
    </row>
    <row r="2485" spans="4:28" x14ac:dyDescent="0.25">
      <c r="D2485" s="40">
        <v>41.281683000001827</v>
      </c>
      <c r="E2485" s="40">
        <v>16.295159257244439</v>
      </c>
      <c r="F2485" s="40">
        <v>41.266666999999998</v>
      </c>
      <c r="G2485" s="40">
        <v>13.281676464101201</v>
      </c>
      <c r="H2485" s="40">
        <v>41.266667000000012</v>
      </c>
      <c r="I2485" s="40">
        <v>10.476906008310124</v>
      </c>
      <c r="J2485" s="40">
        <v>41.266651636905102</v>
      </c>
      <c r="K2485" s="40">
        <v>10.392505080398216</v>
      </c>
      <c r="L2485" s="40"/>
      <c r="M2485" s="40"/>
      <c r="N2485" s="40"/>
      <c r="Y2485">
        <v>23.983333000000002</v>
      </c>
      <c r="Z2485">
        <v>102.283333</v>
      </c>
      <c r="AA2485">
        <v>8.6316210000000009</v>
      </c>
      <c r="AB2485">
        <v>4.5482293485773173</v>
      </c>
    </row>
    <row r="2486" spans="4:28" x14ac:dyDescent="0.25">
      <c r="D2486" s="40">
        <v>41.298349000001828</v>
      </c>
      <c r="E2486" s="40">
        <v>16.300002435833861</v>
      </c>
      <c r="F2486" s="40">
        <v>41.283332999999999</v>
      </c>
      <c r="G2486" s="40">
        <v>13.28643170819142</v>
      </c>
      <c r="H2486" s="40">
        <v>41.283334000000011</v>
      </c>
      <c r="I2486" s="40">
        <v>10.480258744453558</v>
      </c>
      <c r="J2486" s="40">
        <v>41.283318297619303</v>
      </c>
      <c r="K2486" s="40">
        <v>10.397356124107322</v>
      </c>
      <c r="L2486" s="40"/>
      <c r="M2486" s="40"/>
      <c r="N2486" s="40"/>
      <c r="Y2486">
        <v>24</v>
      </c>
      <c r="Z2486">
        <v>102.3</v>
      </c>
      <c r="AA2486">
        <v>8.6316550000000003</v>
      </c>
      <c r="AB2486">
        <v>4.5486411645963241</v>
      </c>
    </row>
    <row r="2487" spans="4:28" x14ac:dyDescent="0.25">
      <c r="D2487" s="40">
        <v>41.315015000001829</v>
      </c>
      <c r="E2487" s="40">
        <v>16.300002435833861</v>
      </c>
      <c r="F2487" s="40">
        <v>41.3</v>
      </c>
      <c r="G2487" s="40">
        <v>13.291186952281638</v>
      </c>
      <c r="H2487" s="40">
        <v>41.300000000000011</v>
      </c>
      <c r="I2487" s="40">
        <v>10.483512870710319</v>
      </c>
      <c r="J2487" s="40">
        <v>41.299984958333603</v>
      </c>
      <c r="K2487" s="40">
        <v>10.397356124107322</v>
      </c>
      <c r="L2487" s="40"/>
      <c r="M2487" s="40"/>
      <c r="N2487" s="40"/>
      <c r="Y2487">
        <v>24.016666999999998</v>
      </c>
      <c r="Z2487">
        <v>102.316667</v>
      </c>
      <c r="AA2487">
        <v>8.6316550000000003</v>
      </c>
      <c r="AB2487">
        <v>4.5486411645963241</v>
      </c>
    </row>
    <row r="2488" spans="4:28" x14ac:dyDescent="0.25">
      <c r="D2488" s="40">
        <v>41.331681000001829</v>
      </c>
      <c r="E2488" s="40">
        <v>16.304703167994287</v>
      </c>
      <c r="F2488" s="40">
        <v>41.316666999999995</v>
      </c>
      <c r="G2488" s="40">
        <v>13.291186952281638</v>
      </c>
      <c r="H2488" s="40">
        <v>41.31666700000001</v>
      </c>
      <c r="I2488" s="40">
        <v>10.483512870710319</v>
      </c>
      <c r="J2488" s="40">
        <v>41.316651619047903</v>
      </c>
      <c r="K2488" s="40">
        <v>10.402207167816554</v>
      </c>
      <c r="L2488" s="40"/>
      <c r="M2488" s="40"/>
      <c r="N2488" s="40"/>
      <c r="Y2488">
        <v>24.033332999999999</v>
      </c>
      <c r="Z2488">
        <v>102.333333</v>
      </c>
      <c r="AA2488">
        <v>8.6316880000000005</v>
      </c>
      <c r="AB2488">
        <v>4.5490408683794854</v>
      </c>
    </row>
    <row r="2489" spans="4:28" x14ac:dyDescent="0.25">
      <c r="D2489" s="40">
        <v>41.34834700000183</v>
      </c>
      <c r="E2489" s="40">
        <v>16.309546346583833</v>
      </c>
      <c r="F2489" s="40">
        <v>41.333332999999996</v>
      </c>
      <c r="G2489" s="40">
        <v>13.295802336251416</v>
      </c>
      <c r="H2489" s="40">
        <v>41.333334000000008</v>
      </c>
      <c r="I2489" s="40">
        <v>10.486865606853575</v>
      </c>
      <c r="J2489" s="40">
        <v>41.333318279762203</v>
      </c>
      <c r="K2489" s="40">
        <v>10.402207167816554</v>
      </c>
      <c r="L2489" s="40"/>
      <c r="M2489" s="40"/>
      <c r="N2489" s="40"/>
      <c r="Y2489">
        <v>24.049999999999997</v>
      </c>
      <c r="Z2489">
        <v>102.35</v>
      </c>
      <c r="AA2489">
        <v>8.6316880000000005</v>
      </c>
      <c r="AB2489">
        <v>4.5490408683794854</v>
      </c>
    </row>
    <row r="2490" spans="4:28" x14ac:dyDescent="0.25">
      <c r="D2490" s="40">
        <v>41.365013000001831</v>
      </c>
      <c r="E2490" s="40">
        <v>16.309546346583833</v>
      </c>
      <c r="F2490" s="40">
        <v>41.349999999999994</v>
      </c>
      <c r="G2490" s="40">
        <v>13.295802336251416</v>
      </c>
      <c r="H2490" s="40">
        <v>41.350000000000009</v>
      </c>
      <c r="I2490" s="40">
        <v>10.496825205397029</v>
      </c>
      <c r="J2490" s="40">
        <v>41.349984940476503</v>
      </c>
      <c r="K2490" s="40">
        <v>10.406915533769615</v>
      </c>
      <c r="L2490" s="40"/>
      <c r="M2490" s="40"/>
      <c r="N2490" s="40"/>
      <c r="Y2490">
        <v>24.06666700000001</v>
      </c>
      <c r="Z2490">
        <v>102.36666700000001</v>
      </c>
      <c r="AA2490">
        <v>8.6316880000000005</v>
      </c>
      <c r="AB2490">
        <v>4.5490408683794854</v>
      </c>
    </row>
    <row r="2491" spans="4:28" x14ac:dyDescent="0.25">
      <c r="D2491" s="40">
        <v>41.381679000001832</v>
      </c>
      <c r="E2491" s="40">
        <v>16.314389525173254</v>
      </c>
      <c r="F2491" s="40">
        <v>41.366666999999993</v>
      </c>
      <c r="G2491" s="40">
        <v>13.300557580341636</v>
      </c>
      <c r="H2491" s="40">
        <v>41.366667000000007</v>
      </c>
      <c r="I2491" s="40">
        <v>10.506784803940306</v>
      </c>
      <c r="J2491" s="40">
        <v>41.366651601190803</v>
      </c>
      <c r="K2491" s="40">
        <v>10.406915533769615</v>
      </c>
      <c r="L2491" s="40"/>
      <c r="M2491" s="40"/>
      <c r="N2491" s="40"/>
      <c r="Y2491">
        <v>24.083332999999996</v>
      </c>
      <c r="Z2491">
        <v>102.38333299999999</v>
      </c>
      <c r="AA2491">
        <v>8.6316880000000005</v>
      </c>
      <c r="AB2491">
        <v>4.5490408683794854</v>
      </c>
    </row>
    <row r="2492" spans="4:28" x14ac:dyDescent="0.25">
      <c r="D2492" s="40">
        <v>41.398345000001832</v>
      </c>
      <c r="E2492" s="40">
        <v>16.319090257333681</v>
      </c>
      <c r="F2492" s="40">
        <v>41.383332999999993</v>
      </c>
      <c r="G2492" s="40">
        <v>13.305312824431853</v>
      </c>
      <c r="H2492" s="40">
        <v>41.383334000000005</v>
      </c>
      <c r="I2492" s="40">
        <v>10.513391666340327</v>
      </c>
      <c r="J2492" s="40">
        <v>41.383318261905103</v>
      </c>
      <c r="K2492" s="40">
        <v>10.411766577478847</v>
      </c>
      <c r="L2492" s="40"/>
      <c r="M2492" s="40"/>
      <c r="N2492" s="40"/>
      <c r="Y2492">
        <v>24.100000000000009</v>
      </c>
      <c r="Z2492">
        <v>102.4</v>
      </c>
      <c r="AA2492">
        <v>8.6317219999999999</v>
      </c>
      <c r="AB2492">
        <v>4.5494526843984922</v>
      </c>
    </row>
    <row r="2493" spans="4:28" x14ac:dyDescent="0.25">
      <c r="D2493" s="40">
        <v>41.415011000001833</v>
      </c>
      <c r="E2493" s="40">
        <v>16.319090257333681</v>
      </c>
      <c r="F2493" s="40">
        <v>41.399999999999991</v>
      </c>
      <c r="G2493" s="40">
        <v>13.305312824431853</v>
      </c>
      <c r="H2493" s="40">
        <v>41.400000000000006</v>
      </c>
      <c r="I2493" s="40">
        <v>10.516744402483759</v>
      </c>
      <c r="J2493" s="40">
        <v>41.399984922619304</v>
      </c>
      <c r="K2493" s="40">
        <v>10.411766577478847</v>
      </c>
      <c r="L2493" s="40"/>
      <c r="M2493" s="40"/>
      <c r="N2493" s="40"/>
      <c r="Y2493">
        <v>24.116667000000007</v>
      </c>
      <c r="Z2493">
        <v>102.416667</v>
      </c>
      <c r="AA2493">
        <v>8.6317219999999999</v>
      </c>
      <c r="AB2493">
        <v>4.5494526843984922</v>
      </c>
    </row>
    <row r="2494" spans="4:28" x14ac:dyDescent="0.25">
      <c r="D2494" s="40">
        <v>41.431677000001834</v>
      </c>
      <c r="E2494" s="40">
        <v>16.323933435923227</v>
      </c>
      <c r="F2494" s="40">
        <v>41.41666699999999</v>
      </c>
      <c r="G2494" s="40">
        <v>13.309928208401754</v>
      </c>
      <c r="H2494" s="40">
        <v>41.416667000000004</v>
      </c>
      <c r="I2494" s="40">
        <v>10.520097138627017</v>
      </c>
      <c r="J2494" s="40">
        <v>41.416651583333604</v>
      </c>
      <c r="K2494" s="40">
        <v>10.411766577478847</v>
      </c>
      <c r="L2494" s="40"/>
      <c r="M2494" s="40"/>
      <c r="N2494" s="40"/>
      <c r="Y2494">
        <v>24.133333000000007</v>
      </c>
      <c r="Z2494">
        <v>102.433333</v>
      </c>
      <c r="AA2494">
        <v>8.6317219999999999</v>
      </c>
      <c r="AB2494">
        <v>4.5494526843984922</v>
      </c>
    </row>
    <row r="2495" spans="4:28" x14ac:dyDescent="0.25">
      <c r="D2495" s="40">
        <v>41.448343000001834</v>
      </c>
      <c r="E2495" s="40">
        <v>16.328776614512776</v>
      </c>
      <c r="F2495" s="40">
        <v>41.43333299999999</v>
      </c>
      <c r="G2495" s="40">
        <v>13.309928208401754</v>
      </c>
      <c r="H2495" s="40">
        <v>41.433334000000002</v>
      </c>
      <c r="I2495" s="40">
        <v>10.526704001027037</v>
      </c>
      <c r="J2495" s="40">
        <v>41.433318244047904</v>
      </c>
      <c r="K2495" s="40">
        <v>10.416617621187951</v>
      </c>
      <c r="L2495" s="40"/>
      <c r="M2495" s="40"/>
      <c r="N2495" s="40"/>
      <c r="Y2495">
        <v>24.150000000000006</v>
      </c>
      <c r="Z2495">
        <v>102.45</v>
      </c>
      <c r="AA2495">
        <v>8.6317219999999999</v>
      </c>
      <c r="AB2495">
        <v>4.5494526843984922</v>
      </c>
    </row>
    <row r="2496" spans="4:28" x14ac:dyDescent="0.25">
      <c r="D2496" s="40">
        <v>41.465009000001835</v>
      </c>
      <c r="E2496" s="40">
        <v>16.328776614512776</v>
      </c>
      <c r="F2496" s="40">
        <v>41.449999999999989</v>
      </c>
      <c r="G2496" s="40">
        <v>13.314683452491851</v>
      </c>
      <c r="H2496" s="40">
        <v>41.45</v>
      </c>
      <c r="I2496" s="40">
        <v>10.533310863427056</v>
      </c>
      <c r="J2496" s="40">
        <v>41.449984904762204</v>
      </c>
      <c r="K2496" s="40">
        <v>10.416617621187951</v>
      </c>
      <c r="L2496" s="40"/>
      <c r="M2496" s="40"/>
      <c r="N2496" s="40"/>
      <c r="Y2496">
        <v>24.166667000000004</v>
      </c>
      <c r="Z2496">
        <v>102.466667</v>
      </c>
      <c r="AA2496">
        <v>8.6317219999999999</v>
      </c>
      <c r="AB2496">
        <v>4.5494526843984922</v>
      </c>
    </row>
    <row r="2497" spans="4:28" x14ac:dyDescent="0.25">
      <c r="D2497" s="40">
        <v>41.481675000001836</v>
      </c>
      <c r="E2497" s="40">
        <v>16.328776614512776</v>
      </c>
      <c r="F2497" s="40">
        <v>41.466667000000001</v>
      </c>
      <c r="G2497" s="40">
        <v>13.319438696582068</v>
      </c>
      <c r="H2497" s="40">
        <v>41.466667000000001</v>
      </c>
      <c r="I2497" s="40">
        <v>10.536663599570488</v>
      </c>
      <c r="J2497" s="40">
        <v>41.466651565476504</v>
      </c>
      <c r="K2497" s="40">
        <v>10.416617621187951</v>
      </c>
      <c r="L2497" s="40"/>
      <c r="M2497" s="40"/>
      <c r="N2497" s="40"/>
      <c r="Y2497">
        <v>24.183333000000005</v>
      </c>
      <c r="Z2497">
        <v>102.483333</v>
      </c>
      <c r="AA2497">
        <v>8.6317559999999993</v>
      </c>
      <c r="AB2497">
        <v>4.549864500417498</v>
      </c>
    </row>
    <row r="2498" spans="4:28" x14ac:dyDescent="0.25">
      <c r="D2498" s="40">
        <v>41.498341000001837</v>
      </c>
      <c r="E2498" s="40">
        <v>16.333477346673074</v>
      </c>
      <c r="F2498" s="40">
        <v>41.483332999999988</v>
      </c>
      <c r="G2498" s="40">
        <v>13.319438696582068</v>
      </c>
      <c r="H2498" s="40">
        <v>41.483334000000013</v>
      </c>
      <c r="I2498" s="40">
        <v>10.540016335713746</v>
      </c>
      <c r="J2498" s="40">
        <v>41.483318226190796</v>
      </c>
      <c r="K2498" s="40">
        <v>10.416617621187951</v>
      </c>
      <c r="L2498" s="40"/>
      <c r="M2498" s="40"/>
      <c r="N2498" s="40"/>
      <c r="Y2498">
        <v>24.200000000000003</v>
      </c>
      <c r="Z2498">
        <v>102.5</v>
      </c>
      <c r="AA2498">
        <v>8.6317559999999993</v>
      </c>
      <c r="AB2498">
        <v>4.549864500417498</v>
      </c>
    </row>
    <row r="2499" spans="4:28" x14ac:dyDescent="0.25">
      <c r="D2499" s="40">
        <v>41.515007000001837</v>
      </c>
      <c r="E2499" s="40">
        <v>16.333477346673074</v>
      </c>
      <c r="F2499" s="40">
        <v>41.5</v>
      </c>
      <c r="G2499" s="40">
        <v>13.324054080551969</v>
      </c>
      <c r="H2499" s="40">
        <v>41.5</v>
      </c>
      <c r="I2499" s="40">
        <v>10.546623198113766</v>
      </c>
      <c r="J2499" s="40">
        <v>41.499984886905096</v>
      </c>
      <c r="K2499" s="40">
        <v>10.416617621187951</v>
      </c>
      <c r="L2499" s="40"/>
      <c r="M2499" s="40"/>
      <c r="N2499" s="40"/>
      <c r="Y2499">
        <v>24.216667000000001</v>
      </c>
      <c r="Z2499">
        <v>102.516667</v>
      </c>
      <c r="AA2499">
        <v>8.6317559999999993</v>
      </c>
      <c r="AB2499">
        <v>4.549864500417498</v>
      </c>
    </row>
    <row r="2500" spans="4:28" x14ac:dyDescent="0.25">
      <c r="D2500" s="40">
        <v>41.531673000001838</v>
      </c>
      <c r="E2500" s="40">
        <v>16.338320525262624</v>
      </c>
      <c r="F2500" s="40">
        <v>41.516666999999998</v>
      </c>
      <c r="G2500" s="40">
        <v>13.328809324642064</v>
      </c>
      <c r="H2500" s="40">
        <v>41.516667000000012</v>
      </c>
      <c r="I2500" s="40">
        <v>10.549975934257199</v>
      </c>
      <c r="J2500" s="40">
        <v>41.516651547619297</v>
      </c>
      <c r="K2500" s="40">
        <v>10.416617621187951</v>
      </c>
      <c r="L2500" s="40"/>
      <c r="M2500" s="40"/>
      <c r="N2500" s="40"/>
      <c r="Y2500">
        <v>24.233333000000002</v>
      </c>
      <c r="Z2500">
        <v>102.533333</v>
      </c>
      <c r="AA2500">
        <v>8.6317889999999995</v>
      </c>
      <c r="AB2500">
        <v>4.5502642042006602</v>
      </c>
    </row>
    <row r="2501" spans="4:28" x14ac:dyDescent="0.25">
      <c r="D2501" s="40">
        <v>41.548339000001839</v>
      </c>
      <c r="E2501" s="40">
        <v>16.338320525262624</v>
      </c>
      <c r="F2501" s="40">
        <v>41.533332999999999</v>
      </c>
      <c r="G2501" s="40">
        <v>13.333564568732285</v>
      </c>
      <c r="H2501" s="40">
        <v>41.533334000000011</v>
      </c>
      <c r="I2501" s="40">
        <v>10.553230060513963</v>
      </c>
      <c r="J2501" s="40">
        <v>41.533318208333597</v>
      </c>
      <c r="K2501" s="40">
        <v>10.416617621187951</v>
      </c>
      <c r="L2501" s="40"/>
      <c r="M2501" s="40"/>
      <c r="N2501" s="40"/>
      <c r="Y2501">
        <v>24.25</v>
      </c>
      <c r="Z2501">
        <v>102.55</v>
      </c>
      <c r="AA2501">
        <v>8.6317889999999995</v>
      </c>
      <c r="AB2501">
        <v>4.5502642042006602</v>
      </c>
    </row>
    <row r="2502" spans="4:28" x14ac:dyDescent="0.25">
      <c r="D2502" s="40">
        <v>41.56500500000184</v>
      </c>
      <c r="E2502" s="40">
        <v>16.343163703852174</v>
      </c>
      <c r="F2502" s="40">
        <v>41.55</v>
      </c>
      <c r="G2502" s="40">
        <v>13.333564568732285</v>
      </c>
      <c r="H2502" s="40">
        <v>41.550000000000011</v>
      </c>
      <c r="I2502" s="40">
        <v>10.556582796657219</v>
      </c>
      <c r="J2502" s="40">
        <v>41.549984869047897</v>
      </c>
      <c r="K2502" s="40">
        <v>10.421325987141012</v>
      </c>
      <c r="L2502" s="40"/>
      <c r="M2502" s="40"/>
      <c r="N2502" s="40"/>
      <c r="Y2502">
        <v>24.266666999999998</v>
      </c>
      <c r="Z2502">
        <v>102.566667</v>
      </c>
      <c r="AA2502">
        <v>8.6317889999999995</v>
      </c>
      <c r="AB2502">
        <v>4.5502642042006602</v>
      </c>
    </row>
    <row r="2503" spans="4:28" x14ac:dyDescent="0.25">
      <c r="D2503" s="40">
        <v>41.58167100000184</v>
      </c>
      <c r="E2503" s="40">
        <v>16.343163703852174</v>
      </c>
      <c r="F2503" s="40">
        <v>41.566666999999995</v>
      </c>
      <c r="G2503" s="40">
        <v>13.338179952702184</v>
      </c>
      <c r="H2503" s="40">
        <v>41.56666700000001</v>
      </c>
      <c r="I2503" s="40">
        <v>10.559935532800477</v>
      </c>
      <c r="J2503" s="40">
        <v>41.566651529762197</v>
      </c>
      <c r="K2503" s="40">
        <v>10.421325987141012</v>
      </c>
      <c r="L2503" s="40"/>
      <c r="M2503" s="40"/>
      <c r="N2503" s="40"/>
      <c r="Y2503">
        <v>24.283332999999999</v>
      </c>
      <c r="Z2503">
        <v>102.583333</v>
      </c>
      <c r="AA2503">
        <v>8.6318230000000007</v>
      </c>
      <c r="AB2503">
        <v>4.5506760202196883</v>
      </c>
    </row>
    <row r="2504" spans="4:28" x14ac:dyDescent="0.25">
      <c r="D2504" s="40">
        <v>41.598337000001841</v>
      </c>
      <c r="E2504" s="40">
        <v>16.347864436012468</v>
      </c>
      <c r="F2504" s="40">
        <v>41.583332999999996</v>
      </c>
      <c r="G2504" s="40">
        <v>13.342935196792279</v>
      </c>
      <c r="H2504" s="40">
        <v>41.583334000000008</v>
      </c>
      <c r="I2504" s="40">
        <v>10.56318965905724</v>
      </c>
      <c r="J2504" s="40">
        <v>41.583318190476497</v>
      </c>
      <c r="K2504" s="40">
        <v>10.421325987141012</v>
      </c>
      <c r="L2504" s="40"/>
      <c r="M2504" s="40"/>
      <c r="N2504" s="40"/>
      <c r="Y2504">
        <v>24.299999999999997</v>
      </c>
      <c r="Z2504">
        <v>102.6</v>
      </c>
      <c r="AA2504">
        <v>8.6318230000000007</v>
      </c>
      <c r="AB2504">
        <v>4.5506760202196883</v>
      </c>
    </row>
    <row r="2505" spans="4:28" x14ac:dyDescent="0.25">
      <c r="D2505" s="40">
        <v>41.615003000001842</v>
      </c>
      <c r="E2505" s="40">
        <v>16.347864436012468</v>
      </c>
      <c r="F2505" s="40">
        <v>41.599999999999994</v>
      </c>
      <c r="G2505" s="40">
        <v>13.347690440882499</v>
      </c>
      <c r="H2505" s="40">
        <v>41.600000000000009</v>
      </c>
      <c r="I2505" s="40">
        <v>10.566542395200496</v>
      </c>
      <c r="J2505" s="40">
        <v>41.599984851190797</v>
      </c>
      <c r="K2505" s="40">
        <v>10.426177030850244</v>
      </c>
      <c r="L2505" s="40"/>
      <c r="M2505" s="40"/>
      <c r="N2505" s="40"/>
      <c r="Y2505">
        <v>24.31666700000001</v>
      </c>
      <c r="Z2505">
        <v>102.61666700000001</v>
      </c>
      <c r="AA2505">
        <v>8.6318230000000007</v>
      </c>
      <c r="AB2505">
        <v>4.5506760202196883</v>
      </c>
    </row>
    <row r="2506" spans="4:28" x14ac:dyDescent="0.25">
      <c r="D2506" s="40">
        <v>41.631669000001843</v>
      </c>
      <c r="E2506" s="40">
        <v>16.352707614602021</v>
      </c>
      <c r="F2506" s="40">
        <v>41.616666999999993</v>
      </c>
      <c r="G2506" s="40">
        <v>13.352445684972716</v>
      </c>
      <c r="H2506" s="40">
        <v>41.616667000000007</v>
      </c>
      <c r="I2506" s="40">
        <v>10.56989513134393</v>
      </c>
      <c r="J2506" s="40">
        <v>41.616651511905097</v>
      </c>
      <c r="K2506" s="40">
        <v>10.426177030850244</v>
      </c>
      <c r="L2506" s="40"/>
      <c r="M2506" s="40"/>
      <c r="N2506" s="40"/>
      <c r="Y2506">
        <v>24.333332999999996</v>
      </c>
      <c r="Z2506">
        <v>102.63333299999999</v>
      </c>
      <c r="AA2506">
        <v>8.6318570000000001</v>
      </c>
      <c r="AB2506">
        <v>4.5510878362386942</v>
      </c>
    </row>
    <row r="2507" spans="4:28" x14ac:dyDescent="0.25">
      <c r="D2507" s="40">
        <v>41.648335000001843</v>
      </c>
      <c r="E2507" s="40">
        <v>16.352707614602021</v>
      </c>
      <c r="F2507" s="40">
        <v>41.633332999999993</v>
      </c>
      <c r="G2507" s="40">
        <v>13.357061068942617</v>
      </c>
      <c r="H2507" s="40">
        <v>41.633334000000005</v>
      </c>
      <c r="I2507" s="40">
        <v>10.573149257600692</v>
      </c>
      <c r="J2507" s="40">
        <v>41.633318172619298</v>
      </c>
      <c r="K2507" s="40">
        <v>10.426177030850244</v>
      </c>
      <c r="L2507" s="40"/>
      <c r="M2507" s="40"/>
      <c r="N2507" s="40"/>
      <c r="Y2507">
        <v>24.350000000000009</v>
      </c>
      <c r="Z2507">
        <v>102.65</v>
      </c>
      <c r="AA2507">
        <v>8.6318570000000001</v>
      </c>
      <c r="AB2507">
        <v>4.5510878362386942</v>
      </c>
    </row>
    <row r="2508" spans="4:28" x14ac:dyDescent="0.25">
      <c r="D2508" s="40">
        <v>41.665001000001844</v>
      </c>
      <c r="E2508" s="40">
        <v>16.357550793191567</v>
      </c>
      <c r="F2508" s="40">
        <v>41.649999999999991</v>
      </c>
      <c r="G2508" s="40">
        <v>13.357061068942617</v>
      </c>
      <c r="H2508" s="40">
        <v>41.650000000000006</v>
      </c>
      <c r="I2508" s="40">
        <v>10.576501993743948</v>
      </c>
      <c r="J2508" s="40">
        <v>41.649984833333598</v>
      </c>
      <c r="K2508" s="40">
        <v>10.43102807455935</v>
      </c>
      <c r="L2508" s="40"/>
      <c r="M2508" s="40"/>
      <c r="N2508" s="40"/>
      <c r="Y2508">
        <v>24.366667000000007</v>
      </c>
      <c r="Z2508">
        <v>102.666667</v>
      </c>
      <c r="AA2508">
        <v>8.6318570000000001</v>
      </c>
      <c r="AB2508">
        <v>4.5510878362386942</v>
      </c>
    </row>
    <row r="2509" spans="4:28" x14ac:dyDescent="0.25">
      <c r="D2509" s="40">
        <v>41.681667000001845</v>
      </c>
      <c r="E2509" s="40">
        <v>16.357550793191567</v>
      </c>
      <c r="F2509" s="40">
        <v>41.66666699999999</v>
      </c>
      <c r="G2509" s="40">
        <v>13.361816313032714</v>
      </c>
      <c r="H2509" s="40">
        <v>41.666667000000004</v>
      </c>
      <c r="I2509" s="40">
        <v>10.579854729887206</v>
      </c>
      <c r="J2509" s="40">
        <v>41.666651494047898</v>
      </c>
      <c r="K2509" s="40">
        <v>10.43102807455935</v>
      </c>
      <c r="L2509" s="40"/>
      <c r="M2509" s="40"/>
      <c r="N2509" s="40"/>
      <c r="Y2509">
        <v>24.383333000000007</v>
      </c>
      <c r="Z2509">
        <v>102.683333</v>
      </c>
      <c r="AA2509">
        <v>8.6318900000000003</v>
      </c>
      <c r="AB2509">
        <v>4.5514875400218564</v>
      </c>
    </row>
    <row r="2510" spans="4:28" x14ac:dyDescent="0.25">
      <c r="D2510" s="40">
        <v>41.698333000001846</v>
      </c>
      <c r="E2510" s="40">
        <v>16.362251525351994</v>
      </c>
      <c r="F2510" s="40">
        <v>41.68333299999999</v>
      </c>
      <c r="G2510" s="40">
        <v>13.366571557122931</v>
      </c>
      <c r="H2510" s="40">
        <v>41.683334000000002</v>
      </c>
      <c r="I2510" s="40">
        <v>10.579854729887206</v>
      </c>
      <c r="J2510" s="40">
        <v>41.683318154762198</v>
      </c>
      <c r="K2510" s="40">
        <v>10.43102807455935</v>
      </c>
      <c r="L2510" s="40"/>
      <c r="M2510" s="40"/>
      <c r="N2510" s="40"/>
      <c r="Y2510">
        <v>24.400000000000006</v>
      </c>
      <c r="Z2510">
        <v>102.7</v>
      </c>
      <c r="AA2510">
        <v>8.6318900000000003</v>
      </c>
      <c r="AB2510">
        <v>4.5514875400218564</v>
      </c>
    </row>
    <row r="2511" spans="4:28" x14ac:dyDescent="0.25">
      <c r="D2511" s="40">
        <v>41.714999000001846</v>
      </c>
      <c r="E2511" s="40">
        <v>16.367094703941415</v>
      </c>
      <c r="F2511" s="40">
        <v>41.699999999999989</v>
      </c>
      <c r="G2511" s="40">
        <v>13.366571557122931</v>
      </c>
      <c r="H2511" s="40">
        <v>41.7</v>
      </c>
      <c r="I2511" s="40">
        <v>10.583207466030638</v>
      </c>
      <c r="J2511" s="40">
        <v>41.699984815476498</v>
      </c>
      <c r="K2511" s="40">
        <v>10.43102807455935</v>
      </c>
      <c r="L2511" s="40"/>
      <c r="M2511" s="40"/>
      <c r="N2511" s="40"/>
      <c r="Y2511">
        <v>24.416667000000004</v>
      </c>
      <c r="Z2511">
        <v>102.716667</v>
      </c>
      <c r="AA2511">
        <v>8.6319239999999997</v>
      </c>
      <c r="AB2511">
        <v>4.5518993560408632</v>
      </c>
    </row>
    <row r="2512" spans="4:28" x14ac:dyDescent="0.25">
      <c r="D2512" s="40">
        <v>41.731665000001847</v>
      </c>
      <c r="E2512" s="40">
        <v>16.371937882530965</v>
      </c>
      <c r="F2512" s="40">
        <v>41.716667000000001</v>
      </c>
      <c r="G2512" s="40">
        <v>13.371186941092832</v>
      </c>
      <c r="H2512" s="40">
        <v>41.716667000000001</v>
      </c>
      <c r="I2512" s="40">
        <v>10.586461592287401</v>
      </c>
      <c r="J2512" s="40">
        <v>41.716651476190798</v>
      </c>
      <c r="K2512" s="40">
        <v>10.435736440512411</v>
      </c>
      <c r="L2512" s="40"/>
      <c r="M2512" s="40"/>
      <c r="N2512" s="40"/>
      <c r="Y2512">
        <v>24.433333000000005</v>
      </c>
      <c r="Z2512">
        <v>102.733333</v>
      </c>
      <c r="AA2512">
        <v>8.6319239999999997</v>
      </c>
      <c r="AB2512">
        <v>4.5518993560408632</v>
      </c>
    </row>
    <row r="2513" spans="4:28" x14ac:dyDescent="0.25">
      <c r="D2513" s="40">
        <v>41.748331000001848</v>
      </c>
      <c r="E2513" s="40">
        <v>16.371937882530965</v>
      </c>
      <c r="F2513" s="40">
        <v>41.733332999999988</v>
      </c>
      <c r="G2513" s="40">
        <v>13.375942185182929</v>
      </c>
      <c r="H2513" s="40">
        <v>41.733334000000013</v>
      </c>
      <c r="I2513" s="40">
        <v>10.589814328430659</v>
      </c>
      <c r="J2513" s="40">
        <v>41.733318136905098</v>
      </c>
      <c r="K2513" s="40">
        <v>10.435736440512411</v>
      </c>
      <c r="L2513" s="40"/>
      <c r="M2513" s="40"/>
      <c r="N2513" s="40"/>
      <c r="Y2513">
        <v>24.450000000000003</v>
      </c>
      <c r="Z2513">
        <v>102.75</v>
      </c>
      <c r="AA2513">
        <v>8.6319239999999997</v>
      </c>
      <c r="AB2513">
        <v>4.5518993560408632</v>
      </c>
    </row>
    <row r="2514" spans="4:28" x14ac:dyDescent="0.25">
      <c r="D2514" s="40">
        <v>41.764997000001848</v>
      </c>
      <c r="E2514" s="40">
        <v>16.376638614691387</v>
      </c>
      <c r="F2514" s="40">
        <v>41.75</v>
      </c>
      <c r="G2514" s="40">
        <v>13.380697429273146</v>
      </c>
      <c r="H2514" s="40">
        <v>41.75</v>
      </c>
      <c r="I2514" s="40">
        <v>10.589814328430659</v>
      </c>
      <c r="J2514" s="40">
        <v>41.749984797619298</v>
      </c>
      <c r="K2514" s="40">
        <v>10.435736440512411</v>
      </c>
      <c r="L2514" s="40"/>
      <c r="M2514" s="40"/>
      <c r="N2514" s="40"/>
      <c r="Y2514">
        <v>24.466667000000001</v>
      </c>
      <c r="Z2514">
        <v>102.766667</v>
      </c>
      <c r="AA2514">
        <v>8.6319579999999991</v>
      </c>
      <c r="AB2514">
        <v>4.552311172059869</v>
      </c>
    </row>
    <row r="2515" spans="4:28" x14ac:dyDescent="0.25">
      <c r="D2515" s="40">
        <v>41.781663000001849</v>
      </c>
      <c r="E2515" s="40">
        <v>16.381481793280809</v>
      </c>
      <c r="F2515" s="40">
        <v>41.766666999999998</v>
      </c>
      <c r="G2515" s="40">
        <v>13.380697429273146</v>
      </c>
      <c r="H2515" s="40">
        <v>41.766667000000012</v>
      </c>
      <c r="I2515" s="40">
        <v>10.586461592287401</v>
      </c>
      <c r="J2515" s="40">
        <v>41.766651458333598</v>
      </c>
      <c r="K2515" s="40">
        <v>10.440587484221641</v>
      </c>
      <c r="L2515" s="40"/>
      <c r="M2515" s="40"/>
      <c r="N2515" s="40"/>
      <c r="Y2515">
        <v>24.483333000000002</v>
      </c>
      <c r="Z2515">
        <v>102.783333</v>
      </c>
      <c r="AA2515">
        <v>8.6319579999999991</v>
      </c>
      <c r="AB2515">
        <v>4.552311172059869</v>
      </c>
    </row>
    <row r="2516" spans="4:28" x14ac:dyDescent="0.25">
      <c r="D2516" s="40">
        <v>41.79832900000185</v>
      </c>
      <c r="E2516" s="40">
        <v>16.386324971870359</v>
      </c>
      <c r="F2516" s="40">
        <v>41.783332999999999</v>
      </c>
      <c r="G2516" s="40">
        <v>13.385312813243047</v>
      </c>
      <c r="H2516" s="40">
        <v>41.783334000000011</v>
      </c>
      <c r="I2516" s="40">
        <v>10.583207466030638</v>
      </c>
      <c r="J2516" s="40">
        <v>41.783318119047898</v>
      </c>
      <c r="K2516" s="40">
        <v>10.440587484221641</v>
      </c>
      <c r="L2516" s="40"/>
      <c r="M2516" s="40"/>
      <c r="N2516" s="40"/>
      <c r="Y2516">
        <v>24.5</v>
      </c>
      <c r="Z2516">
        <v>102.8</v>
      </c>
      <c r="AA2516">
        <v>8.6319909999999993</v>
      </c>
      <c r="AB2516">
        <v>4.5527108758430312</v>
      </c>
    </row>
    <row r="2517" spans="4:28" x14ac:dyDescent="0.25">
      <c r="D2517" s="40">
        <v>41.814995000001851</v>
      </c>
      <c r="E2517" s="40">
        <v>16.386324971870359</v>
      </c>
      <c r="F2517" s="40">
        <v>41.8</v>
      </c>
      <c r="G2517" s="40">
        <v>13.390068057333142</v>
      </c>
      <c r="H2517" s="40">
        <v>41.800000000000011</v>
      </c>
      <c r="I2517" s="40">
        <v>10.583207466030638</v>
      </c>
      <c r="J2517" s="40">
        <v>41.799984779762198</v>
      </c>
      <c r="K2517" s="40">
        <v>10.445438527930747</v>
      </c>
      <c r="L2517" s="40"/>
      <c r="M2517" s="40"/>
      <c r="N2517" s="40"/>
      <c r="Y2517">
        <v>24.516666999999998</v>
      </c>
      <c r="Z2517">
        <v>102.816667</v>
      </c>
      <c r="AA2517">
        <v>8.6319909999999993</v>
      </c>
      <c r="AB2517">
        <v>4.5527108758430312</v>
      </c>
    </row>
    <row r="2518" spans="4:28" x14ac:dyDescent="0.25">
      <c r="D2518" s="40">
        <v>41.831661000001851</v>
      </c>
      <c r="E2518" s="40">
        <v>16.391025704030785</v>
      </c>
      <c r="F2518" s="40">
        <v>41.816666999999995</v>
      </c>
      <c r="G2518" s="40">
        <v>13.394823301423362</v>
      </c>
      <c r="H2518" s="40">
        <v>41.81666700000001</v>
      </c>
      <c r="I2518" s="40">
        <v>10.583207466030638</v>
      </c>
      <c r="J2518" s="40">
        <v>41.816651440476498</v>
      </c>
      <c r="K2518" s="40">
        <v>10.445438527930747</v>
      </c>
      <c r="L2518" s="40"/>
      <c r="M2518" s="40"/>
      <c r="N2518" s="40"/>
      <c r="Y2518">
        <v>24.533332999999999</v>
      </c>
      <c r="Z2518">
        <v>102.833333</v>
      </c>
      <c r="AA2518">
        <v>8.6319909999999993</v>
      </c>
      <c r="AB2518">
        <v>4.5527108758430312</v>
      </c>
    </row>
    <row r="2519" spans="4:28" x14ac:dyDescent="0.25">
      <c r="D2519" s="40">
        <v>41.848327000001852</v>
      </c>
      <c r="E2519" s="40">
        <v>16.395868882620206</v>
      </c>
      <c r="F2519" s="40">
        <v>41.833332999999996</v>
      </c>
      <c r="G2519" s="40">
        <v>13.399438685393262</v>
      </c>
      <c r="H2519" s="40">
        <v>41.833334000000008</v>
      </c>
      <c r="I2519" s="40">
        <v>10.586461592287401</v>
      </c>
      <c r="J2519" s="40">
        <v>41.833318101190798</v>
      </c>
      <c r="K2519" s="40">
        <v>10.445438527930747</v>
      </c>
      <c r="L2519" s="40"/>
      <c r="M2519" s="40"/>
      <c r="N2519" s="40"/>
      <c r="Y2519">
        <v>24.549999999999997</v>
      </c>
      <c r="Z2519">
        <v>102.85</v>
      </c>
      <c r="AA2519">
        <v>8.6320250000000005</v>
      </c>
      <c r="AB2519">
        <v>4.5531226918620593</v>
      </c>
    </row>
    <row r="2520" spans="4:28" x14ac:dyDescent="0.25">
      <c r="D2520" s="40">
        <v>41.864993000001853</v>
      </c>
      <c r="E2520" s="40">
        <v>16.400712061209752</v>
      </c>
      <c r="F2520" s="40">
        <v>41.849999999999994</v>
      </c>
      <c r="G2520" s="40">
        <v>13.399438685393262</v>
      </c>
      <c r="H2520" s="40">
        <v>41.850000000000009</v>
      </c>
      <c r="I2520" s="40">
        <v>10.586461592287401</v>
      </c>
      <c r="J2520" s="40">
        <v>41.849984761905098</v>
      </c>
      <c r="K2520" s="40">
        <v>10.450146893883808</v>
      </c>
      <c r="L2520" s="40"/>
      <c r="M2520" s="40"/>
      <c r="N2520" s="40"/>
      <c r="Y2520">
        <v>24.56666700000001</v>
      </c>
      <c r="Z2520">
        <v>102.86666700000001</v>
      </c>
      <c r="AA2520">
        <v>8.6320250000000005</v>
      </c>
      <c r="AB2520">
        <v>4.5531226918620593</v>
      </c>
    </row>
    <row r="2521" spans="4:28" x14ac:dyDescent="0.25">
      <c r="D2521" s="40">
        <v>41.881659000001854</v>
      </c>
      <c r="E2521" s="40">
        <v>16.405412793370179</v>
      </c>
      <c r="F2521" s="40">
        <v>41.866666999999993</v>
      </c>
      <c r="G2521" s="40">
        <v>13.404193929483482</v>
      </c>
      <c r="H2521" s="40">
        <v>41.866667000000007</v>
      </c>
      <c r="I2521" s="40">
        <v>10.589814328430659</v>
      </c>
      <c r="J2521" s="40">
        <v>41.866651422619299</v>
      </c>
      <c r="K2521" s="40">
        <v>10.45499793759304</v>
      </c>
      <c r="L2521" s="40"/>
      <c r="M2521" s="40"/>
      <c r="N2521" s="40"/>
      <c r="Y2521">
        <v>24.583332999999996</v>
      </c>
      <c r="Z2521">
        <v>102.88333299999999</v>
      </c>
      <c r="AA2521">
        <v>8.6320589999999999</v>
      </c>
      <c r="AB2521">
        <v>4.5535345078810661</v>
      </c>
    </row>
    <row r="2522" spans="4:28" x14ac:dyDescent="0.25">
      <c r="D2522" s="40">
        <v>41.898325000001854</v>
      </c>
      <c r="E2522" s="40">
        <v>16.4102559719596</v>
      </c>
      <c r="F2522" s="40">
        <v>41.883332999999993</v>
      </c>
      <c r="G2522" s="40">
        <v>13.408949173573575</v>
      </c>
      <c r="H2522" s="40">
        <v>41.883334000000005</v>
      </c>
      <c r="I2522" s="40">
        <v>10.589814328430659</v>
      </c>
      <c r="J2522" s="40">
        <v>41.883318083333599</v>
      </c>
      <c r="K2522" s="40">
        <v>10.45499793759304</v>
      </c>
      <c r="L2522" s="40"/>
      <c r="M2522" s="40"/>
      <c r="N2522" s="40"/>
      <c r="Y2522">
        <v>24.600000000000009</v>
      </c>
      <c r="Z2522">
        <v>102.9</v>
      </c>
      <c r="AA2522">
        <v>8.6320589999999999</v>
      </c>
      <c r="AB2522">
        <v>4.5535345078810661</v>
      </c>
    </row>
    <row r="2523" spans="4:28" x14ac:dyDescent="0.25">
      <c r="D2523" s="40">
        <v>41.914991000001855</v>
      </c>
      <c r="E2523" s="40">
        <v>16.4102559719596</v>
      </c>
      <c r="F2523" s="40">
        <v>41.899999999999991</v>
      </c>
      <c r="G2523" s="40">
        <v>13.413564557543475</v>
      </c>
      <c r="H2523" s="40">
        <v>41.900000000000006</v>
      </c>
      <c r="I2523" s="40">
        <v>10.593167064573915</v>
      </c>
      <c r="J2523" s="40">
        <v>41.899984744047899</v>
      </c>
      <c r="K2523" s="40">
        <v>10.459848981302272</v>
      </c>
      <c r="L2523" s="40"/>
      <c r="M2523" s="40"/>
      <c r="N2523" s="40"/>
      <c r="Y2523">
        <v>24.616667000000007</v>
      </c>
      <c r="Z2523">
        <v>102.916667</v>
      </c>
      <c r="AA2523">
        <v>8.6320920000000001</v>
      </c>
      <c r="AB2523">
        <v>4.5539342116642274</v>
      </c>
    </row>
    <row r="2524" spans="4:28" x14ac:dyDescent="0.25">
      <c r="D2524" s="40">
        <v>41.931657000001856</v>
      </c>
      <c r="E2524" s="40">
        <v>16.41509915054915</v>
      </c>
      <c r="F2524" s="40">
        <v>41.91666699999999</v>
      </c>
      <c r="G2524" s="40">
        <v>13.413564557543475</v>
      </c>
      <c r="H2524" s="40">
        <v>41.916667000000004</v>
      </c>
      <c r="I2524" s="40">
        <v>10.593167064573915</v>
      </c>
      <c r="J2524" s="40">
        <v>41.916651404762199</v>
      </c>
      <c r="K2524" s="40">
        <v>10.464557347255205</v>
      </c>
      <c r="L2524" s="40"/>
      <c r="M2524" s="40"/>
      <c r="N2524" s="40"/>
      <c r="Y2524">
        <v>24.633333000000007</v>
      </c>
      <c r="Z2524">
        <v>102.933333</v>
      </c>
      <c r="AA2524">
        <v>8.6320920000000001</v>
      </c>
      <c r="AB2524">
        <v>4.5539342116642274</v>
      </c>
    </row>
    <row r="2525" spans="4:28" x14ac:dyDescent="0.25">
      <c r="D2525" s="40">
        <v>41.948323000001857</v>
      </c>
      <c r="E2525" s="40">
        <v>16.419799882709576</v>
      </c>
      <c r="F2525" s="40">
        <v>41.93333299999999</v>
      </c>
      <c r="G2525" s="40">
        <v>13.418319801633695</v>
      </c>
      <c r="H2525" s="40">
        <v>41.933334000000002</v>
      </c>
      <c r="I2525" s="40">
        <v>10.596421190830679</v>
      </c>
      <c r="J2525" s="40">
        <v>41.933318065476499</v>
      </c>
      <c r="K2525" s="40">
        <v>10.464557347255205</v>
      </c>
      <c r="L2525" s="40"/>
      <c r="M2525" s="40"/>
      <c r="N2525" s="40"/>
      <c r="Y2525">
        <v>24.650000000000006</v>
      </c>
      <c r="Z2525">
        <v>102.95</v>
      </c>
      <c r="AA2525">
        <v>8.6320920000000001</v>
      </c>
      <c r="AB2525">
        <v>4.5539342116642274</v>
      </c>
    </row>
    <row r="2526" spans="4:28" x14ac:dyDescent="0.25">
      <c r="D2526" s="40">
        <v>41.964989000001857</v>
      </c>
      <c r="E2526" s="40">
        <v>16.419799882709576</v>
      </c>
      <c r="F2526" s="40">
        <v>41.949999999999989</v>
      </c>
      <c r="G2526" s="40">
        <v>13.42307504572379</v>
      </c>
      <c r="H2526" s="40">
        <v>41.95</v>
      </c>
      <c r="I2526" s="40">
        <v>10.599773926973937</v>
      </c>
      <c r="J2526" s="40">
        <v>41.949984726190799</v>
      </c>
      <c r="K2526" s="40">
        <v>10.469408390964437</v>
      </c>
      <c r="L2526" s="40"/>
      <c r="M2526" s="40"/>
      <c r="N2526" s="40"/>
      <c r="Y2526">
        <v>24.666667000000004</v>
      </c>
      <c r="Z2526">
        <v>102.966667</v>
      </c>
      <c r="AA2526">
        <v>8.6321259999999995</v>
      </c>
      <c r="AB2526">
        <v>4.5543460276832333</v>
      </c>
    </row>
    <row r="2527" spans="4:28" x14ac:dyDescent="0.25">
      <c r="D2527" s="40">
        <v>41.981655000001858</v>
      </c>
      <c r="E2527" s="40">
        <v>16.424643061299125</v>
      </c>
      <c r="F2527" s="40">
        <v>41.966667000000001</v>
      </c>
      <c r="G2527" s="40">
        <v>13.427690429693691</v>
      </c>
      <c r="H2527" s="40">
        <v>41.966667000000001</v>
      </c>
      <c r="I2527" s="40">
        <v>10.599773926973937</v>
      </c>
      <c r="J2527" s="40">
        <v>41.966651386905099</v>
      </c>
      <c r="K2527" s="40">
        <v>10.474259434673669</v>
      </c>
      <c r="L2527" s="40"/>
      <c r="M2527" s="40"/>
      <c r="N2527" s="40"/>
      <c r="Y2527">
        <v>24.683333000000005</v>
      </c>
      <c r="Z2527">
        <v>102.983333</v>
      </c>
      <c r="AA2527">
        <v>8.6321259999999995</v>
      </c>
      <c r="AB2527">
        <v>4.5543460276832333</v>
      </c>
    </row>
    <row r="2528" spans="4:28" x14ac:dyDescent="0.25">
      <c r="D2528" s="40">
        <v>41.998321000001859</v>
      </c>
      <c r="E2528" s="40">
        <v>16.429486239888547</v>
      </c>
      <c r="F2528" s="40">
        <v>41.983332999999988</v>
      </c>
      <c r="G2528" s="40">
        <v>13.437200917874005</v>
      </c>
      <c r="H2528" s="40">
        <v>41.983334000000013</v>
      </c>
      <c r="I2528" s="40">
        <v>10.603126663117369</v>
      </c>
      <c r="J2528" s="40">
        <v>41.983318047619299</v>
      </c>
      <c r="K2528" s="40">
        <v>10.474259434673669</v>
      </c>
      <c r="L2528" s="40"/>
      <c r="M2528" s="40"/>
      <c r="N2528" s="40"/>
      <c r="Y2528">
        <v>24.700000000000003</v>
      </c>
      <c r="Z2528">
        <v>103</v>
      </c>
      <c r="AA2528">
        <v>8.6321600000000007</v>
      </c>
      <c r="AB2528">
        <v>4.5547578437022622</v>
      </c>
    </row>
    <row r="2529" spans="4:28" x14ac:dyDescent="0.25">
      <c r="D2529" s="40">
        <v>42.014987000001859</v>
      </c>
      <c r="E2529" s="40">
        <v>16.434186972048973</v>
      </c>
      <c r="F2529" s="40">
        <v>42</v>
      </c>
      <c r="G2529" s="40">
        <v>13.441816301843906</v>
      </c>
      <c r="H2529" s="40">
        <v>42</v>
      </c>
      <c r="I2529" s="40">
        <v>10.603126663117369</v>
      </c>
      <c r="J2529" s="40">
        <v>41.999984708333599</v>
      </c>
      <c r="K2529" s="40">
        <v>10.478967800626604</v>
      </c>
      <c r="L2529" s="40"/>
      <c r="M2529" s="40"/>
      <c r="N2529" s="40"/>
      <c r="Y2529">
        <v>24.716667000000001</v>
      </c>
      <c r="Z2529">
        <v>103.016667</v>
      </c>
      <c r="AA2529">
        <v>8.6321600000000007</v>
      </c>
      <c r="AB2529">
        <v>4.5547578437022622</v>
      </c>
    </row>
    <row r="2530" spans="4:28" x14ac:dyDescent="0.25">
      <c r="D2530" s="40">
        <v>42.03165300000186</v>
      </c>
      <c r="E2530" s="40">
        <v>16.434186972048973</v>
      </c>
      <c r="F2530" s="40">
        <v>42.016666999999998</v>
      </c>
      <c r="G2530" s="40">
        <v>13.446571545934125</v>
      </c>
      <c r="H2530" s="40">
        <v>42.016667000000012</v>
      </c>
      <c r="I2530" s="40">
        <v>10.606380789374132</v>
      </c>
      <c r="J2530" s="40">
        <v>42.016651369047899</v>
      </c>
      <c r="K2530" s="40">
        <v>10.478967800626604</v>
      </c>
      <c r="L2530" s="40"/>
      <c r="M2530" s="40"/>
      <c r="N2530" s="40"/>
      <c r="Y2530">
        <v>24.733333000000002</v>
      </c>
      <c r="Z2530">
        <v>103.033333</v>
      </c>
      <c r="AA2530">
        <v>8.6321600000000007</v>
      </c>
      <c r="AB2530">
        <v>4.5547578437022622</v>
      </c>
    </row>
    <row r="2531" spans="4:28" x14ac:dyDescent="0.25">
      <c r="D2531" s="40">
        <v>42.048319000001861</v>
      </c>
      <c r="E2531" s="40">
        <v>16.439030150638519</v>
      </c>
      <c r="F2531" s="40">
        <v>42.033332999999999</v>
      </c>
      <c r="G2531" s="40">
        <v>13.451326790024218</v>
      </c>
      <c r="H2531" s="40">
        <v>42.033334000000011</v>
      </c>
      <c r="I2531" s="40">
        <v>10.606380789374132</v>
      </c>
      <c r="J2531" s="40">
        <v>42.033318029762199</v>
      </c>
      <c r="K2531" s="40">
        <v>10.483818844335836</v>
      </c>
      <c r="L2531" s="40"/>
      <c r="M2531" s="40"/>
      <c r="N2531" s="40"/>
      <c r="Y2531">
        <v>24.75</v>
      </c>
      <c r="Z2531">
        <v>103.05</v>
      </c>
      <c r="AA2531">
        <v>8.6321929999999991</v>
      </c>
      <c r="AB2531">
        <v>4.5551575474854022</v>
      </c>
    </row>
    <row r="2532" spans="4:28" x14ac:dyDescent="0.25">
      <c r="D2532" s="40">
        <v>42.064985000001862</v>
      </c>
      <c r="E2532" s="40">
        <v>16.443873329227941</v>
      </c>
      <c r="F2532" s="40">
        <v>42.05</v>
      </c>
      <c r="G2532" s="40">
        <v>13.455942173994119</v>
      </c>
      <c r="H2532" s="40">
        <v>42.050000000000011</v>
      </c>
      <c r="I2532" s="40">
        <v>10.606380789374132</v>
      </c>
      <c r="J2532" s="40">
        <v>42.049984690476499</v>
      </c>
      <c r="K2532" s="40">
        <v>10.483818844335836</v>
      </c>
      <c r="L2532" s="40"/>
      <c r="M2532" s="40"/>
      <c r="N2532" s="40"/>
      <c r="Y2532">
        <v>24.766666999999998</v>
      </c>
      <c r="Z2532">
        <v>103.066667</v>
      </c>
      <c r="AA2532">
        <v>8.6321929999999991</v>
      </c>
      <c r="AB2532">
        <v>4.5551575474854022</v>
      </c>
    </row>
    <row r="2533" spans="4:28" x14ac:dyDescent="0.25">
      <c r="D2533" s="40">
        <v>42.081651000001862</v>
      </c>
      <c r="E2533" s="40">
        <v>16.443873329227941</v>
      </c>
      <c r="F2533" s="40">
        <v>42.066666999999995</v>
      </c>
      <c r="G2533" s="40">
        <v>13.455942173994119</v>
      </c>
      <c r="H2533" s="40">
        <v>42.06666700000001</v>
      </c>
      <c r="I2533" s="40">
        <v>10.606380789374132</v>
      </c>
      <c r="J2533" s="40">
        <v>42.066651351190799</v>
      </c>
      <c r="K2533" s="40">
        <v>10.488669888045068</v>
      </c>
      <c r="L2533" s="40"/>
      <c r="M2533" s="40"/>
      <c r="N2533" s="40"/>
      <c r="Y2533">
        <v>24.783332999999999</v>
      </c>
      <c r="Z2533">
        <v>103.083333</v>
      </c>
      <c r="AA2533">
        <v>8.6321929999999991</v>
      </c>
      <c r="AB2533">
        <v>4.5551575474854022</v>
      </c>
    </row>
    <row r="2534" spans="4:28" x14ac:dyDescent="0.25">
      <c r="D2534" s="40">
        <v>42.098317000001863</v>
      </c>
      <c r="E2534" s="40">
        <v>16.443873329227941</v>
      </c>
      <c r="F2534" s="40">
        <v>42.083332999999996</v>
      </c>
      <c r="G2534" s="40">
        <v>13.46069741808434</v>
      </c>
      <c r="H2534" s="40">
        <v>42.083334000000008</v>
      </c>
      <c r="I2534" s="40">
        <v>10.606380789374132</v>
      </c>
      <c r="J2534" s="40">
        <v>42.083318011905099</v>
      </c>
      <c r="K2534" s="40">
        <v>10.488669888045068</v>
      </c>
      <c r="L2534" s="40"/>
      <c r="M2534" s="40"/>
      <c r="N2534" s="40"/>
      <c r="Y2534">
        <v>24.799999999999997</v>
      </c>
      <c r="Z2534">
        <v>103.1</v>
      </c>
      <c r="AA2534">
        <v>8.6322270000000003</v>
      </c>
      <c r="AB2534">
        <v>4.5555693635044303</v>
      </c>
    </row>
    <row r="2535" spans="4:28" x14ac:dyDescent="0.25">
      <c r="D2535" s="40">
        <v>42.114983000001864</v>
      </c>
      <c r="E2535" s="40">
        <v>16.448574061388367</v>
      </c>
      <c r="F2535" s="40">
        <v>42.099999999999994</v>
      </c>
      <c r="G2535" s="40">
        <v>13.46545266217456</v>
      </c>
      <c r="H2535" s="40">
        <v>42.100000000000009</v>
      </c>
      <c r="I2535" s="40">
        <v>10.606380789374132</v>
      </c>
      <c r="J2535" s="40">
        <v>42.0999846726193</v>
      </c>
      <c r="K2535" s="40">
        <v>10.493378253998127</v>
      </c>
      <c r="L2535" s="40"/>
      <c r="M2535" s="40"/>
      <c r="N2535" s="40"/>
      <c r="Y2535">
        <v>24.81666700000001</v>
      </c>
      <c r="Z2535">
        <v>103.11666700000001</v>
      </c>
      <c r="AA2535">
        <v>8.6322270000000003</v>
      </c>
      <c r="AB2535">
        <v>4.5555693635044303</v>
      </c>
    </row>
    <row r="2536" spans="4:28" x14ac:dyDescent="0.25">
      <c r="D2536" s="40">
        <v>42.131649000001865</v>
      </c>
      <c r="E2536" s="40">
        <v>16.448574061388367</v>
      </c>
      <c r="F2536" s="40">
        <v>42.116666999999993</v>
      </c>
      <c r="G2536" s="40">
        <v>13.470068046144334</v>
      </c>
      <c r="H2536" s="40">
        <v>42.116667000000007</v>
      </c>
      <c r="I2536" s="40">
        <v>10.613086261660648</v>
      </c>
      <c r="J2536" s="40">
        <v>42.1166513333336</v>
      </c>
      <c r="K2536" s="40">
        <v>10.498229297707233</v>
      </c>
      <c r="L2536" s="40"/>
      <c r="M2536" s="40"/>
      <c r="N2536" s="40"/>
      <c r="Y2536">
        <v>24.833332999999996</v>
      </c>
      <c r="Z2536">
        <v>103.13333299999999</v>
      </c>
      <c r="AA2536">
        <v>8.6322270000000003</v>
      </c>
      <c r="AB2536">
        <v>4.5555693635044303</v>
      </c>
    </row>
    <row r="2537" spans="4:28" x14ac:dyDescent="0.25">
      <c r="D2537" s="40">
        <v>42.148315000001865</v>
      </c>
      <c r="E2537" s="40">
        <v>16.453417239977913</v>
      </c>
      <c r="F2537" s="40">
        <v>42.133332999999993</v>
      </c>
      <c r="G2537" s="40">
        <v>13.470068046144334</v>
      </c>
      <c r="H2537" s="40">
        <v>42.133334000000019</v>
      </c>
      <c r="I2537" s="40">
        <v>10.619693124060841</v>
      </c>
      <c r="J2537" s="40">
        <v>42.1333179940479</v>
      </c>
      <c r="K2537" s="40">
        <v>10.498229297707233</v>
      </c>
      <c r="L2537" s="40"/>
      <c r="M2537" s="40"/>
      <c r="N2537" s="40"/>
      <c r="Y2537">
        <v>24.850000000000009</v>
      </c>
      <c r="Z2537">
        <v>103.15</v>
      </c>
      <c r="AA2537">
        <v>8.6322609999999997</v>
      </c>
      <c r="AB2537">
        <v>4.5559811795234362</v>
      </c>
    </row>
    <row r="2538" spans="4:28" x14ac:dyDescent="0.25">
      <c r="D2538" s="40">
        <v>42.164981000001866</v>
      </c>
      <c r="E2538" s="40">
        <v>16.453417239977913</v>
      </c>
      <c r="F2538" s="40">
        <v>42.149999999999991</v>
      </c>
      <c r="G2538" s="40">
        <v>13.474823290234553</v>
      </c>
      <c r="H2538" s="40">
        <v>42.150000000000006</v>
      </c>
      <c r="I2538" s="40">
        <v>10.619693124060841</v>
      </c>
      <c r="J2538" s="40">
        <v>42.1499846547622</v>
      </c>
      <c r="K2538" s="40">
        <v>10.503080341416466</v>
      </c>
      <c r="L2538" s="40"/>
      <c r="M2538" s="40"/>
      <c r="N2538" s="40"/>
      <c r="Y2538">
        <v>24.866667000000007</v>
      </c>
      <c r="Z2538">
        <v>103.166667</v>
      </c>
      <c r="AA2538">
        <v>8.6322609999999997</v>
      </c>
      <c r="AB2538">
        <v>4.5559811795234362</v>
      </c>
    </row>
    <row r="2539" spans="4:28" x14ac:dyDescent="0.25">
      <c r="D2539" s="40">
        <v>42.181647000001867</v>
      </c>
      <c r="E2539" s="40">
        <v>16.458260418567335</v>
      </c>
      <c r="F2539" s="40">
        <v>42.16666699999999</v>
      </c>
      <c r="G2539" s="40">
        <v>13.479578534324773</v>
      </c>
      <c r="H2539" s="40">
        <v>42.166667000000018</v>
      </c>
      <c r="I2539" s="40">
        <v>10.619693124060841</v>
      </c>
      <c r="J2539" s="40">
        <v>42.1666513154765</v>
      </c>
      <c r="K2539" s="40">
        <v>10.503080341416466</v>
      </c>
      <c r="L2539" s="40"/>
      <c r="M2539" s="40"/>
      <c r="N2539" s="40"/>
      <c r="Y2539">
        <v>24.883333000000007</v>
      </c>
      <c r="Z2539">
        <v>103.183333</v>
      </c>
      <c r="AA2539">
        <v>8.6322609999999997</v>
      </c>
      <c r="AB2539">
        <v>4.5559811795234362</v>
      </c>
    </row>
    <row r="2540" spans="4:28" x14ac:dyDescent="0.25">
      <c r="D2540" s="40">
        <v>42.198313000001868</v>
      </c>
      <c r="E2540" s="40">
        <v>16.458260418567335</v>
      </c>
      <c r="F2540" s="40">
        <v>42.18333299999999</v>
      </c>
      <c r="G2540" s="40">
        <v>13.479578534324773</v>
      </c>
      <c r="H2540" s="40">
        <v>42.183334000000002</v>
      </c>
      <c r="I2540" s="40">
        <v>10.619693124060841</v>
      </c>
      <c r="J2540" s="40">
        <v>42.1833179761908</v>
      </c>
      <c r="K2540" s="40">
        <v>10.507931385125698</v>
      </c>
      <c r="L2540" s="40"/>
      <c r="M2540" s="40"/>
      <c r="N2540" s="40"/>
      <c r="Y2540">
        <v>24.900000000000006</v>
      </c>
      <c r="Z2540">
        <v>103.2</v>
      </c>
      <c r="AA2540">
        <v>8.6322939999999999</v>
      </c>
      <c r="AB2540">
        <v>4.5563808833065984</v>
      </c>
    </row>
    <row r="2541" spans="4:28" x14ac:dyDescent="0.25">
      <c r="D2541" s="40">
        <v>42.214979000001868</v>
      </c>
      <c r="E2541" s="40">
        <v>16.462961150727761</v>
      </c>
      <c r="F2541" s="40">
        <v>42.199999999999989</v>
      </c>
      <c r="G2541" s="40">
        <v>13.484193918294674</v>
      </c>
      <c r="H2541" s="40">
        <v>42.200000000000017</v>
      </c>
      <c r="I2541" s="40">
        <v>10.623045860204098</v>
      </c>
      <c r="J2541" s="40">
        <v>42.1999846369051</v>
      </c>
      <c r="K2541" s="40">
        <v>10.507931385125698</v>
      </c>
      <c r="L2541" s="40"/>
      <c r="M2541" s="40"/>
      <c r="N2541" s="40"/>
      <c r="Y2541">
        <v>24.916667000000004</v>
      </c>
      <c r="Z2541">
        <v>103.216667</v>
      </c>
      <c r="AA2541">
        <v>8.6322939999999999</v>
      </c>
      <c r="AB2541">
        <v>4.5563808833065984</v>
      </c>
    </row>
    <row r="2542" spans="4:28" x14ac:dyDescent="0.25">
      <c r="D2542" s="40">
        <v>42.231645000001869</v>
      </c>
      <c r="E2542" s="40">
        <v>16.46780432931731</v>
      </c>
      <c r="F2542" s="40">
        <v>42.216667000000001</v>
      </c>
      <c r="G2542" s="40">
        <v>13.488949162384769</v>
      </c>
      <c r="H2542" s="40">
        <v>42.216667000000001</v>
      </c>
      <c r="I2542" s="40">
        <v>10.623045860204098</v>
      </c>
      <c r="J2542" s="40">
        <v>42.2166512976193</v>
      </c>
      <c r="K2542" s="40">
        <v>10.507931385125698</v>
      </c>
      <c r="L2542" s="40"/>
      <c r="M2542" s="40"/>
      <c r="N2542" s="40"/>
      <c r="Y2542">
        <v>24.933333000000005</v>
      </c>
      <c r="Z2542">
        <v>103.233333</v>
      </c>
      <c r="AA2542">
        <v>8.6322939999999999</v>
      </c>
      <c r="AB2542">
        <v>4.5563808833065984</v>
      </c>
    </row>
    <row r="2543" spans="4:28" x14ac:dyDescent="0.25">
      <c r="D2543" s="40">
        <v>42.24831100000187</v>
      </c>
      <c r="E2543" s="40">
        <v>16.46780432931731</v>
      </c>
      <c r="F2543" s="40">
        <v>42.233332999999988</v>
      </c>
      <c r="G2543" s="40">
        <v>13.488949162384769</v>
      </c>
      <c r="H2543" s="40">
        <v>42.233334000000013</v>
      </c>
      <c r="I2543" s="40">
        <v>10.626299986460861</v>
      </c>
      <c r="J2543" s="40">
        <v>42.2333179583336</v>
      </c>
      <c r="K2543" s="40">
        <v>10.51263975107863</v>
      </c>
      <c r="L2543" s="40"/>
      <c r="M2543" s="40"/>
      <c r="N2543" s="40"/>
      <c r="Y2543">
        <v>24.950000000000003</v>
      </c>
      <c r="Z2543">
        <v>103.25</v>
      </c>
      <c r="AA2543">
        <v>8.6323279999999993</v>
      </c>
      <c r="AB2543">
        <v>4.5567926993256052</v>
      </c>
    </row>
    <row r="2544" spans="4:28" x14ac:dyDescent="0.25">
      <c r="D2544" s="40">
        <v>42.264977000001871</v>
      </c>
      <c r="E2544" s="40">
        <v>16.47264750790686</v>
      </c>
      <c r="F2544" s="40">
        <v>42.25</v>
      </c>
      <c r="G2544" s="40">
        <v>13.493704406474988</v>
      </c>
      <c r="H2544" s="40">
        <v>42.25</v>
      </c>
      <c r="I2544" s="40">
        <v>10.629652722604119</v>
      </c>
      <c r="J2544" s="40">
        <v>42.2499846190479</v>
      </c>
      <c r="K2544" s="40">
        <v>10.51263975107863</v>
      </c>
      <c r="L2544" s="40"/>
      <c r="M2544" s="40"/>
      <c r="N2544" s="40"/>
      <c r="Y2544">
        <v>24.966667000000001</v>
      </c>
      <c r="Z2544">
        <v>103.266667</v>
      </c>
      <c r="AA2544">
        <v>8.6323279999999993</v>
      </c>
      <c r="AB2544">
        <v>4.5567926993256052</v>
      </c>
    </row>
    <row r="2545" spans="4:28" x14ac:dyDescent="0.25">
      <c r="D2545" s="40">
        <v>42.281643000001871</v>
      </c>
      <c r="E2545" s="40">
        <v>16.477348240067158</v>
      </c>
      <c r="F2545" s="40">
        <v>42.266666999999998</v>
      </c>
      <c r="G2545" s="40">
        <v>13.498319790444889</v>
      </c>
      <c r="H2545" s="40">
        <v>42.266667000000012</v>
      </c>
      <c r="I2545" s="40">
        <v>10.633005458747377</v>
      </c>
      <c r="J2545" s="40">
        <v>42.2666512797622</v>
      </c>
      <c r="K2545" s="40">
        <v>10.517490794787863</v>
      </c>
      <c r="L2545" s="40"/>
      <c r="M2545" s="40"/>
      <c r="N2545" s="40"/>
      <c r="Y2545">
        <v>24.983333000000002</v>
      </c>
      <c r="Z2545">
        <v>103.283333</v>
      </c>
      <c r="AA2545">
        <v>8.6323620000000005</v>
      </c>
      <c r="AB2545">
        <v>4.5572045153446323</v>
      </c>
    </row>
    <row r="2546" spans="4:28" x14ac:dyDescent="0.25">
      <c r="D2546" s="40">
        <v>42.298309000001872</v>
      </c>
      <c r="E2546" s="40">
        <v>16.477348240067158</v>
      </c>
      <c r="F2546" s="40">
        <v>42.283332999999999</v>
      </c>
      <c r="G2546" s="40">
        <v>13.503075034534984</v>
      </c>
      <c r="H2546" s="40">
        <v>42.283333999999996</v>
      </c>
      <c r="I2546" s="40">
        <v>10.633005458747377</v>
      </c>
      <c r="J2546" s="40">
        <v>42.2833179404765</v>
      </c>
      <c r="K2546" s="40">
        <v>10.517490794787863</v>
      </c>
      <c r="L2546" s="40"/>
      <c r="M2546" s="40"/>
      <c r="N2546" s="40"/>
      <c r="Y2546">
        <v>25</v>
      </c>
      <c r="Z2546">
        <v>103.3</v>
      </c>
      <c r="AA2546">
        <v>8.6323620000000005</v>
      </c>
      <c r="AB2546">
        <v>4.5572045153446323</v>
      </c>
    </row>
    <row r="2547" spans="4:28" x14ac:dyDescent="0.25">
      <c r="D2547" s="40">
        <v>42.314975000001873</v>
      </c>
      <c r="E2547" s="40">
        <v>16.482191418656708</v>
      </c>
      <c r="F2547" s="40">
        <v>42.3</v>
      </c>
      <c r="G2547" s="40">
        <v>13.503075034534984</v>
      </c>
      <c r="H2547" s="40">
        <v>42.300000000000011</v>
      </c>
      <c r="I2547" s="40">
        <v>10.636259585004138</v>
      </c>
      <c r="J2547" s="40">
        <v>42.299984601190801</v>
      </c>
      <c r="K2547" s="40">
        <v>10.522341838497095</v>
      </c>
      <c r="L2547" s="40"/>
      <c r="M2547" s="40"/>
      <c r="N2547" s="40"/>
      <c r="Y2547">
        <v>25.016666999999998</v>
      </c>
      <c r="Z2547">
        <v>103.316667</v>
      </c>
      <c r="AA2547">
        <v>8.6323620000000005</v>
      </c>
      <c r="AB2547">
        <v>4.5572045153446323</v>
      </c>
    </row>
    <row r="2548" spans="4:28" x14ac:dyDescent="0.25">
      <c r="D2548" s="40">
        <v>42.331641000001873</v>
      </c>
      <c r="E2548" s="40">
        <v>16.487034597246254</v>
      </c>
      <c r="F2548" s="40">
        <v>42.316666999999995</v>
      </c>
      <c r="G2548" s="40">
        <v>13.507830278625203</v>
      </c>
      <c r="H2548" s="40">
        <v>42.316666999999995</v>
      </c>
      <c r="I2548" s="40">
        <v>10.639612321147572</v>
      </c>
      <c r="J2548" s="40">
        <v>42.316651261905101</v>
      </c>
      <c r="K2548" s="40">
        <v>10.522341838497095</v>
      </c>
      <c r="L2548" s="40"/>
      <c r="M2548" s="40"/>
      <c r="N2548" s="40"/>
      <c r="Y2548">
        <v>25.033332999999999</v>
      </c>
      <c r="Z2548">
        <v>103.333333</v>
      </c>
      <c r="AA2548">
        <v>8.6323950000000007</v>
      </c>
      <c r="AB2548">
        <v>4.5576042191277946</v>
      </c>
    </row>
    <row r="2549" spans="4:28" x14ac:dyDescent="0.25">
      <c r="D2549" s="40">
        <v>42.348307000001874</v>
      </c>
      <c r="E2549" s="40">
        <v>16.491877775835675</v>
      </c>
      <c r="F2549" s="40">
        <v>42.333332999999996</v>
      </c>
      <c r="G2549" s="40">
        <v>13.512445662595104</v>
      </c>
      <c r="H2549" s="40">
        <v>42.333334000000008</v>
      </c>
      <c r="I2549" s="40">
        <v>10.642965057290828</v>
      </c>
      <c r="J2549" s="40">
        <v>42.333317922619301</v>
      </c>
      <c r="K2549" s="40">
        <v>10.527050204450029</v>
      </c>
      <c r="L2549" s="40"/>
      <c r="M2549" s="40"/>
      <c r="N2549" s="40"/>
      <c r="Y2549">
        <v>25.049999999999997</v>
      </c>
      <c r="Z2549">
        <v>103.35</v>
      </c>
      <c r="AA2549">
        <v>8.6323950000000007</v>
      </c>
      <c r="AB2549">
        <v>4.5576042191277946</v>
      </c>
    </row>
    <row r="2550" spans="4:28" x14ac:dyDescent="0.25">
      <c r="D2550" s="40">
        <v>42.364973000001875</v>
      </c>
      <c r="E2550" s="40">
        <v>16.496578507996102</v>
      </c>
      <c r="F2550" s="40">
        <v>42.349999999999994</v>
      </c>
      <c r="G2550" s="40">
        <v>13.512445662595104</v>
      </c>
      <c r="H2550" s="40">
        <v>42.349999999999994</v>
      </c>
      <c r="I2550" s="40">
        <v>10.646219183547592</v>
      </c>
      <c r="J2550" s="40">
        <v>42.349984583333601</v>
      </c>
      <c r="K2550" s="40">
        <v>10.527050204450029</v>
      </c>
      <c r="L2550" s="40"/>
      <c r="M2550" s="40"/>
      <c r="N2550" s="40"/>
      <c r="Y2550">
        <v>25.06666700000001</v>
      </c>
      <c r="Z2550">
        <v>103.36666700000001</v>
      </c>
      <c r="AA2550">
        <v>8.6323950000000007</v>
      </c>
      <c r="AB2550">
        <v>4.5576042191277946</v>
      </c>
    </row>
    <row r="2551" spans="4:28" x14ac:dyDescent="0.25">
      <c r="D2551" s="40">
        <v>42.381639000001876</v>
      </c>
      <c r="E2551" s="40">
        <v>16.501421686585651</v>
      </c>
      <c r="F2551" s="40">
        <v>42.366666999999993</v>
      </c>
      <c r="G2551" s="40">
        <v>13.517200906685197</v>
      </c>
      <c r="H2551" s="40">
        <v>42.366667000000007</v>
      </c>
      <c r="I2551" s="40">
        <v>10.646219183547592</v>
      </c>
      <c r="J2551" s="40">
        <v>42.366651244047901</v>
      </c>
      <c r="K2551" s="40">
        <v>10.527050204450029</v>
      </c>
      <c r="L2551" s="40"/>
      <c r="M2551" s="40"/>
      <c r="N2551" s="40"/>
      <c r="Y2551">
        <v>25.083332999999996</v>
      </c>
      <c r="Z2551">
        <v>103.38333299999999</v>
      </c>
      <c r="AA2551">
        <v>8.6324290000000001</v>
      </c>
      <c r="AB2551">
        <v>4.5580160351468013</v>
      </c>
    </row>
    <row r="2552" spans="4:28" x14ac:dyDescent="0.25">
      <c r="D2552" s="40">
        <v>42.398305000001876</v>
      </c>
      <c r="E2552" s="40">
        <v>16.506264865175073</v>
      </c>
      <c r="F2552" s="40">
        <v>42.383332999999993</v>
      </c>
      <c r="G2552" s="40">
        <v>13.517200906685197</v>
      </c>
      <c r="H2552" s="40">
        <v>42.383334000000019</v>
      </c>
      <c r="I2552" s="40">
        <v>10.64957191969085</v>
      </c>
      <c r="J2552" s="40">
        <v>42.383317904762201</v>
      </c>
      <c r="K2552" s="40">
        <v>10.531901248159262</v>
      </c>
      <c r="L2552" s="40"/>
      <c r="M2552" s="40"/>
      <c r="N2552" s="40"/>
      <c r="Y2552">
        <v>25.100000000000009</v>
      </c>
      <c r="Z2552">
        <v>103.4</v>
      </c>
      <c r="AA2552">
        <v>8.6324290000000001</v>
      </c>
      <c r="AB2552">
        <v>4.5580160351468013</v>
      </c>
    </row>
    <row r="2553" spans="4:28" x14ac:dyDescent="0.25">
      <c r="D2553" s="40">
        <v>42.414971000001877</v>
      </c>
      <c r="E2553" s="40">
        <v>16.510965597335499</v>
      </c>
      <c r="F2553" s="40">
        <v>42.399999999999991</v>
      </c>
      <c r="G2553" s="40">
        <v>13.517200906685197</v>
      </c>
      <c r="H2553" s="40">
        <v>42.400000000000006</v>
      </c>
      <c r="I2553" s="40">
        <v>10.652924655834282</v>
      </c>
      <c r="J2553" s="40">
        <v>42.399984565476501</v>
      </c>
      <c r="K2553" s="40">
        <v>10.531901248159262</v>
      </c>
      <c r="L2553" s="40"/>
      <c r="M2553" s="40"/>
      <c r="N2553" s="40"/>
      <c r="Y2553">
        <v>25.116667000000007</v>
      </c>
      <c r="Z2553">
        <v>103.416667</v>
      </c>
      <c r="AA2553">
        <v>8.6324290000000001</v>
      </c>
      <c r="AB2553">
        <v>4.5580160351468013</v>
      </c>
    </row>
    <row r="2554" spans="4:28" x14ac:dyDescent="0.25">
      <c r="D2554" s="40">
        <v>42.431637000001878</v>
      </c>
      <c r="E2554" s="40">
        <v>16.510965597335499</v>
      </c>
      <c r="F2554" s="40">
        <v>42.41666699999999</v>
      </c>
      <c r="G2554" s="40">
        <v>13.521956150775418</v>
      </c>
      <c r="H2554" s="40">
        <v>42.416667000000018</v>
      </c>
      <c r="I2554" s="40">
        <v>10.656178782090869</v>
      </c>
      <c r="J2554" s="40">
        <v>42.416651226190801</v>
      </c>
      <c r="K2554" s="40">
        <v>10.536752291868494</v>
      </c>
      <c r="L2554" s="40"/>
      <c r="M2554" s="40"/>
      <c r="N2554" s="40"/>
      <c r="Y2554">
        <v>25.133333000000007</v>
      </c>
      <c r="Z2554">
        <v>103.433333</v>
      </c>
      <c r="AA2554">
        <v>8.6324629999999996</v>
      </c>
      <c r="AB2554">
        <v>4.5584278511658072</v>
      </c>
    </row>
    <row r="2555" spans="4:28" x14ac:dyDescent="0.25">
      <c r="D2555" s="40">
        <v>42.448303000001879</v>
      </c>
      <c r="E2555" s="40">
        <v>16.515808775925045</v>
      </c>
      <c r="F2555" s="40">
        <v>42.43333299999999</v>
      </c>
      <c r="G2555" s="40">
        <v>13.521956150775418</v>
      </c>
      <c r="H2555" s="40">
        <v>42.433334000000002</v>
      </c>
      <c r="I2555" s="40">
        <v>10.656178782090869</v>
      </c>
      <c r="J2555" s="40">
        <v>42.433317886905101</v>
      </c>
      <c r="K2555" s="40">
        <v>10.536752291868494</v>
      </c>
      <c r="L2555" s="40"/>
      <c r="M2555" s="40"/>
      <c r="N2555" s="40"/>
      <c r="Y2555">
        <v>25.150000000000006</v>
      </c>
      <c r="Z2555">
        <v>103.45</v>
      </c>
      <c r="AA2555">
        <v>8.6324629999999996</v>
      </c>
      <c r="AB2555">
        <v>4.5584278511658072</v>
      </c>
    </row>
    <row r="2556" spans="4:28" x14ac:dyDescent="0.25">
      <c r="D2556" s="40">
        <v>42.464969000001879</v>
      </c>
      <c r="E2556" s="40">
        <v>16.520651954514594</v>
      </c>
      <c r="F2556" s="40">
        <v>42.449999999999989</v>
      </c>
      <c r="G2556" s="40">
        <v>13.526571534745317</v>
      </c>
      <c r="H2556" s="40">
        <v>42.450000000000017</v>
      </c>
      <c r="I2556" s="40">
        <v>10.659531518234301</v>
      </c>
      <c r="J2556" s="40">
        <v>42.449984547619302</v>
      </c>
      <c r="K2556" s="40">
        <v>10.536752291868494</v>
      </c>
      <c r="L2556" s="40"/>
      <c r="M2556" s="40"/>
      <c r="N2556" s="40"/>
      <c r="Y2556">
        <v>25.166667000000004</v>
      </c>
      <c r="Z2556">
        <v>103.466667</v>
      </c>
      <c r="AA2556">
        <v>8.6324629999999996</v>
      </c>
      <c r="AB2556">
        <v>4.5584278511658072</v>
      </c>
    </row>
    <row r="2557" spans="4:28" x14ac:dyDescent="0.25">
      <c r="D2557" s="40">
        <v>42.48163500000188</v>
      </c>
      <c r="E2557" s="40">
        <v>16.520651954514594</v>
      </c>
      <c r="F2557" s="40">
        <v>42.466667000000001</v>
      </c>
      <c r="G2557" s="40">
        <v>13.526571534745317</v>
      </c>
      <c r="H2557" s="40">
        <v>42.466667000000001</v>
      </c>
      <c r="I2557" s="40">
        <v>10.662884254377559</v>
      </c>
      <c r="J2557" s="40">
        <v>42.466651208333602</v>
      </c>
      <c r="K2557" s="40">
        <v>10.536752291868494</v>
      </c>
      <c r="L2557" s="40"/>
      <c r="M2557" s="40"/>
      <c r="N2557" s="40"/>
      <c r="Y2557">
        <v>25.183333000000005</v>
      </c>
      <c r="Z2557">
        <v>103.483333</v>
      </c>
      <c r="AA2557">
        <v>8.6324959999999997</v>
      </c>
      <c r="AB2557">
        <v>4.5588275549489694</v>
      </c>
    </row>
    <row r="2558" spans="4:28" x14ac:dyDescent="0.25">
      <c r="D2558" s="40">
        <v>42.498301000001881</v>
      </c>
      <c r="E2558" s="40">
        <v>16.525352686674893</v>
      </c>
      <c r="F2558" s="40">
        <v>42.483332999999988</v>
      </c>
      <c r="G2558" s="40">
        <v>13.531326778835412</v>
      </c>
      <c r="H2558" s="40">
        <v>42.483334000000013</v>
      </c>
      <c r="I2558" s="40">
        <v>10.669491116777579</v>
      </c>
      <c r="J2558" s="40">
        <v>42.483317869047902</v>
      </c>
      <c r="K2558" s="40">
        <v>10.541460657821553</v>
      </c>
      <c r="L2558" s="40"/>
      <c r="M2558" s="40"/>
      <c r="N2558" s="40"/>
      <c r="Y2558">
        <v>25.200000000000003</v>
      </c>
      <c r="Z2558">
        <v>103.5</v>
      </c>
      <c r="AA2558">
        <v>8.6324959999999997</v>
      </c>
      <c r="AB2558">
        <v>4.5588275549489694</v>
      </c>
    </row>
    <row r="2559" spans="4:28" x14ac:dyDescent="0.25">
      <c r="D2559" s="40">
        <v>42.514967000001882</v>
      </c>
      <c r="E2559" s="40">
        <v>16.530195865264442</v>
      </c>
      <c r="F2559" s="40">
        <v>42.5</v>
      </c>
      <c r="G2559" s="40">
        <v>13.536082022925632</v>
      </c>
      <c r="H2559" s="40">
        <v>42.5</v>
      </c>
      <c r="I2559" s="40">
        <v>10.672843852921011</v>
      </c>
      <c r="J2559" s="40">
        <v>42.499984529762202</v>
      </c>
      <c r="K2559" s="40">
        <v>10.541460657821553</v>
      </c>
      <c r="L2559" s="40"/>
      <c r="M2559" s="40"/>
      <c r="N2559" s="40"/>
      <c r="Y2559">
        <v>25.216667000000001</v>
      </c>
      <c r="Z2559">
        <v>103.516667</v>
      </c>
      <c r="AA2559">
        <v>8.6324959999999997</v>
      </c>
      <c r="AB2559">
        <v>4.5588275549489694</v>
      </c>
    </row>
    <row r="2560" spans="4:28" x14ac:dyDescent="0.25">
      <c r="D2560" s="40">
        <v>42.531633000001882</v>
      </c>
      <c r="E2560" s="40">
        <v>16.535039043853992</v>
      </c>
      <c r="F2560" s="40">
        <v>42.516666999999998</v>
      </c>
      <c r="G2560" s="40">
        <v>13.540837267015851</v>
      </c>
      <c r="H2560" s="40">
        <v>42.516667000000012</v>
      </c>
      <c r="I2560" s="40">
        <v>10.679450715321032</v>
      </c>
      <c r="J2560" s="40">
        <v>42.516651190476502</v>
      </c>
      <c r="K2560" s="40">
        <v>10.541460657821553</v>
      </c>
      <c r="L2560" s="40"/>
      <c r="M2560" s="40"/>
      <c r="N2560" s="40"/>
      <c r="Y2560">
        <v>25.233333000000002</v>
      </c>
      <c r="Z2560">
        <v>103.533333</v>
      </c>
      <c r="AA2560">
        <v>8.6324959999999997</v>
      </c>
      <c r="AB2560">
        <v>4.5588275549489694</v>
      </c>
    </row>
    <row r="2561" spans="4:28" x14ac:dyDescent="0.25">
      <c r="D2561" s="40">
        <v>42.548299000001883</v>
      </c>
      <c r="E2561" s="40">
        <v>16.535039043853992</v>
      </c>
      <c r="F2561" s="40">
        <v>42.533332999999999</v>
      </c>
      <c r="G2561" s="40">
        <v>13.540837267015851</v>
      </c>
      <c r="H2561" s="40">
        <v>42.533333999999996</v>
      </c>
      <c r="I2561" s="40">
        <v>10.679450715321032</v>
      </c>
      <c r="J2561" s="40">
        <v>42.533317851190802</v>
      </c>
      <c r="K2561" s="40">
        <v>10.541460657821553</v>
      </c>
      <c r="L2561" s="40"/>
      <c r="M2561" s="40"/>
      <c r="N2561" s="40"/>
      <c r="Y2561">
        <v>25.25</v>
      </c>
      <c r="Z2561">
        <v>103.55</v>
      </c>
      <c r="AA2561">
        <v>8.6325299999999991</v>
      </c>
      <c r="AB2561">
        <v>4.5592393709679753</v>
      </c>
    </row>
    <row r="2562" spans="4:28" x14ac:dyDescent="0.25">
      <c r="D2562" s="40">
        <v>42.564965000001884</v>
      </c>
      <c r="E2562" s="40">
        <v>16.53973977601429</v>
      </c>
      <c r="F2562" s="40">
        <v>42.55</v>
      </c>
      <c r="G2562" s="40">
        <v>13.545452650985752</v>
      </c>
      <c r="H2562" s="40">
        <v>42.550000000000011</v>
      </c>
      <c r="I2562" s="40">
        <v>10.676097979177774</v>
      </c>
      <c r="J2562" s="40">
        <v>42.549984511905102</v>
      </c>
      <c r="K2562" s="40">
        <v>10.541460657821553</v>
      </c>
      <c r="L2562" s="40"/>
      <c r="M2562" s="40"/>
      <c r="N2562" s="40"/>
      <c r="Y2562">
        <v>25.266666999999998</v>
      </c>
      <c r="Z2562">
        <v>103.566667</v>
      </c>
      <c r="AA2562">
        <v>8.6325299999999991</v>
      </c>
      <c r="AB2562">
        <v>4.5592393709679753</v>
      </c>
    </row>
    <row r="2563" spans="4:28" x14ac:dyDescent="0.25">
      <c r="D2563" s="40">
        <v>42.581631000001885</v>
      </c>
      <c r="E2563" s="40">
        <v>16.53973977601429</v>
      </c>
      <c r="F2563" s="40">
        <v>42.566666999999995</v>
      </c>
      <c r="G2563" s="40">
        <v>13.550207895075847</v>
      </c>
      <c r="H2563" s="40">
        <v>42.566666999999995</v>
      </c>
      <c r="I2563" s="40">
        <v>10.679450715321032</v>
      </c>
      <c r="J2563" s="40">
        <v>42.566651172619302</v>
      </c>
      <c r="K2563" s="40">
        <v>10.541460657821553</v>
      </c>
      <c r="L2563" s="40"/>
      <c r="M2563" s="40"/>
      <c r="N2563" s="40"/>
      <c r="Y2563">
        <v>25.283332999999999</v>
      </c>
      <c r="Z2563">
        <v>103.583333</v>
      </c>
      <c r="AA2563">
        <v>8.6325299999999991</v>
      </c>
      <c r="AB2563">
        <v>4.5592393709679753</v>
      </c>
    </row>
    <row r="2564" spans="4:28" x14ac:dyDescent="0.25">
      <c r="D2564" s="40">
        <v>42.598297000001885</v>
      </c>
      <c r="E2564" s="40">
        <v>16.54458295460384</v>
      </c>
      <c r="F2564" s="40">
        <v>42.583332999999996</v>
      </c>
      <c r="G2564" s="40">
        <v>13.554963139166066</v>
      </c>
      <c r="H2564" s="40">
        <v>42.583334000000008</v>
      </c>
      <c r="I2564" s="40">
        <v>10.686057577721051</v>
      </c>
      <c r="J2564" s="40">
        <v>42.583317833333602</v>
      </c>
      <c r="K2564" s="40">
        <v>10.541460657821553</v>
      </c>
      <c r="L2564" s="40"/>
      <c r="M2564" s="40"/>
      <c r="N2564" s="40"/>
      <c r="Y2564">
        <v>25.299999999999997</v>
      </c>
      <c r="Z2564">
        <v>103.6</v>
      </c>
      <c r="AA2564">
        <v>8.6325299999999991</v>
      </c>
      <c r="AB2564">
        <v>4.5592393709679753</v>
      </c>
    </row>
    <row r="2565" spans="4:28" x14ac:dyDescent="0.25">
      <c r="D2565" s="40">
        <v>42.614963000001886</v>
      </c>
      <c r="E2565" s="40">
        <v>16.54458295460384</v>
      </c>
      <c r="F2565" s="40">
        <v>42.599999999999994</v>
      </c>
      <c r="G2565" s="40">
        <v>13.559578523135967</v>
      </c>
      <c r="H2565" s="40">
        <v>42.599999999999994</v>
      </c>
      <c r="I2565" s="40">
        <v>10.689410313864309</v>
      </c>
      <c r="J2565" s="40">
        <v>42.599984494047902</v>
      </c>
      <c r="K2565" s="40">
        <v>10.546311701530659</v>
      </c>
      <c r="L2565" s="40"/>
      <c r="M2565" s="40"/>
      <c r="N2565" s="40"/>
      <c r="Y2565">
        <v>25.31666700000001</v>
      </c>
      <c r="Z2565">
        <v>103.61666700000001</v>
      </c>
      <c r="AA2565">
        <v>8.6325629999999993</v>
      </c>
      <c r="AB2565">
        <v>4.5596390747511375</v>
      </c>
    </row>
    <row r="2566" spans="4:28" x14ac:dyDescent="0.25">
      <c r="D2566" s="40">
        <v>42.631629000001887</v>
      </c>
      <c r="E2566" s="40">
        <v>16.549426133193386</v>
      </c>
      <c r="F2566" s="40">
        <v>42.616666999999993</v>
      </c>
      <c r="G2566" s="40">
        <v>13.564333767226062</v>
      </c>
      <c r="H2566" s="40">
        <v>42.616667000000007</v>
      </c>
      <c r="I2566" s="40">
        <v>10.696017176264505</v>
      </c>
      <c r="J2566" s="40">
        <v>42.616651154762202</v>
      </c>
      <c r="K2566" s="40">
        <v>10.546311701530659</v>
      </c>
      <c r="L2566" s="40"/>
      <c r="M2566" s="40"/>
      <c r="N2566" s="40"/>
      <c r="Y2566">
        <v>25.333332999999996</v>
      </c>
      <c r="Z2566">
        <v>103.63333299999999</v>
      </c>
      <c r="AA2566">
        <v>8.6325629999999993</v>
      </c>
      <c r="AB2566">
        <v>4.5596390747511375</v>
      </c>
    </row>
    <row r="2567" spans="4:28" x14ac:dyDescent="0.25">
      <c r="D2567" s="40">
        <v>42.648295000001887</v>
      </c>
      <c r="E2567" s="40">
        <v>16.549426133193386</v>
      </c>
      <c r="F2567" s="40">
        <v>42.633332999999993</v>
      </c>
      <c r="G2567" s="40">
        <v>13.564333767226062</v>
      </c>
      <c r="H2567" s="40">
        <v>42.633334000000019</v>
      </c>
      <c r="I2567" s="40">
        <v>10.699369912407761</v>
      </c>
      <c r="J2567" s="40">
        <v>42.633317815476502</v>
      </c>
      <c r="K2567" s="40">
        <v>10.551162745239891</v>
      </c>
      <c r="L2567" s="40"/>
      <c r="M2567" s="40"/>
      <c r="N2567" s="40"/>
      <c r="Y2567">
        <v>25.350000000000009</v>
      </c>
      <c r="Z2567">
        <v>103.65</v>
      </c>
      <c r="AA2567">
        <v>8.6325629999999993</v>
      </c>
      <c r="AB2567">
        <v>4.5596390747511375</v>
      </c>
    </row>
    <row r="2568" spans="4:28" x14ac:dyDescent="0.25">
      <c r="D2568" s="40">
        <v>42.664961000001888</v>
      </c>
      <c r="E2568" s="40">
        <v>16.549426133193386</v>
      </c>
      <c r="F2568" s="40">
        <v>42.649999999999991</v>
      </c>
      <c r="G2568" s="40">
        <v>13.569089011316281</v>
      </c>
      <c r="H2568" s="40">
        <v>42.650000000000006</v>
      </c>
      <c r="I2568" s="40">
        <v>10.702722648551019</v>
      </c>
      <c r="J2568" s="40">
        <v>42.649984476190802</v>
      </c>
      <c r="K2568" s="40">
        <v>10.551162745239891</v>
      </c>
      <c r="L2568" s="40"/>
      <c r="M2568" s="40"/>
      <c r="N2568" s="40"/>
      <c r="Y2568">
        <v>25.366667000000007</v>
      </c>
      <c r="Z2568">
        <v>103.666667</v>
      </c>
      <c r="AA2568">
        <v>8.6325970000000005</v>
      </c>
      <c r="AB2568">
        <v>4.5600508907701656</v>
      </c>
    </row>
    <row r="2569" spans="4:28" x14ac:dyDescent="0.25">
      <c r="D2569" s="40">
        <v>42.681627000001889</v>
      </c>
      <c r="E2569" s="40">
        <v>16.554126865353812</v>
      </c>
      <c r="F2569" s="40">
        <v>42.66666699999999</v>
      </c>
      <c r="G2569" s="40">
        <v>13.573704395286182</v>
      </c>
      <c r="H2569" s="40">
        <v>42.666667000000018</v>
      </c>
      <c r="I2569" s="40">
        <v>10.706075384694451</v>
      </c>
      <c r="J2569" s="40">
        <v>42.666651136905102</v>
      </c>
      <c r="K2569" s="40">
        <v>10.551162745239891</v>
      </c>
      <c r="L2569" s="40"/>
      <c r="M2569" s="40"/>
      <c r="N2569" s="40"/>
      <c r="Y2569">
        <v>25.383333000000007</v>
      </c>
      <c r="Z2569">
        <v>103.683333</v>
      </c>
      <c r="AA2569">
        <v>8.6325970000000005</v>
      </c>
      <c r="AB2569">
        <v>4.5600508907701656</v>
      </c>
    </row>
    <row r="2570" spans="4:28" x14ac:dyDescent="0.25">
      <c r="D2570" s="40">
        <v>42.69829300000189</v>
      </c>
      <c r="E2570" s="40">
        <v>16.554126865353812</v>
      </c>
      <c r="F2570" s="40">
        <v>42.68333299999999</v>
      </c>
      <c r="G2570" s="40">
        <v>13.578459639376275</v>
      </c>
      <c r="H2570" s="40">
        <v>42.683334000000002</v>
      </c>
      <c r="I2570" s="40">
        <v>10.709329510951214</v>
      </c>
      <c r="J2570" s="40">
        <v>42.683317797619402</v>
      </c>
      <c r="K2570" s="40">
        <v>10.555871111192952</v>
      </c>
      <c r="L2570" s="40"/>
      <c r="M2570" s="40"/>
      <c r="N2570" s="40"/>
      <c r="Y2570">
        <v>25.400000000000006</v>
      </c>
      <c r="Z2570">
        <v>103.7</v>
      </c>
      <c r="AA2570">
        <v>8.6325970000000005</v>
      </c>
      <c r="AB2570">
        <v>4.5600508907701656</v>
      </c>
    </row>
    <row r="2571" spans="4:28" x14ac:dyDescent="0.25">
      <c r="D2571" s="40">
        <v>42.71495900000189</v>
      </c>
      <c r="E2571" s="40">
        <v>16.558970043943233</v>
      </c>
      <c r="F2571" s="40">
        <v>42.699999999999989</v>
      </c>
      <c r="G2571" s="40">
        <v>13.583214883466495</v>
      </c>
      <c r="H2571" s="40">
        <v>42.700000000000017</v>
      </c>
      <c r="I2571" s="40">
        <v>10.709329510951214</v>
      </c>
      <c r="J2571" s="40">
        <v>42.699984458333603</v>
      </c>
      <c r="K2571" s="40">
        <v>10.555871111192952</v>
      </c>
      <c r="L2571" s="40"/>
      <c r="M2571" s="40"/>
      <c r="N2571" s="40"/>
      <c r="Y2571">
        <v>25.416667000000004</v>
      </c>
      <c r="Z2571">
        <v>103.716667</v>
      </c>
      <c r="AA2571">
        <v>8.6326309999999999</v>
      </c>
      <c r="AB2571">
        <v>4.5604627067891714</v>
      </c>
    </row>
    <row r="2572" spans="4:28" x14ac:dyDescent="0.25">
      <c r="D2572" s="40">
        <v>42.731625000001891</v>
      </c>
      <c r="E2572" s="40">
        <v>16.558970043943233</v>
      </c>
      <c r="F2572" s="40">
        <v>42.716667000000001</v>
      </c>
      <c r="G2572" s="40">
        <v>13.583214883466495</v>
      </c>
      <c r="H2572" s="40">
        <v>42.716667000000001</v>
      </c>
      <c r="I2572" s="40">
        <v>10.71268224709447</v>
      </c>
      <c r="J2572" s="40">
        <v>42.716651119047903</v>
      </c>
      <c r="K2572" s="40">
        <v>10.560722154902058</v>
      </c>
      <c r="L2572" s="40"/>
      <c r="M2572" s="40"/>
      <c r="N2572" s="40"/>
      <c r="Y2572">
        <v>25.433333000000005</v>
      </c>
      <c r="Z2572">
        <v>103.733333</v>
      </c>
      <c r="AA2572">
        <v>8.6326309999999999</v>
      </c>
      <c r="AB2572">
        <v>4.5604627067891714</v>
      </c>
    </row>
    <row r="2573" spans="4:28" x14ac:dyDescent="0.25">
      <c r="D2573" s="40">
        <v>42.748291000001892</v>
      </c>
      <c r="E2573" s="40">
        <v>16.563813222532779</v>
      </c>
      <c r="F2573" s="40">
        <v>42.733332999999988</v>
      </c>
      <c r="G2573" s="40">
        <v>13.587830267436395</v>
      </c>
      <c r="H2573" s="40">
        <v>42.733334000000013</v>
      </c>
      <c r="I2573" s="40">
        <v>10.716034983237728</v>
      </c>
      <c r="J2573" s="40">
        <v>42.733317779762203</v>
      </c>
      <c r="K2573" s="40">
        <v>10.560722154902058</v>
      </c>
      <c r="L2573" s="40"/>
      <c r="M2573" s="40"/>
      <c r="N2573" s="40"/>
      <c r="Y2573">
        <v>25.450000000000003</v>
      </c>
      <c r="Z2573">
        <v>103.75</v>
      </c>
      <c r="AA2573">
        <v>8.6326640000000001</v>
      </c>
      <c r="AB2573">
        <v>4.5608624105723337</v>
      </c>
    </row>
    <row r="2574" spans="4:28" x14ac:dyDescent="0.25">
      <c r="D2574" s="40">
        <v>42.764957000001893</v>
      </c>
      <c r="E2574" s="40">
        <v>16.563813222532779</v>
      </c>
      <c r="F2574" s="40">
        <v>42.75</v>
      </c>
      <c r="G2574" s="40">
        <v>13.592585511526615</v>
      </c>
      <c r="H2574" s="40">
        <v>42.75</v>
      </c>
      <c r="I2574" s="40">
        <v>10.716034983237728</v>
      </c>
      <c r="J2574" s="40">
        <v>42.749984440476503</v>
      </c>
      <c r="K2574" s="40">
        <v>10.560722154902058</v>
      </c>
      <c r="L2574" s="40"/>
      <c r="M2574" s="40"/>
      <c r="N2574" s="40"/>
      <c r="Y2574">
        <v>25.466667000000001</v>
      </c>
      <c r="Z2574">
        <v>103.766667</v>
      </c>
      <c r="AA2574">
        <v>8.6326640000000001</v>
      </c>
      <c r="AB2574">
        <v>4.5608624105723337</v>
      </c>
    </row>
    <row r="2575" spans="4:28" x14ac:dyDescent="0.25">
      <c r="D2575" s="40">
        <v>42.781623000001893</v>
      </c>
      <c r="E2575" s="40">
        <v>16.563813222532779</v>
      </c>
      <c r="F2575" s="40">
        <v>42.766666999999998</v>
      </c>
      <c r="G2575" s="40">
        <v>13.59734075561671</v>
      </c>
      <c r="H2575" s="40">
        <v>42.766667000000012</v>
      </c>
      <c r="I2575" s="40">
        <v>10.719289109494492</v>
      </c>
      <c r="J2575" s="40">
        <v>42.766651101190803</v>
      </c>
      <c r="K2575" s="40">
        <v>10.560722154902058</v>
      </c>
      <c r="L2575" s="40"/>
      <c r="M2575" s="40"/>
      <c r="N2575" s="40"/>
      <c r="Y2575">
        <v>25.483333000000002</v>
      </c>
      <c r="Z2575">
        <v>103.783333</v>
      </c>
      <c r="AA2575">
        <v>8.6326640000000001</v>
      </c>
      <c r="AB2575">
        <v>4.5608624105723337</v>
      </c>
    </row>
    <row r="2576" spans="4:28" x14ac:dyDescent="0.25">
      <c r="D2576" s="40">
        <v>42.798289000001894</v>
      </c>
      <c r="E2576" s="40">
        <v>16.568513954693206</v>
      </c>
      <c r="F2576" s="40">
        <v>42.783332999999999</v>
      </c>
      <c r="G2576" s="40">
        <v>13.60195613958661</v>
      </c>
      <c r="H2576" s="40">
        <v>42.783333999999996</v>
      </c>
      <c r="I2576" s="40">
        <v>10.722641845637749</v>
      </c>
      <c r="J2576" s="40">
        <v>42.783317761905103</v>
      </c>
      <c r="K2576" s="40">
        <v>10.56557319861129</v>
      </c>
      <c r="L2576" s="40"/>
      <c r="M2576" s="40"/>
      <c r="N2576" s="40"/>
      <c r="Y2576">
        <v>25.5</v>
      </c>
      <c r="Z2576">
        <v>103.8</v>
      </c>
      <c r="AA2576">
        <v>8.6326979999999995</v>
      </c>
      <c r="AB2576">
        <v>4.5612742265913404</v>
      </c>
    </row>
    <row r="2577" spans="4:28" x14ac:dyDescent="0.25">
      <c r="D2577" s="40">
        <v>42.814955000001895</v>
      </c>
      <c r="E2577" s="40">
        <v>16.568513954693206</v>
      </c>
      <c r="F2577" s="40">
        <v>42.8</v>
      </c>
      <c r="G2577" s="40">
        <v>13.606711383676828</v>
      </c>
      <c r="H2577" s="40">
        <v>42.800000000000011</v>
      </c>
      <c r="I2577" s="40">
        <v>10.725994581781181</v>
      </c>
      <c r="J2577" s="40">
        <v>42.799984422619403</v>
      </c>
      <c r="K2577" s="40">
        <v>10.56557319861129</v>
      </c>
      <c r="L2577" s="40"/>
      <c r="M2577" s="40"/>
      <c r="N2577" s="40"/>
      <c r="Y2577">
        <v>25.516666999999998</v>
      </c>
      <c r="Z2577">
        <v>103.816667</v>
      </c>
      <c r="AA2577">
        <v>8.6326979999999995</v>
      </c>
      <c r="AB2577">
        <v>4.5612742265913404</v>
      </c>
    </row>
    <row r="2578" spans="4:28" x14ac:dyDescent="0.25">
      <c r="D2578" s="40">
        <v>42.831621000001896</v>
      </c>
      <c r="E2578" s="40">
        <v>16.573357133282627</v>
      </c>
      <c r="F2578" s="40">
        <v>42.816666999999995</v>
      </c>
      <c r="G2578" s="40">
        <v>13.611466627766925</v>
      </c>
      <c r="H2578" s="40">
        <v>42.816666999999995</v>
      </c>
      <c r="I2578" s="40">
        <v>10.725994581781181</v>
      </c>
      <c r="J2578" s="40">
        <v>42.816651083333603</v>
      </c>
      <c r="K2578" s="40">
        <v>10.56557319861129</v>
      </c>
      <c r="L2578" s="40"/>
      <c r="M2578" s="40"/>
      <c r="N2578" s="40"/>
      <c r="Y2578">
        <v>25.533332999999999</v>
      </c>
      <c r="Z2578">
        <v>103.833333</v>
      </c>
      <c r="AA2578">
        <v>8.6326979999999995</v>
      </c>
      <c r="AB2578">
        <v>4.5612742265913404</v>
      </c>
    </row>
    <row r="2579" spans="4:28" x14ac:dyDescent="0.25">
      <c r="D2579" s="40">
        <v>42.848287000001896</v>
      </c>
      <c r="E2579" s="40">
        <v>16.573357133282627</v>
      </c>
      <c r="F2579" s="40">
        <v>42.833332999999996</v>
      </c>
      <c r="G2579" s="40">
        <v>13.616082011736825</v>
      </c>
      <c r="H2579" s="40">
        <v>42.833334000000008</v>
      </c>
      <c r="I2579" s="40">
        <v>10.729248708037945</v>
      </c>
      <c r="J2579" s="40">
        <v>42.833317744047903</v>
      </c>
      <c r="K2579" s="40">
        <v>10.570281564564349</v>
      </c>
      <c r="L2579" s="40"/>
      <c r="M2579" s="40"/>
      <c r="N2579" s="40"/>
      <c r="Y2579">
        <v>25.549999999999997</v>
      </c>
      <c r="Z2579">
        <v>103.85</v>
      </c>
      <c r="AA2579">
        <v>8.6327320000000007</v>
      </c>
      <c r="AB2579">
        <v>4.5616860426103685</v>
      </c>
    </row>
    <row r="2580" spans="4:28" x14ac:dyDescent="0.25">
      <c r="D2580" s="40">
        <v>42.864953000001897</v>
      </c>
      <c r="E2580" s="40">
        <v>16.57820031187218</v>
      </c>
      <c r="F2580" s="40">
        <v>42.849999999999994</v>
      </c>
      <c r="G2580" s="40">
        <v>13.616082011736825</v>
      </c>
      <c r="H2580" s="40">
        <v>42.849999999999994</v>
      </c>
      <c r="I2580" s="40">
        <v>10.732601444181201</v>
      </c>
      <c r="J2580" s="40">
        <v>42.849984404762203</v>
      </c>
      <c r="K2580" s="40">
        <v>10.570281564564349</v>
      </c>
      <c r="L2580" s="40"/>
      <c r="M2580" s="40"/>
      <c r="N2580" s="40"/>
      <c r="Y2580">
        <v>25.56666700000001</v>
      </c>
      <c r="Z2580">
        <v>103.86666700000001</v>
      </c>
      <c r="AA2580">
        <v>8.6327320000000007</v>
      </c>
      <c r="AB2580">
        <v>4.5616860426103685</v>
      </c>
    </row>
    <row r="2581" spans="4:28" x14ac:dyDescent="0.25">
      <c r="D2581" s="40">
        <v>42.881619000001898</v>
      </c>
      <c r="E2581" s="40">
        <v>16.57820031187218</v>
      </c>
      <c r="F2581" s="40">
        <v>42.866666999999993</v>
      </c>
      <c r="G2581" s="40">
        <v>13.620837255827043</v>
      </c>
      <c r="H2581" s="40">
        <v>42.866667000000007</v>
      </c>
      <c r="I2581" s="40">
        <v>10.735954180324459</v>
      </c>
      <c r="J2581" s="40">
        <v>42.866651065476503</v>
      </c>
      <c r="K2581" s="40">
        <v>10.575132608273455</v>
      </c>
      <c r="L2581" s="40"/>
      <c r="M2581" s="40"/>
      <c r="N2581" s="40"/>
      <c r="Y2581">
        <v>25.583332999999996</v>
      </c>
      <c r="Z2581">
        <v>103.88333299999999</v>
      </c>
      <c r="AA2581">
        <v>8.6327320000000007</v>
      </c>
      <c r="AB2581">
        <v>4.5616860426103685</v>
      </c>
    </row>
    <row r="2582" spans="4:28" x14ac:dyDescent="0.25">
      <c r="D2582" s="40">
        <v>42.898285000001898</v>
      </c>
      <c r="E2582" s="40">
        <v>16.582901044032603</v>
      </c>
      <c r="F2582" s="40">
        <v>42.883332999999993</v>
      </c>
      <c r="G2582" s="40">
        <v>13.62559249991714</v>
      </c>
      <c r="H2582" s="40">
        <v>42.883334000000019</v>
      </c>
      <c r="I2582" s="40">
        <v>10.739208306581222</v>
      </c>
      <c r="J2582" s="40">
        <v>42.883317726190803</v>
      </c>
      <c r="K2582" s="40">
        <v>10.575132608273455</v>
      </c>
      <c r="L2582" s="40"/>
      <c r="M2582" s="40"/>
      <c r="N2582" s="40"/>
      <c r="Y2582">
        <v>25.600000000000009</v>
      </c>
      <c r="Z2582">
        <v>103.9</v>
      </c>
      <c r="AA2582">
        <v>8.6327649999999991</v>
      </c>
      <c r="AB2582">
        <v>4.5620857463935085</v>
      </c>
    </row>
    <row r="2583" spans="4:28" x14ac:dyDescent="0.25">
      <c r="D2583" s="40">
        <v>42.914951000001899</v>
      </c>
      <c r="E2583" s="40">
        <v>16.587744222622028</v>
      </c>
      <c r="F2583" s="40">
        <v>42.899999999999991</v>
      </c>
      <c r="G2583" s="40">
        <v>13.63020788388704</v>
      </c>
      <c r="H2583" s="40">
        <v>42.900000000000006</v>
      </c>
      <c r="I2583" s="40">
        <v>10.742561042724653</v>
      </c>
      <c r="J2583" s="40">
        <v>42.899984386905103</v>
      </c>
      <c r="K2583" s="40">
        <v>10.579983651982687</v>
      </c>
      <c r="L2583" s="40"/>
      <c r="M2583" s="40"/>
      <c r="N2583" s="40"/>
      <c r="Y2583">
        <v>25.616667000000007</v>
      </c>
      <c r="Z2583">
        <v>103.916667</v>
      </c>
      <c r="AA2583">
        <v>8.6327649999999991</v>
      </c>
      <c r="AB2583">
        <v>4.5620857463935085</v>
      </c>
    </row>
    <row r="2584" spans="4:28" x14ac:dyDescent="0.25">
      <c r="D2584" s="40">
        <v>42.9316170000019</v>
      </c>
      <c r="E2584" s="40">
        <v>16.592587401211574</v>
      </c>
      <c r="F2584" s="40">
        <v>42.91666699999999</v>
      </c>
      <c r="G2584" s="40">
        <v>13.63020788388704</v>
      </c>
      <c r="H2584" s="40">
        <v>42.916667000000018</v>
      </c>
      <c r="I2584" s="40">
        <v>10.74591377886791</v>
      </c>
      <c r="J2584" s="40">
        <v>42.916651047619403</v>
      </c>
      <c r="K2584" s="40">
        <v>10.584692017935748</v>
      </c>
      <c r="L2584" s="40"/>
      <c r="M2584" s="40"/>
      <c r="N2584" s="40"/>
      <c r="Y2584">
        <v>25.633333000000007</v>
      </c>
      <c r="Z2584">
        <v>103.933333</v>
      </c>
      <c r="AA2584">
        <v>8.6327649999999991</v>
      </c>
      <c r="AB2584">
        <v>4.5620857463935085</v>
      </c>
    </row>
    <row r="2585" spans="4:28" x14ac:dyDescent="0.25">
      <c r="D2585" s="40">
        <v>42.948283000001901</v>
      </c>
      <c r="E2585" s="40">
        <v>16.597288133372</v>
      </c>
      <c r="F2585" s="40">
        <v>42.93333299999999</v>
      </c>
      <c r="G2585" s="40">
        <v>13.634963127977258</v>
      </c>
      <c r="H2585" s="40">
        <v>42.933334000000002</v>
      </c>
      <c r="I2585" s="40">
        <v>10.74591377886791</v>
      </c>
      <c r="J2585" s="40">
        <v>42.933317708333597</v>
      </c>
      <c r="K2585" s="40">
        <v>10.584692017935748</v>
      </c>
      <c r="L2585" s="40"/>
      <c r="M2585" s="40"/>
      <c r="N2585" s="40"/>
      <c r="Y2585">
        <v>25.650000000000006</v>
      </c>
      <c r="Z2585">
        <v>103.95</v>
      </c>
      <c r="AA2585">
        <v>8.6327990000000003</v>
      </c>
      <c r="AB2585">
        <v>4.5624975624125357</v>
      </c>
    </row>
    <row r="2586" spans="4:28" x14ac:dyDescent="0.25">
      <c r="D2586" s="40">
        <v>42.964949000001901</v>
      </c>
      <c r="E2586" s="40">
        <v>16.602131311961546</v>
      </c>
      <c r="F2586" s="40">
        <v>42.949999999999989</v>
      </c>
      <c r="G2586" s="40">
        <v>13.639718372067478</v>
      </c>
      <c r="H2586" s="40">
        <v>42.950000000000017</v>
      </c>
      <c r="I2586" s="40">
        <v>10.749167905124674</v>
      </c>
      <c r="J2586" s="40">
        <v>42.949984369047897</v>
      </c>
      <c r="K2586" s="40">
        <v>10.584692017935748</v>
      </c>
      <c r="L2586" s="40"/>
      <c r="M2586" s="40"/>
      <c r="N2586" s="40"/>
      <c r="Y2586">
        <v>25.666667000000004</v>
      </c>
      <c r="Z2586">
        <v>103.966667</v>
      </c>
      <c r="AA2586">
        <v>8.6327990000000003</v>
      </c>
      <c r="AB2586">
        <v>4.5624975624125357</v>
      </c>
    </row>
    <row r="2587" spans="4:28" x14ac:dyDescent="0.25">
      <c r="D2587" s="40">
        <v>42.981615000001902</v>
      </c>
      <c r="E2587" s="40">
        <v>16.606974490550968</v>
      </c>
      <c r="F2587" s="40">
        <v>42.966667000000001</v>
      </c>
      <c r="G2587" s="40">
        <v>13.644333756037254</v>
      </c>
      <c r="H2587" s="40">
        <v>42.966667000000001</v>
      </c>
      <c r="I2587" s="40">
        <v>10.752520641267932</v>
      </c>
      <c r="J2587" s="40">
        <v>42.966651029762197</v>
      </c>
      <c r="K2587" s="40">
        <v>10.589543061644852</v>
      </c>
      <c r="L2587" s="40"/>
      <c r="M2587" s="40"/>
      <c r="N2587" s="40"/>
      <c r="Y2587">
        <v>25.683333000000005</v>
      </c>
      <c r="Z2587">
        <v>103.983333</v>
      </c>
      <c r="AA2587">
        <v>8.6328329999999998</v>
      </c>
      <c r="AB2587">
        <v>4.5629093784315424</v>
      </c>
    </row>
    <row r="2588" spans="4:28" x14ac:dyDescent="0.25">
      <c r="D2588" s="40">
        <v>42.998281000001903</v>
      </c>
      <c r="E2588" s="40">
        <v>16.611675222711394</v>
      </c>
      <c r="F2588" s="40">
        <v>42.983332999999988</v>
      </c>
      <c r="G2588" s="40">
        <v>13.644333756037254</v>
      </c>
      <c r="H2588" s="40">
        <v>42.983334000000013</v>
      </c>
      <c r="I2588" s="40">
        <v>10.752520641267932</v>
      </c>
      <c r="J2588" s="40">
        <v>42.983317690476497</v>
      </c>
      <c r="K2588" s="40">
        <v>10.594394105354084</v>
      </c>
      <c r="L2588" s="40"/>
      <c r="M2588" s="40"/>
      <c r="N2588" s="40"/>
      <c r="Y2588">
        <v>25.700000000000003</v>
      </c>
      <c r="Z2588">
        <v>104</v>
      </c>
      <c r="AA2588">
        <v>8.6328329999999998</v>
      </c>
      <c r="AB2588">
        <v>4.5629093784315424</v>
      </c>
    </row>
    <row r="2589" spans="4:28" x14ac:dyDescent="0.25">
      <c r="D2589" s="40">
        <v>43.014947000001904</v>
      </c>
      <c r="E2589" s="40">
        <v>16.616518401300944</v>
      </c>
      <c r="F2589" s="40">
        <v>43</v>
      </c>
      <c r="G2589" s="40">
        <v>13.649089000127473</v>
      </c>
      <c r="H2589" s="40">
        <v>43</v>
      </c>
      <c r="I2589" s="40">
        <v>10.755873377411188</v>
      </c>
      <c r="J2589" s="40">
        <v>42.999984351190797</v>
      </c>
      <c r="K2589" s="40">
        <v>10.594394105354084</v>
      </c>
      <c r="L2589" s="40"/>
      <c r="M2589" s="40"/>
      <c r="N2589" s="40"/>
      <c r="Y2589">
        <v>25.716667000000001</v>
      </c>
      <c r="Z2589">
        <v>104.016667</v>
      </c>
      <c r="AA2589">
        <v>8.6328329999999998</v>
      </c>
      <c r="AB2589">
        <v>4.5629093784315424</v>
      </c>
    </row>
    <row r="2590" spans="4:28" x14ac:dyDescent="0.25">
      <c r="D2590" s="40">
        <v>43.031613000001904</v>
      </c>
      <c r="E2590" s="40">
        <v>16.621361579890365</v>
      </c>
      <c r="F2590" s="40">
        <v>43.016666999999998</v>
      </c>
      <c r="G2590" s="40">
        <v>13.653844244217693</v>
      </c>
      <c r="H2590" s="40">
        <v>43.016667000000012</v>
      </c>
      <c r="I2590" s="40">
        <v>10.759127503667951</v>
      </c>
      <c r="J2590" s="40">
        <v>43.016651011905097</v>
      </c>
      <c r="K2590" s="40">
        <v>10.599102471307145</v>
      </c>
      <c r="L2590" s="40"/>
      <c r="M2590" s="40"/>
      <c r="N2590" s="40"/>
      <c r="Y2590">
        <v>25.733333000000002</v>
      </c>
      <c r="Z2590">
        <v>104.033333</v>
      </c>
      <c r="AA2590">
        <v>8.6328659999999999</v>
      </c>
      <c r="AB2590">
        <v>4.5633090822147047</v>
      </c>
    </row>
    <row r="2591" spans="4:28" x14ac:dyDescent="0.25">
      <c r="D2591" s="40">
        <v>43.048279000001905</v>
      </c>
      <c r="E2591" s="40">
        <v>16.626062312050788</v>
      </c>
      <c r="F2591" s="40">
        <v>43.033332999999999</v>
      </c>
      <c r="G2591" s="40">
        <v>13.658459628187469</v>
      </c>
      <c r="H2591" s="40">
        <v>43.033333999999996</v>
      </c>
      <c r="I2591" s="40">
        <v>10.759127503667951</v>
      </c>
      <c r="J2591" s="40">
        <v>43.033317672619397</v>
      </c>
      <c r="K2591" s="40">
        <v>10.599102471307145</v>
      </c>
      <c r="L2591" s="40"/>
      <c r="M2591" s="40"/>
      <c r="N2591" s="40"/>
      <c r="Y2591">
        <v>25.75</v>
      </c>
      <c r="Z2591">
        <v>104.05</v>
      </c>
      <c r="AA2591">
        <v>8.6328659999999999</v>
      </c>
      <c r="AB2591">
        <v>4.5633090822147047</v>
      </c>
    </row>
    <row r="2592" spans="4:28" x14ac:dyDescent="0.25">
      <c r="D2592" s="40">
        <v>43.064945000001906</v>
      </c>
      <c r="E2592" s="40">
        <v>16.635748669229759</v>
      </c>
      <c r="F2592" s="40">
        <v>43.05</v>
      </c>
      <c r="G2592" s="40">
        <v>13.663214872277688</v>
      </c>
      <c r="H2592" s="40">
        <v>43.050000000000011</v>
      </c>
      <c r="I2592" s="40">
        <v>10.762480239811383</v>
      </c>
      <c r="J2592" s="40">
        <v>43.049984333333597</v>
      </c>
      <c r="K2592" s="40">
        <v>10.599102471307145</v>
      </c>
      <c r="L2592" s="40"/>
      <c r="M2592" s="40"/>
      <c r="N2592" s="40"/>
      <c r="Y2592">
        <v>25.766666999999998</v>
      </c>
      <c r="Z2592">
        <v>104.066667</v>
      </c>
      <c r="AA2592">
        <v>8.6328659999999999</v>
      </c>
      <c r="AB2592">
        <v>4.5633090822147047</v>
      </c>
    </row>
    <row r="2593" spans="4:28" x14ac:dyDescent="0.25">
      <c r="D2593" s="40">
        <v>43.081611000001907</v>
      </c>
      <c r="E2593" s="40">
        <v>16.640449401390185</v>
      </c>
      <c r="F2593" s="40">
        <v>43.066666999999995</v>
      </c>
      <c r="G2593" s="40">
        <v>13.663214872277688</v>
      </c>
      <c r="H2593" s="40">
        <v>43.066666999999995</v>
      </c>
      <c r="I2593" s="40">
        <v>10.765832975954641</v>
      </c>
      <c r="J2593" s="40">
        <v>43.066650994047897</v>
      </c>
      <c r="K2593" s="40">
        <v>10.599102471307145</v>
      </c>
      <c r="L2593" s="40"/>
      <c r="M2593" s="40"/>
      <c r="N2593" s="40"/>
      <c r="Y2593">
        <v>25.783332999999999</v>
      </c>
      <c r="Z2593">
        <v>104.083333</v>
      </c>
      <c r="AA2593">
        <v>8.6328659999999999</v>
      </c>
      <c r="AB2593">
        <v>4.5633090822147047</v>
      </c>
    </row>
    <row r="2594" spans="4:28" x14ac:dyDescent="0.25">
      <c r="D2594" s="40">
        <v>43.098277000001907</v>
      </c>
      <c r="E2594" s="40">
        <v>16.645292579979735</v>
      </c>
      <c r="F2594" s="40">
        <v>43.083332999999996</v>
      </c>
      <c r="G2594" s="40">
        <v>13.667970116367906</v>
      </c>
      <c r="H2594" s="40">
        <v>43.083334000000008</v>
      </c>
      <c r="I2594" s="40">
        <v>10.769087102211405</v>
      </c>
      <c r="J2594" s="40">
        <v>43.083317654762197</v>
      </c>
      <c r="K2594" s="40">
        <v>10.603953515016379</v>
      </c>
      <c r="L2594" s="40"/>
      <c r="M2594" s="40"/>
      <c r="N2594" s="40"/>
      <c r="Y2594">
        <v>25.799999999999997</v>
      </c>
      <c r="Z2594">
        <v>104.1</v>
      </c>
      <c r="AA2594">
        <v>8.6328999999999994</v>
      </c>
      <c r="AB2594">
        <v>4.5637208982337114</v>
      </c>
    </row>
    <row r="2595" spans="4:28" x14ac:dyDescent="0.25">
      <c r="D2595" s="40">
        <v>43.114943000001908</v>
      </c>
      <c r="E2595" s="40">
        <v>16.650135758569157</v>
      </c>
      <c r="F2595" s="40">
        <v>43.099999999999994</v>
      </c>
      <c r="G2595" s="40">
        <v>13.672585500337807</v>
      </c>
      <c r="H2595" s="40">
        <v>43.099999999999994</v>
      </c>
      <c r="I2595" s="40">
        <v>10.769087102211405</v>
      </c>
      <c r="J2595" s="40">
        <v>43.099984315476497</v>
      </c>
      <c r="K2595" s="40">
        <v>10.603953515016379</v>
      </c>
      <c r="L2595" s="40"/>
      <c r="M2595" s="40"/>
      <c r="N2595" s="40"/>
      <c r="Y2595">
        <v>25.81666700000001</v>
      </c>
      <c r="Z2595">
        <v>104.11666700000001</v>
      </c>
      <c r="AA2595">
        <v>8.6328999999999994</v>
      </c>
      <c r="AB2595">
        <v>4.5637208982337114</v>
      </c>
    </row>
    <row r="2596" spans="4:28" x14ac:dyDescent="0.25">
      <c r="D2596" s="40">
        <v>43.131609000001909</v>
      </c>
      <c r="E2596" s="40">
        <v>16.654836490729583</v>
      </c>
      <c r="F2596" s="40">
        <v>43.116666999999993</v>
      </c>
      <c r="G2596" s="40">
        <v>13.677340744427903</v>
      </c>
      <c r="H2596" s="40">
        <v>43.116667000000007</v>
      </c>
      <c r="I2596" s="40">
        <v>10.772439838354662</v>
      </c>
      <c r="J2596" s="40">
        <v>43.116650976190797</v>
      </c>
      <c r="K2596" s="40">
        <v>10.603953515016379</v>
      </c>
      <c r="L2596" s="40"/>
      <c r="M2596" s="40"/>
      <c r="N2596" s="40"/>
      <c r="Y2596">
        <v>25.833332999999996</v>
      </c>
      <c r="Z2596">
        <v>104.13333299999999</v>
      </c>
      <c r="AA2596">
        <v>8.6328999999999994</v>
      </c>
      <c r="AB2596">
        <v>4.5637208982337114</v>
      </c>
    </row>
    <row r="2597" spans="4:28" x14ac:dyDescent="0.25">
      <c r="D2597" s="40">
        <v>43.14827500000191</v>
      </c>
      <c r="E2597" s="40">
        <v>16.654836490729583</v>
      </c>
      <c r="F2597" s="40">
        <v>43.133332999999993</v>
      </c>
      <c r="G2597" s="40">
        <v>13.682095988518121</v>
      </c>
      <c r="H2597" s="40">
        <v>43.133334000000019</v>
      </c>
      <c r="I2597" s="40">
        <v>10.775792574497919</v>
      </c>
      <c r="J2597" s="40">
        <v>43.133317636905097</v>
      </c>
      <c r="K2597" s="40">
        <v>10.603953515016379</v>
      </c>
      <c r="L2597" s="40"/>
      <c r="M2597" s="40"/>
      <c r="N2597" s="40"/>
      <c r="Y2597">
        <v>25.850000000000009</v>
      </c>
      <c r="Z2597">
        <v>104.15</v>
      </c>
      <c r="AA2597">
        <v>8.6328999999999994</v>
      </c>
      <c r="AB2597">
        <v>4.5637208982337114</v>
      </c>
    </row>
    <row r="2598" spans="4:28" x14ac:dyDescent="0.25">
      <c r="D2598" s="40">
        <v>43.16494100000191</v>
      </c>
      <c r="E2598" s="40">
        <v>16.659679669319129</v>
      </c>
      <c r="F2598" s="40">
        <v>43.149999999999991</v>
      </c>
      <c r="G2598" s="40">
        <v>13.682095988518121</v>
      </c>
      <c r="H2598" s="40">
        <v>43.150000000000006</v>
      </c>
      <c r="I2598" s="40">
        <v>10.779046700754682</v>
      </c>
      <c r="J2598" s="40">
        <v>43.149984297619397</v>
      </c>
      <c r="K2598" s="40">
        <v>10.603953515016379</v>
      </c>
      <c r="L2598" s="40"/>
      <c r="M2598" s="40"/>
      <c r="N2598" s="40"/>
      <c r="Y2598">
        <v>25.866667000000007</v>
      </c>
      <c r="Z2598">
        <v>104.166667</v>
      </c>
      <c r="AA2598">
        <v>8.6328999999999994</v>
      </c>
      <c r="AB2598">
        <v>4.5637208982337114</v>
      </c>
    </row>
    <row r="2599" spans="4:28" x14ac:dyDescent="0.25">
      <c r="D2599" s="40">
        <v>43.181607000001911</v>
      </c>
      <c r="E2599" s="40">
        <v>16.664522847908678</v>
      </c>
      <c r="F2599" s="40">
        <v>43.16666699999999</v>
      </c>
      <c r="G2599" s="40">
        <v>13.686711372488022</v>
      </c>
      <c r="H2599" s="40">
        <v>43.166667000000018</v>
      </c>
      <c r="I2599" s="40">
        <v>10.782399436898114</v>
      </c>
      <c r="J2599" s="40">
        <v>43.166650958333598</v>
      </c>
      <c r="K2599" s="40">
        <v>10.608804558725483</v>
      </c>
      <c r="L2599" s="40"/>
      <c r="M2599" s="40"/>
      <c r="N2599" s="40"/>
      <c r="Y2599">
        <v>25.883333000000007</v>
      </c>
      <c r="Z2599">
        <v>104.183333</v>
      </c>
      <c r="AA2599">
        <v>8.6329340000000006</v>
      </c>
      <c r="AB2599">
        <v>4.5641327142527386</v>
      </c>
    </row>
    <row r="2600" spans="4:28" x14ac:dyDescent="0.25">
      <c r="D2600" s="40">
        <v>43.198273000001912</v>
      </c>
      <c r="E2600" s="40">
        <v>16.6693660264981</v>
      </c>
      <c r="F2600" s="40">
        <v>43.18333299999999</v>
      </c>
      <c r="G2600" s="40">
        <v>13.691466616578118</v>
      </c>
      <c r="H2600" s="40">
        <v>43.183334000000002</v>
      </c>
      <c r="I2600" s="40">
        <v>10.78575217304137</v>
      </c>
      <c r="J2600" s="40">
        <v>43.183317619047898</v>
      </c>
      <c r="K2600" s="40">
        <v>10.608804558725483</v>
      </c>
      <c r="L2600" s="40"/>
      <c r="M2600" s="40"/>
      <c r="N2600" s="40"/>
      <c r="Y2600">
        <v>25.900000000000006</v>
      </c>
      <c r="Z2600">
        <v>104.2</v>
      </c>
      <c r="AA2600">
        <v>8.6329340000000006</v>
      </c>
      <c r="AB2600">
        <v>4.5641327142527386</v>
      </c>
    </row>
    <row r="2601" spans="4:28" x14ac:dyDescent="0.25">
      <c r="D2601" s="40">
        <v>43.214939000001912</v>
      </c>
      <c r="E2601" s="40">
        <v>16.674066758658526</v>
      </c>
      <c r="F2601" s="40">
        <v>43.199999999999989</v>
      </c>
      <c r="G2601" s="40">
        <v>13.691466616578118</v>
      </c>
      <c r="H2601" s="40">
        <v>43.200000000000017</v>
      </c>
      <c r="I2601" s="40">
        <v>10.78575217304137</v>
      </c>
      <c r="J2601" s="40">
        <v>43.199984279762198</v>
      </c>
      <c r="K2601" s="40">
        <v>10.608804558725483</v>
      </c>
      <c r="L2601" s="40"/>
      <c r="M2601" s="40"/>
      <c r="N2601" s="40"/>
      <c r="Y2601">
        <v>25.916667000000004</v>
      </c>
      <c r="Z2601">
        <v>104.216667</v>
      </c>
      <c r="AA2601">
        <v>8.6329340000000006</v>
      </c>
      <c r="AB2601">
        <v>4.5641327142527386</v>
      </c>
    </row>
    <row r="2602" spans="4:28" x14ac:dyDescent="0.25">
      <c r="D2602" s="40">
        <v>43.231605000001913</v>
      </c>
      <c r="E2602" s="40">
        <v>16.678909937248072</v>
      </c>
      <c r="F2602" s="40">
        <v>43.216667000000001</v>
      </c>
      <c r="G2602" s="40">
        <v>13.696221860668336</v>
      </c>
      <c r="H2602" s="40">
        <v>43.216667000000001</v>
      </c>
      <c r="I2602" s="40">
        <v>10.789006299298133</v>
      </c>
      <c r="J2602" s="40">
        <v>43.216650940476498</v>
      </c>
      <c r="K2602" s="40">
        <v>10.613512924678542</v>
      </c>
      <c r="L2602" s="40"/>
      <c r="M2602" s="40"/>
      <c r="N2602" s="40"/>
      <c r="Y2602">
        <v>25.933333000000005</v>
      </c>
      <c r="Z2602">
        <v>104.233333</v>
      </c>
      <c r="AA2602">
        <v>8.6329340000000006</v>
      </c>
      <c r="AB2602">
        <v>4.5641327142527386</v>
      </c>
    </row>
    <row r="2603" spans="4:28" x14ac:dyDescent="0.25">
      <c r="D2603" s="40">
        <v>43.248271000001914</v>
      </c>
      <c r="E2603" s="40">
        <v>16.683753115837494</v>
      </c>
      <c r="F2603" s="40">
        <v>43.233332999999988</v>
      </c>
      <c r="G2603" s="40">
        <v>13.700837244638237</v>
      </c>
      <c r="H2603" s="40">
        <v>43.233334000000013</v>
      </c>
      <c r="I2603" s="40">
        <v>10.792359035441391</v>
      </c>
      <c r="J2603" s="40">
        <v>43.233317601190798</v>
      </c>
      <c r="K2603" s="40">
        <v>10.613512924678542</v>
      </c>
      <c r="L2603" s="40"/>
      <c r="M2603" s="40"/>
      <c r="N2603" s="40"/>
      <c r="Y2603">
        <v>25.950000000000003</v>
      </c>
      <c r="Z2603">
        <v>104.25</v>
      </c>
      <c r="AA2603">
        <v>8.6329670000000007</v>
      </c>
      <c r="AB2603">
        <v>4.5645324180359008</v>
      </c>
    </row>
    <row r="2604" spans="4:28" x14ac:dyDescent="0.25">
      <c r="D2604" s="40">
        <v>43.264937000001915</v>
      </c>
      <c r="E2604" s="40">
        <v>16.68845384799792</v>
      </c>
      <c r="F2604" s="40">
        <v>43.25</v>
      </c>
      <c r="G2604" s="40">
        <v>13.700837244638237</v>
      </c>
      <c r="H2604" s="40">
        <v>43.25</v>
      </c>
      <c r="I2604" s="40">
        <v>10.795711771584823</v>
      </c>
      <c r="J2604" s="40">
        <v>43.249984261905098</v>
      </c>
      <c r="K2604" s="40">
        <v>10.613512924678542</v>
      </c>
      <c r="L2604" s="40"/>
      <c r="M2604" s="40"/>
      <c r="N2604" s="40"/>
      <c r="Y2604">
        <v>25.966667000000001</v>
      </c>
      <c r="Z2604">
        <v>104.266667</v>
      </c>
      <c r="AA2604">
        <v>8.6329670000000007</v>
      </c>
      <c r="AB2604">
        <v>4.5645324180359008</v>
      </c>
    </row>
    <row r="2605" spans="4:28" x14ac:dyDescent="0.25">
      <c r="D2605" s="40">
        <v>43.281603000001915</v>
      </c>
      <c r="E2605" s="40">
        <v>16.693297026587469</v>
      </c>
      <c r="F2605" s="40">
        <v>43.266666999999998</v>
      </c>
      <c r="G2605" s="40">
        <v>13.705592488728332</v>
      </c>
      <c r="H2605" s="40">
        <v>43.266667000000012</v>
      </c>
      <c r="I2605" s="40">
        <v>10.798965897841411</v>
      </c>
      <c r="J2605" s="40">
        <v>43.266650922619398</v>
      </c>
      <c r="K2605" s="40">
        <v>10.613512924678542</v>
      </c>
      <c r="L2605" s="40"/>
      <c r="M2605" s="40"/>
      <c r="N2605" s="40"/>
      <c r="Y2605">
        <v>25.983333000000002</v>
      </c>
      <c r="Z2605">
        <v>104.283333</v>
      </c>
      <c r="AA2605">
        <v>8.6329670000000007</v>
      </c>
      <c r="AB2605">
        <v>4.5645324180359008</v>
      </c>
    </row>
    <row r="2606" spans="4:28" x14ac:dyDescent="0.25">
      <c r="D2606" s="40">
        <v>43.298269000001916</v>
      </c>
      <c r="E2606" s="40">
        <v>16.698140205176891</v>
      </c>
      <c r="F2606" s="40">
        <v>43.283332999999999</v>
      </c>
      <c r="G2606" s="40">
        <v>13.710347732818549</v>
      </c>
      <c r="H2606" s="40">
        <v>43.283333999999996</v>
      </c>
      <c r="I2606" s="40">
        <v>10.798965897841411</v>
      </c>
      <c r="J2606" s="40">
        <v>43.283317583333599</v>
      </c>
      <c r="K2606" s="40">
        <v>10.618363968387776</v>
      </c>
      <c r="L2606" s="40"/>
      <c r="M2606" s="40"/>
      <c r="N2606" s="40"/>
      <c r="Y2606">
        <v>26</v>
      </c>
      <c r="Z2606">
        <v>104.3</v>
      </c>
      <c r="AA2606">
        <v>8.6330010000000001</v>
      </c>
      <c r="AB2606">
        <v>4.5649442340549076</v>
      </c>
    </row>
    <row r="2607" spans="4:28" x14ac:dyDescent="0.25">
      <c r="D2607" s="40">
        <v>43.314935000001917</v>
      </c>
      <c r="E2607" s="40">
        <v>16.698140205176891</v>
      </c>
      <c r="F2607" s="40">
        <v>43.3</v>
      </c>
      <c r="G2607" s="40">
        <v>13.715102976908771</v>
      </c>
      <c r="H2607" s="40">
        <v>43.300000000000011</v>
      </c>
      <c r="I2607" s="40">
        <v>10.802318633984843</v>
      </c>
      <c r="J2607" s="40">
        <v>43.299984244047899</v>
      </c>
      <c r="K2607" s="40">
        <v>10.618363968387776</v>
      </c>
      <c r="L2607" s="40"/>
      <c r="M2607" s="40"/>
      <c r="N2607" s="40"/>
      <c r="Y2607">
        <v>26.016666999999998</v>
      </c>
      <c r="Z2607">
        <v>104.316667</v>
      </c>
      <c r="AA2607">
        <v>8.6330010000000001</v>
      </c>
      <c r="AB2607">
        <v>4.5649442340549076</v>
      </c>
    </row>
    <row r="2608" spans="4:28" x14ac:dyDescent="0.25">
      <c r="D2608" s="40">
        <v>43.331601000001918</v>
      </c>
      <c r="E2608" s="40">
        <v>16.702840937337314</v>
      </c>
      <c r="F2608" s="40">
        <v>43.316666999999995</v>
      </c>
      <c r="G2608" s="40">
        <v>13.719718360878547</v>
      </c>
      <c r="H2608" s="40">
        <v>43.316666999999995</v>
      </c>
      <c r="I2608" s="40">
        <v>10.805671370128101</v>
      </c>
      <c r="J2608" s="40">
        <v>43.316650904762199</v>
      </c>
      <c r="K2608" s="40">
        <v>10.618363968387776</v>
      </c>
      <c r="L2608" s="40"/>
      <c r="M2608" s="40"/>
      <c r="N2608" s="40"/>
      <c r="Y2608">
        <v>26.033332999999999</v>
      </c>
      <c r="Z2608">
        <v>104.333333</v>
      </c>
      <c r="AA2608">
        <v>8.6330349999999996</v>
      </c>
      <c r="AB2608">
        <v>4.5653560500739134</v>
      </c>
    </row>
    <row r="2609" spans="4:28" x14ac:dyDescent="0.25">
      <c r="D2609" s="40">
        <v>43.348267000001918</v>
      </c>
      <c r="E2609" s="40">
        <v>16.702840937337314</v>
      </c>
      <c r="F2609" s="40">
        <v>43.333332999999996</v>
      </c>
      <c r="G2609" s="40">
        <v>13.719718360878547</v>
      </c>
      <c r="H2609" s="40">
        <v>43.333334000000008</v>
      </c>
      <c r="I2609" s="40">
        <v>10.808925496384864</v>
      </c>
      <c r="J2609" s="40">
        <v>43.333317565476499</v>
      </c>
      <c r="K2609" s="40">
        <v>10.618363968387776</v>
      </c>
      <c r="L2609" s="40"/>
      <c r="M2609" s="40"/>
      <c r="N2609" s="40"/>
      <c r="Y2609">
        <v>26.049999999999997</v>
      </c>
      <c r="Z2609">
        <v>104.35</v>
      </c>
      <c r="AA2609">
        <v>8.6330349999999996</v>
      </c>
      <c r="AB2609">
        <v>4.5653560500739134</v>
      </c>
    </row>
    <row r="2610" spans="4:28" x14ac:dyDescent="0.25">
      <c r="D2610" s="40">
        <v>43.364933000001919</v>
      </c>
      <c r="E2610" s="40">
        <v>16.707684115926867</v>
      </c>
      <c r="F2610" s="40">
        <v>43.349999999999994</v>
      </c>
      <c r="G2610" s="40">
        <v>13.724473604968765</v>
      </c>
      <c r="H2610" s="40">
        <v>43.349999999999994</v>
      </c>
      <c r="I2610" s="40">
        <v>10.812278232528122</v>
      </c>
      <c r="J2610" s="40">
        <v>43.349984226190799</v>
      </c>
      <c r="K2610" s="40">
        <v>10.62321501209688</v>
      </c>
      <c r="L2610" s="40"/>
      <c r="M2610" s="40"/>
      <c r="N2610" s="40"/>
      <c r="Y2610">
        <v>26.06666700000001</v>
      </c>
      <c r="Z2610">
        <v>104.36666700000001</v>
      </c>
      <c r="AA2610">
        <v>8.6330349999999996</v>
      </c>
      <c r="AB2610">
        <v>4.5653560500739134</v>
      </c>
    </row>
    <row r="2611" spans="4:28" x14ac:dyDescent="0.25">
      <c r="D2611" s="40">
        <v>43.38159900000192</v>
      </c>
      <c r="E2611" s="40">
        <v>16.707684115926867</v>
      </c>
      <c r="F2611" s="40">
        <v>43.366666999999993</v>
      </c>
      <c r="G2611" s="40">
        <v>13.729228849058984</v>
      </c>
      <c r="H2611" s="40">
        <v>43.366667000000007</v>
      </c>
      <c r="I2611" s="40">
        <v>10.815630968671554</v>
      </c>
      <c r="J2611" s="40">
        <v>43.366650886905099</v>
      </c>
      <c r="K2611" s="40">
        <v>10.62321501209688</v>
      </c>
      <c r="L2611" s="40"/>
      <c r="M2611" s="40"/>
      <c r="N2611" s="40"/>
      <c r="Y2611">
        <v>26.083332999999996</v>
      </c>
      <c r="Z2611">
        <v>104.38333299999999</v>
      </c>
      <c r="AA2611">
        <v>8.6330679999999997</v>
      </c>
      <c r="AB2611">
        <v>4.5657557538570757</v>
      </c>
    </row>
    <row r="2612" spans="4:28" x14ac:dyDescent="0.25">
      <c r="D2612" s="40">
        <v>43.398265000001921</v>
      </c>
      <c r="E2612" s="40">
        <v>16.712527294516413</v>
      </c>
      <c r="F2612" s="40">
        <v>43.383332999999993</v>
      </c>
      <c r="G2612" s="40">
        <v>13.733844233028885</v>
      </c>
      <c r="H2612" s="40">
        <v>43.383334000000019</v>
      </c>
      <c r="I2612" s="40">
        <v>10.818885094928318</v>
      </c>
      <c r="J2612" s="40">
        <v>43.383317547619399</v>
      </c>
      <c r="K2612" s="40">
        <v>10.627923378049941</v>
      </c>
      <c r="L2612" s="40"/>
      <c r="M2612" s="40"/>
      <c r="N2612" s="40"/>
      <c r="Y2612">
        <v>26.100000000000009</v>
      </c>
      <c r="Z2612">
        <v>104.4</v>
      </c>
      <c r="AA2612">
        <v>8.6330679999999997</v>
      </c>
      <c r="AB2612">
        <v>4.5657557538570757</v>
      </c>
    </row>
    <row r="2613" spans="4:28" x14ac:dyDescent="0.25">
      <c r="D2613" s="40">
        <v>43.414931000001921</v>
      </c>
      <c r="E2613" s="40">
        <v>16.712527294516413</v>
      </c>
      <c r="F2613" s="40">
        <v>43.399999999999991</v>
      </c>
      <c r="G2613" s="40">
        <v>13.733844233028885</v>
      </c>
      <c r="H2613" s="40">
        <v>43.400000000000006</v>
      </c>
      <c r="I2613" s="40">
        <v>10.818885094928318</v>
      </c>
      <c r="J2613" s="40">
        <v>43.399984208333599</v>
      </c>
      <c r="K2613" s="40">
        <v>10.627923378049941</v>
      </c>
      <c r="L2613" s="40"/>
      <c r="M2613" s="40"/>
      <c r="N2613" s="40"/>
      <c r="Y2613">
        <v>26.116667000000007</v>
      </c>
      <c r="Z2613">
        <v>104.416667</v>
      </c>
      <c r="AA2613">
        <v>8.6331019999999992</v>
      </c>
      <c r="AB2613">
        <v>4.5661675698760815</v>
      </c>
    </row>
    <row r="2614" spans="4:28" x14ac:dyDescent="0.25">
      <c r="D2614" s="40">
        <v>43.431597000001922</v>
      </c>
      <c r="E2614" s="40">
        <v>16.717228026676715</v>
      </c>
      <c r="F2614" s="40">
        <v>43.41666699999999</v>
      </c>
      <c r="G2614" s="40">
        <v>13.73859947711898</v>
      </c>
      <c r="H2614" s="40">
        <v>43.416667000000018</v>
      </c>
      <c r="I2614" s="40">
        <v>10.822237831071575</v>
      </c>
      <c r="J2614" s="40">
        <v>43.416650869047899</v>
      </c>
      <c r="K2614" s="40">
        <v>10.627923378049941</v>
      </c>
      <c r="L2614" s="40"/>
      <c r="M2614" s="40"/>
      <c r="N2614" s="40"/>
      <c r="Y2614">
        <v>26.133333000000007</v>
      </c>
      <c r="Z2614">
        <v>104.433333</v>
      </c>
      <c r="AA2614">
        <v>8.6331019999999992</v>
      </c>
      <c r="AB2614">
        <v>4.5661675698760815</v>
      </c>
    </row>
    <row r="2615" spans="4:28" x14ac:dyDescent="0.25">
      <c r="D2615" s="40">
        <v>43.448263000001923</v>
      </c>
      <c r="E2615" s="40">
        <v>16.717228026676715</v>
      </c>
      <c r="F2615" s="40">
        <v>43.43333299999999</v>
      </c>
      <c r="G2615" s="40">
        <v>13.73859947711898</v>
      </c>
      <c r="H2615" s="40">
        <v>43.433334000000002</v>
      </c>
      <c r="I2615" s="40">
        <v>10.825590567214832</v>
      </c>
      <c r="J2615" s="40">
        <v>43.433317529762199</v>
      </c>
      <c r="K2615" s="40">
        <v>10.632774421759175</v>
      </c>
      <c r="L2615" s="40"/>
      <c r="M2615" s="40"/>
      <c r="N2615" s="40"/>
      <c r="Y2615">
        <v>26.150000000000006</v>
      </c>
      <c r="Z2615">
        <v>104.45</v>
      </c>
      <c r="AA2615">
        <v>8.6331019999999992</v>
      </c>
      <c r="AB2615">
        <v>4.5661675698760815</v>
      </c>
    </row>
    <row r="2616" spans="4:28" x14ac:dyDescent="0.25">
      <c r="D2616" s="40">
        <v>43.464929000001923</v>
      </c>
      <c r="E2616" s="40">
        <v>16.722071205266261</v>
      </c>
      <c r="F2616" s="40">
        <v>43.449999999999989</v>
      </c>
      <c r="G2616" s="40">
        <v>13.743354721209199</v>
      </c>
      <c r="H2616" s="40">
        <v>43.450000000000017</v>
      </c>
      <c r="I2616" s="40">
        <v>10.828844693471593</v>
      </c>
      <c r="J2616" s="40">
        <v>43.449984190476499</v>
      </c>
      <c r="K2616" s="40">
        <v>10.632774421759175</v>
      </c>
      <c r="L2616" s="40"/>
      <c r="M2616" s="40"/>
      <c r="N2616" s="40"/>
      <c r="Y2616">
        <v>26.166667000000004</v>
      </c>
      <c r="Z2616">
        <v>104.466667</v>
      </c>
      <c r="AA2616">
        <v>8.6331019999999992</v>
      </c>
      <c r="AB2616">
        <v>4.5661675698760815</v>
      </c>
    </row>
    <row r="2617" spans="4:28" x14ac:dyDescent="0.25">
      <c r="D2617" s="40">
        <v>43.481595000001924</v>
      </c>
      <c r="E2617" s="40">
        <v>16.722071205266261</v>
      </c>
      <c r="F2617" s="40">
        <v>43.466667000000001</v>
      </c>
      <c r="G2617" s="40">
        <v>13.7479701051791</v>
      </c>
      <c r="H2617" s="40">
        <v>43.466667000000001</v>
      </c>
      <c r="I2617" s="40">
        <v>10.828844693471593</v>
      </c>
      <c r="J2617" s="40">
        <v>43.466650851190799</v>
      </c>
      <c r="K2617" s="40">
        <v>10.637625465468279</v>
      </c>
      <c r="L2617" s="40"/>
      <c r="M2617" s="40"/>
      <c r="N2617" s="40"/>
      <c r="Y2617">
        <v>26.183333000000005</v>
      </c>
      <c r="Z2617">
        <v>104.483333</v>
      </c>
      <c r="AA2617">
        <v>8.6331360000000004</v>
      </c>
      <c r="AB2617">
        <v>4.5665793858951105</v>
      </c>
    </row>
    <row r="2618" spans="4:28" x14ac:dyDescent="0.25">
      <c r="D2618" s="40">
        <v>43.498261000001925</v>
      </c>
      <c r="E2618" s="40">
        <v>16.722071205266261</v>
      </c>
      <c r="F2618" s="40">
        <v>43.483332999999988</v>
      </c>
      <c r="G2618" s="40">
        <v>13.7479701051791</v>
      </c>
      <c r="H2618" s="40">
        <v>43.483334000000013</v>
      </c>
      <c r="I2618" s="40">
        <v>10.832197429614851</v>
      </c>
      <c r="J2618" s="40">
        <v>43.483317511905099</v>
      </c>
      <c r="K2618" s="40">
        <v>10.637625465468279</v>
      </c>
      <c r="L2618" s="40"/>
      <c r="M2618" s="40"/>
      <c r="N2618" s="40"/>
      <c r="Y2618">
        <v>26.200000000000003</v>
      </c>
      <c r="Z2618">
        <v>104.5</v>
      </c>
      <c r="AA2618">
        <v>8.6331360000000004</v>
      </c>
      <c r="AB2618">
        <v>4.5665793858951105</v>
      </c>
    </row>
    <row r="2619" spans="4:28" x14ac:dyDescent="0.25">
      <c r="D2619" s="40">
        <v>43.514927000001926</v>
      </c>
      <c r="E2619" s="40">
        <v>16.722071205266261</v>
      </c>
      <c r="F2619" s="40">
        <v>43.5</v>
      </c>
      <c r="G2619" s="40">
        <v>13.752725349269195</v>
      </c>
      <c r="H2619" s="40">
        <v>43.5</v>
      </c>
      <c r="I2619" s="40">
        <v>10.835550165758283</v>
      </c>
      <c r="J2619" s="40">
        <v>43.499984172619399</v>
      </c>
      <c r="K2619" s="40">
        <v>10.637625465468279</v>
      </c>
      <c r="L2619" s="40"/>
      <c r="M2619" s="40"/>
      <c r="N2619" s="40"/>
      <c r="Y2619">
        <v>26.216667000000001</v>
      </c>
      <c r="Z2619">
        <v>104.516667</v>
      </c>
      <c r="AA2619">
        <v>8.6331360000000004</v>
      </c>
      <c r="AB2619">
        <v>4.5665793858951105</v>
      </c>
    </row>
    <row r="2620" spans="4:28" x14ac:dyDescent="0.25">
      <c r="D2620" s="40">
        <v>43.531593000001926</v>
      </c>
      <c r="E2620" s="40">
        <v>16.722071205266261</v>
      </c>
      <c r="F2620" s="40">
        <v>43.516666999999998</v>
      </c>
      <c r="G2620" s="40">
        <v>13.757480593359414</v>
      </c>
      <c r="H2620" s="40">
        <v>43.516667000000012</v>
      </c>
      <c r="I2620" s="40">
        <v>10.838902901901541</v>
      </c>
      <c r="J2620" s="40">
        <v>43.5166508333336</v>
      </c>
      <c r="K2620" s="40">
        <v>10.642333831421338</v>
      </c>
      <c r="L2620" s="40"/>
      <c r="M2620" s="40"/>
      <c r="N2620" s="40"/>
      <c r="Y2620">
        <v>26.233333000000002</v>
      </c>
      <c r="Z2620">
        <v>104.533333</v>
      </c>
      <c r="AA2620">
        <v>8.6331690000000005</v>
      </c>
      <c r="AB2620">
        <v>4.5669790896782718</v>
      </c>
    </row>
    <row r="2621" spans="4:28" x14ac:dyDescent="0.25">
      <c r="D2621" s="40">
        <v>43.548259000001927</v>
      </c>
      <c r="E2621" s="40">
        <v>16.722071205266261</v>
      </c>
      <c r="F2621" s="40">
        <v>43.533332999999999</v>
      </c>
      <c r="G2621" s="40">
        <v>13.757480593359414</v>
      </c>
      <c r="H2621" s="40">
        <v>43.533333999999996</v>
      </c>
      <c r="I2621" s="40">
        <v>10.838902901901541</v>
      </c>
      <c r="J2621" s="40">
        <v>43.5333174940479</v>
      </c>
      <c r="K2621" s="40">
        <v>10.642333831421338</v>
      </c>
      <c r="L2621" s="40"/>
      <c r="M2621" s="40"/>
      <c r="N2621" s="40"/>
      <c r="Y2621">
        <v>26.25</v>
      </c>
      <c r="Z2621">
        <v>104.55</v>
      </c>
      <c r="AA2621">
        <v>8.6331690000000005</v>
      </c>
      <c r="AB2621">
        <v>4.5669790896782718</v>
      </c>
    </row>
    <row r="2622" spans="4:28" x14ac:dyDescent="0.25">
      <c r="D2622" s="40">
        <v>43.564925000001928</v>
      </c>
      <c r="E2622" s="40">
        <v>16.72691438385581</v>
      </c>
      <c r="F2622" s="40">
        <v>43.55</v>
      </c>
      <c r="G2622" s="40">
        <v>13.762095977329315</v>
      </c>
      <c r="H2622" s="40">
        <v>43.550000000000011</v>
      </c>
      <c r="I2622" s="40">
        <v>10.842157028158304</v>
      </c>
      <c r="J2622" s="40">
        <v>43.5499841547622</v>
      </c>
      <c r="K2622" s="40">
        <v>10.647184875130572</v>
      </c>
      <c r="L2622" s="40"/>
      <c r="M2622" s="40"/>
      <c r="N2622" s="40"/>
      <c r="Y2622">
        <v>26.266666999999998</v>
      </c>
      <c r="Z2622">
        <v>104.566667</v>
      </c>
      <c r="AA2622">
        <v>8.6331690000000005</v>
      </c>
      <c r="AB2622">
        <v>4.5669790896782718</v>
      </c>
    </row>
    <row r="2623" spans="4:28" x14ac:dyDescent="0.25">
      <c r="D2623" s="40">
        <v>43.581591000001929</v>
      </c>
      <c r="E2623" s="40">
        <v>16.72691438385581</v>
      </c>
      <c r="F2623" s="40">
        <v>43.566666999999995</v>
      </c>
      <c r="G2623" s="40">
        <v>13.762095977329315</v>
      </c>
      <c r="H2623" s="40">
        <v>43.566666999999995</v>
      </c>
      <c r="I2623" s="40">
        <v>10.845509764301561</v>
      </c>
      <c r="J2623" s="40">
        <v>43.5666508154765</v>
      </c>
      <c r="K2623" s="40">
        <v>10.647184875130572</v>
      </c>
      <c r="L2623" s="40"/>
      <c r="M2623" s="40"/>
      <c r="N2623" s="40"/>
      <c r="Y2623">
        <v>26.283332999999999</v>
      </c>
      <c r="Z2623">
        <v>104.583333</v>
      </c>
      <c r="AA2623">
        <v>8.6331690000000005</v>
      </c>
      <c r="AB2623">
        <v>4.5669790896782718</v>
      </c>
    </row>
    <row r="2624" spans="4:28" x14ac:dyDescent="0.25">
      <c r="D2624" s="40">
        <v>43.598257000001929</v>
      </c>
      <c r="E2624" s="40">
        <v>16.72691438385581</v>
      </c>
      <c r="F2624" s="40">
        <v>43.583332999999996</v>
      </c>
      <c r="G2624" s="40">
        <v>13.766851221419408</v>
      </c>
      <c r="H2624" s="40">
        <v>43.583334000000008</v>
      </c>
      <c r="I2624" s="40">
        <v>10.848862500444994</v>
      </c>
      <c r="J2624" s="40">
        <v>43.5833174761908</v>
      </c>
      <c r="K2624" s="40">
        <v>10.652035918839804</v>
      </c>
      <c r="L2624" s="40"/>
      <c r="M2624" s="40"/>
      <c r="N2624" s="40"/>
      <c r="Y2624">
        <v>26.299999999999997</v>
      </c>
      <c r="Z2624">
        <v>104.6</v>
      </c>
      <c r="AA2624">
        <v>8.633203</v>
      </c>
      <c r="AB2624">
        <v>4.5673909056972777</v>
      </c>
    </row>
    <row r="2625" spans="4:28" x14ac:dyDescent="0.25">
      <c r="D2625" s="40">
        <v>43.61492300000193</v>
      </c>
      <c r="E2625" s="40">
        <v>16.72691438385581</v>
      </c>
      <c r="F2625" s="40">
        <v>43.599999999999994</v>
      </c>
      <c r="G2625" s="40">
        <v>13.766851221419408</v>
      </c>
      <c r="H2625" s="40">
        <v>43.599999999999994</v>
      </c>
      <c r="I2625" s="40">
        <v>10.848862500444994</v>
      </c>
      <c r="J2625" s="40">
        <v>43.5999841369051</v>
      </c>
      <c r="K2625" s="40">
        <v>10.652035918839804</v>
      </c>
      <c r="L2625" s="40"/>
      <c r="M2625" s="40"/>
      <c r="N2625" s="40"/>
      <c r="Y2625">
        <v>26.31666700000001</v>
      </c>
      <c r="Z2625">
        <v>104.61666700000001</v>
      </c>
      <c r="AA2625">
        <v>8.633203</v>
      </c>
      <c r="AB2625">
        <v>4.5673909056972777</v>
      </c>
    </row>
    <row r="2626" spans="4:28" x14ac:dyDescent="0.25">
      <c r="D2626" s="40">
        <v>43.631589000001931</v>
      </c>
      <c r="E2626" s="40">
        <v>16.731615116016108</v>
      </c>
      <c r="F2626" s="40">
        <v>43.616666999999993</v>
      </c>
      <c r="G2626" s="40">
        <v>13.771606465509628</v>
      </c>
      <c r="H2626" s="40">
        <v>43.616667000000007</v>
      </c>
      <c r="I2626" s="40">
        <v>10.852116626701756</v>
      </c>
      <c r="J2626" s="40">
        <v>43.6166507976194</v>
      </c>
      <c r="K2626" s="40">
        <v>10.652035918839804</v>
      </c>
      <c r="L2626" s="40"/>
      <c r="M2626" s="40"/>
      <c r="N2626" s="40"/>
      <c r="Y2626">
        <v>26.333332999999996</v>
      </c>
      <c r="Z2626">
        <v>104.63333299999999</v>
      </c>
      <c r="AA2626">
        <v>8.633203</v>
      </c>
      <c r="AB2626">
        <v>4.5673909056972777</v>
      </c>
    </row>
    <row r="2627" spans="4:28" x14ac:dyDescent="0.25">
      <c r="D2627" s="40">
        <v>43.648255000001932</v>
      </c>
      <c r="E2627" s="40">
        <v>16.731615116016108</v>
      </c>
      <c r="F2627" s="40">
        <v>43.633332999999993</v>
      </c>
      <c r="G2627" s="40">
        <v>13.776221849479528</v>
      </c>
      <c r="H2627" s="40">
        <v>43.633334000000019</v>
      </c>
      <c r="I2627" s="40">
        <v>10.855469362845014</v>
      </c>
      <c r="J2627" s="40">
        <v>43.6333174583336</v>
      </c>
      <c r="K2627" s="40">
        <v>10.656744284792737</v>
      </c>
      <c r="L2627" s="40"/>
      <c r="M2627" s="40"/>
      <c r="N2627" s="40"/>
      <c r="Y2627">
        <v>26.350000000000009</v>
      </c>
      <c r="Z2627">
        <v>104.65</v>
      </c>
      <c r="AA2627">
        <v>8.6332369999999994</v>
      </c>
      <c r="AB2627">
        <v>4.5678027217162844</v>
      </c>
    </row>
    <row r="2628" spans="4:28" x14ac:dyDescent="0.25">
      <c r="D2628" s="40">
        <v>43.664921000001932</v>
      </c>
      <c r="E2628" s="40">
        <v>16.731615116016108</v>
      </c>
      <c r="F2628" s="40">
        <v>43.649999999999991</v>
      </c>
      <c r="G2628" s="40">
        <v>13.776221849479528</v>
      </c>
      <c r="H2628" s="40">
        <v>43.650000000000006</v>
      </c>
      <c r="I2628" s="40">
        <v>10.858822098988272</v>
      </c>
      <c r="J2628" s="40">
        <v>43.6499841190479</v>
      </c>
      <c r="K2628" s="40">
        <v>10.661595328501971</v>
      </c>
      <c r="L2628" s="40"/>
      <c r="M2628" s="40"/>
      <c r="N2628" s="40"/>
      <c r="Y2628">
        <v>26.366667000000007</v>
      </c>
      <c r="Z2628">
        <v>104.666667</v>
      </c>
      <c r="AA2628">
        <v>8.6332369999999994</v>
      </c>
      <c r="AB2628">
        <v>4.5678027217162844</v>
      </c>
    </row>
    <row r="2629" spans="4:28" x14ac:dyDescent="0.25">
      <c r="D2629" s="40">
        <v>43.681587000001933</v>
      </c>
      <c r="E2629" s="40">
        <v>16.731615116016108</v>
      </c>
      <c r="F2629" s="40">
        <v>43.66666699999999</v>
      </c>
      <c r="G2629" s="40">
        <v>13.780977093569749</v>
      </c>
      <c r="H2629" s="40">
        <v>43.666667000000018</v>
      </c>
      <c r="I2629" s="40">
        <v>10.862076225245035</v>
      </c>
      <c r="J2629" s="40">
        <v>43.6666507797622</v>
      </c>
      <c r="K2629" s="40">
        <v>10.661595328501971</v>
      </c>
      <c r="L2629" s="40"/>
      <c r="M2629" s="40"/>
      <c r="N2629" s="40"/>
      <c r="Y2629">
        <v>26.383333000000007</v>
      </c>
      <c r="Z2629">
        <v>104.683333</v>
      </c>
      <c r="AA2629">
        <v>8.6332369999999994</v>
      </c>
      <c r="AB2629">
        <v>4.5678027217162844</v>
      </c>
    </row>
    <row r="2630" spans="4:28" x14ac:dyDescent="0.25">
      <c r="D2630" s="40">
        <v>43.698253000001934</v>
      </c>
      <c r="E2630" s="40">
        <v>16.736458294605654</v>
      </c>
      <c r="F2630" s="40">
        <v>43.68333299999999</v>
      </c>
      <c r="G2630" s="40">
        <v>13.785732337659843</v>
      </c>
      <c r="H2630" s="40">
        <v>43.683334000000002</v>
      </c>
      <c r="I2630" s="40">
        <v>10.862076225245035</v>
      </c>
      <c r="J2630" s="40">
        <v>43.6833174404765</v>
      </c>
      <c r="K2630" s="40">
        <v>10.666446372211201</v>
      </c>
      <c r="L2630" s="40"/>
      <c r="M2630" s="40"/>
      <c r="N2630" s="40"/>
      <c r="Y2630">
        <v>26.400000000000006</v>
      </c>
      <c r="Z2630">
        <v>104.7</v>
      </c>
      <c r="AA2630">
        <v>8.6332699999999996</v>
      </c>
      <c r="AB2630">
        <v>4.5682024254994467</v>
      </c>
    </row>
    <row r="2631" spans="4:28" x14ac:dyDescent="0.25">
      <c r="D2631" s="40">
        <v>43.714919000001935</v>
      </c>
      <c r="E2631" s="40">
        <v>16.736458294605654</v>
      </c>
      <c r="F2631" s="40">
        <v>43.699999999999989</v>
      </c>
      <c r="G2631" s="40">
        <v>13.785732337659843</v>
      </c>
      <c r="H2631" s="40">
        <v>43.700000000000017</v>
      </c>
      <c r="I2631" s="40">
        <v>10.865428961388291</v>
      </c>
      <c r="J2631" s="40">
        <v>43.6999841011908</v>
      </c>
      <c r="K2631" s="40">
        <v>10.666446372211201</v>
      </c>
      <c r="L2631" s="40"/>
      <c r="M2631" s="40"/>
      <c r="N2631" s="40"/>
      <c r="Y2631">
        <v>26.416667000000004</v>
      </c>
      <c r="Z2631">
        <v>104.716667</v>
      </c>
      <c r="AA2631">
        <v>8.6332699999999996</v>
      </c>
      <c r="AB2631">
        <v>4.5682024254994467</v>
      </c>
    </row>
    <row r="2632" spans="4:28" x14ac:dyDescent="0.25">
      <c r="D2632" s="40">
        <v>43.731585000001935</v>
      </c>
      <c r="E2632" s="40">
        <v>16.736458294605654</v>
      </c>
      <c r="F2632" s="40">
        <v>43.716667000000001</v>
      </c>
      <c r="G2632" s="40">
        <v>13.790347721629743</v>
      </c>
      <c r="H2632" s="40">
        <v>43.716667000000001</v>
      </c>
      <c r="I2632" s="40">
        <v>10.868781697531725</v>
      </c>
      <c r="J2632" s="40">
        <v>43.7166507619051</v>
      </c>
      <c r="K2632" s="40">
        <v>10.671154738164134</v>
      </c>
      <c r="L2632" s="40"/>
      <c r="M2632" s="40"/>
      <c r="N2632" s="40"/>
      <c r="Y2632">
        <v>26.433333000000005</v>
      </c>
      <c r="Z2632">
        <v>104.733333</v>
      </c>
      <c r="AA2632">
        <v>8.6332699999999996</v>
      </c>
      <c r="AB2632">
        <v>4.5682024254994467</v>
      </c>
    </row>
    <row r="2633" spans="4:28" x14ac:dyDescent="0.25">
      <c r="D2633" s="40">
        <v>43.748251000001936</v>
      </c>
      <c r="E2633" s="40">
        <v>16.741301473195204</v>
      </c>
      <c r="F2633" s="40">
        <v>43.733332999999988</v>
      </c>
      <c r="G2633" s="40">
        <v>13.795102965719963</v>
      </c>
      <c r="H2633" s="40">
        <v>43.733334000000013</v>
      </c>
      <c r="I2633" s="40">
        <v>10.868781697531725</v>
      </c>
      <c r="J2633" s="40">
        <v>43.7333174226194</v>
      </c>
      <c r="K2633" s="40">
        <v>10.671154738164134</v>
      </c>
      <c r="L2633" s="40"/>
      <c r="M2633" s="40"/>
      <c r="N2633" s="40"/>
      <c r="Y2633">
        <v>26.450000000000003</v>
      </c>
      <c r="Z2633">
        <v>104.75</v>
      </c>
      <c r="AA2633">
        <v>8.6333040000000008</v>
      </c>
      <c r="AB2633">
        <v>4.5686142415184747</v>
      </c>
    </row>
    <row r="2634" spans="4:28" x14ac:dyDescent="0.25">
      <c r="D2634" s="40">
        <v>43.764917000001937</v>
      </c>
      <c r="E2634" s="40">
        <v>16.741301473195204</v>
      </c>
      <c r="F2634" s="40">
        <v>43.75</v>
      </c>
      <c r="G2634" s="40">
        <v>13.795102965719963</v>
      </c>
      <c r="H2634" s="40">
        <v>43.75</v>
      </c>
      <c r="I2634" s="40">
        <v>10.872035823788485</v>
      </c>
      <c r="J2634" s="40">
        <v>43.749984083333601</v>
      </c>
      <c r="K2634" s="40">
        <v>10.676005781873368</v>
      </c>
      <c r="L2634" s="40"/>
      <c r="M2634" s="40"/>
      <c r="N2634" s="40"/>
      <c r="Y2634">
        <v>26.466667000000001</v>
      </c>
      <c r="Z2634">
        <v>104.766667</v>
      </c>
      <c r="AA2634">
        <v>8.6333040000000008</v>
      </c>
      <c r="AB2634">
        <v>4.5686142415184747</v>
      </c>
    </row>
    <row r="2635" spans="4:28" x14ac:dyDescent="0.25">
      <c r="D2635" s="40">
        <v>43.781583000001937</v>
      </c>
      <c r="E2635" s="40">
        <v>16.74600220535563</v>
      </c>
      <c r="F2635" s="40">
        <v>43.766666999999998</v>
      </c>
      <c r="G2635" s="40">
        <v>13.799858209810058</v>
      </c>
      <c r="H2635" s="40">
        <v>43.766667000000012</v>
      </c>
      <c r="I2635" s="40">
        <v>10.875388559931743</v>
      </c>
      <c r="J2635" s="40">
        <v>43.766650744047901</v>
      </c>
      <c r="K2635" s="40">
        <v>10.6808568255826</v>
      </c>
      <c r="L2635" s="40"/>
      <c r="M2635" s="40"/>
      <c r="N2635" s="40"/>
      <c r="Y2635">
        <v>26.483333000000002</v>
      </c>
      <c r="Z2635">
        <v>104.783333</v>
      </c>
      <c r="AA2635">
        <v>8.6333040000000008</v>
      </c>
      <c r="AB2635">
        <v>4.5686142415184747</v>
      </c>
    </row>
    <row r="2636" spans="4:28" x14ac:dyDescent="0.25">
      <c r="D2636" s="40">
        <v>43.798249000001938</v>
      </c>
      <c r="E2636" s="40">
        <v>16.74600220535563</v>
      </c>
      <c r="F2636" s="40">
        <v>43.783332999999999</v>
      </c>
      <c r="G2636" s="40">
        <v>13.804473593779958</v>
      </c>
      <c r="H2636" s="40">
        <v>43.783333999999996</v>
      </c>
      <c r="I2636" s="40">
        <v>10.878741296075001</v>
      </c>
      <c r="J2636" s="40">
        <v>43.783317404762201</v>
      </c>
      <c r="K2636" s="40">
        <v>10.6808568255826</v>
      </c>
      <c r="L2636" s="40"/>
      <c r="M2636" s="40"/>
      <c r="N2636" s="40"/>
      <c r="Y2636">
        <v>26.5</v>
      </c>
      <c r="Z2636">
        <v>104.8</v>
      </c>
      <c r="AA2636">
        <v>8.6333040000000008</v>
      </c>
      <c r="AB2636">
        <v>4.5686142415184747</v>
      </c>
    </row>
    <row r="2637" spans="4:28" x14ac:dyDescent="0.25">
      <c r="D2637" s="40">
        <v>43.814915000001939</v>
      </c>
      <c r="E2637" s="40">
        <v>16.750845383945052</v>
      </c>
      <c r="F2637" s="40">
        <v>43.8</v>
      </c>
      <c r="G2637" s="40">
        <v>13.809228837870178</v>
      </c>
      <c r="H2637" s="40">
        <v>43.800000000000011</v>
      </c>
      <c r="I2637" s="40">
        <v>10.878741296075001</v>
      </c>
      <c r="J2637" s="40">
        <v>43.799984065476501</v>
      </c>
      <c r="K2637" s="40">
        <v>10.685707869291706</v>
      </c>
      <c r="L2637" s="40"/>
      <c r="M2637" s="40"/>
      <c r="N2637" s="40"/>
      <c r="Y2637">
        <v>26.516666999999998</v>
      </c>
      <c r="Z2637">
        <v>104.816667</v>
      </c>
      <c r="AA2637">
        <v>8.6333380000000002</v>
      </c>
      <c r="AB2637">
        <v>4.5690260575374806</v>
      </c>
    </row>
    <row r="2638" spans="4:28" x14ac:dyDescent="0.25">
      <c r="D2638" s="40">
        <v>43.83158100000194</v>
      </c>
      <c r="E2638" s="40">
        <v>16.750845383945052</v>
      </c>
      <c r="F2638" s="40">
        <v>43.816666999999995</v>
      </c>
      <c r="G2638" s="40">
        <v>13.809228837870178</v>
      </c>
      <c r="H2638" s="40">
        <v>43.816666999999995</v>
      </c>
      <c r="I2638" s="40">
        <v>10.878741296075001</v>
      </c>
      <c r="J2638" s="40">
        <v>43.816650726190801</v>
      </c>
      <c r="K2638" s="40">
        <v>10.685707869291706</v>
      </c>
      <c r="L2638" s="40"/>
      <c r="M2638" s="40"/>
      <c r="N2638" s="40"/>
      <c r="Y2638">
        <v>26.533332999999999</v>
      </c>
      <c r="Z2638">
        <v>104.833333</v>
      </c>
      <c r="AA2638">
        <v>8.6333380000000002</v>
      </c>
      <c r="AB2638">
        <v>4.5690260575374806</v>
      </c>
    </row>
    <row r="2639" spans="4:28" x14ac:dyDescent="0.25">
      <c r="D2639" s="40">
        <v>43.84824700000194</v>
      </c>
      <c r="E2639" s="40">
        <v>16.755688562534601</v>
      </c>
      <c r="F2639" s="40">
        <v>43.833332999999996</v>
      </c>
      <c r="G2639" s="40">
        <v>13.813984081960273</v>
      </c>
      <c r="H2639" s="40">
        <v>43.833334000000008</v>
      </c>
      <c r="I2639" s="40">
        <v>10.881995422331764</v>
      </c>
      <c r="J2639" s="40">
        <v>43.833317386905101</v>
      </c>
      <c r="K2639" s="40">
        <v>10.690416235244765</v>
      </c>
      <c r="L2639" s="40"/>
      <c r="M2639" s="40"/>
      <c r="N2639" s="40"/>
      <c r="Y2639">
        <v>26.549999999999997</v>
      </c>
      <c r="Z2639">
        <v>104.85</v>
      </c>
      <c r="AA2639">
        <v>8.6333380000000002</v>
      </c>
      <c r="AB2639">
        <v>4.5690260575374806</v>
      </c>
    </row>
    <row r="2640" spans="4:28" x14ac:dyDescent="0.25">
      <c r="D2640" s="40">
        <v>43.864913000001941</v>
      </c>
      <c r="E2640" s="40">
        <v>16.755688562534601</v>
      </c>
      <c r="F2640" s="40">
        <v>43.849999999999994</v>
      </c>
      <c r="G2640" s="40">
        <v>13.818599465930172</v>
      </c>
      <c r="H2640" s="40">
        <v>43.849999999999994</v>
      </c>
      <c r="I2640" s="40">
        <v>10.885348158475196</v>
      </c>
      <c r="J2640" s="40">
        <v>43.849984047619401</v>
      </c>
      <c r="K2640" s="40">
        <v>10.690416235244765</v>
      </c>
      <c r="L2640" s="40"/>
      <c r="M2640" s="40"/>
      <c r="N2640" s="40"/>
      <c r="Y2640">
        <v>26.56666700000001</v>
      </c>
      <c r="Z2640">
        <v>104.86666700000001</v>
      </c>
      <c r="AA2640">
        <v>8.6333710000000004</v>
      </c>
      <c r="AB2640">
        <v>4.5694257613206428</v>
      </c>
    </row>
    <row r="2641" spans="4:28" x14ac:dyDescent="0.25">
      <c r="D2641" s="40">
        <v>43.881579000001942</v>
      </c>
      <c r="E2641" s="40">
        <v>16.760389294695027</v>
      </c>
      <c r="F2641" s="40">
        <v>43.866666999999993</v>
      </c>
      <c r="G2641" s="40">
        <v>13.823354710020393</v>
      </c>
      <c r="H2641" s="40">
        <v>43.866667000000007</v>
      </c>
      <c r="I2641" s="40">
        <v>10.888700894618454</v>
      </c>
      <c r="J2641" s="40">
        <v>43.866650708333601</v>
      </c>
      <c r="K2641" s="40">
        <v>10.690416235244765</v>
      </c>
      <c r="L2641" s="40"/>
      <c r="M2641" s="40"/>
      <c r="N2641" s="40"/>
      <c r="Y2641">
        <v>26.583332999999996</v>
      </c>
      <c r="Z2641">
        <v>104.88333299999999</v>
      </c>
      <c r="AA2641">
        <v>8.6333710000000004</v>
      </c>
      <c r="AB2641">
        <v>4.5694257613206428</v>
      </c>
    </row>
    <row r="2642" spans="4:28" x14ac:dyDescent="0.25">
      <c r="D2642" s="40">
        <v>43.898245000001943</v>
      </c>
      <c r="E2642" s="40">
        <v>16.765232473284449</v>
      </c>
      <c r="F2642" s="40">
        <v>43.883332999999993</v>
      </c>
      <c r="G2642" s="40">
        <v>13.828109954110612</v>
      </c>
      <c r="H2642" s="40">
        <v>43.883334000000019</v>
      </c>
      <c r="I2642" s="40">
        <v>10.891955020875217</v>
      </c>
      <c r="J2642" s="40">
        <v>43.883317369047901</v>
      </c>
      <c r="K2642" s="40">
        <v>10.695267278953997</v>
      </c>
      <c r="L2642" s="40"/>
      <c r="M2642" s="40"/>
      <c r="N2642" s="40"/>
      <c r="Y2642">
        <v>26.600000000000009</v>
      </c>
      <c r="Z2642">
        <v>104.9</v>
      </c>
      <c r="AA2642">
        <v>8.6333710000000004</v>
      </c>
      <c r="AB2642">
        <v>4.5694257613206428</v>
      </c>
    </row>
    <row r="2643" spans="4:28" x14ac:dyDescent="0.25">
      <c r="D2643" s="40">
        <v>43.914911000001943</v>
      </c>
      <c r="E2643" s="40">
        <v>16.765232473284449</v>
      </c>
      <c r="F2643" s="40">
        <v>43.899999999999991</v>
      </c>
      <c r="G2643" s="40">
        <v>13.828109954110612</v>
      </c>
      <c r="H2643" s="40">
        <v>43.900000000000006</v>
      </c>
      <c r="I2643" s="40">
        <v>10.895307757018474</v>
      </c>
      <c r="J2643" s="40">
        <v>43.899984029762201</v>
      </c>
      <c r="K2643" s="40">
        <v>10.695267278953997</v>
      </c>
      <c r="L2643" s="40"/>
      <c r="M2643" s="40"/>
      <c r="N2643" s="40"/>
      <c r="Y2643">
        <v>26.616667000000007</v>
      </c>
      <c r="Z2643">
        <v>104.916667</v>
      </c>
      <c r="AA2643">
        <v>8.6333710000000004</v>
      </c>
      <c r="AB2643">
        <v>4.5694257613206428</v>
      </c>
    </row>
    <row r="2644" spans="4:28" x14ac:dyDescent="0.25">
      <c r="D2644" s="40">
        <v>43.931577000001944</v>
      </c>
      <c r="E2644" s="40">
        <v>16.770075651873995</v>
      </c>
      <c r="F2644" s="40">
        <v>43.91666699999999</v>
      </c>
      <c r="G2644" s="40">
        <v>13.832725338080387</v>
      </c>
      <c r="H2644" s="40">
        <v>43.916667000000018</v>
      </c>
      <c r="I2644" s="40">
        <v>10.898660493161731</v>
      </c>
      <c r="J2644" s="40">
        <v>43.916650690476501</v>
      </c>
      <c r="K2644" s="40">
        <v>10.700118322663229</v>
      </c>
      <c r="L2644" s="40"/>
      <c r="M2644" s="40"/>
      <c r="N2644" s="40"/>
      <c r="Y2644">
        <v>26.633333000000007</v>
      </c>
      <c r="Z2644">
        <v>104.933333</v>
      </c>
      <c r="AA2644">
        <v>8.6334049999999998</v>
      </c>
      <c r="AB2644">
        <v>4.5698375773396496</v>
      </c>
    </row>
    <row r="2645" spans="4:28" x14ac:dyDescent="0.25">
      <c r="D2645" s="40">
        <v>43.948243000001945</v>
      </c>
      <c r="E2645" s="40">
        <v>16.774776384034421</v>
      </c>
      <c r="F2645" s="40">
        <v>43.93333299999999</v>
      </c>
      <c r="G2645" s="40">
        <v>13.837480582170606</v>
      </c>
      <c r="H2645" s="40">
        <v>43.933334000000002</v>
      </c>
      <c r="I2645" s="40">
        <v>10.901914619418495</v>
      </c>
      <c r="J2645" s="40">
        <v>43.933317351190802</v>
      </c>
      <c r="K2645" s="40">
        <v>10.700118322663229</v>
      </c>
      <c r="L2645" s="40"/>
      <c r="M2645" s="40"/>
      <c r="N2645" s="40"/>
      <c r="Y2645">
        <v>26.650000000000006</v>
      </c>
      <c r="Z2645">
        <v>104.95</v>
      </c>
      <c r="AA2645">
        <v>8.6334049999999998</v>
      </c>
      <c r="AB2645">
        <v>4.5698375773396496</v>
      </c>
    </row>
    <row r="2646" spans="4:28" x14ac:dyDescent="0.25">
      <c r="D2646" s="40">
        <v>43.964909000001946</v>
      </c>
      <c r="E2646" s="40">
        <v>16.779619562623843</v>
      </c>
      <c r="F2646" s="40">
        <v>43.949999999999989</v>
      </c>
      <c r="G2646" s="40">
        <v>13.842235826260827</v>
      </c>
      <c r="H2646" s="40">
        <v>43.950000000000017</v>
      </c>
      <c r="I2646" s="40">
        <v>10.901914619418495</v>
      </c>
      <c r="J2646" s="40">
        <v>43.949984011905102</v>
      </c>
      <c r="K2646" s="40">
        <v>10.704826688616164</v>
      </c>
      <c r="L2646" s="40"/>
      <c r="M2646" s="40"/>
      <c r="N2646" s="40"/>
      <c r="Y2646">
        <v>26.666667000000004</v>
      </c>
      <c r="Z2646">
        <v>104.966667</v>
      </c>
      <c r="AA2646">
        <v>8.6334049999999998</v>
      </c>
      <c r="AB2646">
        <v>4.5698375773396496</v>
      </c>
    </row>
    <row r="2647" spans="4:28" x14ac:dyDescent="0.25">
      <c r="D2647" s="40">
        <v>43.981575000001946</v>
      </c>
      <c r="E2647" s="40">
        <v>16.784462741213392</v>
      </c>
      <c r="F2647" s="40">
        <v>43.966667000000001</v>
      </c>
      <c r="G2647" s="40">
        <v>13.846851210230602</v>
      </c>
      <c r="H2647" s="40">
        <v>43.966667000000001</v>
      </c>
      <c r="I2647" s="40">
        <v>10.905267355561927</v>
      </c>
      <c r="J2647" s="40">
        <v>43.966650672619402</v>
      </c>
      <c r="K2647" s="40">
        <v>10.709677732325396</v>
      </c>
      <c r="L2647" s="40"/>
      <c r="M2647" s="40"/>
      <c r="N2647" s="40"/>
      <c r="Y2647">
        <v>26.683333000000005</v>
      </c>
      <c r="Z2647">
        <v>104.983333</v>
      </c>
      <c r="AA2647">
        <v>8.6334389999999992</v>
      </c>
      <c r="AB2647">
        <v>4.5702493933586554</v>
      </c>
    </row>
    <row r="2648" spans="4:28" x14ac:dyDescent="0.25">
      <c r="D2648" s="40">
        <v>43.998241000001947</v>
      </c>
      <c r="E2648" s="40">
        <v>16.789163473373819</v>
      </c>
      <c r="F2648" s="40">
        <v>43.983332999999988</v>
      </c>
      <c r="G2648" s="40">
        <v>13.851606454320821</v>
      </c>
      <c r="H2648" s="40">
        <v>43.983334000000013</v>
      </c>
      <c r="I2648" s="40">
        <v>10.908620091705185</v>
      </c>
      <c r="J2648" s="40">
        <v>43.983317333333602</v>
      </c>
      <c r="K2648" s="40">
        <v>10.709677732325396</v>
      </c>
      <c r="L2648" s="40"/>
      <c r="M2648" s="40"/>
      <c r="N2648" s="40"/>
      <c r="Y2648">
        <v>26.700000000000003</v>
      </c>
      <c r="Z2648">
        <v>105</v>
      </c>
      <c r="AA2648">
        <v>8.6334389999999992</v>
      </c>
      <c r="AB2648">
        <v>4.5702493933586554</v>
      </c>
    </row>
    <row r="2649" spans="4:28" x14ac:dyDescent="0.25">
      <c r="D2649" s="40">
        <v>44.014907000001948</v>
      </c>
      <c r="E2649" s="40">
        <v>16.794006651963365</v>
      </c>
      <c r="F2649" s="40">
        <v>44</v>
      </c>
      <c r="G2649" s="40">
        <v>13.856361698411041</v>
      </c>
      <c r="H2649" s="40">
        <v>44</v>
      </c>
      <c r="I2649" s="40">
        <v>10.911874217961948</v>
      </c>
      <c r="J2649" s="40">
        <v>43.999983994047902</v>
      </c>
      <c r="K2649" s="40">
        <v>10.714528776034628</v>
      </c>
      <c r="L2649" s="40"/>
      <c r="M2649" s="40"/>
      <c r="N2649" s="40"/>
      <c r="Y2649">
        <v>26.716667000000001</v>
      </c>
      <c r="Z2649">
        <v>105.016667</v>
      </c>
      <c r="AA2649">
        <v>8.6334719999999994</v>
      </c>
      <c r="AB2649">
        <v>4.5706490971418168</v>
      </c>
    </row>
    <row r="2650" spans="4:28" x14ac:dyDescent="0.25">
      <c r="D2650" s="40">
        <v>44.031573000001949</v>
      </c>
      <c r="E2650" s="40">
        <v>16.798849830552786</v>
      </c>
      <c r="F2650" s="40">
        <v>44.016666999999998</v>
      </c>
      <c r="G2650" s="40">
        <v>13.860977082380941</v>
      </c>
      <c r="H2650" s="40">
        <v>44.016667000000012</v>
      </c>
      <c r="I2650" s="40">
        <v>10.915226954105202</v>
      </c>
      <c r="J2650" s="40">
        <v>44.016650654762202</v>
      </c>
      <c r="K2650" s="40">
        <v>10.714528776034628</v>
      </c>
      <c r="L2650" s="40"/>
      <c r="M2650" s="40"/>
      <c r="N2650" s="40"/>
      <c r="Y2650">
        <v>26.733333000000002</v>
      </c>
      <c r="Z2650">
        <v>105.033333</v>
      </c>
      <c r="AA2650">
        <v>8.6334719999999994</v>
      </c>
      <c r="AB2650">
        <v>4.5706490971418168</v>
      </c>
    </row>
    <row r="2651" spans="4:28" x14ac:dyDescent="0.25">
      <c r="D2651" s="40">
        <v>44.048239000001949</v>
      </c>
      <c r="E2651" s="40">
        <v>16.808393741302758</v>
      </c>
      <c r="F2651" s="40">
        <v>44.033332999999999</v>
      </c>
      <c r="G2651" s="40">
        <v>13.860977082380941</v>
      </c>
      <c r="H2651" s="40">
        <v>44.033333999999996</v>
      </c>
      <c r="I2651" s="40">
        <v>10.918579690248636</v>
      </c>
      <c r="J2651" s="40">
        <v>44.033317315476502</v>
      </c>
      <c r="K2651" s="40">
        <v>10.714528776034628</v>
      </c>
      <c r="L2651" s="40"/>
      <c r="M2651" s="40"/>
      <c r="N2651" s="40"/>
      <c r="Y2651">
        <v>26.75</v>
      </c>
      <c r="Z2651">
        <v>105.05</v>
      </c>
      <c r="AA2651">
        <v>8.6334719999999994</v>
      </c>
      <c r="AB2651">
        <v>4.5706490971418168</v>
      </c>
    </row>
    <row r="2652" spans="4:28" x14ac:dyDescent="0.25">
      <c r="D2652" s="40">
        <v>44.06490500000195</v>
      </c>
      <c r="E2652" s="40">
        <v>16.813236919892184</v>
      </c>
      <c r="F2652" s="40">
        <v>44.05</v>
      </c>
      <c r="G2652" s="40">
        <v>13.865732326471036</v>
      </c>
      <c r="H2652" s="40">
        <v>44.050000000000011</v>
      </c>
      <c r="I2652" s="40">
        <v>10.921833816505224</v>
      </c>
      <c r="J2652" s="40">
        <v>44.049983976190802</v>
      </c>
      <c r="K2652" s="40">
        <v>10.719237141987561</v>
      </c>
      <c r="L2652" s="40"/>
      <c r="M2652" s="40"/>
      <c r="N2652" s="40"/>
      <c r="Y2652">
        <v>26.766666999999998</v>
      </c>
      <c r="Z2652">
        <v>105.066667</v>
      </c>
      <c r="AA2652">
        <v>8.6335060000000006</v>
      </c>
      <c r="AB2652">
        <v>4.5710609131608448</v>
      </c>
    </row>
    <row r="2653" spans="4:28" x14ac:dyDescent="0.25">
      <c r="D2653" s="40">
        <v>44.081571000001951</v>
      </c>
      <c r="E2653" s="40">
        <v>16.817937652052606</v>
      </c>
      <c r="F2653" s="40">
        <v>44.066666999999995</v>
      </c>
      <c r="G2653" s="40">
        <v>13.870487570561256</v>
      </c>
      <c r="H2653" s="40">
        <v>44.066666999999995</v>
      </c>
      <c r="I2653" s="40">
        <v>10.925186552648656</v>
      </c>
      <c r="J2653" s="40">
        <v>44.066650636905102</v>
      </c>
      <c r="K2653" s="40">
        <v>10.719237141987561</v>
      </c>
      <c r="L2653" s="40"/>
      <c r="M2653" s="40"/>
      <c r="N2653" s="40"/>
      <c r="Y2653">
        <v>26.783332999999999</v>
      </c>
      <c r="Z2653">
        <v>105.083333</v>
      </c>
      <c r="AA2653">
        <v>8.6335060000000006</v>
      </c>
      <c r="AB2653">
        <v>4.5710609131608448</v>
      </c>
    </row>
    <row r="2654" spans="4:28" x14ac:dyDescent="0.25">
      <c r="D2654" s="40">
        <v>44.098237000001951</v>
      </c>
      <c r="E2654" s="40">
        <v>16.822780830642159</v>
      </c>
      <c r="F2654" s="40">
        <v>44.083332999999996</v>
      </c>
      <c r="G2654" s="40">
        <v>13.875102954531156</v>
      </c>
      <c r="H2654" s="40">
        <v>44.083334000000008</v>
      </c>
      <c r="I2654" s="40">
        <v>10.928539288791914</v>
      </c>
      <c r="J2654" s="40">
        <v>44.083317297619402</v>
      </c>
      <c r="K2654" s="40">
        <v>10.719237141987561</v>
      </c>
      <c r="L2654" s="40"/>
      <c r="M2654" s="40"/>
      <c r="N2654" s="40"/>
      <c r="Y2654">
        <v>26.799999999999997</v>
      </c>
      <c r="Z2654">
        <v>105.1</v>
      </c>
      <c r="AA2654">
        <v>8.63354</v>
      </c>
      <c r="AB2654">
        <v>4.5714727291798516</v>
      </c>
    </row>
    <row r="2655" spans="4:28" x14ac:dyDescent="0.25">
      <c r="D2655" s="40">
        <v>44.114903000001952</v>
      </c>
      <c r="E2655" s="40">
        <v>16.827624009231581</v>
      </c>
      <c r="F2655" s="40">
        <v>44.099999999999994</v>
      </c>
      <c r="G2655" s="40">
        <v>13.87985819862125</v>
      </c>
      <c r="H2655" s="40">
        <v>44.099999999999994</v>
      </c>
      <c r="I2655" s="40">
        <v>10.931793415048677</v>
      </c>
      <c r="J2655" s="40">
        <v>44.099983958333603</v>
      </c>
      <c r="K2655" s="40">
        <v>10.724088185696793</v>
      </c>
      <c r="L2655" s="40"/>
      <c r="M2655" s="40"/>
      <c r="N2655" s="40"/>
      <c r="Y2655">
        <v>26.81666700000001</v>
      </c>
      <c r="Z2655">
        <v>105.11666700000001</v>
      </c>
      <c r="AA2655">
        <v>8.63354</v>
      </c>
      <c r="AB2655">
        <v>4.5714727291798516</v>
      </c>
    </row>
    <row r="2656" spans="4:28" x14ac:dyDescent="0.25">
      <c r="D2656" s="40">
        <v>44.131569000001953</v>
      </c>
      <c r="E2656" s="40">
        <v>16.832324741392004</v>
      </c>
      <c r="F2656" s="40">
        <v>44.116666999999993</v>
      </c>
      <c r="G2656" s="40">
        <v>13.87985819862125</v>
      </c>
      <c r="H2656" s="40">
        <v>44.116667000000007</v>
      </c>
      <c r="I2656" s="40">
        <v>10.935146151191933</v>
      </c>
      <c r="J2656" s="40">
        <v>44.116650619047903</v>
      </c>
      <c r="K2656" s="40">
        <v>10.724088185696793</v>
      </c>
      <c r="L2656" s="40"/>
      <c r="M2656" s="40"/>
      <c r="N2656" s="40"/>
      <c r="Y2656">
        <v>26.833332999999996</v>
      </c>
      <c r="Z2656">
        <v>105.13333299999999</v>
      </c>
      <c r="AA2656">
        <v>8.63354</v>
      </c>
      <c r="AB2656">
        <v>4.5714727291798516</v>
      </c>
    </row>
    <row r="2657" spans="4:28" x14ac:dyDescent="0.25">
      <c r="D2657" s="40">
        <v>44.148235000001954</v>
      </c>
      <c r="E2657" s="40">
        <v>16.837167919981553</v>
      </c>
      <c r="F2657" s="40">
        <v>44.133332999999993</v>
      </c>
      <c r="G2657" s="40">
        <v>13.884613442711471</v>
      </c>
      <c r="H2657" s="40">
        <v>44.133334000000019</v>
      </c>
      <c r="I2657" s="40">
        <v>10.938498887335367</v>
      </c>
      <c r="J2657" s="40">
        <v>44.133317279762203</v>
      </c>
      <c r="K2657" s="40">
        <v>10.724088185696793</v>
      </c>
      <c r="L2657" s="40"/>
      <c r="M2657" s="40"/>
      <c r="N2657" s="40"/>
      <c r="Y2657">
        <v>26.850000000000009</v>
      </c>
      <c r="Z2657">
        <v>105.15</v>
      </c>
      <c r="AA2657">
        <v>8.6335730000000002</v>
      </c>
      <c r="AB2657">
        <v>4.5718724329630138</v>
      </c>
    </row>
    <row r="2658" spans="4:28" x14ac:dyDescent="0.25">
      <c r="D2658" s="40">
        <v>44.164901000001954</v>
      </c>
      <c r="E2658" s="40">
        <v>16.842011098570975</v>
      </c>
      <c r="F2658" s="40">
        <v>44.149999999999991</v>
      </c>
      <c r="G2658" s="40">
        <v>13.889228826681371</v>
      </c>
      <c r="H2658" s="40">
        <v>44.150000000000006</v>
      </c>
      <c r="I2658" s="40">
        <v>10.941753013592129</v>
      </c>
      <c r="J2658" s="40">
        <v>44.149983940476503</v>
      </c>
      <c r="K2658" s="40">
        <v>10.724088185696793</v>
      </c>
      <c r="L2658" s="40"/>
      <c r="M2658" s="40"/>
      <c r="N2658" s="40"/>
      <c r="Y2658">
        <v>26.866667000000007</v>
      </c>
      <c r="Z2658">
        <v>105.166667</v>
      </c>
      <c r="AA2658">
        <v>8.6335730000000002</v>
      </c>
      <c r="AB2658">
        <v>4.5718724329630138</v>
      </c>
    </row>
    <row r="2659" spans="4:28" x14ac:dyDescent="0.25">
      <c r="D2659" s="40">
        <v>44.181567000001955</v>
      </c>
      <c r="E2659" s="40">
        <v>16.842011098570975</v>
      </c>
      <c r="F2659" s="40">
        <v>44.16666699999999</v>
      </c>
      <c r="G2659" s="40">
        <v>13.893984070771465</v>
      </c>
      <c r="H2659" s="40">
        <v>44.166667000000018</v>
      </c>
      <c r="I2659" s="40">
        <v>10.945105749735387</v>
      </c>
      <c r="J2659" s="40">
        <v>44.166650601190803</v>
      </c>
      <c r="K2659" s="40">
        <v>10.724088185696793</v>
      </c>
      <c r="L2659" s="40"/>
      <c r="M2659" s="40"/>
      <c r="N2659" s="40"/>
      <c r="Y2659">
        <v>26.883333000000007</v>
      </c>
      <c r="Z2659">
        <v>105.183333</v>
      </c>
      <c r="AA2659">
        <v>8.6335730000000002</v>
      </c>
      <c r="AB2659">
        <v>4.5718724329630138</v>
      </c>
    </row>
    <row r="2660" spans="4:28" x14ac:dyDescent="0.25">
      <c r="D2660" s="40">
        <v>44.198233000001956</v>
      </c>
      <c r="E2660" s="40">
        <v>16.846711830731401</v>
      </c>
      <c r="F2660" s="40">
        <v>44.18333299999999</v>
      </c>
      <c r="G2660" s="40">
        <v>13.893984070771465</v>
      </c>
      <c r="H2660" s="40">
        <v>44.183334000000002</v>
      </c>
      <c r="I2660" s="40">
        <v>10.945105749735387</v>
      </c>
      <c r="J2660" s="40">
        <v>44.183317261905103</v>
      </c>
      <c r="K2660" s="40">
        <v>10.724088185696793</v>
      </c>
      <c r="L2660" s="40"/>
      <c r="M2660" s="40"/>
      <c r="N2660" s="40"/>
      <c r="Y2660">
        <v>26.900000000000006</v>
      </c>
      <c r="Z2660">
        <v>105.2</v>
      </c>
      <c r="AA2660">
        <v>8.6336069999999996</v>
      </c>
      <c r="AB2660">
        <v>4.5722842489820197</v>
      </c>
    </row>
    <row r="2661" spans="4:28" x14ac:dyDescent="0.25">
      <c r="D2661" s="40">
        <v>44.214899000001957</v>
      </c>
      <c r="E2661" s="40">
        <v>16.851555009320947</v>
      </c>
      <c r="F2661" s="40">
        <v>44.199999999999989</v>
      </c>
      <c r="G2661" s="40">
        <v>13.898739314861684</v>
      </c>
      <c r="H2661" s="40">
        <v>44.200000000000017</v>
      </c>
      <c r="I2661" s="40">
        <v>10.948458485878644</v>
      </c>
      <c r="J2661" s="40">
        <v>44.199983922619403</v>
      </c>
      <c r="K2661" s="40">
        <v>10.728939229406025</v>
      </c>
      <c r="L2661" s="40"/>
      <c r="M2661" s="40"/>
      <c r="N2661" s="40"/>
      <c r="Y2661">
        <v>26.916667000000004</v>
      </c>
      <c r="Z2661">
        <v>105.216667</v>
      </c>
      <c r="AA2661">
        <v>8.6336069999999996</v>
      </c>
      <c r="AB2661">
        <v>4.5722842489820197</v>
      </c>
    </row>
    <row r="2662" spans="4:28" x14ac:dyDescent="0.25">
      <c r="D2662" s="40">
        <v>44.231565000001957</v>
      </c>
      <c r="E2662" s="40">
        <v>16.856398187910496</v>
      </c>
      <c r="F2662" s="40">
        <v>44.216667000000001</v>
      </c>
      <c r="G2662" s="40">
        <v>13.898739314861684</v>
      </c>
      <c r="H2662" s="40">
        <v>44.216667000000001</v>
      </c>
      <c r="I2662" s="40">
        <v>10.951712612135408</v>
      </c>
      <c r="J2662" s="40">
        <v>44.216650583333603</v>
      </c>
      <c r="K2662" s="40">
        <v>10.728939229406025</v>
      </c>
      <c r="L2662" s="40"/>
      <c r="M2662" s="40"/>
      <c r="N2662" s="40"/>
      <c r="Y2662">
        <v>26.933333000000005</v>
      </c>
      <c r="Z2662">
        <v>105.233333</v>
      </c>
      <c r="AA2662">
        <v>8.6336069999999996</v>
      </c>
      <c r="AB2662">
        <v>4.5722842489820197</v>
      </c>
    </row>
    <row r="2663" spans="4:28" x14ac:dyDescent="0.25">
      <c r="D2663" s="40">
        <v>44.248231000001958</v>
      </c>
      <c r="E2663" s="40">
        <v>16.861241366499918</v>
      </c>
      <c r="F2663" s="40">
        <v>44.233332999999988</v>
      </c>
      <c r="G2663" s="40">
        <v>13.903494558951904</v>
      </c>
      <c r="H2663" s="40">
        <v>44.233334000000013</v>
      </c>
      <c r="I2663" s="40">
        <v>10.955065348278664</v>
      </c>
      <c r="J2663" s="40">
        <v>44.233317244047903</v>
      </c>
      <c r="K2663" s="40">
        <v>10.728939229406025</v>
      </c>
      <c r="L2663" s="40"/>
      <c r="M2663" s="40"/>
      <c r="N2663" s="40"/>
      <c r="Y2663">
        <v>26.950000000000003</v>
      </c>
      <c r="Z2663">
        <v>105.25</v>
      </c>
      <c r="AA2663">
        <v>8.6336410000000008</v>
      </c>
      <c r="AB2663">
        <v>4.5726960650010477</v>
      </c>
    </row>
    <row r="2664" spans="4:28" x14ac:dyDescent="0.25">
      <c r="D2664" s="40">
        <v>44.264897000001959</v>
      </c>
      <c r="E2664" s="40">
        <v>16.865942098660344</v>
      </c>
      <c r="F2664" s="40">
        <v>44.25</v>
      </c>
      <c r="G2664" s="40">
        <v>13.908109942921802</v>
      </c>
      <c r="H2664" s="40">
        <v>44.25</v>
      </c>
      <c r="I2664" s="40">
        <v>10.958418084422096</v>
      </c>
      <c r="J2664" s="40">
        <v>44.249983904762203</v>
      </c>
      <c r="K2664" s="40">
        <v>10.728939229406025</v>
      </c>
      <c r="L2664" s="40"/>
      <c r="M2664" s="40"/>
      <c r="N2664" s="40"/>
      <c r="Y2664">
        <v>26.966667000000001</v>
      </c>
      <c r="Z2664">
        <v>105.266667</v>
      </c>
      <c r="AA2664">
        <v>8.6336410000000008</v>
      </c>
      <c r="AB2664">
        <v>4.5726960650010477</v>
      </c>
    </row>
    <row r="2665" spans="4:28" x14ac:dyDescent="0.25">
      <c r="D2665" s="40">
        <v>44.28156300000196</v>
      </c>
      <c r="E2665" s="40">
        <v>16.870785277249894</v>
      </c>
      <c r="F2665" s="40">
        <v>44.266666999999998</v>
      </c>
      <c r="G2665" s="40">
        <v>13.912865187011899</v>
      </c>
      <c r="H2665" s="40">
        <v>44.266667000000012</v>
      </c>
      <c r="I2665" s="40">
        <v>10.961672210678859</v>
      </c>
      <c r="J2665" s="40">
        <v>44.266650565476503</v>
      </c>
      <c r="K2665" s="40">
        <v>10.728939229406025</v>
      </c>
      <c r="L2665" s="40"/>
      <c r="M2665" s="40"/>
      <c r="N2665" s="40"/>
      <c r="Y2665">
        <v>26.983333000000002</v>
      </c>
      <c r="Z2665">
        <v>105.283333</v>
      </c>
      <c r="AA2665">
        <v>8.6336739999999992</v>
      </c>
      <c r="AB2665">
        <v>4.5730957687841887</v>
      </c>
    </row>
    <row r="2666" spans="4:28" x14ac:dyDescent="0.25">
      <c r="D2666" s="40">
        <v>44.29822900000196</v>
      </c>
      <c r="E2666" s="40">
        <v>16.875628455839315</v>
      </c>
      <c r="F2666" s="40">
        <v>44.283332999999999</v>
      </c>
      <c r="G2666" s="40">
        <v>13.917620431102119</v>
      </c>
      <c r="H2666" s="40">
        <v>44.283333999999996</v>
      </c>
      <c r="I2666" s="40">
        <v>10.961672210678859</v>
      </c>
      <c r="J2666" s="40">
        <v>44.283317226190803</v>
      </c>
      <c r="K2666" s="40">
        <v>10.733647595359086</v>
      </c>
      <c r="L2666" s="40"/>
      <c r="M2666" s="40"/>
      <c r="N2666" s="40"/>
      <c r="Y2666">
        <v>27</v>
      </c>
      <c r="Z2666">
        <v>105.3</v>
      </c>
      <c r="AA2666">
        <v>8.6336739999999992</v>
      </c>
      <c r="AB2666">
        <v>4.5730957687841887</v>
      </c>
    </row>
    <row r="2667" spans="4:28" x14ac:dyDescent="0.25">
      <c r="D2667" s="40">
        <v>44.314895000001961</v>
      </c>
      <c r="E2667" s="40">
        <v>16.880329187999742</v>
      </c>
      <c r="F2667" s="40">
        <v>44.3</v>
      </c>
      <c r="G2667" s="40">
        <v>13.917620431102119</v>
      </c>
      <c r="H2667" s="40">
        <v>44.300000000000011</v>
      </c>
      <c r="I2667" s="40">
        <v>10.965024946822115</v>
      </c>
      <c r="J2667" s="40">
        <v>44.299983886905103</v>
      </c>
      <c r="K2667" s="40">
        <v>10.733647595359086</v>
      </c>
      <c r="L2667" s="40"/>
      <c r="M2667" s="40"/>
      <c r="N2667" s="40"/>
      <c r="Y2667">
        <v>27.016666999999998</v>
      </c>
      <c r="Z2667">
        <v>105.316667</v>
      </c>
      <c r="AA2667">
        <v>8.6336739999999992</v>
      </c>
      <c r="AB2667">
        <v>4.5730957687841887</v>
      </c>
    </row>
    <row r="2668" spans="4:28" x14ac:dyDescent="0.25">
      <c r="D2668" s="40">
        <v>44.331561000001962</v>
      </c>
      <c r="E2668" s="40">
        <v>16.880329187999742</v>
      </c>
      <c r="F2668" s="40">
        <v>44.316666999999995</v>
      </c>
      <c r="G2668" s="40">
        <v>13.922235815072018</v>
      </c>
      <c r="H2668" s="40">
        <v>44.316666999999995</v>
      </c>
      <c r="I2668" s="40">
        <v>10.968377682965373</v>
      </c>
      <c r="J2668" s="40">
        <v>44.316650547619403</v>
      </c>
      <c r="K2668" s="40">
        <v>10.733647595359086</v>
      </c>
      <c r="L2668" s="40"/>
      <c r="M2668" s="40"/>
      <c r="N2668" s="40"/>
      <c r="Y2668">
        <v>27.033332999999999</v>
      </c>
      <c r="Z2668">
        <v>105.333333</v>
      </c>
      <c r="AA2668">
        <v>8.6337080000000004</v>
      </c>
      <c r="AB2668">
        <v>4.5735075848032158</v>
      </c>
    </row>
    <row r="2669" spans="4:28" x14ac:dyDescent="0.25">
      <c r="D2669" s="40">
        <v>44.348227000001962</v>
      </c>
      <c r="E2669" s="40">
        <v>16.885172366589288</v>
      </c>
      <c r="F2669" s="40">
        <v>44.333332999999996</v>
      </c>
      <c r="G2669" s="40">
        <v>13.926991059162114</v>
      </c>
      <c r="H2669" s="40">
        <v>44.333334000000008</v>
      </c>
      <c r="I2669" s="40">
        <v>10.968377682965373</v>
      </c>
      <c r="J2669" s="40">
        <v>44.333317208333597</v>
      </c>
      <c r="K2669" s="40">
        <v>10.733647595359086</v>
      </c>
      <c r="L2669" s="40"/>
      <c r="M2669" s="40"/>
      <c r="N2669" s="40"/>
      <c r="Y2669">
        <v>27.049999999999997</v>
      </c>
      <c r="Z2669">
        <v>105.35</v>
      </c>
      <c r="AA2669">
        <v>8.6337080000000004</v>
      </c>
      <c r="AB2669">
        <v>4.5735075848032158</v>
      </c>
    </row>
    <row r="2670" spans="4:28" x14ac:dyDescent="0.25">
      <c r="D2670" s="40">
        <v>44.364893000001963</v>
      </c>
      <c r="E2670" s="40">
        <v>16.885172366589288</v>
      </c>
      <c r="F2670" s="40">
        <v>44.349999999999994</v>
      </c>
      <c r="G2670" s="40">
        <v>13.931746303252334</v>
      </c>
      <c r="H2670" s="40">
        <v>44.349999999999994</v>
      </c>
      <c r="I2670" s="40">
        <v>10.971730419108805</v>
      </c>
      <c r="J2670" s="40">
        <v>44.349983869047897</v>
      </c>
      <c r="K2670" s="40">
        <v>10.738498639068192</v>
      </c>
      <c r="L2670" s="40"/>
      <c r="M2670" s="40"/>
      <c r="N2670" s="40"/>
      <c r="Y2670">
        <v>27.06666700000001</v>
      </c>
      <c r="Z2670">
        <v>105.36666700000001</v>
      </c>
      <c r="AA2670">
        <v>8.6337410000000006</v>
      </c>
      <c r="AB2670">
        <v>4.5739072885863781</v>
      </c>
    </row>
    <row r="2671" spans="4:28" x14ac:dyDescent="0.25">
      <c r="D2671" s="40">
        <v>44.381559000001964</v>
      </c>
      <c r="E2671" s="40">
        <v>16.890015545178709</v>
      </c>
      <c r="F2671" s="40">
        <v>44.366666999999993</v>
      </c>
      <c r="G2671" s="40">
        <v>13.936361687222233</v>
      </c>
      <c r="H2671" s="40">
        <v>44.366667000000007</v>
      </c>
      <c r="I2671" s="40">
        <v>10.974984545365569</v>
      </c>
      <c r="J2671" s="40">
        <v>44.366650529762197</v>
      </c>
      <c r="K2671" s="40">
        <v>10.738498639068192</v>
      </c>
      <c r="L2671" s="40"/>
      <c r="M2671" s="40"/>
      <c r="N2671" s="40"/>
      <c r="Y2671">
        <v>27.083332999999996</v>
      </c>
      <c r="Z2671">
        <v>105.38333299999999</v>
      </c>
      <c r="AA2671">
        <v>8.6337410000000006</v>
      </c>
      <c r="AB2671">
        <v>4.5739072885863781</v>
      </c>
    </row>
    <row r="2672" spans="4:28" x14ac:dyDescent="0.25">
      <c r="D2672" s="40">
        <v>44.398225000001965</v>
      </c>
      <c r="E2672" s="40">
        <v>16.890015545178709</v>
      </c>
      <c r="F2672" s="40">
        <v>44.383332999999993</v>
      </c>
      <c r="G2672" s="40">
        <v>13.936361687222233</v>
      </c>
      <c r="H2672" s="40">
        <v>44.383334000000019</v>
      </c>
      <c r="I2672" s="40">
        <v>10.978337281508827</v>
      </c>
      <c r="J2672" s="40">
        <v>44.383317190476497</v>
      </c>
      <c r="K2672" s="40">
        <v>10.738498639068192</v>
      </c>
      <c r="L2672" s="40"/>
      <c r="M2672" s="40"/>
      <c r="N2672" s="40"/>
      <c r="Y2672">
        <v>27.100000000000009</v>
      </c>
      <c r="Z2672">
        <v>105.4</v>
      </c>
      <c r="AA2672">
        <v>8.633775</v>
      </c>
      <c r="AB2672">
        <v>4.5743191046053848</v>
      </c>
    </row>
    <row r="2673" spans="4:28" x14ac:dyDescent="0.25">
      <c r="D2673" s="40">
        <v>44.414891000001965</v>
      </c>
      <c r="E2673" s="40">
        <v>16.894716277339136</v>
      </c>
      <c r="F2673" s="40">
        <v>44.399999999999991</v>
      </c>
      <c r="G2673" s="40">
        <v>13.941116931312328</v>
      </c>
      <c r="H2673" s="40">
        <v>44.400000000000006</v>
      </c>
      <c r="I2673" s="40">
        <v>10.978337281508827</v>
      </c>
      <c r="J2673" s="40">
        <v>44.399983851190797</v>
      </c>
      <c r="K2673" s="40">
        <v>10.743349682777422</v>
      </c>
      <c r="L2673" s="40"/>
      <c r="M2673" s="40"/>
      <c r="N2673" s="40"/>
      <c r="Y2673">
        <v>27.116667000000007</v>
      </c>
      <c r="Z2673">
        <v>105.416667</v>
      </c>
      <c r="AA2673">
        <v>8.633775</v>
      </c>
      <c r="AB2673">
        <v>4.5743191046053848</v>
      </c>
    </row>
    <row r="2674" spans="4:28" x14ac:dyDescent="0.25">
      <c r="D2674" s="40">
        <v>44.431557000001966</v>
      </c>
      <c r="E2674" s="40">
        <v>16.894716277339136</v>
      </c>
      <c r="F2674" s="40">
        <v>44.41666699999999</v>
      </c>
      <c r="G2674" s="40">
        <v>13.945872175402549</v>
      </c>
      <c r="H2674" s="40">
        <v>44.416667000000018</v>
      </c>
      <c r="I2674" s="40">
        <v>10.981690017652083</v>
      </c>
      <c r="J2674" s="40">
        <v>44.416650511905097</v>
      </c>
      <c r="K2674" s="40">
        <v>10.743349682777422</v>
      </c>
      <c r="L2674" s="40"/>
      <c r="M2674" s="40"/>
      <c r="N2674" s="40"/>
      <c r="Y2674">
        <v>27.133333000000007</v>
      </c>
      <c r="Z2674">
        <v>105.433333</v>
      </c>
      <c r="AA2674">
        <v>8.633775</v>
      </c>
      <c r="AB2674">
        <v>4.5743191046053848</v>
      </c>
    </row>
    <row r="2675" spans="4:28" x14ac:dyDescent="0.25">
      <c r="D2675" s="40">
        <v>44.448223000001967</v>
      </c>
      <c r="E2675" s="40">
        <v>16.894716277339136</v>
      </c>
      <c r="F2675" s="40">
        <v>44.43333299999999</v>
      </c>
      <c r="G2675" s="40">
        <v>13.950487559372448</v>
      </c>
      <c r="H2675" s="40">
        <v>44.433334000000002</v>
      </c>
      <c r="I2675" s="40">
        <v>10.984944143908846</v>
      </c>
      <c r="J2675" s="40">
        <v>44.433317172619397</v>
      </c>
      <c r="K2675" s="40">
        <v>10.743349682777422</v>
      </c>
      <c r="L2675" s="40"/>
      <c r="M2675" s="40"/>
      <c r="N2675" s="40"/>
      <c r="Y2675">
        <v>27.150000000000006</v>
      </c>
      <c r="Z2675">
        <v>105.45</v>
      </c>
      <c r="AA2675">
        <v>8.633775</v>
      </c>
      <c r="AB2675">
        <v>4.5743191046053848</v>
      </c>
    </row>
    <row r="2676" spans="4:28" x14ac:dyDescent="0.25">
      <c r="D2676" s="40">
        <v>44.464889000001968</v>
      </c>
      <c r="E2676" s="40">
        <v>16.899559455928685</v>
      </c>
      <c r="F2676" s="40">
        <v>44.449999999999989</v>
      </c>
      <c r="G2676" s="40">
        <v>13.950487559372448</v>
      </c>
      <c r="H2676" s="40">
        <v>44.450000000000017</v>
      </c>
      <c r="I2676" s="40">
        <v>10.984944143908846</v>
      </c>
      <c r="J2676" s="40">
        <v>44.449983833333597</v>
      </c>
      <c r="K2676" s="40">
        <v>10.748058048730483</v>
      </c>
      <c r="L2676" s="40"/>
      <c r="M2676" s="40"/>
      <c r="N2676" s="40"/>
      <c r="Y2676">
        <v>27.166667000000004</v>
      </c>
      <c r="Z2676">
        <v>105.466667</v>
      </c>
      <c r="AA2676">
        <v>8.6338089999999994</v>
      </c>
      <c r="AB2676">
        <v>4.5747309206243907</v>
      </c>
    </row>
    <row r="2677" spans="4:28" x14ac:dyDescent="0.25">
      <c r="D2677" s="40">
        <v>44.481555000001968</v>
      </c>
      <c r="E2677" s="40">
        <v>16.899559455928685</v>
      </c>
      <c r="F2677" s="40">
        <v>44.466667000000001</v>
      </c>
      <c r="G2677" s="40">
        <v>13.955242803462543</v>
      </c>
      <c r="H2677" s="40">
        <v>44.466667000000001</v>
      </c>
      <c r="I2677" s="40">
        <v>10.988296880052104</v>
      </c>
      <c r="J2677" s="40">
        <v>44.466650494047897</v>
      </c>
      <c r="K2677" s="40">
        <v>10.748058048730483</v>
      </c>
      <c r="L2677" s="40"/>
      <c r="M2677" s="40"/>
      <c r="N2677" s="40"/>
      <c r="Y2677">
        <v>27.183333000000005</v>
      </c>
      <c r="Z2677">
        <v>105.483333</v>
      </c>
      <c r="AA2677">
        <v>8.6338089999999994</v>
      </c>
      <c r="AB2677">
        <v>4.5747309206243907</v>
      </c>
    </row>
    <row r="2678" spans="4:28" x14ac:dyDescent="0.25">
      <c r="D2678" s="40">
        <v>44.498221000001969</v>
      </c>
      <c r="E2678" s="40">
        <v>16.899559455928685</v>
      </c>
      <c r="F2678" s="40">
        <v>44.483332999999988</v>
      </c>
      <c r="G2678" s="40">
        <v>13.959998047552762</v>
      </c>
      <c r="H2678" s="40">
        <v>44.483334000000013</v>
      </c>
      <c r="I2678" s="40">
        <v>10.988296880052104</v>
      </c>
      <c r="J2678" s="40">
        <v>44.483317154762197</v>
      </c>
      <c r="K2678" s="40">
        <v>10.752909092439589</v>
      </c>
      <c r="L2678" s="40"/>
      <c r="M2678" s="40"/>
      <c r="N2678" s="40"/>
      <c r="Y2678">
        <v>27.200000000000003</v>
      </c>
      <c r="Z2678">
        <v>105.5</v>
      </c>
      <c r="AA2678">
        <v>8.6338089999999994</v>
      </c>
      <c r="AB2678">
        <v>4.5747309206243907</v>
      </c>
    </row>
    <row r="2679" spans="4:28" x14ac:dyDescent="0.25">
      <c r="D2679" s="40">
        <v>44.51488700000197</v>
      </c>
      <c r="E2679" s="40">
        <v>16.904402634518231</v>
      </c>
      <c r="F2679" s="40">
        <v>44.5</v>
      </c>
      <c r="G2679" s="40">
        <v>13.964613431522663</v>
      </c>
      <c r="H2679" s="40">
        <v>44.5</v>
      </c>
      <c r="I2679" s="40">
        <v>10.991649616195536</v>
      </c>
      <c r="J2679" s="40">
        <v>44.499983815476497</v>
      </c>
      <c r="K2679" s="40">
        <v>10.752909092439589</v>
      </c>
      <c r="L2679" s="40"/>
      <c r="M2679" s="40"/>
      <c r="N2679" s="40"/>
      <c r="Y2679">
        <v>27.216667000000001</v>
      </c>
      <c r="Z2679">
        <v>105.516667</v>
      </c>
      <c r="AA2679">
        <v>8.6338089999999994</v>
      </c>
      <c r="AB2679">
        <v>4.5747309206243907</v>
      </c>
    </row>
    <row r="2680" spans="4:28" x14ac:dyDescent="0.25">
      <c r="D2680" s="40">
        <v>44.531553000001971</v>
      </c>
      <c r="E2680" s="40">
        <v>16.904402634518231</v>
      </c>
      <c r="F2680" s="40">
        <v>44.516666999999998</v>
      </c>
      <c r="G2680" s="40">
        <v>13.964613431522663</v>
      </c>
      <c r="H2680" s="40">
        <v>44.516667000000012</v>
      </c>
      <c r="I2680" s="40">
        <v>10.9949037424523</v>
      </c>
      <c r="J2680" s="40">
        <v>44.516650476190797</v>
      </c>
      <c r="K2680" s="40">
        <v>10.752909092439589</v>
      </c>
      <c r="L2680" s="40"/>
      <c r="M2680" s="40"/>
      <c r="N2680" s="40"/>
      <c r="Y2680">
        <v>27.233333000000002</v>
      </c>
      <c r="Z2680">
        <v>105.533333</v>
      </c>
      <c r="AA2680">
        <v>8.6338419999999996</v>
      </c>
      <c r="AB2680">
        <v>4.5751306244075529</v>
      </c>
    </row>
    <row r="2681" spans="4:28" x14ac:dyDescent="0.25">
      <c r="D2681" s="40">
        <v>44.548219000001971</v>
      </c>
      <c r="E2681" s="40">
        <v>16.909103366678529</v>
      </c>
      <c r="F2681" s="40">
        <v>44.533332999999999</v>
      </c>
      <c r="G2681" s="40">
        <v>13.969368675612881</v>
      </c>
      <c r="H2681" s="40">
        <v>44.533333999999996</v>
      </c>
      <c r="I2681" s="40">
        <v>10.9949037424523</v>
      </c>
      <c r="J2681" s="40">
        <v>44.533317136905097</v>
      </c>
      <c r="K2681" s="40">
        <v>10.752909092439589</v>
      </c>
      <c r="L2681" s="40"/>
      <c r="M2681" s="40"/>
      <c r="N2681" s="40"/>
      <c r="Y2681">
        <v>27.25</v>
      </c>
      <c r="Z2681">
        <v>105.55</v>
      </c>
      <c r="AA2681">
        <v>8.6338419999999996</v>
      </c>
      <c r="AB2681">
        <v>4.5751306244075529</v>
      </c>
    </row>
    <row r="2682" spans="4:28" x14ac:dyDescent="0.25">
      <c r="D2682" s="40">
        <v>44.564885000001972</v>
      </c>
      <c r="E2682" s="40">
        <v>16.909103366678529</v>
      </c>
      <c r="F2682" s="40">
        <v>44.55</v>
      </c>
      <c r="G2682" s="40">
        <v>13.974123919702977</v>
      </c>
      <c r="H2682" s="40">
        <v>44.550000000000011</v>
      </c>
      <c r="I2682" s="40">
        <v>10.998256478595557</v>
      </c>
      <c r="J2682" s="40">
        <v>44.549983797619397</v>
      </c>
      <c r="K2682" s="40">
        <v>10.757760136148821</v>
      </c>
      <c r="L2682" s="40"/>
      <c r="M2682" s="40"/>
      <c r="N2682" s="40"/>
      <c r="Y2682">
        <v>27.266666999999998</v>
      </c>
      <c r="Z2682">
        <v>105.566667</v>
      </c>
      <c r="AA2682">
        <v>8.6338419999999996</v>
      </c>
      <c r="AB2682">
        <v>4.5751306244075529</v>
      </c>
    </row>
    <row r="2683" spans="4:28" x14ac:dyDescent="0.25">
      <c r="D2683" s="40">
        <v>44.581551000001973</v>
      </c>
      <c r="E2683" s="40">
        <v>16.909103366678529</v>
      </c>
      <c r="F2683" s="40">
        <v>44.566666999999995</v>
      </c>
      <c r="G2683" s="40">
        <v>13.978739303672878</v>
      </c>
      <c r="H2683" s="40">
        <v>44.566666999999995</v>
      </c>
      <c r="I2683" s="40">
        <v>11.001609214738812</v>
      </c>
      <c r="J2683" s="40">
        <v>44.566650458333598</v>
      </c>
      <c r="K2683" s="40">
        <v>10.757760136148821</v>
      </c>
      <c r="L2683" s="40"/>
      <c r="M2683" s="40"/>
      <c r="N2683" s="40"/>
      <c r="Y2683">
        <v>27.283332999999999</v>
      </c>
      <c r="Z2683">
        <v>105.583333</v>
      </c>
      <c r="AA2683">
        <v>8.6338760000000008</v>
      </c>
      <c r="AB2683">
        <v>4.5755424404265801</v>
      </c>
    </row>
    <row r="2684" spans="4:28" x14ac:dyDescent="0.25">
      <c r="D2684" s="40">
        <v>44.598217000001974</v>
      </c>
      <c r="E2684" s="40">
        <v>16.913946545268079</v>
      </c>
      <c r="F2684" s="40">
        <v>44.583332999999996</v>
      </c>
      <c r="G2684" s="40">
        <v>13.983494547763096</v>
      </c>
      <c r="H2684" s="40">
        <v>44.583334000000008</v>
      </c>
      <c r="I2684" s="40">
        <v>11.001609214738812</v>
      </c>
      <c r="J2684" s="40">
        <v>44.583317119047898</v>
      </c>
      <c r="K2684" s="40">
        <v>10.762468502101882</v>
      </c>
      <c r="L2684" s="40"/>
      <c r="M2684" s="40"/>
      <c r="N2684" s="40"/>
      <c r="Y2684">
        <v>27.299999999999997</v>
      </c>
      <c r="Z2684">
        <v>105.6</v>
      </c>
      <c r="AA2684">
        <v>8.6338760000000008</v>
      </c>
      <c r="AB2684">
        <v>4.5755424404265801</v>
      </c>
    </row>
    <row r="2685" spans="4:28" x14ac:dyDescent="0.25">
      <c r="D2685" s="40">
        <v>44.614883000001974</v>
      </c>
      <c r="E2685" s="40">
        <v>16.913946545268079</v>
      </c>
      <c r="F2685" s="40">
        <v>44.599999999999994</v>
      </c>
      <c r="G2685" s="40">
        <v>13.983494547763096</v>
      </c>
      <c r="H2685" s="40">
        <v>44.599999999999994</v>
      </c>
      <c r="I2685" s="40">
        <v>11.004863340995575</v>
      </c>
      <c r="J2685" s="40">
        <v>44.599983779762198</v>
      </c>
      <c r="K2685" s="40">
        <v>10.762468502101882</v>
      </c>
      <c r="L2685" s="40"/>
      <c r="M2685" s="40"/>
      <c r="N2685" s="40"/>
      <c r="Y2685">
        <v>27.31666700000001</v>
      </c>
      <c r="Z2685">
        <v>105.61666700000001</v>
      </c>
      <c r="AA2685">
        <v>8.6338760000000008</v>
      </c>
      <c r="AB2685">
        <v>4.5755424404265801</v>
      </c>
    </row>
    <row r="2686" spans="4:28" x14ac:dyDescent="0.25">
      <c r="D2686" s="40">
        <v>44.631549000001975</v>
      </c>
      <c r="E2686" s="40">
        <v>16.918789723857628</v>
      </c>
      <c r="F2686" s="40">
        <v>44.616666999999993</v>
      </c>
      <c r="G2686" s="40">
        <v>13.988249791853193</v>
      </c>
      <c r="H2686" s="40">
        <v>44.616667000000007</v>
      </c>
      <c r="I2686" s="40">
        <v>11.008216077139009</v>
      </c>
      <c r="J2686" s="40">
        <v>44.616650440476498</v>
      </c>
      <c r="K2686" s="40">
        <v>10.767319545810986</v>
      </c>
      <c r="L2686" s="40"/>
      <c r="M2686" s="40"/>
      <c r="N2686" s="40"/>
      <c r="Y2686">
        <v>27.333332999999996</v>
      </c>
      <c r="Z2686">
        <v>105.63333299999999</v>
      </c>
      <c r="AA2686">
        <v>8.6338760000000008</v>
      </c>
      <c r="AB2686">
        <v>4.5755424404265801</v>
      </c>
    </row>
    <row r="2687" spans="4:28" x14ac:dyDescent="0.25">
      <c r="D2687" s="40">
        <v>44.648215000001976</v>
      </c>
      <c r="E2687" s="40">
        <v>16.918789723857628</v>
      </c>
      <c r="F2687" s="40">
        <v>44.633332999999993</v>
      </c>
      <c r="G2687" s="40">
        <v>13.992865175823093</v>
      </c>
      <c r="H2687" s="40">
        <v>44.633334000000019</v>
      </c>
      <c r="I2687" s="40">
        <v>11.008216077139009</v>
      </c>
      <c r="J2687" s="40">
        <v>44.633317101190798</v>
      </c>
      <c r="K2687" s="40">
        <v>10.767319545810986</v>
      </c>
      <c r="L2687" s="40"/>
      <c r="M2687" s="40"/>
      <c r="N2687" s="40"/>
      <c r="Y2687">
        <v>27.350000000000009</v>
      </c>
      <c r="Z2687">
        <v>105.65</v>
      </c>
      <c r="AA2687">
        <v>8.6338760000000008</v>
      </c>
      <c r="AB2687">
        <v>4.5755424404265801</v>
      </c>
    </row>
    <row r="2688" spans="4:28" x14ac:dyDescent="0.25">
      <c r="D2688" s="40">
        <v>44.664881000001976</v>
      </c>
      <c r="E2688" s="40">
        <v>16.923490456017927</v>
      </c>
      <c r="F2688" s="40">
        <v>44.649999999999991</v>
      </c>
      <c r="G2688" s="40">
        <v>13.997620419913311</v>
      </c>
      <c r="H2688" s="40">
        <v>44.650000000000006</v>
      </c>
      <c r="I2688" s="40">
        <v>11.011568813282265</v>
      </c>
      <c r="J2688" s="40">
        <v>44.649983761905098</v>
      </c>
      <c r="K2688" s="40">
        <v>10.767319545810986</v>
      </c>
      <c r="L2688" s="40"/>
      <c r="M2688" s="40"/>
      <c r="N2688" s="40"/>
      <c r="Y2688">
        <v>27.366667000000007</v>
      </c>
      <c r="Z2688">
        <v>105.666667</v>
      </c>
      <c r="AA2688">
        <v>8.6339100000000002</v>
      </c>
      <c r="AB2688">
        <v>4.5759542564455868</v>
      </c>
    </row>
    <row r="2689" spans="4:28" x14ac:dyDescent="0.25">
      <c r="D2689" s="40">
        <v>44.681547000001977</v>
      </c>
      <c r="E2689" s="40">
        <v>16.923490456017927</v>
      </c>
      <c r="F2689" s="40">
        <v>44.66666699999999</v>
      </c>
      <c r="G2689" s="40">
        <v>14.002375664003406</v>
      </c>
      <c r="H2689" s="40">
        <v>44.666667000000018</v>
      </c>
      <c r="I2689" s="40">
        <v>11.011568813282265</v>
      </c>
      <c r="J2689" s="40">
        <v>44.666650422619398</v>
      </c>
      <c r="K2689" s="40">
        <v>10.772170589520218</v>
      </c>
      <c r="L2689" s="40"/>
      <c r="M2689" s="40"/>
      <c r="N2689" s="40"/>
      <c r="Y2689">
        <v>27.383333000000007</v>
      </c>
      <c r="Z2689">
        <v>105.683333</v>
      </c>
      <c r="AA2689">
        <v>8.6339100000000002</v>
      </c>
      <c r="AB2689">
        <v>4.5759542564455868</v>
      </c>
    </row>
    <row r="2690" spans="4:28" x14ac:dyDescent="0.25">
      <c r="D2690" s="40">
        <v>44.698213000001978</v>
      </c>
      <c r="E2690" s="40">
        <v>16.928333634607476</v>
      </c>
      <c r="F2690" s="40">
        <v>44.68333299999999</v>
      </c>
      <c r="G2690" s="40">
        <v>14.002375664003406</v>
      </c>
      <c r="H2690" s="40">
        <v>44.683334000000002</v>
      </c>
      <c r="I2690" s="40">
        <v>11.014822939539028</v>
      </c>
      <c r="J2690" s="40">
        <v>44.683317083333598</v>
      </c>
      <c r="K2690" s="40">
        <v>10.772170589520218</v>
      </c>
      <c r="L2690" s="40"/>
      <c r="M2690" s="40"/>
      <c r="N2690" s="40"/>
      <c r="Y2690">
        <v>27.400000000000006</v>
      </c>
      <c r="Z2690">
        <v>105.7</v>
      </c>
      <c r="AA2690">
        <v>8.6339100000000002</v>
      </c>
      <c r="AB2690">
        <v>4.5759542564455868</v>
      </c>
    </row>
    <row r="2691" spans="4:28" x14ac:dyDescent="0.25">
      <c r="D2691" s="40">
        <v>44.714879000001979</v>
      </c>
      <c r="E2691" s="40">
        <v>16.928333634607476</v>
      </c>
      <c r="F2691" s="40">
        <v>44.699999999999989</v>
      </c>
      <c r="G2691" s="40">
        <v>14.006991047973306</v>
      </c>
      <c r="H2691" s="40">
        <v>44.700000000000017</v>
      </c>
      <c r="I2691" s="40">
        <v>11.018175675682286</v>
      </c>
      <c r="J2691" s="40">
        <v>44.699983744047898</v>
      </c>
      <c r="K2691" s="40">
        <v>10.776878955473279</v>
      </c>
      <c r="L2691" s="40"/>
      <c r="M2691" s="40"/>
      <c r="N2691" s="40"/>
      <c r="Y2691">
        <v>27.416667000000004</v>
      </c>
      <c r="Z2691">
        <v>105.716667</v>
      </c>
      <c r="AA2691">
        <v>8.6339100000000002</v>
      </c>
      <c r="AB2691">
        <v>4.5759542564455868</v>
      </c>
    </row>
    <row r="2692" spans="4:28" x14ac:dyDescent="0.25">
      <c r="D2692" s="40">
        <v>44.731545000001979</v>
      </c>
      <c r="E2692" s="40">
        <v>16.928333634607476</v>
      </c>
      <c r="F2692" s="40">
        <v>44.716667000000001</v>
      </c>
      <c r="G2692" s="40">
        <v>14.011746292063526</v>
      </c>
      <c r="H2692" s="40">
        <v>44.716667000000001</v>
      </c>
      <c r="I2692" s="40">
        <v>11.021528411825543</v>
      </c>
      <c r="J2692" s="40">
        <v>44.716650404762198</v>
      </c>
      <c r="K2692" s="40">
        <v>10.781729999182511</v>
      </c>
      <c r="L2692" s="40"/>
      <c r="M2692" s="40"/>
      <c r="N2692" s="40"/>
      <c r="Y2692">
        <v>27.433333000000005</v>
      </c>
      <c r="Z2692">
        <v>105.733333</v>
      </c>
      <c r="AA2692">
        <v>8.6339430000000004</v>
      </c>
      <c r="AB2692">
        <v>4.5763539602287491</v>
      </c>
    </row>
    <row r="2693" spans="4:28" x14ac:dyDescent="0.25">
      <c r="D2693" s="40">
        <v>44.74821100000198</v>
      </c>
      <c r="E2693" s="40">
        <v>16.933176813197026</v>
      </c>
      <c r="F2693" s="40">
        <v>44.733332999999988</v>
      </c>
      <c r="G2693" s="40">
        <v>14.011746292063526</v>
      </c>
      <c r="H2693" s="40">
        <v>44.733334000000013</v>
      </c>
      <c r="I2693" s="40">
        <v>11.024782538082306</v>
      </c>
      <c r="J2693" s="40">
        <v>44.733317065476498</v>
      </c>
      <c r="K2693" s="40">
        <v>10.781729999182511</v>
      </c>
      <c r="L2693" s="40"/>
      <c r="M2693" s="40"/>
      <c r="N2693" s="40"/>
      <c r="Y2693">
        <v>27.450000000000003</v>
      </c>
      <c r="Z2693">
        <v>105.75</v>
      </c>
      <c r="AA2693">
        <v>8.6339430000000004</v>
      </c>
      <c r="AB2693">
        <v>4.5763539602287491</v>
      </c>
    </row>
    <row r="2694" spans="4:28" x14ac:dyDescent="0.25">
      <c r="D2694" s="40">
        <v>44.764877000001981</v>
      </c>
      <c r="E2694" s="40">
        <v>16.937877545357448</v>
      </c>
      <c r="F2694" s="40">
        <v>44.75</v>
      </c>
      <c r="G2694" s="40">
        <v>14.016501536153745</v>
      </c>
      <c r="H2694" s="40">
        <v>44.75</v>
      </c>
      <c r="I2694" s="40">
        <v>11.02813527422574</v>
      </c>
      <c r="J2694" s="40">
        <v>44.749983726190798</v>
      </c>
      <c r="K2694" s="40">
        <v>10.786581042891617</v>
      </c>
      <c r="L2694" s="40"/>
      <c r="M2694" s="40"/>
      <c r="N2694" s="40"/>
      <c r="Y2694">
        <v>27.466667000000001</v>
      </c>
      <c r="Z2694">
        <v>105.766667</v>
      </c>
      <c r="AA2694">
        <v>8.6339430000000004</v>
      </c>
      <c r="AB2694">
        <v>4.5763539602287491</v>
      </c>
    </row>
    <row r="2695" spans="4:28" x14ac:dyDescent="0.25">
      <c r="D2695" s="40">
        <v>44.781543000001982</v>
      </c>
      <c r="E2695" s="40">
        <v>16.94272072394687</v>
      </c>
      <c r="F2695" s="40">
        <v>44.766666999999998</v>
      </c>
      <c r="G2695" s="40">
        <v>14.021116920123522</v>
      </c>
      <c r="H2695" s="40">
        <v>44.766667000000012</v>
      </c>
      <c r="I2695" s="40">
        <v>11.031488010368996</v>
      </c>
      <c r="J2695" s="40">
        <v>44.766650386905098</v>
      </c>
      <c r="K2695" s="40">
        <v>10.786581042891617</v>
      </c>
      <c r="L2695" s="40"/>
      <c r="M2695" s="40"/>
      <c r="N2695" s="40"/>
      <c r="Y2695">
        <v>27.483333000000002</v>
      </c>
      <c r="Z2695">
        <v>105.783333</v>
      </c>
      <c r="AA2695">
        <v>8.6339430000000004</v>
      </c>
      <c r="AB2695">
        <v>4.5763539602287491</v>
      </c>
    </row>
    <row r="2696" spans="4:28" x14ac:dyDescent="0.25">
      <c r="D2696" s="40">
        <v>44.798209000001982</v>
      </c>
      <c r="E2696" s="40">
        <v>16.94272072394687</v>
      </c>
      <c r="F2696" s="40">
        <v>44.783332999999999</v>
      </c>
      <c r="G2696" s="40">
        <v>14.021116920123522</v>
      </c>
      <c r="H2696" s="40">
        <v>44.783333999999996</v>
      </c>
      <c r="I2696" s="40">
        <v>11.031488010368996</v>
      </c>
      <c r="J2696" s="40">
        <v>44.783317047619398</v>
      </c>
      <c r="K2696" s="40">
        <v>10.791289408844676</v>
      </c>
      <c r="L2696" s="40"/>
      <c r="M2696" s="40"/>
      <c r="N2696" s="40"/>
      <c r="Y2696">
        <v>27.5</v>
      </c>
      <c r="Z2696">
        <v>105.8</v>
      </c>
      <c r="AA2696">
        <v>8.6339430000000004</v>
      </c>
      <c r="AB2696">
        <v>4.5763539602287491</v>
      </c>
    </row>
    <row r="2697" spans="4:28" x14ac:dyDescent="0.25">
      <c r="D2697" s="40">
        <v>44.814875000001983</v>
      </c>
      <c r="E2697" s="40">
        <v>16.94756390253642</v>
      </c>
      <c r="F2697" s="40">
        <v>44.8</v>
      </c>
      <c r="G2697" s="40">
        <v>14.025872164213739</v>
      </c>
      <c r="H2697" s="40">
        <v>44.800000000000011</v>
      </c>
      <c r="I2697" s="40">
        <v>11.034742136625759</v>
      </c>
      <c r="J2697" s="40">
        <v>44.799983708333698</v>
      </c>
      <c r="K2697" s="40">
        <v>10.791289408844676</v>
      </c>
      <c r="L2697" s="40"/>
      <c r="M2697" s="40"/>
      <c r="N2697" s="40"/>
      <c r="Y2697">
        <v>27.516666999999998</v>
      </c>
      <c r="Z2697">
        <v>105.816667</v>
      </c>
      <c r="AA2697">
        <v>8.6339769999999998</v>
      </c>
      <c r="AB2697">
        <v>4.5767657762477558</v>
      </c>
    </row>
    <row r="2698" spans="4:28" x14ac:dyDescent="0.25">
      <c r="D2698" s="40">
        <v>44.831541000001984</v>
      </c>
      <c r="E2698" s="40">
        <v>16.952264634696846</v>
      </c>
      <c r="F2698" s="40">
        <v>44.816666999999995</v>
      </c>
      <c r="G2698" s="40">
        <v>14.030627408303959</v>
      </c>
      <c r="H2698" s="40">
        <v>44.816666999999995</v>
      </c>
      <c r="I2698" s="40">
        <v>11.038094872769017</v>
      </c>
      <c r="J2698" s="40">
        <v>44.816650369047899</v>
      </c>
      <c r="K2698" s="40">
        <v>10.796140452553908</v>
      </c>
      <c r="L2698" s="40"/>
      <c r="M2698" s="40"/>
      <c r="N2698" s="40"/>
      <c r="Y2698">
        <v>27.533332999999999</v>
      </c>
      <c r="Z2698">
        <v>105.833333</v>
      </c>
      <c r="AA2698">
        <v>8.6339769999999998</v>
      </c>
      <c r="AB2698">
        <v>4.5767657762477558</v>
      </c>
    </row>
    <row r="2699" spans="4:28" x14ac:dyDescent="0.25">
      <c r="D2699" s="40">
        <v>44.848207000001985</v>
      </c>
      <c r="E2699" s="40">
        <v>16.957107813286267</v>
      </c>
      <c r="F2699" s="40">
        <v>44.833332999999996</v>
      </c>
      <c r="G2699" s="40">
        <v>14.035242792273737</v>
      </c>
      <c r="H2699" s="40">
        <v>44.833334000000008</v>
      </c>
      <c r="I2699" s="40">
        <v>11.041447608912449</v>
      </c>
      <c r="J2699" s="40">
        <v>44.833317029762199</v>
      </c>
      <c r="K2699" s="40">
        <v>10.800991496263014</v>
      </c>
      <c r="L2699" s="40"/>
      <c r="M2699" s="40"/>
      <c r="N2699" s="40"/>
      <c r="Y2699">
        <v>27.549999999999997</v>
      </c>
      <c r="Z2699">
        <v>105.85</v>
      </c>
      <c r="AA2699">
        <v>8.6339769999999998</v>
      </c>
      <c r="AB2699">
        <v>4.5767657762477558</v>
      </c>
    </row>
    <row r="2700" spans="4:28" x14ac:dyDescent="0.25">
      <c r="D2700" s="40">
        <v>44.864873000001985</v>
      </c>
      <c r="E2700" s="40">
        <v>16.961950991875813</v>
      </c>
      <c r="F2700" s="40">
        <v>44.849999999999994</v>
      </c>
      <c r="G2700" s="40">
        <v>14.039998036363954</v>
      </c>
      <c r="H2700" s="40">
        <v>44.849999999999994</v>
      </c>
      <c r="I2700" s="40">
        <v>11.041447608912449</v>
      </c>
      <c r="J2700" s="40">
        <v>44.849983690476499</v>
      </c>
      <c r="K2700" s="40">
        <v>10.800991496263014</v>
      </c>
      <c r="L2700" s="40"/>
      <c r="M2700" s="40"/>
      <c r="N2700" s="40"/>
      <c r="Y2700">
        <v>27.56666700000001</v>
      </c>
      <c r="Z2700">
        <v>105.86666700000001</v>
      </c>
      <c r="AA2700">
        <v>8.6339769999999998</v>
      </c>
      <c r="AB2700">
        <v>4.5767657762477558</v>
      </c>
    </row>
    <row r="2701" spans="4:28" x14ac:dyDescent="0.25">
      <c r="D2701" s="40">
        <v>44.881539000001986</v>
      </c>
      <c r="E2701" s="40">
        <v>16.96665172403624</v>
      </c>
      <c r="F2701" s="40">
        <v>44.866666999999993</v>
      </c>
      <c r="G2701" s="40">
        <v>14.044753280454174</v>
      </c>
      <c r="H2701" s="40">
        <v>44.866667000000007</v>
      </c>
      <c r="I2701" s="40">
        <v>11.044701735169035</v>
      </c>
      <c r="J2701" s="40">
        <v>44.866650351190799</v>
      </c>
      <c r="K2701" s="40">
        <v>10.805699862216075</v>
      </c>
      <c r="L2701" s="40"/>
      <c r="M2701" s="40"/>
      <c r="N2701" s="40"/>
      <c r="Y2701">
        <v>27.583332999999996</v>
      </c>
      <c r="Z2701">
        <v>105.88333299999999</v>
      </c>
      <c r="AA2701">
        <v>8.6340109999999992</v>
      </c>
      <c r="AB2701">
        <v>4.5771775922667617</v>
      </c>
    </row>
    <row r="2702" spans="4:28" x14ac:dyDescent="0.25">
      <c r="D2702" s="40">
        <v>44.898205000001987</v>
      </c>
      <c r="E2702" s="40">
        <v>16.96665172403624</v>
      </c>
      <c r="F2702" s="40">
        <v>44.883332999999993</v>
      </c>
      <c r="G2702" s="40">
        <v>14.049368664424074</v>
      </c>
      <c r="H2702" s="40">
        <v>44.883334000000019</v>
      </c>
      <c r="I2702" s="40">
        <v>11.048054471312469</v>
      </c>
      <c r="J2702" s="40">
        <v>44.883317011905099</v>
      </c>
      <c r="K2702" s="40">
        <v>10.805699862216075</v>
      </c>
      <c r="L2702" s="40"/>
      <c r="M2702" s="40"/>
      <c r="N2702" s="40"/>
      <c r="Y2702">
        <v>27.600000000000009</v>
      </c>
      <c r="Z2702">
        <v>105.9</v>
      </c>
      <c r="AA2702">
        <v>8.6340109999999992</v>
      </c>
      <c r="AB2702">
        <v>4.5771775922667617</v>
      </c>
    </row>
    <row r="2703" spans="4:28" x14ac:dyDescent="0.25">
      <c r="D2703" s="40">
        <v>44.914871000001988</v>
      </c>
      <c r="E2703" s="40">
        <v>16.971494902625661</v>
      </c>
      <c r="F2703" s="40">
        <v>44.899999999999991</v>
      </c>
      <c r="G2703" s="40">
        <v>14.049368664424074</v>
      </c>
      <c r="H2703" s="40">
        <v>44.900000000000006</v>
      </c>
      <c r="I2703" s="40">
        <v>11.051407207455725</v>
      </c>
      <c r="J2703" s="40">
        <v>44.899983672619399</v>
      </c>
      <c r="K2703" s="40">
        <v>10.805699862216075</v>
      </c>
      <c r="L2703" s="40"/>
      <c r="M2703" s="40"/>
      <c r="N2703" s="40"/>
      <c r="Y2703">
        <v>27.616667000000007</v>
      </c>
      <c r="Z2703">
        <v>105.916667</v>
      </c>
      <c r="AA2703">
        <v>8.6340109999999992</v>
      </c>
      <c r="AB2703">
        <v>4.5771775922667617</v>
      </c>
    </row>
    <row r="2704" spans="4:28" x14ac:dyDescent="0.25">
      <c r="D2704" s="40">
        <v>44.931537000001988</v>
      </c>
      <c r="E2704" s="40">
        <v>16.971494902625661</v>
      </c>
      <c r="F2704" s="40">
        <v>44.91666699999999</v>
      </c>
      <c r="G2704" s="40">
        <v>14.054123908514169</v>
      </c>
      <c r="H2704" s="40">
        <v>44.916667000000018</v>
      </c>
      <c r="I2704" s="40">
        <v>11.054661333712488</v>
      </c>
      <c r="J2704" s="40">
        <v>44.916650333333699</v>
      </c>
      <c r="K2704" s="40">
        <v>10.805699862216075</v>
      </c>
      <c r="L2704" s="40"/>
      <c r="M2704" s="40"/>
      <c r="N2704" s="40"/>
      <c r="Y2704">
        <v>27.633333000000007</v>
      </c>
      <c r="Z2704">
        <v>105.933333</v>
      </c>
      <c r="AA2704">
        <v>8.6340439999999994</v>
      </c>
      <c r="AB2704">
        <v>4.5775772960499239</v>
      </c>
    </row>
    <row r="2705" spans="4:28" x14ac:dyDescent="0.25">
      <c r="D2705" s="40">
        <v>44.948203000001989</v>
      </c>
      <c r="E2705" s="40">
        <v>16.976338081215207</v>
      </c>
      <c r="F2705" s="40">
        <v>44.93333299999999</v>
      </c>
      <c r="G2705" s="40">
        <v>14.058879152604389</v>
      </c>
      <c r="H2705" s="40">
        <v>44.933334000000002</v>
      </c>
      <c r="I2705" s="40">
        <v>11.058014069855746</v>
      </c>
      <c r="J2705" s="40">
        <v>44.9333169940479</v>
      </c>
      <c r="K2705" s="40">
        <v>10.810550905925307</v>
      </c>
      <c r="L2705" s="40"/>
      <c r="M2705" s="40"/>
      <c r="N2705" s="40"/>
      <c r="Y2705">
        <v>27.650000000000006</v>
      </c>
      <c r="Z2705">
        <v>105.95</v>
      </c>
      <c r="AA2705">
        <v>8.6340439999999994</v>
      </c>
      <c r="AB2705">
        <v>4.5775772960499239</v>
      </c>
    </row>
    <row r="2706" spans="4:28" x14ac:dyDescent="0.25">
      <c r="D2706" s="40">
        <v>44.96486900000199</v>
      </c>
      <c r="E2706" s="40">
        <v>16.981038813375633</v>
      </c>
      <c r="F2706" s="40">
        <v>44.949999999999989</v>
      </c>
      <c r="G2706" s="40">
        <v>14.063494536574289</v>
      </c>
      <c r="H2706" s="40">
        <v>44.950000000000017</v>
      </c>
      <c r="I2706" s="40">
        <v>11.061366805999178</v>
      </c>
      <c r="J2706" s="40">
        <v>44.9499836547622</v>
      </c>
      <c r="K2706" s="40">
        <v>10.810550905925307</v>
      </c>
      <c r="L2706" s="40"/>
      <c r="M2706" s="40"/>
      <c r="N2706" s="40"/>
      <c r="Y2706">
        <v>27.666667000000004</v>
      </c>
      <c r="Z2706">
        <v>105.966667</v>
      </c>
      <c r="AA2706">
        <v>8.6340439999999994</v>
      </c>
      <c r="AB2706">
        <v>4.5775772960499239</v>
      </c>
    </row>
    <row r="2707" spans="4:28" x14ac:dyDescent="0.25">
      <c r="D2707" s="40">
        <v>44.98153500000199</v>
      </c>
      <c r="E2707" s="40">
        <v>16.985881991965186</v>
      </c>
      <c r="F2707" s="40">
        <v>44.966667000000001</v>
      </c>
      <c r="G2707" s="40">
        <v>14.063494536574289</v>
      </c>
      <c r="H2707" s="40">
        <v>44.966667000000001</v>
      </c>
      <c r="I2707" s="40">
        <v>11.064620932255941</v>
      </c>
      <c r="J2707" s="40">
        <v>44.9666503154765</v>
      </c>
      <c r="K2707" s="40">
        <v>10.815401949634413</v>
      </c>
      <c r="L2707" s="40"/>
      <c r="M2707" s="40"/>
      <c r="N2707" s="40"/>
      <c r="Y2707">
        <v>27.683333000000005</v>
      </c>
      <c r="Z2707">
        <v>105.983333</v>
      </c>
      <c r="AA2707">
        <v>8.6340439999999994</v>
      </c>
      <c r="AB2707">
        <v>4.5775772960499239</v>
      </c>
    </row>
    <row r="2708" spans="4:28" x14ac:dyDescent="0.25">
      <c r="D2708" s="40">
        <v>44.998201000001991</v>
      </c>
      <c r="E2708" s="40">
        <v>16.990725170554608</v>
      </c>
      <c r="F2708" s="40">
        <v>44.983332999999988</v>
      </c>
      <c r="G2708" s="40">
        <v>14.068249780664383</v>
      </c>
      <c r="H2708" s="40">
        <v>44.983334000000013</v>
      </c>
      <c r="I2708" s="40">
        <v>11.067973668399199</v>
      </c>
      <c r="J2708" s="40">
        <v>44.9833169761908</v>
      </c>
      <c r="K2708" s="40">
        <v>10.815401949634413</v>
      </c>
      <c r="L2708" s="40"/>
      <c r="M2708" s="40"/>
      <c r="N2708" s="40"/>
      <c r="Y2708">
        <v>27.700000000000003</v>
      </c>
      <c r="Z2708">
        <v>106</v>
      </c>
      <c r="AA2708">
        <v>8.6340780000000006</v>
      </c>
      <c r="AB2708">
        <v>4.577989112068952</v>
      </c>
    </row>
    <row r="2709" spans="4:28" x14ac:dyDescent="0.25">
      <c r="D2709" s="40">
        <v>45.014867000001992</v>
      </c>
      <c r="E2709" s="40">
        <v>16.995425902715034</v>
      </c>
      <c r="F2709" s="40">
        <v>45</v>
      </c>
      <c r="G2709" s="40">
        <v>14.073005024754604</v>
      </c>
      <c r="H2709" s="40">
        <v>45</v>
      </c>
      <c r="I2709" s="40">
        <v>11.071326404542456</v>
      </c>
      <c r="J2709" s="40">
        <v>44.9999836369051</v>
      </c>
      <c r="K2709" s="40">
        <v>10.820110315587472</v>
      </c>
      <c r="L2709" s="40"/>
      <c r="M2709" s="40"/>
      <c r="N2709" s="40"/>
      <c r="Y2709">
        <v>27.716667000000001</v>
      </c>
      <c r="Z2709">
        <v>106.016667</v>
      </c>
      <c r="AA2709">
        <v>8.6340780000000006</v>
      </c>
      <c r="AB2709">
        <v>4.577989112068952</v>
      </c>
    </row>
    <row r="2710" spans="4:28" x14ac:dyDescent="0.25">
      <c r="D2710" s="40">
        <v>45.031533000001993</v>
      </c>
      <c r="E2710" s="40">
        <v>17.00026908130458</v>
      </c>
      <c r="F2710" s="40">
        <v>45.016666999999998</v>
      </c>
      <c r="G2710" s="40">
        <v>14.073005024754604</v>
      </c>
      <c r="H2710" s="40">
        <v>45.016667000000012</v>
      </c>
      <c r="I2710" s="40">
        <v>11.074580530799219</v>
      </c>
      <c r="J2710" s="40">
        <v>45.0166502976194</v>
      </c>
      <c r="K2710" s="40">
        <v>10.820110315587472</v>
      </c>
      <c r="L2710" s="40"/>
      <c r="M2710" s="40"/>
      <c r="N2710" s="40"/>
      <c r="Y2710">
        <v>27.733333000000002</v>
      </c>
      <c r="Z2710">
        <v>106.033333</v>
      </c>
      <c r="AA2710">
        <v>8.6340780000000006</v>
      </c>
      <c r="AB2710">
        <v>4.577989112068952</v>
      </c>
    </row>
    <row r="2711" spans="4:28" x14ac:dyDescent="0.25">
      <c r="D2711" s="40">
        <v>45.048199000001993</v>
      </c>
      <c r="E2711" s="40">
        <v>17.005112259894002</v>
      </c>
      <c r="F2711" s="40">
        <v>45.033332999999999</v>
      </c>
      <c r="G2711" s="40">
        <v>14.077620408724503</v>
      </c>
      <c r="H2711" s="40">
        <v>45.033333999999996</v>
      </c>
      <c r="I2711" s="40">
        <v>11.077933266942477</v>
      </c>
      <c r="J2711" s="40">
        <v>45.0333169583337</v>
      </c>
      <c r="K2711" s="40">
        <v>10.820110315587472</v>
      </c>
      <c r="L2711" s="40"/>
      <c r="M2711" s="40"/>
      <c r="N2711" s="40"/>
      <c r="Y2711">
        <v>27.75</v>
      </c>
      <c r="Z2711">
        <v>106.05</v>
      </c>
      <c r="AA2711">
        <v>8.6340780000000006</v>
      </c>
      <c r="AB2711">
        <v>4.577989112068952</v>
      </c>
    </row>
    <row r="2712" spans="4:28" x14ac:dyDescent="0.25">
      <c r="D2712" s="40">
        <v>45.064865000001994</v>
      </c>
      <c r="E2712" s="40">
        <v>17.009812992054428</v>
      </c>
      <c r="F2712" s="40">
        <v>45.05</v>
      </c>
      <c r="G2712" s="40">
        <v>14.082375652814598</v>
      </c>
      <c r="H2712" s="40">
        <v>45.050000000000011</v>
      </c>
      <c r="I2712" s="40">
        <v>11.081286003085909</v>
      </c>
      <c r="J2712" s="40">
        <v>45.0499836190479</v>
      </c>
      <c r="K2712" s="40">
        <v>10.820110315587472</v>
      </c>
      <c r="L2712" s="40"/>
      <c r="M2712" s="40"/>
      <c r="N2712" s="40"/>
      <c r="Y2712">
        <v>27.766666999999998</v>
      </c>
      <c r="Z2712">
        <v>106.066667</v>
      </c>
      <c r="AA2712">
        <v>8.634112</v>
      </c>
      <c r="AB2712">
        <v>4.5784009280879578</v>
      </c>
    </row>
    <row r="2713" spans="4:28" x14ac:dyDescent="0.25">
      <c r="D2713" s="40">
        <v>45.081531000001995</v>
      </c>
      <c r="E2713" s="40">
        <v>17.009812992054428</v>
      </c>
      <c r="F2713" s="40">
        <v>45.066666999999995</v>
      </c>
      <c r="G2713" s="40">
        <v>14.082375652814598</v>
      </c>
      <c r="H2713" s="40">
        <v>45.066666999999995</v>
      </c>
      <c r="I2713" s="40">
        <v>11.084540129342672</v>
      </c>
      <c r="J2713" s="40">
        <v>45.0666502797622</v>
      </c>
      <c r="K2713" s="40">
        <v>10.820110315587472</v>
      </c>
      <c r="L2713" s="40"/>
      <c r="M2713" s="40"/>
      <c r="N2713" s="40"/>
      <c r="Y2713">
        <v>27.783332999999999</v>
      </c>
      <c r="Z2713">
        <v>106.083333</v>
      </c>
      <c r="AA2713">
        <v>8.634112</v>
      </c>
      <c r="AB2713">
        <v>4.5784009280879578</v>
      </c>
    </row>
    <row r="2714" spans="4:28" x14ac:dyDescent="0.25">
      <c r="D2714" s="40">
        <v>45.098197000001996</v>
      </c>
      <c r="E2714" s="40">
        <v>17.014656170643974</v>
      </c>
      <c r="F2714" s="40">
        <v>45.083332999999996</v>
      </c>
      <c r="G2714" s="40">
        <v>14.087130896904817</v>
      </c>
      <c r="H2714" s="40">
        <v>45.083334000000008</v>
      </c>
      <c r="I2714" s="40">
        <v>11.087892865485928</v>
      </c>
      <c r="J2714" s="40">
        <v>45.0833169404765</v>
      </c>
      <c r="K2714" s="40">
        <v>10.820110315587472</v>
      </c>
      <c r="L2714" s="40"/>
      <c r="M2714" s="40"/>
      <c r="N2714" s="40"/>
      <c r="Y2714">
        <v>27.799999999999997</v>
      </c>
      <c r="Z2714">
        <v>106.1</v>
      </c>
      <c r="AA2714">
        <v>8.634112</v>
      </c>
      <c r="AB2714">
        <v>4.5784009280879578</v>
      </c>
    </row>
    <row r="2715" spans="4:28" x14ac:dyDescent="0.25">
      <c r="D2715" s="40">
        <v>45.114863000001996</v>
      </c>
      <c r="E2715" s="40">
        <v>17.019499349233396</v>
      </c>
      <c r="F2715" s="40">
        <v>45.099999999999994</v>
      </c>
      <c r="G2715" s="40">
        <v>14.091886140995037</v>
      </c>
      <c r="H2715" s="40">
        <v>45.099999999999994</v>
      </c>
      <c r="I2715" s="40">
        <v>11.091245601629184</v>
      </c>
      <c r="J2715" s="40">
        <v>45.0999836011908</v>
      </c>
      <c r="K2715" s="40">
        <v>10.820110315587472</v>
      </c>
      <c r="L2715" s="40"/>
      <c r="M2715" s="40"/>
      <c r="N2715" s="40"/>
      <c r="Y2715">
        <v>27.81666700000001</v>
      </c>
      <c r="Z2715">
        <v>106.11666700000001</v>
      </c>
      <c r="AA2715">
        <v>8.6341450000000002</v>
      </c>
      <c r="AB2715">
        <v>4.5788006318711201</v>
      </c>
    </row>
    <row r="2716" spans="4:28" x14ac:dyDescent="0.25">
      <c r="D2716" s="40">
        <v>45.131529000001997</v>
      </c>
      <c r="E2716" s="40">
        <v>17.019499349233396</v>
      </c>
      <c r="F2716" s="40">
        <v>45.116666999999993</v>
      </c>
      <c r="G2716" s="40">
        <v>14.091886140995037</v>
      </c>
      <c r="H2716" s="40">
        <v>45.116667000000007</v>
      </c>
      <c r="I2716" s="40">
        <v>11.094598337772618</v>
      </c>
      <c r="J2716" s="40">
        <v>45.1166502619051</v>
      </c>
      <c r="K2716" s="40">
        <v>10.824961359296704</v>
      </c>
      <c r="L2716" s="40"/>
      <c r="M2716" s="40"/>
      <c r="N2716" s="40"/>
      <c r="Y2716">
        <v>27.833332999999996</v>
      </c>
      <c r="Z2716">
        <v>106.13333299999999</v>
      </c>
      <c r="AA2716">
        <v>8.6341450000000002</v>
      </c>
      <c r="AB2716">
        <v>4.5788006318711201</v>
      </c>
    </row>
    <row r="2717" spans="4:28" x14ac:dyDescent="0.25">
      <c r="D2717" s="40">
        <v>45.148195000001998</v>
      </c>
      <c r="E2717" s="40">
        <v>17.024200081393822</v>
      </c>
      <c r="F2717" s="40">
        <v>45.133332999999993</v>
      </c>
      <c r="G2717" s="40">
        <v>14.096501524964937</v>
      </c>
      <c r="H2717" s="40">
        <v>45.133334000000019</v>
      </c>
      <c r="I2717" s="40">
        <v>11.094598337772618</v>
      </c>
      <c r="J2717" s="40">
        <v>45.1333169226194</v>
      </c>
      <c r="K2717" s="40">
        <v>10.824961359296704</v>
      </c>
      <c r="L2717" s="40"/>
      <c r="M2717" s="40"/>
      <c r="N2717" s="40"/>
      <c r="Y2717">
        <v>27.850000000000009</v>
      </c>
      <c r="Z2717">
        <v>106.15</v>
      </c>
      <c r="AA2717">
        <v>8.6341450000000002</v>
      </c>
      <c r="AB2717">
        <v>4.5788006318711201</v>
      </c>
    </row>
    <row r="2718" spans="4:28" x14ac:dyDescent="0.25">
      <c r="D2718" s="40">
        <v>45.164861000001999</v>
      </c>
      <c r="E2718" s="40">
        <v>17.029043259983371</v>
      </c>
      <c r="F2718" s="40">
        <v>45.149999999999991</v>
      </c>
      <c r="G2718" s="40">
        <v>14.101256769055032</v>
      </c>
      <c r="H2718" s="40">
        <v>45.150000000000006</v>
      </c>
      <c r="I2718" s="40">
        <v>11.097852464029206</v>
      </c>
      <c r="J2718" s="40">
        <v>45.1499835833337</v>
      </c>
      <c r="K2718" s="40">
        <v>10.824961359296704</v>
      </c>
      <c r="L2718" s="40"/>
      <c r="M2718" s="40"/>
      <c r="N2718" s="40"/>
      <c r="Y2718">
        <v>27.866667000000007</v>
      </c>
      <c r="Z2718">
        <v>106.166667</v>
      </c>
      <c r="AA2718">
        <v>8.6341789999999996</v>
      </c>
      <c r="AB2718">
        <v>4.5792124478901259</v>
      </c>
    </row>
    <row r="2719" spans="4:28" x14ac:dyDescent="0.25">
      <c r="D2719" s="40">
        <v>45.181527000001999</v>
      </c>
      <c r="E2719" s="40">
        <v>17.033886438572917</v>
      </c>
      <c r="F2719" s="40">
        <v>45.16666699999999</v>
      </c>
      <c r="G2719" s="40">
        <v>14.101256769055032</v>
      </c>
      <c r="H2719" s="40">
        <v>45.166667000000018</v>
      </c>
      <c r="I2719" s="40">
        <v>11.101205200172638</v>
      </c>
      <c r="J2719" s="40">
        <v>45.166650244047901</v>
      </c>
      <c r="K2719" s="40">
        <v>10.82981240300581</v>
      </c>
      <c r="L2719" s="40"/>
      <c r="M2719" s="40"/>
      <c r="N2719" s="40"/>
      <c r="Y2719">
        <v>27.883333000000007</v>
      </c>
      <c r="Z2719">
        <v>106.183333</v>
      </c>
      <c r="AA2719">
        <v>8.6341789999999996</v>
      </c>
      <c r="AB2719">
        <v>4.5792124478901259</v>
      </c>
    </row>
    <row r="2720" spans="4:28" x14ac:dyDescent="0.25">
      <c r="D2720" s="40">
        <v>45.198193000002</v>
      </c>
      <c r="E2720" s="40">
        <v>17.033886438572917</v>
      </c>
      <c r="F2720" s="40">
        <v>45.18333299999999</v>
      </c>
      <c r="G2720" s="40">
        <v>14.106012013145252</v>
      </c>
      <c r="H2720" s="40">
        <v>45.183334000000002</v>
      </c>
      <c r="I2720" s="40">
        <v>11.104557936315896</v>
      </c>
      <c r="J2720" s="40">
        <v>45.183316904762201</v>
      </c>
      <c r="K2720" s="40">
        <v>10.82981240300581</v>
      </c>
      <c r="L2720" s="40"/>
      <c r="M2720" s="40"/>
      <c r="N2720" s="40"/>
      <c r="Y2720">
        <v>27.900000000000006</v>
      </c>
      <c r="Z2720">
        <v>106.2</v>
      </c>
      <c r="AA2720">
        <v>8.6342130000000008</v>
      </c>
      <c r="AB2720">
        <v>4.5796242639091549</v>
      </c>
    </row>
    <row r="2721" spans="4:28" x14ac:dyDescent="0.25">
      <c r="D2721" s="40">
        <v>45.214859000002001</v>
      </c>
      <c r="E2721" s="40">
        <v>17.038729617162343</v>
      </c>
      <c r="F2721" s="40">
        <v>45.199999999999989</v>
      </c>
      <c r="G2721" s="40">
        <v>14.110627397115152</v>
      </c>
      <c r="H2721" s="40">
        <v>45.200000000000017</v>
      </c>
      <c r="I2721" s="40">
        <v>11.104557936315896</v>
      </c>
      <c r="J2721" s="40">
        <v>45.199983565476501</v>
      </c>
      <c r="K2721" s="40">
        <v>10.82981240300581</v>
      </c>
      <c r="L2721" s="40"/>
      <c r="M2721" s="40"/>
      <c r="N2721" s="40"/>
      <c r="Y2721">
        <v>27.916667000000004</v>
      </c>
      <c r="Z2721">
        <v>106.216667</v>
      </c>
      <c r="AA2721">
        <v>8.6342130000000008</v>
      </c>
      <c r="AB2721">
        <v>4.5796242639091549</v>
      </c>
    </row>
    <row r="2722" spans="4:28" x14ac:dyDescent="0.25">
      <c r="D2722" s="40">
        <v>45.231525000002001</v>
      </c>
      <c r="E2722" s="40">
        <v>17.038729617162343</v>
      </c>
      <c r="F2722" s="40">
        <v>45.216667000000001</v>
      </c>
      <c r="G2722" s="40">
        <v>14.115382641205247</v>
      </c>
      <c r="H2722" s="40">
        <v>45.216667000000001</v>
      </c>
      <c r="I2722" s="40">
        <v>11.107812062572659</v>
      </c>
      <c r="J2722" s="40">
        <v>45.216650226190801</v>
      </c>
      <c r="K2722" s="40">
        <v>10.82981240300581</v>
      </c>
      <c r="L2722" s="40"/>
      <c r="M2722" s="40"/>
      <c r="N2722" s="40"/>
      <c r="Y2722">
        <v>27.933333000000005</v>
      </c>
      <c r="Z2722">
        <v>106.233333</v>
      </c>
      <c r="AA2722">
        <v>8.6342459999999992</v>
      </c>
      <c r="AB2722">
        <v>4.5800239676922949</v>
      </c>
    </row>
    <row r="2723" spans="4:28" x14ac:dyDescent="0.25">
      <c r="D2723" s="40">
        <v>45.248191000002002</v>
      </c>
      <c r="E2723" s="40">
        <v>17.038729617162343</v>
      </c>
      <c r="F2723" s="40">
        <v>45.233332999999988</v>
      </c>
      <c r="G2723" s="40">
        <v>14.115382641205247</v>
      </c>
      <c r="H2723" s="40">
        <v>45.233334000000013</v>
      </c>
      <c r="I2723" s="40">
        <v>11.111164798715915</v>
      </c>
      <c r="J2723" s="40">
        <v>45.233316886905101</v>
      </c>
      <c r="K2723" s="40">
        <v>10.82981240300581</v>
      </c>
      <c r="L2723" s="40"/>
      <c r="M2723" s="40"/>
      <c r="N2723" s="40"/>
      <c r="Y2723">
        <v>27.950000000000003</v>
      </c>
      <c r="Z2723">
        <v>106.25</v>
      </c>
      <c r="AA2723">
        <v>8.6342459999999992</v>
      </c>
      <c r="AB2723">
        <v>4.5800239676922949</v>
      </c>
    </row>
    <row r="2724" spans="4:28" x14ac:dyDescent="0.25">
      <c r="D2724" s="40">
        <v>45.264857000002003</v>
      </c>
      <c r="E2724" s="40">
        <v>17.043430349322765</v>
      </c>
      <c r="F2724" s="40">
        <v>45.25</v>
      </c>
      <c r="G2724" s="40">
        <v>14.120137885295467</v>
      </c>
      <c r="H2724" s="40">
        <v>45.25</v>
      </c>
      <c r="I2724" s="40">
        <v>11.114517534859349</v>
      </c>
      <c r="J2724" s="40">
        <v>45.249983547619401</v>
      </c>
      <c r="K2724" s="40">
        <v>10.82981240300581</v>
      </c>
      <c r="L2724" s="40"/>
      <c r="M2724" s="40"/>
      <c r="N2724" s="40"/>
      <c r="Y2724">
        <v>27.966667000000001</v>
      </c>
      <c r="Z2724">
        <v>106.266667</v>
      </c>
      <c r="AA2724">
        <v>8.6342459999999992</v>
      </c>
      <c r="AB2724">
        <v>4.5800239676922949</v>
      </c>
    </row>
    <row r="2725" spans="4:28" x14ac:dyDescent="0.25">
      <c r="D2725" s="40">
        <v>45.281523000002004</v>
      </c>
      <c r="E2725" s="40">
        <v>17.043430349322765</v>
      </c>
      <c r="F2725" s="40">
        <v>45.266666999999998</v>
      </c>
      <c r="G2725" s="40">
        <v>14.120137885295467</v>
      </c>
      <c r="H2725" s="40">
        <v>45.266667000000012</v>
      </c>
      <c r="I2725" s="40">
        <v>11.114517534859349</v>
      </c>
      <c r="J2725" s="40">
        <v>45.266650208333701</v>
      </c>
      <c r="K2725" s="40">
        <v>10.82981240300581</v>
      </c>
      <c r="L2725" s="40"/>
      <c r="M2725" s="40"/>
      <c r="N2725" s="40"/>
      <c r="Y2725">
        <v>27.983333000000002</v>
      </c>
      <c r="Z2725">
        <v>106.283333</v>
      </c>
      <c r="AA2725">
        <v>8.6342800000000004</v>
      </c>
      <c r="AB2725">
        <v>4.5804357837113221</v>
      </c>
    </row>
    <row r="2726" spans="4:28" x14ac:dyDescent="0.25">
      <c r="D2726" s="40">
        <v>45.298189000002004</v>
      </c>
      <c r="E2726" s="40">
        <v>17.043430349322765</v>
      </c>
      <c r="F2726" s="40">
        <v>45.283332999999999</v>
      </c>
      <c r="G2726" s="40">
        <v>14.124753269265367</v>
      </c>
      <c r="H2726" s="40">
        <v>45.283333999999996</v>
      </c>
      <c r="I2726" s="40">
        <v>11.117771661116112</v>
      </c>
      <c r="J2726" s="40">
        <v>45.283316869047901</v>
      </c>
      <c r="K2726" s="40">
        <v>10.82981240300581</v>
      </c>
      <c r="L2726" s="40"/>
      <c r="M2726" s="40"/>
      <c r="N2726" s="40"/>
      <c r="Y2726">
        <v>28</v>
      </c>
      <c r="Z2726">
        <v>106.3</v>
      </c>
      <c r="AA2726">
        <v>8.6342800000000004</v>
      </c>
      <c r="AB2726">
        <v>4.5804357837113221</v>
      </c>
    </row>
    <row r="2727" spans="4:28" x14ac:dyDescent="0.25">
      <c r="D2727" s="40">
        <v>45.314855000002005</v>
      </c>
      <c r="E2727" s="40">
        <v>17.048273527912315</v>
      </c>
      <c r="F2727" s="40">
        <v>45.3</v>
      </c>
      <c r="G2727" s="40">
        <v>14.129508513355461</v>
      </c>
      <c r="H2727" s="40">
        <v>45.300000000000011</v>
      </c>
      <c r="I2727" s="40">
        <v>11.121124397259369</v>
      </c>
      <c r="J2727" s="40">
        <v>45.299983529762201</v>
      </c>
      <c r="K2727" s="40">
        <v>10.834520768958871</v>
      </c>
      <c r="L2727" s="40"/>
      <c r="M2727" s="40"/>
      <c r="N2727" s="40"/>
      <c r="Y2727">
        <v>28.016666999999998</v>
      </c>
      <c r="Z2727">
        <v>106.316667</v>
      </c>
      <c r="AA2727">
        <v>8.6342800000000004</v>
      </c>
      <c r="AB2727">
        <v>4.5804357837113221</v>
      </c>
    </row>
    <row r="2728" spans="4:28" x14ac:dyDescent="0.25">
      <c r="D2728" s="40">
        <v>45.331521000002006</v>
      </c>
      <c r="E2728" s="40">
        <v>17.048273527912315</v>
      </c>
      <c r="F2728" s="40">
        <v>45.316666999999995</v>
      </c>
      <c r="G2728" s="40">
        <v>14.134263757445682</v>
      </c>
      <c r="H2728" s="40">
        <v>45.316666999999995</v>
      </c>
      <c r="I2728" s="40">
        <v>11.124477133402626</v>
      </c>
      <c r="J2728" s="40">
        <v>45.316650190476501</v>
      </c>
      <c r="K2728" s="40">
        <v>10.834520768958871</v>
      </c>
      <c r="L2728" s="40"/>
      <c r="M2728" s="40"/>
      <c r="N2728" s="40"/>
      <c r="Y2728">
        <v>28.033332999999999</v>
      </c>
      <c r="Z2728">
        <v>106.333333</v>
      </c>
      <c r="AA2728">
        <v>8.6342800000000004</v>
      </c>
      <c r="AB2728">
        <v>4.5804357837113221</v>
      </c>
    </row>
    <row r="2729" spans="4:28" x14ac:dyDescent="0.25">
      <c r="D2729" s="40">
        <v>45.348187000002007</v>
      </c>
      <c r="E2729" s="40">
        <v>17.048273527912315</v>
      </c>
      <c r="F2729" s="40">
        <v>45.333332999999996</v>
      </c>
      <c r="G2729" s="40">
        <v>14.134263757445682</v>
      </c>
      <c r="H2729" s="40">
        <v>45.333334000000008</v>
      </c>
      <c r="I2729" s="40">
        <v>11.124477133402626</v>
      </c>
      <c r="J2729" s="40">
        <v>45.333316851190801</v>
      </c>
      <c r="K2729" s="40">
        <v>10.834520768958871</v>
      </c>
      <c r="L2729" s="40"/>
      <c r="M2729" s="40"/>
      <c r="N2729" s="40"/>
      <c r="Y2729">
        <v>28.049999999999997</v>
      </c>
      <c r="Z2729">
        <v>106.35</v>
      </c>
      <c r="AA2729">
        <v>8.6343139999999998</v>
      </c>
      <c r="AB2729">
        <v>4.5808475997303288</v>
      </c>
    </row>
    <row r="2730" spans="4:28" x14ac:dyDescent="0.25">
      <c r="D2730" s="40">
        <v>45.364853000002007</v>
      </c>
      <c r="E2730" s="40">
        <v>17.048273527912315</v>
      </c>
      <c r="F2730" s="40">
        <v>45.349999999999994</v>
      </c>
      <c r="G2730" s="40">
        <v>14.138879141415581</v>
      </c>
      <c r="H2730" s="40">
        <v>45.349999999999994</v>
      </c>
      <c r="I2730" s="40">
        <v>11.12773125965939</v>
      </c>
      <c r="J2730" s="40">
        <v>45.349983511905101</v>
      </c>
      <c r="K2730" s="40">
        <v>10.834520768958871</v>
      </c>
      <c r="L2730" s="40"/>
      <c r="M2730" s="40"/>
      <c r="N2730" s="40"/>
      <c r="Y2730">
        <v>28.06666700000001</v>
      </c>
      <c r="Z2730">
        <v>106.36666700000001</v>
      </c>
      <c r="AA2730">
        <v>8.6343139999999998</v>
      </c>
      <c r="AB2730">
        <v>4.5808475997303288</v>
      </c>
    </row>
    <row r="2731" spans="4:28" x14ac:dyDescent="0.25">
      <c r="D2731" s="40">
        <v>45.381519000002008</v>
      </c>
      <c r="E2731" s="40">
        <v>17.048273527912315</v>
      </c>
      <c r="F2731" s="40">
        <v>45.366666999999993</v>
      </c>
      <c r="G2731" s="40">
        <v>14.143634385505676</v>
      </c>
      <c r="H2731" s="40">
        <v>45.366667000000007</v>
      </c>
      <c r="I2731" s="40">
        <v>11.131083995802646</v>
      </c>
      <c r="J2731" s="40">
        <v>45.366650172619401</v>
      </c>
      <c r="K2731" s="40">
        <v>10.834520768958871</v>
      </c>
      <c r="L2731" s="40"/>
      <c r="M2731" s="40"/>
      <c r="N2731" s="40"/>
      <c r="Y2731">
        <v>28.083332999999996</v>
      </c>
      <c r="Z2731">
        <v>106.38333299999999</v>
      </c>
      <c r="AA2731">
        <v>8.6343139999999998</v>
      </c>
      <c r="AB2731">
        <v>4.5808475997303288</v>
      </c>
    </row>
    <row r="2732" spans="4:28" x14ac:dyDescent="0.25">
      <c r="D2732" s="40">
        <v>45.398185000002009</v>
      </c>
      <c r="E2732" s="40">
        <v>17.053116706501736</v>
      </c>
      <c r="F2732" s="40">
        <v>45.383332999999993</v>
      </c>
      <c r="G2732" s="40">
        <v>14.148389629595895</v>
      </c>
      <c r="H2732" s="40">
        <v>45.383334000000019</v>
      </c>
      <c r="I2732" s="40">
        <v>11.131083995802646</v>
      </c>
      <c r="J2732" s="40">
        <v>45.383316833333701</v>
      </c>
      <c r="K2732" s="40">
        <v>10.834520768958871</v>
      </c>
      <c r="L2732" s="40"/>
      <c r="M2732" s="40"/>
      <c r="N2732" s="40"/>
      <c r="Y2732">
        <v>28.100000000000009</v>
      </c>
      <c r="Z2732">
        <v>106.4</v>
      </c>
      <c r="AA2732">
        <v>8.634347</v>
      </c>
      <c r="AB2732">
        <v>4.5812473035134911</v>
      </c>
    </row>
    <row r="2733" spans="4:28" x14ac:dyDescent="0.25">
      <c r="D2733" s="40">
        <v>45.41485100000201</v>
      </c>
      <c r="E2733" s="40">
        <v>17.053116706501736</v>
      </c>
      <c r="F2733" s="40">
        <v>45.399999999999991</v>
      </c>
      <c r="G2733" s="40">
        <v>14.153005013565796</v>
      </c>
      <c r="H2733" s="40">
        <v>45.400000000000006</v>
      </c>
      <c r="I2733" s="40">
        <v>11.134436731946078</v>
      </c>
      <c r="J2733" s="40">
        <v>45.399983494047902</v>
      </c>
      <c r="K2733" s="40">
        <v>10.834520768958871</v>
      </c>
      <c r="L2733" s="40"/>
      <c r="M2733" s="40"/>
      <c r="N2733" s="40"/>
      <c r="Y2733">
        <v>28.116667000000007</v>
      </c>
      <c r="Z2733">
        <v>106.416667</v>
      </c>
      <c r="AA2733">
        <v>8.634347</v>
      </c>
      <c r="AB2733">
        <v>4.5812473035134911</v>
      </c>
    </row>
    <row r="2734" spans="4:28" x14ac:dyDescent="0.25">
      <c r="D2734" s="40">
        <v>45.43151700000201</v>
      </c>
      <c r="E2734" s="40">
        <v>17.053116706501736</v>
      </c>
      <c r="F2734" s="40">
        <v>45.41666699999999</v>
      </c>
      <c r="G2734" s="40">
        <v>14.157760257656015</v>
      </c>
      <c r="H2734" s="40">
        <v>45.416667000000018</v>
      </c>
      <c r="I2734" s="40">
        <v>11.137690858202841</v>
      </c>
      <c r="J2734" s="40">
        <v>45.416650154762202</v>
      </c>
      <c r="K2734" s="40">
        <v>10.839371812668103</v>
      </c>
      <c r="L2734" s="40"/>
      <c r="M2734" s="40"/>
      <c r="N2734" s="40"/>
      <c r="Y2734">
        <v>28.133333000000007</v>
      </c>
      <c r="Z2734">
        <v>106.433333</v>
      </c>
      <c r="AA2734">
        <v>8.6343809999999994</v>
      </c>
      <c r="AB2734">
        <v>4.5816591195324978</v>
      </c>
    </row>
    <row r="2735" spans="4:28" x14ac:dyDescent="0.25">
      <c r="D2735" s="40">
        <v>45.448183000002011</v>
      </c>
      <c r="E2735" s="40">
        <v>17.053116706501736</v>
      </c>
      <c r="F2735" s="40">
        <v>45.43333299999999</v>
      </c>
      <c r="G2735" s="40">
        <v>14.16251550174611</v>
      </c>
      <c r="H2735" s="40">
        <v>45.433334000000002</v>
      </c>
      <c r="I2735" s="40">
        <v>11.137690858202841</v>
      </c>
      <c r="J2735" s="40">
        <v>45.433316815476502</v>
      </c>
      <c r="K2735" s="40">
        <v>10.839371812668103</v>
      </c>
      <c r="L2735" s="40"/>
      <c r="M2735" s="40"/>
      <c r="N2735" s="40"/>
      <c r="Y2735">
        <v>28.150000000000006</v>
      </c>
      <c r="Z2735">
        <v>106.45</v>
      </c>
      <c r="AA2735">
        <v>8.6343809999999994</v>
      </c>
      <c r="AB2735">
        <v>4.5816591195324978</v>
      </c>
    </row>
    <row r="2736" spans="4:28" x14ac:dyDescent="0.25">
      <c r="D2736" s="40">
        <v>45.464849000002012</v>
      </c>
      <c r="E2736" s="40">
        <v>17.057817438662163</v>
      </c>
      <c r="F2736" s="40">
        <v>45.449999999999989</v>
      </c>
      <c r="G2736" s="40">
        <v>14.167130885716011</v>
      </c>
      <c r="H2736" s="40">
        <v>45.450000000000017</v>
      </c>
      <c r="I2736" s="40">
        <v>11.141043594346097</v>
      </c>
      <c r="J2736" s="40">
        <v>45.449983476190802</v>
      </c>
      <c r="K2736" s="40">
        <v>10.839371812668103</v>
      </c>
      <c r="L2736" s="40"/>
      <c r="M2736" s="40"/>
      <c r="N2736" s="40"/>
      <c r="Y2736">
        <v>28.166667000000004</v>
      </c>
      <c r="Z2736">
        <v>106.466667</v>
      </c>
      <c r="AA2736">
        <v>8.6343809999999994</v>
      </c>
      <c r="AB2736">
        <v>4.5816591195324978</v>
      </c>
    </row>
    <row r="2737" spans="4:28" x14ac:dyDescent="0.25">
      <c r="D2737" s="40">
        <v>45.481515000002013</v>
      </c>
      <c r="E2737" s="40">
        <v>17.057817438662163</v>
      </c>
      <c r="F2737" s="40">
        <v>45.466667000000001</v>
      </c>
      <c r="G2737" s="40">
        <v>14.17188612980623</v>
      </c>
      <c r="H2737" s="40">
        <v>45.466667000000001</v>
      </c>
      <c r="I2737" s="40">
        <v>11.144396330489355</v>
      </c>
      <c r="J2737" s="40">
        <v>45.466650136905102</v>
      </c>
      <c r="K2737" s="40">
        <v>10.839371812668103</v>
      </c>
      <c r="L2737" s="40"/>
      <c r="M2737" s="40"/>
      <c r="N2737" s="40"/>
      <c r="Y2737">
        <v>28.183333000000005</v>
      </c>
      <c r="Z2737">
        <v>106.483333</v>
      </c>
      <c r="AA2737">
        <v>8.6344150000000006</v>
      </c>
      <c r="AB2737">
        <v>4.582070935551525</v>
      </c>
    </row>
    <row r="2738" spans="4:28" x14ac:dyDescent="0.25">
      <c r="D2738" s="40">
        <v>45.498181000002013</v>
      </c>
      <c r="E2738" s="40">
        <v>17.057817438662163</v>
      </c>
      <c r="F2738" s="40">
        <v>45.483332999999988</v>
      </c>
      <c r="G2738" s="40">
        <v>14.17188612980623</v>
      </c>
      <c r="H2738" s="40">
        <v>45.483334000000013</v>
      </c>
      <c r="I2738" s="40">
        <v>11.147650456746119</v>
      </c>
      <c r="J2738" s="40">
        <v>45.483316797619402</v>
      </c>
      <c r="K2738" s="40">
        <v>10.844222856377334</v>
      </c>
      <c r="L2738" s="40"/>
      <c r="M2738" s="40"/>
      <c r="N2738" s="40"/>
      <c r="Y2738">
        <v>28.200000000000003</v>
      </c>
      <c r="Z2738">
        <v>106.5</v>
      </c>
      <c r="AA2738">
        <v>8.6344150000000006</v>
      </c>
      <c r="AB2738">
        <v>4.582070935551525</v>
      </c>
    </row>
    <row r="2739" spans="4:28" x14ac:dyDescent="0.25">
      <c r="D2739" s="40">
        <v>45.514847000002014</v>
      </c>
      <c r="E2739" s="40">
        <v>17.057817438662163</v>
      </c>
      <c r="F2739" s="40">
        <v>45.5</v>
      </c>
      <c r="G2739" s="40">
        <v>14.176641373896326</v>
      </c>
      <c r="H2739" s="40">
        <v>45.5</v>
      </c>
      <c r="I2739" s="40">
        <v>11.147650456746119</v>
      </c>
      <c r="J2739" s="40">
        <v>45.499983458333702</v>
      </c>
      <c r="K2739" s="40">
        <v>10.844222856377334</v>
      </c>
      <c r="L2739" s="40"/>
      <c r="M2739" s="40"/>
      <c r="N2739" s="40"/>
      <c r="Y2739">
        <v>28.216667000000001</v>
      </c>
      <c r="Z2739">
        <v>106.516667</v>
      </c>
      <c r="AA2739">
        <v>8.6344480000000008</v>
      </c>
      <c r="AB2739">
        <v>4.5824706393346872</v>
      </c>
    </row>
    <row r="2740" spans="4:28" x14ac:dyDescent="0.25">
      <c r="D2740" s="40">
        <v>45.531513000002015</v>
      </c>
      <c r="E2740" s="40">
        <v>17.057817438662163</v>
      </c>
      <c r="F2740" s="40">
        <v>45.516666999999998</v>
      </c>
      <c r="G2740" s="40">
        <v>14.181256757866226</v>
      </c>
      <c r="H2740" s="40">
        <v>45.516667000000012</v>
      </c>
      <c r="I2740" s="40">
        <v>11.151003192889551</v>
      </c>
      <c r="J2740" s="40">
        <v>45.516650119047902</v>
      </c>
      <c r="K2740" s="40">
        <v>10.848931222330268</v>
      </c>
      <c r="L2740" s="40"/>
      <c r="M2740" s="40"/>
      <c r="N2740" s="40"/>
      <c r="Y2740">
        <v>28.233333000000002</v>
      </c>
      <c r="Z2740">
        <v>106.533333</v>
      </c>
      <c r="AA2740">
        <v>8.6344480000000008</v>
      </c>
      <c r="AB2740">
        <v>4.5824706393346872</v>
      </c>
    </row>
    <row r="2741" spans="4:28" x14ac:dyDescent="0.25">
      <c r="D2741" s="40">
        <v>45.548179000002015</v>
      </c>
      <c r="E2741" s="40">
        <v>17.062660617251712</v>
      </c>
      <c r="F2741" s="40">
        <v>45.533332999999999</v>
      </c>
      <c r="G2741" s="40">
        <v>14.181256757866226</v>
      </c>
      <c r="H2741" s="40">
        <v>45.533333999999996</v>
      </c>
      <c r="I2741" s="40">
        <v>11.154355929032809</v>
      </c>
      <c r="J2741" s="40">
        <v>45.533316779762202</v>
      </c>
      <c r="K2741" s="40">
        <v>10.848931222330268</v>
      </c>
      <c r="L2741" s="40"/>
      <c r="M2741" s="40"/>
      <c r="N2741" s="40"/>
      <c r="Y2741">
        <v>28.25</v>
      </c>
      <c r="Z2741">
        <v>106.55</v>
      </c>
      <c r="AA2741">
        <v>8.6344480000000008</v>
      </c>
      <c r="AB2741">
        <v>4.5824706393346872</v>
      </c>
    </row>
    <row r="2742" spans="4:28" x14ac:dyDescent="0.25">
      <c r="D2742" s="40">
        <v>45.564845000002016</v>
      </c>
      <c r="E2742" s="40">
        <v>17.062660617251712</v>
      </c>
      <c r="F2742" s="40">
        <v>45.55</v>
      </c>
      <c r="G2742" s="40">
        <v>14.186012001956446</v>
      </c>
      <c r="H2742" s="40">
        <v>45.550000000000011</v>
      </c>
      <c r="I2742" s="40">
        <v>11.157610055289572</v>
      </c>
      <c r="J2742" s="40">
        <v>45.549983440476502</v>
      </c>
      <c r="K2742" s="40">
        <v>10.8537822660395</v>
      </c>
      <c r="L2742" s="40"/>
      <c r="M2742" s="40"/>
      <c r="N2742" s="40"/>
      <c r="Y2742">
        <v>28.266666999999998</v>
      </c>
      <c r="Z2742">
        <v>106.566667</v>
      </c>
      <c r="AA2742">
        <v>8.6344820000000002</v>
      </c>
      <c r="AB2742">
        <v>4.582882455353694</v>
      </c>
    </row>
    <row r="2743" spans="4:28" x14ac:dyDescent="0.25">
      <c r="D2743" s="40">
        <v>45.581511000002017</v>
      </c>
      <c r="E2743" s="40">
        <v>17.062660617251712</v>
      </c>
      <c r="F2743" s="40">
        <v>45.566666999999995</v>
      </c>
      <c r="G2743" s="40">
        <v>14.186012001956446</v>
      </c>
      <c r="H2743" s="40">
        <v>45.566666999999995</v>
      </c>
      <c r="I2743" s="40">
        <v>11.157610055289572</v>
      </c>
      <c r="J2743" s="40">
        <v>45.566650101190803</v>
      </c>
      <c r="K2743" s="40">
        <v>10.8537822660395</v>
      </c>
      <c r="L2743" s="40"/>
      <c r="M2743" s="40"/>
      <c r="N2743" s="40"/>
      <c r="Y2743">
        <v>28.283332999999999</v>
      </c>
      <c r="Z2743">
        <v>106.583333</v>
      </c>
      <c r="AA2743">
        <v>8.6344820000000002</v>
      </c>
      <c r="AB2743">
        <v>4.582882455353694</v>
      </c>
    </row>
    <row r="2744" spans="4:28" x14ac:dyDescent="0.25">
      <c r="D2744" s="40">
        <v>45.598177000002018</v>
      </c>
      <c r="E2744" s="40">
        <v>17.062660617251712</v>
      </c>
      <c r="F2744" s="40">
        <v>45.583332999999996</v>
      </c>
      <c r="G2744" s="40">
        <v>14.190767246046539</v>
      </c>
      <c r="H2744" s="40">
        <v>45.583334000000008</v>
      </c>
      <c r="I2744" s="40">
        <v>11.160962791432828</v>
      </c>
      <c r="J2744" s="40">
        <v>45.583316761905103</v>
      </c>
      <c r="K2744" s="40">
        <v>10.8537822660395</v>
      </c>
      <c r="L2744" s="40"/>
      <c r="M2744" s="40"/>
      <c r="N2744" s="40"/>
      <c r="Y2744">
        <v>28.299999999999997</v>
      </c>
      <c r="Z2744">
        <v>106.6</v>
      </c>
      <c r="AA2744">
        <v>8.6344820000000002</v>
      </c>
      <c r="AB2744">
        <v>4.582882455353694</v>
      </c>
    </row>
    <row r="2745" spans="4:28" x14ac:dyDescent="0.25">
      <c r="D2745" s="40">
        <v>45.614843000002018</v>
      </c>
      <c r="E2745" s="40">
        <v>17.067503795841134</v>
      </c>
      <c r="F2745" s="40">
        <v>45.599999999999994</v>
      </c>
      <c r="G2745" s="40">
        <v>14.195382630016439</v>
      </c>
      <c r="H2745" s="40">
        <v>45.599999999999994</v>
      </c>
      <c r="I2745" s="40">
        <v>11.164315527576086</v>
      </c>
      <c r="J2745" s="40">
        <v>45.599983422619403</v>
      </c>
      <c r="K2745" s="40">
        <v>10.8537822660395</v>
      </c>
      <c r="L2745" s="40"/>
      <c r="M2745" s="40"/>
      <c r="N2745" s="40"/>
      <c r="Y2745">
        <v>28.31666700000001</v>
      </c>
      <c r="Z2745">
        <v>106.61666700000001</v>
      </c>
      <c r="AA2745">
        <v>8.6344820000000002</v>
      </c>
      <c r="AB2745">
        <v>4.582882455353694</v>
      </c>
    </row>
    <row r="2746" spans="4:28" x14ac:dyDescent="0.25">
      <c r="D2746" s="40">
        <v>45.631509000002019</v>
      </c>
      <c r="E2746" s="40">
        <v>17.067503795841134</v>
      </c>
      <c r="F2746" s="40">
        <v>45.616666999999993</v>
      </c>
      <c r="G2746" s="40">
        <v>14.195382630016439</v>
      </c>
      <c r="H2746" s="40">
        <v>45.616667000000007</v>
      </c>
      <c r="I2746" s="40">
        <v>11.167569653832849</v>
      </c>
      <c r="J2746" s="40">
        <v>45.616650083333703</v>
      </c>
      <c r="K2746" s="40">
        <v>10.858633309748733</v>
      </c>
      <c r="L2746" s="40"/>
      <c r="M2746" s="40"/>
      <c r="N2746" s="40"/>
      <c r="Y2746">
        <v>28.333332999999996</v>
      </c>
      <c r="Z2746">
        <v>106.63333299999999</v>
      </c>
      <c r="AA2746">
        <v>8.6345159999999996</v>
      </c>
      <c r="AB2746">
        <v>4.5832942713726998</v>
      </c>
    </row>
    <row r="2747" spans="4:28" x14ac:dyDescent="0.25">
      <c r="D2747" s="40">
        <v>45.64817500000202</v>
      </c>
      <c r="E2747" s="40">
        <v>17.07220452800156</v>
      </c>
      <c r="F2747" s="40">
        <v>45.633332999999993</v>
      </c>
      <c r="G2747" s="40">
        <v>14.195382630016439</v>
      </c>
      <c r="H2747" s="40">
        <v>45.633334000000019</v>
      </c>
      <c r="I2747" s="40">
        <v>11.167569653832849</v>
      </c>
      <c r="J2747" s="40">
        <v>45.633316744047903</v>
      </c>
      <c r="K2747" s="40">
        <v>10.858633309748733</v>
      </c>
      <c r="L2747" s="40"/>
      <c r="M2747" s="40"/>
      <c r="N2747" s="40"/>
      <c r="Y2747">
        <v>28.350000000000009</v>
      </c>
      <c r="Z2747">
        <v>106.65</v>
      </c>
      <c r="AA2747">
        <v>8.6345159999999996</v>
      </c>
      <c r="AB2747">
        <v>4.5832942713726998</v>
      </c>
    </row>
    <row r="2748" spans="4:28" x14ac:dyDescent="0.25">
      <c r="D2748" s="40">
        <v>45.664841000002021</v>
      </c>
      <c r="E2748" s="40">
        <v>17.077047706591106</v>
      </c>
      <c r="F2748" s="40">
        <v>45.649999999999991</v>
      </c>
      <c r="G2748" s="40">
        <v>14.200137874106659</v>
      </c>
      <c r="H2748" s="40">
        <v>45.650000000000006</v>
      </c>
      <c r="I2748" s="40">
        <v>11.170922389976282</v>
      </c>
      <c r="J2748" s="40">
        <v>45.649983404762203</v>
      </c>
      <c r="K2748" s="40">
        <v>10.858633309748733</v>
      </c>
      <c r="L2748" s="40"/>
      <c r="M2748" s="40"/>
      <c r="N2748" s="40"/>
      <c r="Y2748">
        <v>28.366667000000007</v>
      </c>
      <c r="Z2748">
        <v>106.666667</v>
      </c>
      <c r="AA2748">
        <v>8.6345159999999996</v>
      </c>
      <c r="AB2748">
        <v>4.5832942713726998</v>
      </c>
    </row>
    <row r="2749" spans="4:28" x14ac:dyDescent="0.25">
      <c r="D2749" s="40">
        <v>45.681507000002021</v>
      </c>
      <c r="E2749" s="40">
        <v>17.077047706591106</v>
      </c>
      <c r="F2749" s="40">
        <v>45.66666699999999</v>
      </c>
      <c r="G2749" s="40">
        <v>14.204893118196878</v>
      </c>
      <c r="H2749" s="40">
        <v>45.666667000000018</v>
      </c>
      <c r="I2749" s="40">
        <v>11.174275126119538</v>
      </c>
      <c r="J2749" s="40">
        <v>45.666650065476503</v>
      </c>
      <c r="K2749" s="40">
        <v>10.863341675701667</v>
      </c>
      <c r="L2749" s="40"/>
      <c r="M2749" s="40"/>
      <c r="N2749" s="40"/>
      <c r="Y2749">
        <v>28.383333000000007</v>
      </c>
      <c r="Z2749">
        <v>106.683333</v>
      </c>
      <c r="AA2749">
        <v>8.6345489999999998</v>
      </c>
      <c r="AB2749">
        <v>4.5836939751558621</v>
      </c>
    </row>
    <row r="2750" spans="4:28" x14ac:dyDescent="0.25">
      <c r="D2750" s="40">
        <v>45.698173000002022</v>
      </c>
      <c r="E2750" s="40">
        <v>17.081890885180528</v>
      </c>
      <c r="F2750" s="40">
        <v>45.68333299999999</v>
      </c>
      <c r="G2750" s="40">
        <v>14.204893118196878</v>
      </c>
      <c r="H2750" s="40">
        <v>45.683334000000002</v>
      </c>
      <c r="I2750" s="40">
        <v>11.177529252376301</v>
      </c>
      <c r="J2750" s="40">
        <v>45.683316726190803</v>
      </c>
      <c r="K2750" s="40">
        <v>10.863341675701667</v>
      </c>
      <c r="L2750" s="40"/>
      <c r="M2750" s="40"/>
      <c r="N2750" s="40"/>
      <c r="Y2750">
        <v>28.400000000000006</v>
      </c>
      <c r="Z2750">
        <v>106.7</v>
      </c>
      <c r="AA2750">
        <v>8.6345489999999998</v>
      </c>
      <c r="AB2750">
        <v>4.5836939751558621</v>
      </c>
    </row>
    <row r="2751" spans="4:28" x14ac:dyDescent="0.25">
      <c r="D2751" s="40">
        <v>45.714839000002023</v>
      </c>
      <c r="E2751" s="40">
        <v>17.086591617340954</v>
      </c>
      <c r="F2751" s="40">
        <v>45.699999999999989</v>
      </c>
      <c r="G2751" s="40">
        <v>14.209508502166655</v>
      </c>
      <c r="H2751" s="40">
        <v>45.700000000000017</v>
      </c>
      <c r="I2751" s="40">
        <v>11.180881988519557</v>
      </c>
      <c r="J2751" s="40">
        <v>45.699983386905103</v>
      </c>
      <c r="K2751" s="40">
        <v>10.863341675701667</v>
      </c>
      <c r="L2751" s="40"/>
      <c r="M2751" s="40"/>
      <c r="N2751" s="40"/>
      <c r="Y2751">
        <v>28.416667000000004</v>
      </c>
      <c r="Z2751">
        <v>106.716667</v>
      </c>
      <c r="AA2751">
        <v>8.6345489999999998</v>
      </c>
      <c r="AB2751">
        <v>4.5836939751558621</v>
      </c>
    </row>
    <row r="2752" spans="4:28" x14ac:dyDescent="0.25">
      <c r="D2752" s="40">
        <v>45.731505000002024</v>
      </c>
      <c r="E2752" s="40">
        <v>17.086591617340954</v>
      </c>
      <c r="F2752" s="40">
        <v>45.716667000000001</v>
      </c>
      <c r="G2752" s="40">
        <v>14.214263746256874</v>
      </c>
      <c r="H2752" s="40">
        <v>45.716667000000001</v>
      </c>
      <c r="I2752" s="40">
        <v>11.180881988519557</v>
      </c>
      <c r="J2752" s="40">
        <v>45.716650047619403</v>
      </c>
      <c r="K2752" s="40">
        <v>10.868192719410898</v>
      </c>
      <c r="L2752" s="40"/>
      <c r="M2752" s="40"/>
      <c r="N2752" s="40"/>
      <c r="Y2752">
        <v>28.433333000000005</v>
      </c>
      <c r="Z2752">
        <v>106.733333</v>
      </c>
      <c r="AA2752">
        <v>8.6345829999999992</v>
      </c>
      <c r="AB2752">
        <v>4.5841057911748679</v>
      </c>
    </row>
    <row r="2753" spans="4:28" x14ac:dyDescent="0.25">
      <c r="D2753" s="40">
        <v>45.748171000002024</v>
      </c>
      <c r="E2753" s="40">
        <v>17.0914347959305</v>
      </c>
      <c r="F2753" s="40">
        <v>45.733332999999988</v>
      </c>
      <c r="G2753" s="40">
        <v>14.219018990347092</v>
      </c>
      <c r="H2753" s="40">
        <v>45.733334000000013</v>
      </c>
      <c r="I2753" s="40">
        <v>11.184234724662991</v>
      </c>
      <c r="J2753" s="40">
        <v>45.733316708333703</v>
      </c>
      <c r="K2753" s="40">
        <v>10.868192719410898</v>
      </c>
      <c r="L2753" s="40"/>
      <c r="M2753" s="40"/>
      <c r="N2753" s="40"/>
      <c r="Y2753">
        <v>28.450000000000003</v>
      </c>
      <c r="Z2753">
        <v>106.75</v>
      </c>
      <c r="AA2753">
        <v>8.6345829999999992</v>
      </c>
      <c r="AB2753">
        <v>4.5841057911748679</v>
      </c>
    </row>
    <row r="2754" spans="4:28" x14ac:dyDescent="0.25">
      <c r="D2754" s="40">
        <v>45.764837000002025</v>
      </c>
      <c r="E2754" s="40">
        <v>17.096277974520053</v>
      </c>
      <c r="F2754" s="40">
        <v>45.75</v>
      </c>
      <c r="G2754" s="40">
        <v>14.22363437431687</v>
      </c>
      <c r="H2754" s="40">
        <v>45.75</v>
      </c>
      <c r="I2754" s="40">
        <v>11.187488850919578</v>
      </c>
      <c r="J2754" s="40">
        <v>45.749983369047897</v>
      </c>
      <c r="K2754" s="40">
        <v>10.87304376312013</v>
      </c>
      <c r="L2754" s="40"/>
      <c r="M2754" s="40"/>
      <c r="N2754" s="40"/>
      <c r="Y2754">
        <v>28.466667000000001</v>
      </c>
      <c r="Z2754">
        <v>106.766667</v>
      </c>
      <c r="AA2754">
        <v>8.6346170000000004</v>
      </c>
      <c r="AB2754">
        <v>4.584517607193896</v>
      </c>
    </row>
    <row r="2755" spans="4:28" x14ac:dyDescent="0.25">
      <c r="D2755" s="40">
        <v>45.781503000002026</v>
      </c>
      <c r="E2755" s="40">
        <v>17.100978706680348</v>
      </c>
      <c r="F2755" s="40">
        <v>45.766666999999998</v>
      </c>
      <c r="G2755" s="40">
        <v>14.228389618407089</v>
      </c>
      <c r="H2755" s="40">
        <v>45.766667000000012</v>
      </c>
      <c r="I2755" s="40">
        <v>11.187488850919578</v>
      </c>
      <c r="J2755" s="40">
        <v>45.766650029762197</v>
      </c>
      <c r="K2755" s="40">
        <v>10.87304376312013</v>
      </c>
      <c r="L2755" s="40"/>
      <c r="M2755" s="40"/>
      <c r="N2755" s="40"/>
      <c r="Y2755">
        <v>28.483333000000002</v>
      </c>
      <c r="Z2755">
        <v>106.783333</v>
      </c>
      <c r="AA2755">
        <v>8.6346170000000004</v>
      </c>
      <c r="AB2755">
        <v>4.584517607193896</v>
      </c>
    </row>
    <row r="2756" spans="4:28" x14ac:dyDescent="0.25">
      <c r="D2756" s="40">
        <v>45.798169000002027</v>
      </c>
      <c r="E2756" s="40">
        <v>17.105821885269901</v>
      </c>
      <c r="F2756" s="40">
        <v>45.783332999999999</v>
      </c>
      <c r="G2756" s="40">
        <v>14.233144862497308</v>
      </c>
      <c r="H2756" s="40">
        <v>45.783333999999996</v>
      </c>
      <c r="I2756" s="40">
        <v>11.19084158706301</v>
      </c>
      <c r="J2756" s="40">
        <v>45.783316690476497</v>
      </c>
      <c r="K2756" s="40">
        <v>10.877894806829236</v>
      </c>
      <c r="L2756" s="40"/>
      <c r="M2756" s="40"/>
      <c r="N2756" s="40"/>
      <c r="Y2756">
        <v>28.5</v>
      </c>
      <c r="Z2756">
        <v>106.8</v>
      </c>
      <c r="AA2756">
        <v>8.6346170000000004</v>
      </c>
      <c r="AB2756">
        <v>4.584517607193896</v>
      </c>
    </row>
    <row r="2757" spans="4:28" x14ac:dyDescent="0.25">
      <c r="D2757" s="40">
        <v>45.814835000002027</v>
      </c>
      <c r="E2757" s="40">
        <v>17.110665063859447</v>
      </c>
      <c r="F2757" s="40">
        <v>45.8</v>
      </c>
      <c r="G2757" s="40">
        <v>14.233144862497308</v>
      </c>
      <c r="H2757" s="40">
        <v>45.800000000000011</v>
      </c>
      <c r="I2757" s="40">
        <v>11.194194323206268</v>
      </c>
      <c r="J2757" s="40">
        <v>45.799983351190797</v>
      </c>
      <c r="K2757" s="40">
        <v>10.877894806829236</v>
      </c>
      <c r="L2757" s="40"/>
      <c r="M2757" s="40"/>
      <c r="N2757" s="40"/>
      <c r="Y2757">
        <v>28.516666999999998</v>
      </c>
      <c r="Z2757">
        <v>106.816667</v>
      </c>
      <c r="AA2757">
        <v>8.6346500000000006</v>
      </c>
      <c r="AB2757">
        <v>4.5849173109770582</v>
      </c>
    </row>
    <row r="2758" spans="4:28" x14ac:dyDescent="0.25">
      <c r="D2758" s="40">
        <v>45.831501000002028</v>
      </c>
      <c r="E2758" s="40">
        <v>17.115365796019745</v>
      </c>
      <c r="F2758" s="40">
        <v>45.816666999999995</v>
      </c>
      <c r="G2758" s="40">
        <v>14.237760246467207</v>
      </c>
      <c r="H2758" s="40">
        <v>45.816666999999995</v>
      </c>
      <c r="I2758" s="40">
        <v>11.194194323206268</v>
      </c>
      <c r="J2758" s="40">
        <v>45.816650011905097</v>
      </c>
      <c r="K2758" s="40">
        <v>10.882603172782296</v>
      </c>
      <c r="L2758" s="40"/>
      <c r="M2758" s="40"/>
      <c r="N2758" s="40"/>
      <c r="Y2758">
        <v>28.533332999999999</v>
      </c>
      <c r="Z2758">
        <v>106.833333</v>
      </c>
      <c r="AA2758">
        <v>8.6346500000000006</v>
      </c>
      <c r="AB2758">
        <v>4.5849173109770582</v>
      </c>
    </row>
    <row r="2759" spans="4:28" x14ac:dyDescent="0.25">
      <c r="D2759" s="40">
        <v>45.848167000002029</v>
      </c>
      <c r="E2759" s="40">
        <v>17.115365796019745</v>
      </c>
      <c r="F2759" s="40">
        <v>45.833332999999996</v>
      </c>
      <c r="G2759" s="40">
        <v>14.242515490557304</v>
      </c>
      <c r="H2759" s="40">
        <v>45.833334000000008</v>
      </c>
      <c r="I2759" s="40">
        <v>11.197448449463032</v>
      </c>
      <c r="J2759" s="40">
        <v>45.833316672619397</v>
      </c>
      <c r="K2759" s="40">
        <v>10.887454216491529</v>
      </c>
      <c r="L2759" s="40"/>
      <c r="M2759" s="40"/>
      <c r="N2759" s="40"/>
      <c r="Y2759">
        <v>28.549999999999997</v>
      </c>
      <c r="Z2759">
        <v>106.85</v>
      </c>
      <c r="AA2759">
        <v>8.6346500000000006</v>
      </c>
      <c r="AB2759">
        <v>4.5849173109770582</v>
      </c>
    </row>
    <row r="2760" spans="4:28" x14ac:dyDescent="0.25">
      <c r="D2760" s="40">
        <v>45.864833000002029</v>
      </c>
      <c r="E2760" s="40">
        <v>17.120208974609294</v>
      </c>
      <c r="F2760" s="40">
        <v>45.849999999999994</v>
      </c>
      <c r="G2760" s="40">
        <v>14.247270734647524</v>
      </c>
      <c r="H2760" s="40">
        <v>45.849999999999994</v>
      </c>
      <c r="I2760" s="40">
        <v>11.20080118560629</v>
      </c>
      <c r="J2760" s="40">
        <v>45.849983333333697</v>
      </c>
      <c r="K2760" s="40">
        <v>10.892305260200761</v>
      </c>
      <c r="L2760" s="40"/>
      <c r="M2760" s="40"/>
      <c r="N2760" s="40"/>
      <c r="Y2760">
        <v>28.56666700000001</v>
      </c>
      <c r="Z2760">
        <v>106.86666700000001</v>
      </c>
      <c r="AA2760">
        <v>8.634684</v>
      </c>
      <c r="AB2760">
        <v>4.5853291269960641</v>
      </c>
    </row>
    <row r="2761" spans="4:28" x14ac:dyDescent="0.25">
      <c r="D2761" s="40">
        <v>45.88149900000203</v>
      </c>
      <c r="E2761" s="40">
        <v>17.12505215319884</v>
      </c>
      <c r="F2761" s="40">
        <v>45.866666999999993</v>
      </c>
      <c r="G2761" s="40">
        <v>14.251886118617422</v>
      </c>
      <c r="H2761" s="40">
        <v>45.866667000000007</v>
      </c>
      <c r="I2761" s="40">
        <v>11.20080118560629</v>
      </c>
      <c r="J2761" s="40">
        <v>45.866649994047897</v>
      </c>
      <c r="K2761" s="40">
        <v>10.892305260200761</v>
      </c>
      <c r="L2761" s="40"/>
      <c r="M2761" s="40"/>
      <c r="N2761" s="40"/>
      <c r="Y2761">
        <v>28.583332999999996</v>
      </c>
      <c r="Z2761">
        <v>106.88333299999999</v>
      </c>
      <c r="AA2761">
        <v>8.634684</v>
      </c>
      <c r="AB2761">
        <v>4.5853291269960641</v>
      </c>
    </row>
    <row r="2762" spans="4:28" x14ac:dyDescent="0.25">
      <c r="D2762" s="40">
        <v>45.898165000002031</v>
      </c>
      <c r="E2762" s="40">
        <v>17.134596063948688</v>
      </c>
      <c r="F2762" s="40">
        <v>45.883332999999993</v>
      </c>
      <c r="G2762" s="40">
        <v>14.251886118617422</v>
      </c>
      <c r="H2762" s="40">
        <v>45.883334000000019</v>
      </c>
      <c r="I2762" s="40">
        <v>11.204153921749722</v>
      </c>
      <c r="J2762" s="40">
        <v>45.883316654762197</v>
      </c>
      <c r="K2762" s="40">
        <v>10.897013626153694</v>
      </c>
      <c r="L2762" s="40"/>
      <c r="M2762" s="40"/>
      <c r="N2762" s="40"/>
      <c r="Y2762">
        <v>28.600000000000009</v>
      </c>
      <c r="Z2762">
        <v>106.9</v>
      </c>
      <c r="AA2762">
        <v>8.634684</v>
      </c>
      <c r="AB2762">
        <v>4.5853291269960641</v>
      </c>
    </row>
    <row r="2763" spans="4:28" x14ac:dyDescent="0.25">
      <c r="D2763" s="40">
        <v>45.914831000002032</v>
      </c>
      <c r="E2763" s="40">
        <v>17.134596063948688</v>
      </c>
      <c r="F2763" s="40">
        <v>45.899999999999991</v>
      </c>
      <c r="G2763" s="40">
        <v>14.256641362707517</v>
      </c>
      <c r="H2763" s="40">
        <v>45.900000000000006</v>
      </c>
      <c r="I2763" s="40">
        <v>11.207408048006485</v>
      </c>
      <c r="J2763" s="40">
        <v>45.899983315476497</v>
      </c>
      <c r="K2763" s="40">
        <v>10.901864669862926</v>
      </c>
      <c r="L2763" s="40"/>
      <c r="M2763" s="40"/>
      <c r="N2763" s="40"/>
      <c r="Y2763">
        <v>28.616667000000007</v>
      </c>
      <c r="Z2763">
        <v>106.916667</v>
      </c>
      <c r="AA2763">
        <v>8.634684</v>
      </c>
      <c r="AB2763">
        <v>4.5853291269960641</v>
      </c>
    </row>
    <row r="2764" spans="4:28" x14ac:dyDescent="0.25">
      <c r="D2764" s="40">
        <v>45.931497000002032</v>
      </c>
      <c r="E2764" s="40">
        <v>17.144139974698664</v>
      </c>
      <c r="F2764" s="40">
        <v>45.91666699999999</v>
      </c>
      <c r="G2764" s="40">
        <v>14.261396606797737</v>
      </c>
      <c r="H2764" s="40">
        <v>45.916667000000018</v>
      </c>
      <c r="I2764" s="40">
        <v>11.210760784149741</v>
      </c>
      <c r="J2764" s="40">
        <v>45.916649976190797</v>
      </c>
      <c r="K2764" s="40">
        <v>10.901864669862926</v>
      </c>
      <c r="L2764" s="40"/>
      <c r="M2764" s="40"/>
      <c r="N2764" s="40"/>
      <c r="Y2764">
        <v>28.633333000000007</v>
      </c>
      <c r="Z2764">
        <v>106.933333</v>
      </c>
      <c r="AA2764">
        <v>8.634684</v>
      </c>
      <c r="AB2764">
        <v>4.5853291269960641</v>
      </c>
    </row>
    <row r="2765" spans="4:28" x14ac:dyDescent="0.25">
      <c r="D2765" s="40">
        <v>45.948163000002033</v>
      </c>
      <c r="E2765" s="40">
        <v>17.148983153288086</v>
      </c>
      <c r="F2765" s="40">
        <v>45.93333299999999</v>
      </c>
      <c r="G2765" s="40">
        <v>14.266151850887956</v>
      </c>
      <c r="H2765" s="40">
        <v>45.933334000000002</v>
      </c>
      <c r="I2765" s="40">
        <v>11.214113520292999</v>
      </c>
      <c r="J2765" s="40">
        <v>45.933316636905097</v>
      </c>
      <c r="K2765" s="40">
        <v>10.906715713572158</v>
      </c>
      <c r="L2765" s="40"/>
      <c r="M2765" s="40"/>
      <c r="N2765" s="40"/>
      <c r="Y2765">
        <v>28.650000000000006</v>
      </c>
      <c r="Z2765">
        <v>106.95</v>
      </c>
      <c r="AA2765">
        <v>8.6347179999999994</v>
      </c>
      <c r="AB2765">
        <v>4.5857409430150708</v>
      </c>
    </row>
    <row r="2766" spans="4:28" x14ac:dyDescent="0.25">
      <c r="D2766" s="40">
        <v>45.964829000002034</v>
      </c>
      <c r="E2766" s="40">
        <v>17.153826331877635</v>
      </c>
      <c r="F2766" s="40">
        <v>45.949999999999989</v>
      </c>
      <c r="G2766" s="40">
        <v>14.266151850887956</v>
      </c>
      <c r="H2766" s="40">
        <v>45.950000000000017</v>
      </c>
      <c r="I2766" s="40">
        <v>11.214113520292999</v>
      </c>
      <c r="J2766" s="40">
        <v>45.949983297619397</v>
      </c>
      <c r="K2766" s="40">
        <v>10.906715713572158</v>
      </c>
      <c r="L2766" s="40"/>
      <c r="M2766" s="40"/>
      <c r="N2766" s="40"/>
      <c r="Y2766">
        <v>28.666667000000004</v>
      </c>
      <c r="Z2766">
        <v>106.966667</v>
      </c>
      <c r="AA2766">
        <v>8.6347179999999994</v>
      </c>
      <c r="AB2766">
        <v>4.5857409430150708</v>
      </c>
    </row>
    <row r="2767" spans="4:28" x14ac:dyDescent="0.25">
      <c r="D2767" s="40">
        <v>45.981495000002035</v>
      </c>
      <c r="E2767" s="40">
        <v>17.158527064038058</v>
      </c>
      <c r="F2767" s="40">
        <v>45.966667000000001</v>
      </c>
      <c r="G2767" s="40">
        <v>14.270767234857733</v>
      </c>
      <c r="H2767" s="40">
        <v>45.966667000000001</v>
      </c>
      <c r="I2767" s="40">
        <v>11.217367646549761</v>
      </c>
      <c r="J2767" s="40">
        <v>45.966649958333697</v>
      </c>
      <c r="K2767" s="40">
        <v>10.906715713572158</v>
      </c>
      <c r="L2767" s="40"/>
      <c r="M2767" s="40"/>
      <c r="N2767" s="40"/>
      <c r="Y2767">
        <v>28.683333000000005</v>
      </c>
      <c r="Z2767">
        <v>106.983333</v>
      </c>
      <c r="AA2767">
        <v>8.6347179999999994</v>
      </c>
      <c r="AB2767">
        <v>4.5857409430150708</v>
      </c>
    </row>
    <row r="2768" spans="4:28" x14ac:dyDescent="0.25">
      <c r="D2768" s="40">
        <v>45.998161000002035</v>
      </c>
      <c r="E2768" s="40">
        <v>17.158527064038058</v>
      </c>
      <c r="F2768" s="40">
        <v>45.983332999999988</v>
      </c>
      <c r="G2768" s="40">
        <v>14.275522478947952</v>
      </c>
      <c r="H2768" s="40">
        <v>45.983334000000013</v>
      </c>
      <c r="I2768" s="40">
        <v>11.220720382693019</v>
      </c>
      <c r="J2768" s="40">
        <v>45.983316619047898</v>
      </c>
      <c r="K2768" s="40">
        <v>10.911424079525093</v>
      </c>
      <c r="L2768" s="40"/>
      <c r="M2768" s="40"/>
      <c r="N2768" s="40"/>
      <c r="Y2768">
        <v>28.700000000000003</v>
      </c>
      <c r="Z2768">
        <v>107</v>
      </c>
      <c r="AA2768">
        <v>8.6347179999999994</v>
      </c>
      <c r="AB2768">
        <v>4.5857409430150708</v>
      </c>
    </row>
    <row r="2769" spans="4:28" x14ac:dyDescent="0.25">
      <c r="D2769" s="40">
        <v>46.014827000002036</v>
      </c>
      <c r="E2769" s="40">
        <v>17.163370242627483</v>
      </c>
      <c r="F2769" s="40">
        <v>46</v>
      </c>
      <c r="G2769" s="40">
        <v>14.28489310700807</v>
      </c>
      <c r="H2769" s="40">
        <v>46</v>
      </c>
      <c r="I2769" s="40">
        <v>11.224073118836451</v>
      </c>
      <c r="J2769" s="40">
        <v>45.999983279762198</v>
      </c>
      <c r="K2769" s="40">
        <v>10.911424079525093</v>
      </c>
      <c r="L2769" s="40"/>
      <c r="M2769" s="40"/>
      <c r="N2769" s="40"/>
      <c r="Y2769">
        <v>28.716667000000001</v>
      </c>
      <c r="Z2769">
        <v>107.016667</v>
      </c>
      <c r="AA2769">
        <v>8.6347179999999994</v>
      </c>
      <c r="AB2769">
        <v>4.5857409430150708</v>
      </c>
    </row>
    <row r="2770" spans="4:28" x14ac:dyDescent="0.25">
      <c r="D2770" s="40">
        <v>46.031493000002037</v>
      </c>
      <c r="E2770" s="40">
        <v>17.168213421217029</v>
      </c>
      <c r="F2770" s="40">
        <v>46.016666999999998</v>
      </c>
      <c r="G2770" s="40">
        <v>14.289648351098167</v>
      </c>
      <c r="H2770" s="40">
        <v>46.016667000000012</v>
      </c>
      <c r="I2770" s="40">
        <v>11.227425854979709</v>
      </c>
      <c r="J2770" s="40">
        <v>46.016649940476498</v>
      </c>
      <c r="K2770" s="40">
        <v>10.911424079525093</v>
      </c>
      <c r="L2770" s="40"/>
      <c r="M2770" s="40"/>
      <c r="N2770" s="40"/>
      <c r="Y2770">
        <v>28.733333000000002</v>
      </c>
      <c r="Z2770">
        <v>107.033333</v>
      </c>
      <c r="AA2770">
        <v>8.6347509999999996</v>
      </c>
      <c r="AB2770">
        <v>4.5861406467982331</v>
      </c>
    </row>
    <row r="2771" spans="4:28" x14ac:dyDescent="0.25">
      <c r="D2771" s="40">
        <v>46.048159000002038</v>
      </c>
      <c r="E2771" s="40">
        <v>17.168213421217029</v>
      </c>
      <c r="F2771" s="40">
        <v>46.033332999999999</v>
      </c>
      <c r="G2771" s="40">
        <v>14.294403595188385</v>
      </c>
      <c r="H2771" s="40">
        <v>46.033333999999996</v>
      </c>
      <c r="I2771" s="40">
        <v>11.23067998123647</v>
      </c>
      <c r="J2771" s="40">
        <v>46.033316601190798</v>
      </c>
      <c r="K2771" s="40">
        <v>10.916275123234325</v>
      </c>
      <c r="L2771" s="40"/>
      <c r="M2771" s="40"/>
      <c r="N2771" s="40"/>
      <c r="Y2771">
        <v>28.75</v>
      </c>
      <c r="Z2771">
        <v>107.05</v>
      </c>
      <c r="AA2771">
        <v>8.6347509999999996</v>
      </c>
      <c r="AB2771">
        <v>4.5861406467982331</v>
      </c>
    </row>
    <row r="2772" spans="4:28" x14ac:dyDescent="0.25">
      <c r="D2772" s="40">
        <v>46.064825000002038</v>
      </c>
      <c r="E2772" s="40">
        <v>17.172914153377455</v>
      </c>
      <c r="F2772" s="40">
        <v>46.05</v>
      </c>
      <c r="G2772" s="40">
        <v>14.299018979158285</v>
      </c>
      <c r="H2772" s="40">
        <v>46.050000000000011</v>
      </c>
      <c r="I2772" s="40">
        <v>11.234032717379728</v>
      </c>
      <c r="J2772" s="40">
        <v>46.049983261905098</v>
      </c>
      <c r="K2772" s="40">
        <v>10.916275123234325</v>
      </c>
      <c r="L2772" s="40"/>
      <c r="M2772" s="40"/>
      <c r="N2772" s="40"/>
      <c r="Y2772">
        <v>28.766666999999998</v>
      </c>
      <c r="Z2772">
        <v>107.066667</v>
      </c>
      <c r="AA2772">
        <v>8.6347509999999996</v>
      </c>
      <c r="AB2772">
        <v>4.5861406467982331</v>
      </c>
    </row>
    <row r="2773" spans="4:28" x14ac:dyDescent="0.25">
      <c r="D2773" s="40">
        <v>46.081491000002039</v>
      </c>
      <c r="E2773" s="40">
        <v>17.172914153377455</v>
      </c>
      <c r="F2773" s="40">
        <v>46.066666999999995</v>
      </c>
      <c r="G2773" s="40">
        <v>14.299018979158285</v>
      </c>
      <c r="H2773" s="40">
        <v>46.066666999999995</v>
      </c>
      <c r="I2773" s="40">
        <v>11.234032717379728</v>
      </c>
      <c r="J2773" s="40">
        <v>46.066649922619398</v>
      </c>
      <c r="K2773" s="40">
        <v>10.921126166943555</v>
      </c>
      <c r="L2773" s="40"/>
      <c r="M2773" s="40"/>
      <c r="N2773" s="40"/>
      <c r="Y2773">
        <v>28.783332999999999</v>
      </c>
      <c r="Z2773">
        <v>107.083333</v>
      </c>
      <c r="AA2773">
        <v>8.6347850000000008</v>
      </c>
      <c r="AB2773">
        <v>4.5865524628172603</v>
      </c>
    </row>
    <row r="2774" spans="4:28" x14ac:dyDescent="0.25">
      <c r="D2774" s="40">
        <v>46.09815700000204</v>
      </c>
      <c r="E2774" s="40">
        <v>17.177757331967005</v>
      </c>
      <c r="F2774" s="40">
        <v>46.083332999999996</v>
      </c>
      <c r="G2774" s="40">
        <v>14.303774223248382</v>
      </c>
      <c r="H2774" s="40">
        <v>46.083334000000008</v>
      </c>
      <c r="I2774" s="40">
        <v>11.23738545352316</v>
      </c>
      <c r="J2774" s="40">
        <v>46.083316583333698</v>
      </c>
      <c r="K2774" s="40">
        <v>10.921126166943555</v>
      </c>
      <c r="L2774" s="40"/>
      <c r="M2774" s="40"/>
      <c r="N2774" s="40"/>
      <c r="Y2774">
        <v>28.799999999999997</v>
      </c>
      <c r="Z2774">
        <v>107.1</v>
      </c>
      <c r="AA2774">
        <v>8.6347850000000008</v>
      </c>
      <c r="AB2774">
        <v>4.5865524628172603</v>
      </c>
    </row>
    <row r="2775" spans="4:28" x14ac:dyDescent="0.25">
      <c r="D2775" s="40">
        <v>46.11482300000204</v>
      </c>
      <c r="E2775" s="40">
        <v>17.182600510556426</v>
      </c>
      <c r="F2775" s="40">
        <v>46.099999999999994</v>
      </c>
      <c r="G2775" s="40">
        <v>14.3085294673386</v>
      </c>
      <c r="H2775" s="40">
        <v>46.099999999999994</v>
      </c>
      <c r="I2775" s="40">
        <v>11.240639579779923</v>
      </c>
      <c r="J2775" s="40">
        <v>46.099983244047898</v>
      </c>
      <c r="K2775" s="40">
        <v>10.921126166943555</v>
      </c>
      <c r="L2775" s="40"/>
      <c r="M2775" s="40"/>
      <c r="N2775" s="40"/>
      <c r="Y2775">
        <v>28.81666700000001</v>
      </c>
      <c r="Z2775">
        <v>107.11666700000001</v>
      </c>
      <c r="AA2775">
        <v>8.6347850000000008</v>
      </c>
      <c r="AB2775">
        <v>4.5865524628172603</v>
      </c>
    </row>
    <row r="2776" spans="4:28" x14ac:dyDescent="0.25">
      <c r="D2776" s="40">
        <v>46.131489000002041</v>
      </c>
      <c r="E2776" s="40">
        <v>17.187301242716849</v>
      </c>
      <c r="F2776" s="40">
        <v>46.116666999999993</v>
      </c>
      <c r="G2776" s="40">
        <v>14.3131448513085</v>
      </c>
      <c r="H2776" s="40">
        <v>46.116667000000007</v>
      </c>
      <c r="I2776" s="40">
        <v>11.243992315923181</v>
      </c>
      <c r="J2776" s="40">
        <v>46.116649904762198</v>
      </c>
      <c r="K2776" s="40">
        <v>10.921126166943555</v>
      </c>
      <c r="L2776" s="40"/>
      <c r="M2776" s="40"/>
      <c r="N2776" s="40"/>
      <c r="Y2776">
        <v>28.833332999999996</v>
      </c>
      <c r="Z2776">
        <v>107.13333299999999</v>
      </c>
      <c r="AA2776">
        <v>8.6347850000000008</v>
      </c>
      <c r="AB2776">
        <v>4.5865524628172603</v>
      </c>
    </row>
    <row r="2777" spans="4:28" x14ac:dyDescent="0.25">
      <c r="D2777" s="40">
        <v>46.148155000002042</v>
      </c>
      <c r="E2777" s="40">
        <v>17.187301242716849</v>
      </c>
      <c r="F2777" s="40">
        <v>46.133332999999993</v>
      </c>
      <c r="G2777" s="40">
        <v>14.317900095398596</v>
      </c>
      <c r="H2777" s="40">
        <v>46.133334000000019</v>
      </c>
      <c r="I2777" s="40">
        <v>11.247345052066439</v>
      </c>
      <c r="J2777" s="40">
        <v>46.133316565476498</v>
      </c>
      <c r="K2777" s="40">
        <v>10.925834532896616</v>
      </c>
      <c r="L2777" s="40"/>
      <c r="M2777" s="40"/>
      <c r="N2777" s="40"/>
      <c r="Y2777">
        <v>28.850000000000009</v>
      </c>
      <c r="Z2777">
        <v>107.15</v>
      </c>
      <c r="AA2777">
        <v>8.6348179999999992</v>
      </c>
      <c r="AB2777">
        <v>4.5869521666004012</v>
      </c>
    </row>
    <row r="2778" spans="4:28" x14ac:dyDescent="0.25">
      <c r="D2778" s="40">
        <v>46.164821000002043</v>
      </c>
      <c r="E2778" s="40">
        <v>17.192144421306399</v>
      </c>
      <c r="F2778" s="40">
        <v>46.149999999999991</v>
      </c>
      <c r="G2778" s="40">
        <v>14.317900095398596</v>
      </c>
      <c r="H2778" s="40">
        <v>46.150000000000006</v>
      </c>
      <c r="I2778" s="40">
        <v>11.250599178323201</v>
      </c>
      <c r="J2778" s="40">
        <v>46.149983226190798</v>
      </c>
      <c r="K2778" s="40">
        <v>10.925834532896616</v>
      </c>
      <c r="L2778" s="40"/>
      <c r="M2778" s="40"/>
      <c r="N2778" s="40"/>
      <c r="Y2778">
        <v>28.866667000000007</v>
      </c>
      <c r="Z2778">
        <v>107.166667</v>
      </c>
      <c r="AA2778">
        <v>8.6348179999999992</v>
      </c>
      <c r="AB2778">
        <v>4.5869521666004012</v>
      </c>
    </row>
    <row r="2779" spans="4:28" x14ac:dyDescent="0.25">
      <c r="D2779" s="40">
        <v>46.181487000002043</v>
      </c>
      <c r="E2779" s="40">
        <v>17.19698759989582</v>
      </c>
      <c r="F2779" s="40">
        <v>46.16666699999999</v>
      </c>
      <c r="G2779" s="40">
        <v>14.322655339488813</v>
      </c>
      <c r="H2779" s="40">
        <v>46.166667000000018</v>
      </c>
      <c r="I2779" s="40">
        <v>11.250599178323201</v>
      </c>
      <c r="J2779" s="40">
        <v>46.166649886905098</v>
      </c>
      <c r="K2779" s="40">
        <v>10.925834532896616</v>
      </c>
      <c r="L2779" s="40"/>
      <c r="M2779" s="40"/>
      <c r="N2779" s="40"/>
      <c r="Y2779">
        <v>28.883333000000007</v>
      </c>
      <c r="Z2779">
        <v>107.183333</v>
      </c>
      <c r="AA2779">
        <v>8.6348179999999992</v>
      </c>
      <c r="AB2779">
        <v>4.5869521666004012</v>
      </c>
    </row>
    <row r="2780" spans="4:28" x14ac:dyDescent="0.25">
      <c r="D2780" s="40">
        <v>46.198153000002044</v>
      </c>
      <c r="E2780" s="40">
        <v>17.19698759989582</v>
      </c>
      <c r="F2780" s="40">
        <v>46.18333299999999</v>
      </c>
      <c r="G2780" s="40">
        <v>14.322655339488813</v>
      </c>
      <c r="H2780" s="40">
        <v>46.183334000000002</v>
      </c>
      <c r="I2780" s="40">
        <v>11.253951914466459</v>
      </c>
      <c r="J2780" s="40">
        <v>46.183316547619398</v>
      </c>
      <c r="K2780" s="40">
        <v>10.930685576605722</v>
      </c>
      <c r="L2780" s="40"/>
      <c r="M2780" s="40"/>
      <c r="N2780" s="40"/>
      <c r="Y2780">
        <v>28.900000000000006</v>
      </c>
      <c r="Z2780">
        <v>107.2</v>
      </c>
      <c r="AA2780">
        <v>8.6348179999999992</v>
      </c>
      <c r="AB2780">
        <v>4.5869521666004012</v>
      </c>
    </row>
    <row r="2781" spans="4:28" x14ac:dyDescent="0.25">
      <c r="D2781" s="40">
        <v>46.214819000002045</v>
      </c>
      <c r="E2781" s="40">
        <v>17.201688332056246</v>
      </c>
      <c r="F2781" s="40">
        <v>46.199999999999989</v>
      </c>
      <c r="G2781" s="40">
        <v>14.322655339488813</v>
      </c>
      <c r="H2781" s="40">
        <v>46.200000000000017</v>
      </c>
      <c r="I2781" s="40">
        <v>11.257304650609891</v>
      </c>
      <c r="J2781" s="40">
        <v>46.199983208333698</v>
      </c>
      <c r="K2781" s="40">
        <v>10.935536620314954</v>
      </c>
      <c r="L2781" s="40"/>
      <c r="M2781" s="40"/>
      <c r="N2781" s="40"/>
      <c r="Y2781">
        <v>28.916667000000004</v>
      </c>
      <c r="Z2781">
        <v>107.216667</v>
      </c>
      <c r="AA2781">
        <v>8.6348520000000004</v>
      </c>
      <c r="AB2781">
        <v>4.5873639826194283</v>
      </c>
    </row>
    <row r="2782" spans="4:28" x14ac:dyDescent="0.25">
      <c r="D2782" s="40">
        <v>46.231485000002046</v>
      </c>
      <c r="E2782" s="40">
        <v>17.201688332056246</v>
      </c>
      <c r="F2782" s="40">
        <v>46.216667000000001</v>
      </c>
      <c r="G2782" s="40">
        <v>14.327270723458714</v>
      </c>
      <c r="H2782" s="40">
        <v>46.216667000000001</v>
      </c>
      <c r="I2782" s="40">
        <v>11.260558776866652</v>
      </c>
      <c r="J2782" s="40">
        <v>46.216649869047998</v>
      </c>
      <c r="K2782" s="40">
        <v>10.935536620314954</v>
      </c>
      <c r="L2782" s="40"/>
      <c r="M2782" s="40"/>
      <c r="N2782" s="40"/>
      <c r="Y2782">
        <v>28.933333000000005</v>
      </c>
      <c r="Z2782">
        <v>107.233333</v>
      </c>
      <c r="AA2782">
        <v>8.6348520000000004</v>
      </c>
      <c r="AB2782">
        <v>4.5873639826194283</v>
      </c>
    </row>
    <row r="2783" spans="4:28" x14ac:dyDescent="0.25">
      <c r="D2783" s="40">
        <v>46.248151000002046</v>
      </c>
      <c r="E2783" s="40">
        <v>17.206531510645792</v>
      </c>
      <c r="F2783" s="40">
        <v>46.233332999999988</v>
      </c>
      <c r="G2783" s="40">
        <v>14.327270723458714</v>
      </c>
      <c r="H2783" s="40">
        <v>46.233334000000013</v>
      </c>
      <c r="I2783" s="40">
        <v>11.26391151300991</v>
      </c>
      <c r="J2783" s="40">
        <v>46.233316529762199</v>
      </c>
      <c r="K2783" s="40">
        <v>10.935536620314954</v>
      </c>
      <c r="L2783" s="40"/>
      <c r="M2783" s="40"/>
      <c r="N2783" s="40"/>
      <c r="Y2783">
        <v>28.950000000000003</v>
      </c>
      <c r="Z2783">
        <v>107.25</v>
      </c>
      <c r="AA2783">
        <v>8.6348520000000004</v>
      </c>
      <c r="AB2783">
        <v>4.5873639826194283</v>
      </c>
    </row>
    <row r="2784" spans="4:28" x14ac:dyDescent="0.25">
      <c r="D2784" s="40">
        <v>46.264817000002047</v>
      </c>
      <c r="E2784" s="40">
        <v>17.211374689235214</v>
      </c>
      <c r="F2784" s="40">
        <v>46.25</v>
      </c>
      <c r="G2784" s="40">
        <v>14.327270723458714</v>
      </c>
      <c r="H2784" s="40">
        <v>46.25</v>
      </c>
      <c r="I2784" s="40">
        <v>11.267264249153168</v>
      </c>
      <c r="J2784" s="40">
        <v>46.249983190476499</v>
      </c>
      <c r="K2784" s="40">
        <v>10.935536620314954</v>
      </c>
      <c r="L2784" s="40"/>
      <c r="M2784" s="40"/>
      <c r="N2784" s="40"/>
      <c r="Y2784">
        <v>28.966667000000001</v>
      </c>
      <c r="Z2784">
        <v>107.266667</v>
      </c>
      <c r="AA2784">
        <v>8.6348520000000004</v>
      </c>
      <c r="AB2784">
        <v>4.5873639826194283</v>
      </c>
    </row>
    <row r="2785" spans="4:28" x14ac:dyDescent="0.25">
      <c r="D2785" s="40">
        <v>46.281483000002048</v>
      </c>
      <c r="E2785" s="40">
        <v>17.211374689235214</v>
      </c>
      <c r="F2785" s="40">
        <v>46.266666999999998</v>
      </c>
      <c r="G2785" s="40">
        <v>14.327270723458714</v>
      </c>
      <c r="H2785" s="40">
        <v>46.266667000000012</v>
      </c>
      <c r="I2785" s="40">
        <v>11.270518375409932</v>
      </c>
      <c r="J2785" s="40">
        <v>46.266649851190799</v>
      </c>
      <c r="K2785" s="40">
        <v>10.940244986268015</v>
      </c>
      <c r="L2785" s="40"/>
      <c r="M2785" s="40"/>
      <c r="N2785" s="40"/>
      <c r="Y2785">
        <v>28.983333000000002</v>
      </c>
      <c r="Z2785">
        <v>107.283333</v>
      </c>
      <c r="AA2785">
        <v>8.6348859999999998</v>
      </c>
      <c r="AB2785">
        <v>4.5877757986384351</v>
      </c>
    </row>
    <row r="2786" spans="4:28" x14ac:dyDescent="0.25">
      <c r="D2786" s="40">
        <v>46.298149000002049</v>
      </c>
      <c r="E2786" s="40">
        <v>17.211374689235214</v>
      </c>
      <c r="F2786" s="40">
        <v>46.283332999999999</v>
      </c>
      <c r="G2786" s="40">
        <v>14.332025967548811</v>
      </c>
      <c r="H2786" s="40">
        <v>46.283333999999996</v>
      </c>
      <c r="I2786" s="40">
        <v>11.270518375409932</v>
      </c>
      <c r="J2786" s="40">
        <v>46.283316511905099</v>
      </c>
      <c r="K2786" s="40">
        <v>10.940244986268015</v>
      </c>
      <c r="L2786" s="40"/>
      <c r="M2786" s="40"/>
      <c r="N2786" s="40"/>
      <c r="Y2786">
        <v>29</v>
      </c>
      <c r="Z2786">
        <v>107.3</v>
      </c>
      <c r="AA2786">
        <v>8.6348859999999998</v>
      </c>
      <c r="AB2786">
        <v>4.5877757986384351</v>
      </c>
    </row>
    <row r="2787" spans="4:28" x14ac:dyDescent="0.25">
      <c r="D2787" s="40">
        <v>46.314815000002049</v>
      </c>
      <c r="E2787" s="40">
        <v>17.211374689235214</v>
      </c>
      <c r="F2787" s="40">
        <v>46.3</v>
      </c>
      <c r="G2787" s="40">
        <v>14.336781211639028</v>
      </c>
      <c r="H2787" s="40">
        <v>46.300000000000011</v>
      </c>
      <c r="I2787" s="40">
        <v>11.273871111553364</v>
      </c>
      <c r="J2787" s="40">
        <v>46.299983172619399</v>
      </c>
      <c r="K2787" s="40">
        <v>10.945096029977119</v>
      </c>
      <c r="L2787" s="40"/>
      <c r="M2787" s="40"/>
      <c r="N2787" s="40"/>
      <c r="Y2787">
        <v>29.016666999999998</v>
      </c>
      <c r="Z2787">
        <v>107.316667</v>
      </c>
      <c r="AA2787">
        <v>8.6348859999999998</v>
      </c>
      <c r="AB2787">
        <v>4.5877757986384351</v>
      </c>
    </row>
    <row r="2788" spans="4:28" x14ac:dyDescent="0.25">
      <c r="D2788" s="40">
        <v>46.33148100000205</v>
      </c>
      <c r="E2788" s="40">
        <v>17.21607542139564</v>
      </c>
      <c r="F2788" s="40">
        <v>46.316666999999995</v>
      </c>
      <c r="G2788" s="40">
        <v>14.336781211639028</v>
      </c>
      <c r="H2788" s="40">
        <v>46.316666999999995</v>
      </c>
      <c r="I2788" s="40">
        <v>11.27722384769662</v>
      </c>
      <c r="J2788" s="40">
        <v>46.316649833333699</v>
      </c>
      <c r="K2788" s="40">
        <v>10.945096029977119</v>
      </c>
      <c r="L2788" s="40"/>
      <c r="M2788" s="40"/>
      <c r="N2788" s="40"/>
      <c r="Y2788">
        <v>29.033332999999999</v>
      </c>
      <c r="Z2788">
        <v>107.333333</v>
      </c>
      <c r="AA2788">
        <v>8.6348859999999998</v>
      </c>
      <c r="AB2788">
        <v>4.5877757986384351</v>
      </c>
    </row>
    <row r="2789" spans="4:28" x14ac:dyDescent="0.25">
      <c r="D2789" s="40">
        <v>46.348147000002051</v>
      </c>
      <c r="E2789" s="40">
        <v>17.21607542139564</v>
      </c>
      <c r="F2789" s="40">
        <v>46.333332999999996</v>
      </c>
      <c r="G2789" s="40">
        <v>14.341396595608929</v>
      </c>
      <c r="H2789" s="40">
        <v>46.333334000000008</v>
      </c>
      <c r="I2789" s="40">
        <v>11.280477973953383</v>
      </c>
      <c r="J2789" s="40">
        <v>46.333316494047999</v>
      </c>
      <c r="K2789" s="40">
        <v>10.945096029977119</v>
      </c>
      <c r="L2789" s="40"/>
      <c r="M2789" s="40"/>
      <c r="N2789" s="40"/>
      <c r="Y2789">
        <v>29.049999999999997</v>
      </c>
      <c r="Z2789">
        <v>107.35</v>
      </c>
      <c r="AA2789">
        <v>8.634919</v>
      </c>
      <c r="AB2789">
        <v>4.5881755024215973</v>
      </c>
    </row>
    <row r="2790" spans="4:28" x14ac:dyDescent="0.25">
      <c r="D2790" s="40">
        <v>46.364813000002052</v>
      </c>
      <c r="E2790" s="40">
        <v>17.21607542139564</v>
      </c>
      <c r="F2790" s="40">
        <v>46.349999999999994</v>
      </c>
      <c r="G2790" s="40">
        <v>14.341396595608929</v>
      </c>
      <c r="H2790" s="40">
        <v>46.349999999999994</v>
      </c>
      <c r="I2790" s="40">
        <v>11.283830710096641</v>
      </c>
      <c r="J2790" s="40">
        <v>46.349983154762199</v>
      </c>
      <c r="K2790" s="40">
        <v>10.949947073686351</v>
      </c>
      <c r="L2790" s="40"/>
      <c r="M2790" s="40"/>
      <c r="N2790" s="40"/>
      <c r="Y2790">
        <v>29.06666700000001</v>
      </c>
      <c r="Z2790">
        <v>107.36666700000001</v>
      </c>
      <c r="AA2790">
        <v>8.634919</v>
      </c>
      <c r="AB2790">
        <v>4.5881755024215973</v>
      </c>
    </row>
    <row r="2791" spans="4:28" x14ac:dyDescent="0.25">
      <c r="D2791" s="40">
        <v>46.381479000002052</v>
      </c>
      <c r="E2791" s="40">
        <v>17.22091859998519</v>
      </c>
      <c r="F2791" s="40">
        <v>46.366666999999993</v>
      </c>
      <c r="G2791" s="40">
        <v>14.346151839699148</v>
      </c>
      <c r="H2791" s="40">
        <v>46.366667000000007</v>
      </c>
      <c r="I2791" s="40">
        <v>11.287183446239899</v>
      </c>
      <c r="J2791" s="40">
        <v>46.366649815476499</v>
      </c>
      <c r="K2791" s="40">
        <v>10.949947073686351</v>
      </c>
      <c r="L2791" s="40"/>
      <c r="M2791" s="40"/>
      <c r="N2791" s="40"/>
      <c r="Y2791">
        <v>29.083332999999996</v>
      </c>
      <c r="Z2791">
        <v>107.38333299999999</v>
      </c>
      <c r="AA2791">
        <v>8.634919</v>
      </c>
      <c r="AB2791">
        <v>4.5881755024215973</v>
      </c>
    </row>
    <row r="2792" spans="4:28" x14ac:dyDescent="0.25">
      <c r="D2792" s="40">
        <v>46.398145000002053</v>
      </c>
      <c r="E2792" s="40">
        <v>17.22091859998519</v>
      </c>
      <c r="F2792" s="40">
        <v>46.383332999999993</v>
      </c>
      <c r="G2792" s="40">
        <v>14.346151839699148</v>
      </c>
      <c r="H2792" s="40">
        <v>46.383334000000019</v>
      </c>
      <c r="I2792" s="40">
        <v>11.290437572496662</v>
      </c>
      <c r="J2792" s="40">
        <v>46.383316476190799</v>
      </c>
      <c r="K2792" s="40">
        <v>10.949947073686351</v>
      </c>
      <c r="L2792" s="40"/>
      <c r="M2792" s="40"/>
      <c r="N2792" s="40"/>
      <c r="Y2792">
        <v>29.100000000000009</v>
      </c>
      <c r="Z2792">
        <v>107.4</v>
      </c>
      <c r="AA2792">
        <v>8.634919</v>
      </c>
      <c r="AB2792">
        <v>4.5881755024215973</v>
      </c>
    </row>
    <row r="2793" spans="4:28" x14ac:dyDescent="0.25">
      <c r="D2793" s="40">
        <v>46.414811000002054</v>
      </c>
      <c r="E2793" s="40">
        <v>17.225761778574739</v>
      </c>
      <c r="F2793" s="40">
        <v>46.399999999999991</v>
      </c>
      <c r="G2793" s="40">
        <v>14.350907083789243</v>
      </c>
      <c r="H2793" s="40">
        <v>46.400000000000006</v>
      </c>
      <c r="I2793" s="40">
        <v>11.290437572496662</v>
      </c>
      <c r="J2793" s="40">
        <v>46.399983136905099</v>
      </c>
      <c r="K2793" s="40">
        <v>10.949947073686351</v>
      </c>
      <c r="L2793" s="40"/>
      <c r="M2793" s="40"/>
      <c r="N2793" s="40"/>
      <c r="Y2793">
        <v>29.116667000000007</v>
      </c>
      <c r="Z2793">
        <v>107.416667</v>
      </c>
      <c r="AA2793">
        <v>8.6349529999999994</v>
      </c>
      <c r="AB2793">
        <v>4.5885873184406032</v>
      </c>
    </row>
    <row r="2794" spans="4:28" x14ac:dyDescent="0.25">
      <c r="D2794" s="40">
        <v>46.431477000002054</v>
      </c>
      <c r="E2794" s="40">
        <v>17.225761778574739</v>
      </c>
      <c r="F2794" s="40">
        <v>46.41666699999999</v>
      </c>
      <c r="G2794" s="40">
        <v>14.350907083789243</v>
      </c>
      <c r="H2794" s="40">
        <v>46.416667000000018</v>
      </c>
      <c r="I2794" s="40">
        <v>11.293790308640094</v>
      </c>
      <c r="J2794" s="40">
        <v>46.416649797619399</v>
      </c>
      <c r="K2794" s="40">
        <v>10.954655439639412</v>
      </c>
      <c r="L2794" s="40"/>
      <c r="M2794" s="40"/>
      <c r="N2794" s="40"/>
      <c r="Y2794">
        <v>29.133333000000007</v>
      </c>
      <c r="Z2794">
        <v>107.433333</v>
      </c>
      <c r="AA2794">
        <v>8.6349529999999994</v>
      </c>
      <c r="AB2794">
        <v>4.5885873184406032</v>
      </c>
    </row>
    <row r="2795" spans="4:28" x14ac:dyDescent="0.25">
      <c r="D2795" s="40">
        <v>46.448143000002055</v>
      </c>
      <c r="E2795" s="40">
        <v>17.230604957164161</v>
      </c>
      <c r="F2795" s="40">
        <v>46.43333299999999</v>
      </c>
      <c r="G2795" s="40">
        <v>14.350907083789243</v>
      </c>
      <c r="H2795" s="40">
        <v>46.433334000000002</v>
      </c>
      <c r="I2795" s="40">
        <v>11.297143044783352</v>
      </c>
      <c r="J2795" s="40">
        <v>46.433316458333699</v>
      </c>
      <c r="K2795" s="40">
        <v>10.954655439639412</v>
      </c>
      <c r="L2795" s="40"/>
      <c r="M2795" s="40"/>
      <c r="N2795" s="40"/>
      <c r="Y2795">
        <v>29.150000000000006</v>
      </c>
      <c r="Z2795">
        <v>107.45</v>
      </c>
      <c r="AA2795">
        <v>8.6349529999999994</v>
      </c>
      <c r="AB2795">
        <v>4.5885873184406032</v>
      </c>
    </row>
    <row r="2796" spans="4:28" x14ac:dyDescent="0.25">
      <c r="D2796" s="40">
        <v>46.464809000002056</v>
      </c>
      <c r="E2796" s="40">
        <v>17.230604957164161</v>
      </c>
      <c r="F2796" s="40">
        <v>46.449999999999989</v>
      </c>
      <c r="G2796" s="40">
        <v>14.355522467759144</v>
      </c>
      <c r="H2796" s="40">
        <v>46.450000000000017</v>
      </c>
      <c r="I2796" s="40">
        <v>11.300397171040114</v>
      </c>
      <c r="J2796" s="40">
        <v>46.449983119047999</v>
      </c>
      <c r="K2796" s="40">
        <v>10.954655439639412</v>
      </c>
      <c r="L2796" s="40"/>
      <c r="M2796" s="40"/>
      <c r="N2796" s="40"/>
      <c r="Y2796">
        <v>29.166667000000004</v>
      </c>
      <c r="Z2796">
        <v>107.466667</v>
      </c>
      <c r="AA2796">
        <v>8.6349529999999994</v>
      </c>
      <c r="AB2796">
        <v>4.5885873184406032</v>
      </c>
    </row>
    <row r="2797" spans="4:28" x14ac:dyDescent="0.25">
      <c r="D2797" s="40">
        <v>46.481475000002057</v>
      </c>
      <c r="E2797" s="40">
        <v>17.235305689324587</v>
      </c>
      <c r="F2797" s="40">
        <v>46.466667000000001</v>
      </c>
      <c r="G2797" s="40">
        <v>14.360277711849363</v>
      </c>
      <c r="H2797" s="40">
        <v>46.466667000000001</v>
      </c>
      <c r="I2797" s="40">
        <v>11.300397171040114</v>
      </c>
      <c r="J2797" s="40">
        <v>46.4666497797622</v>
      </c>
      <c r="K2797" s="40">
        <v>10.954655439639412</v>
      </c>
      <c r="L2797" s="40"/>
      <c r="M2797" s="40"/>
      <c r="N2797" s="40"/>
      <c r="Y2797">
        <v>29.183333000000005</v>
      </c>
      <c r="Z2797">
        <v>107.483333</v>
      </c>
      <c r="AA2797">
        <v>8.6349529999999994</v>
      </c>
      <c r="AB2797">
        <v>4.5885873184406032</v>
      </c>
    </row>
    <row r="2798" spans="4:28" x14ac:dyDescent="0.25">
      <c r="D2798" s="40">
        <v>46.498141000002057</v>
      </c>
      <c r="E2798" s="40">
        <v>17.235305689324587</v>
      </c>
      <c r="F2798" s="40">
        <v>46.483332999999988</v>
      </c>
      <c r="G2798" s="40">
        <v>14.365032955939459</v>
      </c>
      <c r="H2798" s="40">
        <v>46.483334000000013</v>
      </c>
      <c r="I2798" s="40">
        <v>11.30374990718337</v>
      </c>
      <c r="J2798" s="40">
        <v>46.4833164404765</v>
      </c>
      <c r="K2798" s="40">
        <v>10.959506483348518</v>
      </c>
      <c r="L2798" s="40"/>
      <c r="M2798" s="40"/>
      <c r="N2798" s="40"/>
      <c r="Y2798">
        <v>29.200000000000003</v>
      </c>
      <c r="Z2798">
        <v>107.5</v>
      </c>
      <c r="AA2798">
        <v>8.6349529999999994</v>
      </c>
      <c r="AB2798">
        <v>4.5885873184406032</v>
      </c>
    </row>
    <row r="2799" spans="4:28" x14ac:dyDescent="0.25">
      <c r="D2799" s="40">
        <v>46.514807000002058</v>
      </c>
      <c r="E2799" s="40">
        <v>17.240148867914133</v>
      </c>
      <c r="F2799" s="40">
        <v>46.5</v>
      </c>
      <c r="G2799" s="40">
        <v>14.365032955939459</v>
      </c>
      <c r="H2799" s="40">
        <v>46.5</v>
      </c>
      <c r="I2799" s="40">
        <v>11.307102643326802</v>
      </c>
      <c r="J2799" s="40">
        <v>46.4999831011908</v>
      </c>
      <c r="K2799" s="40">
        <v>10.959506483348518</v>
      </c>
      <c r="L2799" s="40"/>
      <c r="M2799" s="40"/>
      <c r="N2799" s="40"/>
      <c r="Y2799">
        <v>29.216667000000001</v>
      </c>
      <c r="Z2799">
        <v>107.516667</v>
      </c>
      <c r="AA2799">
        <v>8.6349529999999994</v>
      </c>
      <c r="AB2799">
        <v>4.5885873184406032</v>
      </c>
    </row>
    <row r="2800" spans="4:28" x14ac:dyDescent="0.25">
      <c r="D2800" s="40">
        <v>46.531473000002059</v>
      </c>
      <c r="E2800" s="40">
        <v>17.240148867914133</v>
      </c>
      <c r="F2800" s="40">
        <v>46.516666999999998</v>
      </c>
      <c r="G2800" s="40">
        <v>14.369648339909357</v>
      </c>
      <c r="H2800" s="40">
        <v>46.516667000000012</v>
      </c>
      <c r="I2800" s="40">
        <v>11.310356769583391</v>
      </c>
      <c r="J2800" s="40">
        <v>46.5166497619051</v>
      </c>
      <c r="K2800" s="40">
        <v>10.96435752705775</v>
      </c>
      <c r="L2800" s="40"/>
      <c r="M2800" s="40"/>
      <c r="N2800" s="40"/>
      <c r="Y2800">
        <v>29.233333000000002</v>
      </c>
      <c r="Z2800">
        <v>107.533333</v>
      </c>
      <c r="AA2800">
        <v>8.6349529999999994</v>
      </c>
      <c r="AB2800">
        <v>4.5885873184406032</v>
      </c>
    </row>
    <row r="2801" spans="4:28" x14ac:dyDescent="0.25">
      <c r="D2801" s="40">
        <v>46.54813900000206</v>
      </c>
      <c r="E2801" s="40">
        <v>17.244992046503555</v>
      </c>
      <c r="F2801" s="40">
        <v>46.533332999999999</v>
      </c>
      <c r="G2801" s="40">
        <v>14.374403583999579</v>
      </c>
      <c r="H2801" s="40">
        <v>46.533333999999996</v>
      </c>
      <c r="I2801" s="40">
        <v>11.310356769583391</v>
      </c>
      <c r="J2801" s="40">
        <v>46.5333164226194</v>
      </c>
      <c r="K2801" s="40">
        <v>10.96435752705775</v>
      </c>
      <c r="L2801" s="40"/>
      <c r="M2801" s="40"/>
      <c r="N2801" s="40"/>
      <c r="Y2801">
        <v>29.25</v>
      </c>
      <c r="Z2801">
        <v>107.55</v>
      </c>
      <c r="AA2801">
        <v>8.6349529999999994</v>
      </c>
      <c r="AB2801">
        <v>4.5885873184406032</v>
      </c>
    </row>
    <row r="2802" spans="4:28" x14ac:dyDescent="0.25">
      <c r="D2802" s="40">
        <v>46.56480500000206</v>
      </c>
      <c r="E2802" s="40">
        <v>17.244992046503555</v>
      </c>
      <c r="F2802" s="40">
        <v>46.55</v>
      </c>
      <c r="G2802" s="40">
        <v>14.374403583999579</v>
      </c>
      <c r="H2802" s="40">
        <v>46.550000000000011</v>
      </c>
      <c r="I2802" s="40">
        <v>11.313709505726823</v>
      </c>
      <c r="J2802" s="40">
        <v>46.5499830833337</v>
      </c>
      <c r="K2802" s="40">
        <v>10.96435752705775</v>
      </c>
      <c r="L2802" s="40"/>
      <c r="M2802" s="40"/>
      <c r="N2802" s="40"/>
      <c r="Y2802">
        <v>29.266666999999998</v>
      </c>
      <c r="Z2802">
        <v>107.566667</v>
      </c>
      <c r="AA2802">
        <v>8.6349529999999994</v>
      </c>
      <c r="AB2802">
        <v>4.5885873184406032</v>
      </c>
    </row>
    <row r="2803" spans="4:28" x14ac:dyDescent="0.25">
      <c r="D2803" s="40">
        <v>46.581471000002061</v>
      </c>
      <c r="E2803" s="40">
        <v>17.244992046503555</v>
      </c>
      <c r="F2803" s="40">
        <v>46.566666999999995</v>
      </c>
      <c r="G2803" s="40">
        <v>14.379158828089674</v>
      </c>
      <c r="H2803" s="40">
        <v>46.566666999999995</v>
      </c>
      <c r="I2803" s="40">
        <v>11.317062241870081</v>
      </c>
      <c r="J2803" s="40">
        <v>46.566649744048</v>
      </c>
      <c r="K2803" s="40">
        <v>10.969065893010809</v>
      </c>
      <c r="L2803" s="40"/>
      <c r="M2803" s="40"/>
      <c r="N2803" s="40"/>
      <c r="Y2803">
        <v>29.283332999999999</v>
      </c>
      <c r="Z2803">
        <v>107.583333</v>
      </c>
      <c r="AA2803">
        <v>8.6349529999999994</v>
      </c>
      <c r="AB2803">
        <v>4.5885873184406032</v>
      </c>
    </row>
    <row r="2804" spans="4:28" x14ac:dyDescent="0.25">
      <c r="D2804" s="40">
        <v>46.598137000002062</v>
      </c>
      <c r="E2804" s="40">
        <v>17.249692778663981</v>
      </c>
      <c r="F2804" s="40">
        <v>46.583332999999996</v>
      </c>
      <c r="G2804" s="40">
        <v>14.383774212059572</v>
      </c>
      <c r="H2804" s="40">
        <v>46.583334000000008</v>
      </c>
      <c r="I2804" s="40">
        <v>11.320316368126843</v>
      </c>
      <c r="J2804" s="40">
        <v>46.583316404762201</v>
      </c>
      <c r="K2804" s="40">
        <v>10.969065893010809</v>
      </c>
      <c r="L2804" s="40"/>
      <c r="M2804" s="40"/>
      <c r="N2804" s="40"/>
      <c r="Y2804">
        <v>29.299999999999997</v>
      </c>
      <c r="Z2804">
        <v>107.6</v>
      </c>
      <c r="AA2804">
        <v>8.6349529999999994</v>
      </c>
      <c r="AB2804">
        <v>4.5885873184406032</v>
      </c>
    </row>
    <row r="2805" spans="4:28" x14ac:dyDescent="0.25">
      <c r="D2805" s="40">
        <v>46.614803000002063</v>
      </c>
      <c r="E2805" s="40">
        <v>17.254535957253527</v>
      </c>
      <c r="F2805" s="40">
        <v>46.599999999999994</v>
      </c>
      <c r="G2805" s="40">
        <v>14.388529456149792</v>
      </c>
      <c r="H2805" s="40">
        <v>46.599999999999994</v>
      </c>
      <c r="I2805" s="40">
        <v>11.320316368126843</v>
      </c>
      <c r="J2805" s="40">
        <v>46.599983065476501</v>
      </c>
      <c r="K2805" s="40">
        <v>10.96435752705775</v>
      </c>
      <c r="L2805" s="40"/>
      <c r="M2805" s="40"/>
      <c r="N2805" s="40"/>
      <c r="Y2805">
        <v>29.31666700000001</v>
      </c>
      <c r="Z2805">
        <v>107.61666700000001</v>
      </c>
      <c r="AA2805">
        <v>8.6349529999999994</v>
      </c>
      <c r="AB2805">
        <v>4.5885873184406032</v>
      </c>
    </row>
    <row r="2806" spans="4:28" x14ac:dyDescent="0.25">
      <c r="D2806" s="40">
        <v>46.631469000002063</v>
      </c>
      <c r="E2806" s="40">
        <v>17.254535957253527</v>
      </c>
      <c r="F2806" s="40">
        <v>46.616666999999993</v>
      </c>
      <c r="G2806" s="40">
        <v>14.388529456149792</v>
      </c>
      <c r="H2806" s="40">
        <v>46.616667000000007</v>
      </c>
      <c r="I2806" s="40">
        <v>11.323669104270101</v>
      </c>
      <c r="J2806" s="40">
        <v>46.616649726190801</v>
      </c>
      <c r="K2806" s="40">
        <v>10.96435752705775</v>
      </c>
      <c r="L2806" s="40"/>
      <c r="M2806" s="40"/>
      <c r="N2806" s="40"/>
      <c r="Y2806">
        <v>29.333332999999996</v>
      </c>
      <c r="Z2806">
        <v>107.63333299999999</v>
      </c>
      <c r="AA2806">
        <v>8.6349870000000006</v>
      </c>
      <c r="AB2806">
        <v>4.5889991344596313</v>
      </c>
    </row>
    <row r="2807" spans="4:28" x14ac:dyDescent="0.25">
      <c r="D2807" s="40">
        <v>46.648135000002064</v>
      </c>
      <c r="E2807" s="40">
        <v>17.259379135842948</v>
      </c>
      <c r="F2807" s="40">
        <v>46.633332999999993</v>
      </c>
      <c r="G2807" s="40">
        <v>14.393284700240013</v>
      </c>
      <c r="H2807" s="40">
        <v>46.633334000000019</v>
      </c>
      <c r="I2807" s="40">
        <v>11.327021840413533</v>
      </c>
      <c r="J2807" s="40">
        <v>46.633316386905101</v>
      </c>
      <c r="K2807" s="40">
        <v>10.969065893010809</v>
      </c>
      <c r="L2807" s="40"/>
      <c r="M2807" s="40"/>
      <c r="N2807" s="40"/>
      <c r="Y2807">
        <v>29.350000000000009</v>
      </c>
      <c r="Z2807">
        <v>107.65</v>
      </c>
      <c r="AA2807">
        <v>8.6349870000000006</v>
      </c>
      <c r="AB2807">
        <v>4.5889991344596313</v>
      </c>
    </row>
    <row r="2808" spans="4:28" x14ac:dyDescent="0.25">
      <c r="D2808" s="40">
        <v>46.664801000002065</v>
      </c>
      <c r="E2808" s="40">
        <v>17.264079868003375</v>
      </c>
      <c r="F2808" s="40">
        <v>46.649999999999991</v>
      </c>
      <c r="G2808" s="40">
        <v>14.402655328300007</v>
      </c>
      <c r="H2808" s="40">
        <v>46.650000000000006</v>
      </c>
      <c r="I2808" s="40">
        <v>11.330275966670296</v>
      </c>
      <c r="J2808" s="40">
        <v>46.649983047619401</v>
      </c>
      <c r="K2808" s="40">
        <v>10.969065893010809</v>
      </c>
      <c r="L2808" s="40"/>
      <c r="M2808" s="40"/>
      <c r="N2808" s="40"/>
      <c r="Y2808">
        <v>29.366667000000007</v>
      </c>
      <c r="Z2808">
        <v>107.666667</v>
      </c>
      <c r="AA2808">
        <v>8.6349870000000006</v>
      </c>
      <c r="AB2808">
        <v>4.5889991344596313</v>
      </c>
    </row>
    <row r="2809" spans="4:28" x14ac:dyDescent="0.25">
      <c r="D2809" s="40">
        <v>46.681467000002066</v>
      </c>
      <c r="E2809" s="40">
        <v>17.268923046592924</v>
      </c>
      <c r="F2809" s="40">
        <v>46.66666699999999</v>
      </c>
      <c r="G2809" s="40">
        <v>14.407410572390226</v>
      </c>
      <c r="H2809" s="40">
        <v>46.666667000000018</v>
      </c>
      <c r="I2809" s="40">
        <v>11.333628702813554</v>
      </c>
      <c r="J2809" s="40">
        <v>46.666649708333701</v>
      </c>
      <c r="K2809" s="40">
        <v>10.969065893010809</v>
      </c>
      <c r="L2809" s="40"/>
      <c r="M2809" s="40"/>
      <c r="N2809" s="40"/>
      <c r="Y2809">
        <v>29.383333000000007</v>
      </c>
      <c r="Z2809">
        <v>107.683333</v>
      </c>
      <c r="AA2809">
        <v>8.6349870000000006</v>
      </c>
      <c r="AB2809">
        <v>4.5889991344596313</v>
      </c>
    </row>
    <row r="2810" spans="4:28" x14ac:dyDescent="0.25">
      <c r="D2810" s="40">
        <v>46.698133000002066</v>
      </c>
      <c r="E2810" s="40">
        <v>17.268923046592924</v>
      </c>
      <c r="F2810" s="40">
        <v>46.68333299999999</v>
      </c>
      <c r="G2810" s="40">
        <v>14.412025956360004</v>
      </c>
      <c r="H2810" s="40">
        <v>46.683334000000002</v>
      </c>
      <c r="I2810" s="40">
        <v>11.333628702813554</v>
      </c>
      <c r="J2810" s="40">
        <v>46.683316369048001</v>
      </c>
      <c r="K2810" s="40">
        <v>10.973916936720043</v>
      </c>
      <c r="L2810" s="40"/>
      <c r="M2810" s="40"/>
      <c r="N2810" s="40"/>
      <c r="Y2810">
        <v>29.400000000000006</v>
      </c>
      <c r="Z2810">
        <v>107.7</v>
      </c>
      <c r="AA2810">
        <v>8.6349870000000006</v>
      </c>
      <c r="AB2810">
        <v>4.5889991344596313</v>
      </c>
    </row>
    <row r="2811" spans="4:28" x14ac:dyDescent="0.25">
      <c r="D2811" s="40">
        <v>46.714799000002067</v>
      </c>
      <c r="E2811" s="40">
        <v>17.273766225182349</v>
      </c>
      <c r="F2811" s="40">
        <v>46.699999999999989</v>
      </c>
      <c r="G2811" s="40">
        <v>14.416781200450222</v>
      </c>
      <c r="H2811" s="40">
        <v>46.700000000000017</v>
      </c>
      <c r="I2811" s="40">
        <v>11.336981438956812</v>
      </c>
      <c r="J2811" s="40">
        <v>46.699983029762201</v>
      </c>
      <c r="K2811" s="40">
        <v>10.973916936720043</v>
      </c>
      <c r="L2811" s="40"/>
      <c r="M2811" s="40"/>
      <c r="N2811" s="40"/>
      <c r="Y2811">
        <v>29.416667000000004</v>
      </c>
      <c r="Z2811">
        <v>107.716667</v>
      </c>
      <c r="AA2811">
        <v>8.6349870000000006</v>
      </c>
      <c r="AB2811">
        <v>4.5889991344596313</v>
      </c>
    </row>
    <row r="2812" spans="4:28" x14ac:dyDescent="0.25">
      <c r="D2812" s="40">
        <v>46.731465000002068</v>
      </c>
      <c r="E2812" s="40">
        <v>17.278466957342772</v>
      </c>
      <c r="F2812" s="40">
        <v>46.716667000000001</v>
      </c>
      <c r="G2812" s="40">
        <v>14.416781200450222</v>
      </c>
      <c r="H2812" s="40">
        <v>46.716667000000001</v>
      </c>
      <c r="I2812" s="40">
        <v>11.340235565213575</v>
      </c>
      <c r="J2812" s="40">
        <v>46.716649690476501</v>
      </c>
      <c r="K2812" s="40">
        <v>10.969065893010809</v>
      </c>
      <c r="L2812" s="40"/>
      <c r="M2812" s="40"/>
      <c r="N2812" s="40"/>
      <c r="Y2812">
        <v>29.433333000000005</v>
      </c>
      <c r="Z2812">
        <v>107.733333</v>
      </c>
      <c r="AA2812">
        <v>8.6350200000000008</v>
      </c>
      <c r="AB2812">
        <v>4.5893988382427935</v>
      </c>
    </row>
    <row r="2813" spans="4:28" x14ac:dyDescent="0.25">
      <c r="D2813" s="40">
        <v>46.748131000002068</v>
      </c>
      <c r="E2813" s="40">
        <v>17.278466957342772</v>
      </c>
      <c r="F2813" s="40">
        <v>46.733332999999988</v>
      </c>
      <c r="G2813" s="40">
        <v>14.421536444540441</v>
      </c>
      <c r="H2813" s="40">
        <v>46.733334000000013</v>
      </c>
      <c r="I2813" s="40">
        <v>11.343588301356831</v>
      </c>
      <c r="J2813" s="40">
        <v>46.733316351190801</v>
      </c>
      <c r="K2813" s="40">
        <v>10.969065893010809</v>
      </c>
      <c r="L2813" s="40"/>
      <c r="M2813" s="40"/>
      <c r="N2813" s="40"/>
      <c r="Y2813">
        <v>29.450000000000003</v>
      </c>
      <c r="Z2813">
        <v>107.75</v>
      </c>
      <c r="AA2813">
        <v>8.6350200000000008</v>
      </c>
      <c r="AB2813">
        <v>4.5893988382427935</v>
      </c>
    </row>
    <row r="2814" spans="4:28" x14ac:dyDescent="0.25">
      <c r="D2814" s="40">
        <v>46.764797000002069</v>
      </c>
      <c r="E2814" s="40">
        <v>17.283310135932322</v>
      </c>
      <c r="F2814" s="40">
        <v>46.75</v>
      </c>
      <c r="G2814" s="40">
        <v>14.426151828510342</v>
      </c>
      <c r="H2814" s="40">
        <v>46.75</v>
      </c>
      <c r="I2814" s="40">
        <v>11.346941037500262</v>
      </c>
      <c r="J2814" s="40">
        <v>46.749983011905101</v>
      </c>
      <c r="K2814" s="40">
        <v>10.973916936720043</v>
      </c>
      <c r="L2814" s="40"/>
      <c r="M2814" s="40"/>
      <c r="N2814" s="40"/>
      <c r="Y2814">
        <v>29.466667000000001</v>
      </c>
      <c r="Z2814">
        <v>107.766667</v>
      </c>
      <c r="AA2814">
        <v>8.6350200000000008</v>
      </c>
      <c r="AB2814">
        <v>4.5893988382427935</v>
      </c>
    </row>
    <row r="2815" spans="4:28" x14ac:dyDescent="0.25">
      <c r="D2815" s="40">
        <v>46.78146300000207</v>
      </c>
      <c r="E2815" s="40">
        <v>17.288153314521871</v>
      </c>
      <c r="F2815" s="40">
        <v>46.766666999999998</v>
      </c>
      <c r="G2815" s="40">
        <v>14.430907072600435</v>
      </c>
      <c r="H2815" s="40">
        <v>46.766667000000012</v>
      </c>
      <c r="I2815" s="40">
        <v>11.346941037500262</v>
      </c>
      <c r="J2815" s="40">
        <v>46.766649672619401</v>
      </c>
      <c r="K2815" s="40">
        <v>10.973916936720043</v>
      </c>
      <c r="L2815" s="40"/>
      <c r="M2815" s="40"/>
      <c r="N2815" s="40"/>
      <c r="Y2815">
        <v>29.483333000000002</v>
      </c>
      <c r="Z2815">
        <v>107.783333</v>
      </c>
      <c r="AA2815">
        <v>8.6350200000000008</v>
      </c>
      <c r="AB2815">
        <v>4.5893988382427935</v>
      </c>
    </row>
    <row r="2816" spans="4:28" x14ac:dyDescent="0.25">
      <c r="D2816" s="40">
        <v>46.798129000002071</v>
      </c>
      <c r="E2816" s="40">
        <v>17.292854046682169</v>
      </c>
      <c r="F2816" s="40">
        <v>46.783332999999999</v>
      </c>
      <c r="G2816" s="40">
        <v>14.435662316690657</v>
      </c>
      <c r="H2816" s="40">
        <v>46.783333999999996</v>
      </c>
      <c r="I2816" s="40">
        <v>11.35029377364352</v>
      </c>
      <c r="J2816" s="40">
        <v>46.783316333333701</v>
      </c>
      <c r="K2816" s="40">
        <v>10.973916936720043</v>
      </c>
      <c r="L2816" s="40"/>
      <c r="M2816" s="40"/>
      <c r="N2816" s="40"/>
      <c r="Y2816">
        <v>29.5</v>
      </c>
      <c r="Z2816">
        <v>107.8</v>
      </c>
      <c r="AA2816">
        <v>8.6350200000000008</v>
      </c>
      <c r="AB2816">
        <v>4.5893988382427935</v>
      </c>
    </row>
    <row r="2817" spans="4:28" x14ac:dyDescent="0.25">
      <c r="D2817" s="40">
        <v>46.814795000002071</v>
      </c>
      <c r="E2817" s="40">
        <v>17.292854046682169</v>
      </c>
      <c r="F2817" s="40">
        <v>46.8</v>
      </c>
      <c r="G2817" s="40">
        <v>14.440277700660557</v>
      </c>
      <c r="H2817" s="40">
        <v>46.800000000000011</v>
      </c>
      <c r="I2817" s="40">
        <v>11.353547899900283</v>
      </c>
      <c r="J2817" s="40">
        <v>46.799982994048001</v>
      </c>
      <c r="K2817" s="40">
        <v>10.973916936720043</v>
      </c>
      <c r="L2817" s="40"/>
      <c r="M2817" s="40"/>
      <c r="N2817" s="40"/>
      <c r="Y2817">
        <v>29.516666999999998</v>
      </c>
      <c r="Z2817">
        <v>107.816667</v>
      </c>
      <c r="AA2817">
        <v>8.6350200000000008</v>
      </c>
      <c r="AB2817">
        <v>4.5893988382427935</v>
      </c>
    </row>
    <row r="2818" spans="4:28" x14ac:dyDescent="0.25">
      <c r="D2818" s="40">
        <v>46.831461000002072</v>
      </c>
      <c r="E2818" s="40">
        <v>17.297697225271715</v>
      </c>
      <c r="F2818" s="40">
        <v>46.816666999999995</v>
      </c>
      <c r="G2818" s="40">
        <v>14.44503294475065</v>
      </c>
      <c r="H2818" s="40">
        <v>46.816666999999995</v>
      </c>
      <c r="I2818" s="40">
        <v>11.356900636043541</v>
      </c>
      <c r="J2818" s="40">
        <v>46.816649654762202</v>
      </c>
      <c r="K2818" s="40">
        <v>10.978767980429147</v>
      </c>
      <c r="L2818" s="40"/>
      <c r="M2818" s="40"/>
      <c r="N2818" s="40"/>
      <c r="Y2818">
        <v>29.533332999999999</v>
      </c>
      <c r="Z2818">
        <v>107.833333</v>
      </c>
      <c r="AA2818">
        <v>8.6350540000000002</v>
      </c>
      <c r="AB2818">
        <v>4.5898106542618002</v>
      </c>
    </row>
    <row r="2819" spans="4:28" x14ac:dyDescent="0.25">
      <c r="D2819" s="40">
        <v>46.848127000002073</v>
      </c>
      <c r="E2819" s="40">
        <v>17.297697225271715</v>
      </c>
      <c r="F2819" s="40">
        <v>46.833332999999996</v>
      </c>
      <c r="G2819" s="40">
        <v>14.44978818884087</v>
      </c>
      <c r="H2819" s="40">
        <v>46.833334000000008</v>
      </c>
      <c r="I2819" s="40">
        <v>11.360253372186973</v>
      </c>
      <c r="J2819" s="40">
        <v>46.833316315476502</v>
      </c>
      <c r="K2819" s="40">
        <v>10.978767980429147</v>
      </c>
      <c r="L2819" s="40"/>
      <c r="M2819" s="40"/>
      <c r="N2819" s="40"/>
      <c r="Y2819">
        <v>29.549999999999997</v>
      </c>
      <c r="Z2819">
        <v>107.85</v>
      </c>
      <c r="AA2819">
        <v>8.6350540000000002</v>
      </c>
      <c r="AB2819">
        <v>4.5898106542618002</v>
      </c>
    </row>
    <row r="2820" spans="4:28" x14ac:dyDescent="0.25">
      <c r="D2820" s="40">
        <v>46.864793000002074</v>
      </c>
      <c r="E2820" s="40">
        <v>17.297697225271715</v>
      </c>
      <c r="F2820" s="40">
        <v>46.849999999999994</v>
      </c>
      <c r="G2820" s="40">
        <v>14.454543432931091</v>
      </c>
      <c r="H2820" s="40">
        <v>46.849999999999994</v>
      </c>
      <c r="I2820" s="40">
        <v>11.363507498443736</v>
      </c>
      <c r="J2820" s="40">
        <v>46.849982976190802</v>
      </c>
      <c r="K2820" s="40">
        <v>10.978767980429147</v>
      </c>
      <c r="L2820" s="40"/>
      <c r="M2820" s="40"/>
      <c r="N2820" s="40"/>
      <c r="Y2820">
        <v>29.56666700000001</v>
      </c>
      <c r="Z2820">
        <v>107.86666700000001</v>
      </c>
      <c r="AA2820">
        <v>8.6350540000000002</v>
      </c>
      <c r="AB2820">
        <v>4.5898106542618002</v>
      </c>
    </row>
    <row r="2821" spans="4:28" x14ac:dyDescent="0.25">
      <c r="D2821" s="40">
        <v>46.881459000002074</v>
      </c>
      <c r="E2821" s="40">
        <v>17.302540403861265</v>
      </c>
      <c r="F2821" s="40">
        <v>46.866666999999993</v>
      </c>
      <c r="G2821" s="40">
        <v>14.459158816900866</v>
      </c>
      <c r="H2821" s="40">
        <v>46.866667000000007</v>
      </c>
      <c r="I2821" s="40">
        <v>11.363507498443736</v>
      </c>
      <c r="J2821" s="40">
        <v>46.866649636905102</v>
      </c>
      <c r="K2821" s="40">
        <v>10.978767980429147</v>
      </c>
      <c r="L2821" s="40"/>
      <c r="M2821" s="40"/>
      <c r="N2821" s="40"/>
      <c r="Y2821">
        <v>29.583332999999996</v>
      </c>
      <c r="Z2821">
        <v>107.88333299999999</v>
      </c>
      <c r="AA2821">
        <v>8.6350879999999997</v>
      </c>
      <c r="AB2821">
        <v>4.5902224702808061</v>
      </c>
    </row>
    <row r="2822" spans="4:28" x14ac:dyDescent="0.25">
      <c r="D2822" s="40">
        <v>46.898125000002075</v>
      </c>
      <c r="E2822" s="40">
        <v>17.302540403861265</v>
      </c>
      <c r="F2822" s="40">
        <v>46.883332999999993</v>
      </c>
      <c r="G2822" s="40">
        <v>14.463914060991085</v>
      </c>
      <c r="H2822" s="40">
        <v>46.883334000000019</v>
      </c>
      <c r="I2822" s="40">
        <v>11.366860234586994</v>
      </c>
      <c r="J2822" s="40">
        <v>46.883316297619402</v>
      </c>
      <c r="K2822" s="40">
        <v>10.983476346382208</v>
      </c>
      <c r="L2822" s="40"/>
      <c r="M2822" s="40"/>
      <c r="N2822" s="40"/>
      <c r="Y2822">
        <v>29.600000000000009</v>
      </c>
      <c r="Z2822">
        <v>107.9</v>
      </c>
      <c r="AA2822">
        <v>8.6350879999999997</v>
      </c>
      <c r="AB2822">
        <v>4.5902224702808061</v>
      </c>
    </row>
    <row r="2823" spans="4:28" x14ac:dyDescent="0.25">
      <c r="D2823" s="40">
        <v>46.914791000002076</v>
      </c>
      <c r="E2823" s="40">
        <v>17.307241136021563</v>
      </c>
      <c r="F2823" s="40">
        <v>46.899999999999991</v>
      </c>
      <c r="G2823" s="40">
        <v>14.463914060991085</v>
      </c>
      <c r="H2823" s="40">
        <v>46.900000000000006</v>
      </c>
      <c r="I2823" s="40">
        <v>11.37021297073025</v>
      </c>
      <c r="J2823" s="40">
        <v>46.899982958333702</v>
      </c>
      <c r="K2823" s="40">
        <v>10.983476346382208</v>
      </c>
      <c r="L2823" s="40"/>
      <c r="M2823" s="40"/>
      <c r="N2823" s="40"/>
      <c r="Y2823">
        <v>29.616667000000007</v>
      </c>
      <c r="Z2823">
        <v>107.916667</v>
      </c>
      <c r="AA2823">
        <v>8.6350879999999997</v>
      </c>
      <c r="AB2823">
        <v>4.5902224702808061</v>
      </c>
    </row>
    <row r="2824" spans="4:28" x14ac:dyDescent="0.25">
      <c r="D2824" s="40">
        <v>46.931457000002077</v>
      </c>
      <c r="E2824" s="40">
        <v>17.307241136021563</v>
      </c>
      <c r="F2824" s="40">
        <v>46.91666699999999</v>
      </c>
      <c r="G2824" s="40">
        <v>14.468669305081304</v>
      </c>
      <c r="H2824" s="40">
        <v>46.916667000000018</v>
      </c>
      <c r="I2824" s="40">
        <v>11.373467096987014</v>
      </c>
      <c r="J2824" s="40">
        <v>46.916649619048002</v>
      </c>
      <c r="K2824" s="40">
        <v>10.983476346382208</v>
      </c>
      <c r="L2824" s="40"/>
      <c r="M2824" s="40"/>
      <c r="N2824" s="40"/>
      <c r="Y2824">
        <v>29.633333000000007</v>
      </c>
      <c r="Z2824">
        <v>107.933333</v>
      </c>
      <c r="AA2824">
        <v>8.6351209999999998</v>
      </c>
      <c r="AB2824">
        <v>4.5906221740639674</v>
      </c>
    </row>
    <row r="2825" spans="4:28" x14ac:dyDescent="0.25">
      <c r="D2825" s="40">
        <v>46.948123000002077</v>
      </c>
      <c r="E2825" s="40">
        <v>17.307241136021563</v>
      </c>
      <c r="F2825" s="40">
        <v>46.93333299999999</v>
      </c>
      <c r="G2825" s="40">
        <v>14.473284689051205</v>
      </c>
      <c r="H2825" s="40">
        <v>46.933334000000002</v>
      </c>
      <c r="I2825" s="40">
        <v>11.376819833130272</v>
      </c>
      <c r="J2825" s="40">
        <v>46.933316279762202</v>
      </c>
      <c r="K2825" s="40">
        <v>10.988327390091442</v>
      </c>
      <c r="L2825" s="40"/>
      <c r="M2825" s="40"/>
      <c r="N2825" s="40"/>
      <c r="Y2825">
        <v>29.650000000000006</v>
      </c>
      <c r="Z2825">
        <v>107.95</v>
      </c>
      <c r="AA2825">
        <v>8.6351209999999998</v>
      </c>
      <c r="AB2825">
        <v>4.5906221740639674</v>
      </c>
    </row>
    <row r="2826" spans="4:28" x14ac:dyDescent="0.25">
      <c r="D2826" s="40">
        <v>46.964789000002078</v>
      </c>
      <c r="E2826" s="40">
        <v>17.307241136021563</v>
      </c>
      <c r="F2826" s="40">
        <v>46.949999999999989</v>
      </c>
      <c r="G2826" s="40">
        <v>14.473284689051205</v>
      </c>
      <c r="H2826" s="40">
        <v>46.950000000000017</v>
      </c>
      <c r="I2826" s="40">
        <v>11.376819833130272</v>
      </c>
      <c r="J2826" s="40">
        <v>46.949982940476502</v>
      </c>
      <c r="K2826" s="40">
        <v>10.988327390091442</v>
      </c>
      <c r="L2826" s="40"/>
      <c r="M2826" s="40"/>
      <c r="N2826" s="40"/>
      <c r="Y2826">
        <v>29.666667000000004</v>
      </c>
      <c r="Z2826">
        <v>107.966667</v>
      </c>
      <c r="AA2826">
        <v>8.6351209999999998</v>
      </c>
      <c r="AB2826">
        <v>4.5906221740639674</v>
      </c>
    </row>
    <row r="2827" spans="4:28" x14ac:dyDescent="0.25">
      <c r="D2827" s="40">
        <v>46.981455000002079</v>
      </c>
      <c r="E2827" s="40">
        <v>17.312084314611113</v>
      </c>
      <c r="F2827" s="40">
        <v>46.966667000000001</v>
      </c>
      <c r="G2827" s="40">
        <v>14.4780399331413</v>
      </c>
      <c r="H2827" s="40">
        <v>46.966667000000001</v>
      </c>
      <c r="I2827" s="40">
        <v>11.380172569273704</v>
      </c>
      <c r="J2827" s="40">
        <v>46.966649601190802</v>
      </c>
      <c r="K2827" s="40">
        <v>10.988327390091442</v>
      </c>
      <c r="L2827" s="40"/>
      <c r="M2827" s="40"/>
      <c r="N2827" s="40"/>
      <c r="Y2827">
        <v>29.683333000000005</v>
      </c>
      <c r="Z2827">
        <v>107.983333</v>
      </c>
      <c r="AA2827">
        <v>8.6351549999999992</v>
      </c>
      <c r="AB2827">
        <v>4.5910339900829742</v>
      </c>
    </row>
    <row r="2828" spans="4:28" x14ac:dyDescent="0.25">
      <c r="D2828" s="40">
        <v>46.998121000002079</v>
      </c>
      <c r="E2828" s="40">
        <v>17.312084314611113</v>
      </c>
      <c r="F2828" s="40">
        <v>46.983332999999988</v>
      </c>
      <c r="G2828" s="40">
        <v>14.48279517723152</v>
      </c>
      <c r="H2828" s="40">
        <v>46.983334000000013</v>
      </c>
      <c r="I2828" s="40">
        <v>11.383426695530467</v>
      </c>
      <c r="J2828" s="40">
        <v>46.983316261905102</v>
      </c>
      <c r="K2828" s="40">
        <v>10.993178433800544</v>
      </c>
      <c r="L2828" s="40"/>
      <c r="M2828" s="40"/>
      <c r="N2828" s="40"/>
      <c r="Y2828">
        <v>29.700000000000003</v>
      </c>
      <c r="Z2828">
        <v>108</v>
      </c>
      <c r="AA2828">
        <v>8.6351549999999992</v>
      </c>
      <c r="AB2828">
        <v>4.5910339900829742</v>
      </c>
    </row>
    <row r="2829" spans="4:28" x14ac:dyDescent="0.25">
      <c r="D2829" s="40">
        <v>47.01478700000208</v>
      </c>
      <c r="E2829" s="40">
        <v>17.316927493200659</v>
      </c>
      <c r="F2829" s="40">
        <v>47</v>
      </c>
      <c r="G2829" s="40">
        <v>14.48279517723152</v>
      </c>
      <c r="H2829" s="40">
        <v>47</v>
      </c>
      <c r="I2829" s="40">
        <v>11.386779431673725</v>
      </c>
      <c r="J2829" s="40">
        <v>46.999982922619402</v>
      </c>
      <c r="K2829" s="40">
        <v>10.993178433800544</v>
      </c>
      <c r="L2829" s="40"/>
      <c r="M2829" s="40"/>
      <c r="N2829" s="40"/>
      <c r="Y2829">
        <v>29.716667000000001</v>
      </c>
      <c r="Z2829">
        <v>108.016667</v>
      </c>
      <c r="AA2829">
        <v>8.6351549999999992</v>
      </c>
      <c r="AB2829">
        <v>4.5910339900829742</v>
      </c>
    </row>
    <row r="2830" spans="4:28" x14ac:dyDescent="0.25">
      <c r="D2830" s="40">
        <v>47.031453000002081</v>
      </c>
      <c r="E2830" s="40">
        <v>17.316927493200659</v>
      </c>
      <c r="F2830" s="40">
        <v>47.016666999999998</v>
      </c>
      <c r="G2830" s="40">
        <v>14.48741056120142</v>
      </c>
      <c r="H2830" s="40">
        <v>47.016667000000012</v>
      </c>
      <c r="I2830" s="40">
        <v>11.390132167816979</v>
      </c>
      <c r="J2830" s="40">
        <v>47.016649583333702</v>
      </c>
      <c r="K2830" s="40">
        <v>10.997886799753605</v>
      </c>
      <c r="L2830" s="40"/>
      <c r="M2830" s="40"/>
      <c r="N2830" s="40"/>
      <c r="Y2830">
        <v>29.733333000000002</v>
      </c>
      <c r="Z2830">
        <v>108.033333</v>
      </c>
      <c r="AA2830">
        <v>8.6351890000000004</v>
      </c>
      <c r="AB2830">
        <v>4.5914458061020023</v>
      </c>
    </row>
    <row r="2831" spans="4:28" x14ac:dyDescent="0.25">
      <c r="D2831" s="40">
        <v>47.048119000002082</v>
      </c>
      <c r="E2831" s="40">
        <v>17.316927493200659</v>
      </c>
      <c r="F2831" s="40">
        <v>47.033332999999999</v>
      </c>
      <c r="G2831" s="40">
        <v>14.492165805291513</v>
      </c>
      <c r="H2831" s="40">
        <v>47.033333999999996</v>
      </c>
      <c r="I2831" s="40">
        <v>11.393386294073743</v>
      </c>
      <c r="J2831" s="40">
        <v>47.033316244048002</v>
      </c>
      <c r="K2831" s="40">
        <v>10.997886799753605</v>
      </c>
      <c r="L2831" s="40"/>
      <c r="M2831" s="40"/>
      <c r="N2831" s="40"/>
      <c r="Y2831">
        <v>29.75</v>
      </c>
      <c r="Z2831">
        <v>108.05</v>
      </c>
      <c r="AA2831">
        <v>8.6351890000000004</v>
      </c>
      <c r="AB2831">
        <v>4.5914458061020023</v>
      </c>
    </row>
    <row r="2832" spans="4:28" x14ac:dyDescent="0.25">
      <c r="D2832" s="40">
        <v>47.064785000002082</v>
      </c>
      <c r="E2832" s="40">
        <v>17.316927493200659</v>
      </c>
      <c r="F2832" s="40">
        <v>47.05</v>
      </c>
      <c r="G2832" s="40">
        <v>14.496921049381735</v>
      </c>
      <c r="H2832" s="40">
        <v>47.050000000000011</v>
      </c>
      <c r="I2832" s="40">
        <v>11.393386294073743</v>
      </c>
      <c r="J2832" s="40">
        <v>47.049982904762203</v>
      </c>
      <c r="K2832" s="40">
        <v>10.997886799753605</v>
      </c>
      <c r="L2832" s="40"/>
      <c r="M2832" s="40"/>
      <c r="N2832" s="40"/>
      <c r="Y2832">
        <v>29.766666999999998</v>
      </c>
      <c r="Z2832">
        <v>108.066667</v>
      </c>
      <c r="AA2832">
        <v>8.6351890000000004</v>
      </c>
      <c r="AB2832">
        <v>4.5914458061020023</v>
      </c>
    </row>
    <row r="2833" spans="4:28" x14ac:dyDescent="0.25">
      <c r="D2833" s="40">
        <v>47.081451000002083</v>
      </c>
      <c r="E2833" s="40">
        <v>17.321628225361085</v>
      </c>
      <c r="F2833" s="40">
        <v>47.066666999999995</v>
      </c>
      <c r="G2833" s="40">
        <v>14.496921049381735</v>
      </c>
      <c r="H2833" s="40">
        <v>47.066666999999995</v>
      </c>
      <c r="I2833" s="40">
        <v>11.396739030217001</v>
      </c>
      <c r="J2833" s="40">
        <v>47.066649565476503</v>
      </c>
      <c r="K2833" s="40">
        <v>10.997886799753605</v>
      </c>
      <c r="L2833" s="40"/>
      <c r="M2833" s="40"/>
      <c r="N2833" s="40"/>
      <c r="Y2833">
        <v>29.783332999999999</v>
      </c>
      <c r="Z2833">
        <v>108.083333</v>
      </c>
      <c r="AA2833">
        <v>8.6351890000000004</v>
      </c>
      <c r="AB2833">
        <v>4.5914458061020023</v>
      </c>
    </row>
    <row r="2834" spans="4:28" x14ac:dyDescent="0.25">
      <c r="D2834" s="40">
        <v>47.098117000002084</v>
      </c>
      <c r="E2834" s="40">
        <v>17.321628225361085</v>
      </c>
      <c r="F2834" s="40">
        <v>47.083332999999996</v>
      </c>
      <c r="G2834" s="40">
        <v>14.501536433351635</v>
      </c>
      <c r="H2834" s="40">
        <v>47.083334000000008</v>
      </c>
      <c r="I2834" s="40">
        <v>11.400091766360433</v>
      </c>
      <c r="J2834" s="40">
        <v>47.083316226190803</v>
      </c>
      <c r="K2834" s="40">
        <v>10.997886799753605</v>
      </c>
      <c r="L2834" s="40"/>
      <c r="M2834" s="40"/>
      <c r="N2834" s="40"/>
      <c r="Y2834">
        <v>29.799999999999997</v>
      </c>
      <c r="Z2834">
        <v>108.1</v>
      </c>
      <c r="AA2834">
        <v>8.6352220000000006</v>
      </c>
      <c r="AB2834">
        <v>4.5918455098851645</v>
      </c>
    </row>
    <row r="2835" spans="4:28" x14ac:dyDescent="0.25">
      <c r="D2835" s="40">
        <v>47.114783000002085</v>
      </c>
      <c r="E2835" s="40">
        <v>17.326471403950507</v>
      </c>
      <c r="F2835" s="40">
        <v>47.099999999999994</v>
      </c>
      <c r="G2835" s="40">
        <v>14.506291677441729</v>
      </c>
      <c r="H2835" s="40">
        <v>47.099999999999994</v>
      </c>
      <c r="I2835" s="40">
        <v>11.403345892617196</v>
      </c>
      <c r="J2835" s="40">
        <v>47.099982886905103</v>
      </c>
      <c r="K2835" s="40">
        <v>11.002737843462839</v>
      </c>
      <c r="L2835" s="40"/>
      <c r="M2835" s="40"/>
      <c r="N2835" s="40"/>
      <c r="Y2835">
        <v>29.81666700000001</v>
      </c>
      <c r="Z2835">
        <v>108.11666700000001</v>
      </c>
      <c r="AA2835">
        <v>8.6352220000000006</v>
      </c>
      <c r="AB2835">
        <v>4.5918455098851645</v>
      </c>
    </row>
    <row r="2836" spans="4:28" x14ac:dyDescent="0.25">
      <c r="D2836" s="40">
        <v>47.131449000002085</v>
      </c>
      <c r="E2836" s="40">
        <v>17.326471403950507</v>
      </c>
      <c r="F2836" s="40">
        <v>47.116666999999993</v>
      </c>
      <c r="G2836" s="40">
        <v>14.506291677441729</v>
      </c>
      <c r="H2836" s="40">
        <v>47.116667000000007</v>
      </c>
      <c r="I2836" s="40">
        <v>11.406698628760454</v>
      </c>
      <c r="J2836" s="40">
        <v>47.116649547619403</v>
      </c>
      <c r="K2836" s="40">
        <v>11.002737843462839</v>
      </c>
      <c r="L2836" s="40"/>
      <c r="M2836" s="40"/>
      <c r="N2836" s="40"/>
      <c r="Y2836">
        <v>29.833332999999996</v>
      </c>
      <c r="Z2836">
        <v>108.13333299999999</v>
      </c>
      <c r="AA2836">
        <v>8.6352220000000006</v>
      </c>
      <c r="AB2836">
        <v>4.5918455098851645</v>
      </c>
    </row>
    <row r="2837" spans="4:28" x14ac:dyDescent="0.25">
      <c r="D2837" s="40">
        <v>47.148115000002086</v>
      </c>
      <c r="E2837" s="40">
        <v>17.331314582540056</v>
      </c>
      <c r="F2837" s="40">
        <v>47.133332999999993</v>
      </c>
      <c r="G2837" s="40">
        <v>14.511046921531948</v>
      </c>
      <c r="H2837" s="40">
        <v>47.133334000000019</v>
      </c>
      <c r="I2837" s="40">
        <v>11.406698628760454</v>
      </c>
      <c r="J2837" s="40">
        <v>47.133316208333703</v>
      </c>
      <c r="K2837" s="40">
        <v>11.007588887171943</v>
      </c>
      <c r="L2837" s="40"/>
      <c r="M2837" s="40"/>
      <c r="N2837" s="40"/>
      <c r="Y2837">
        <v>29.850000000000009</v>
      </c>
      <c r="Z2837">
        <v>108.15</v>
      </c>
      <c r="AA2837">
        <v>8.6352220000000006</v>
      </c>
      <c r="AB2837">
        <v>4.5918455098851645</v>
      </c>
    </row>
    <row r="2838" spans="4:28" x14ac:dyDescent="0.25">
      <c r="D2838" s="40">
        <v>47.164781000002087</v>
      </c>
      <c r="E2838" s="40">
        <v>17.331314582540056</v>
      </c>
      <c r="F2838" s="40">
        <v>47.149999999999991</v>
      </c>
      <c r="G2838" s="40">
        <v>14.515662305501849</v>
      </c>
      <c r="H2838" s="40">
        <v>47.150000000000006</v>
      </c>
      <c r="I2838" s="40">
        <v>11.41005136490371</v>
      </c>
      <c r="J2838" s="40">
        <v>47.149982869048003</v>
      </c>
      <c r="K2838" s="40">
        <v>11.007588887171943</v>
      </c>
      <c r="L2838" s="40"/>
      <c r="M2838" s="40"/>
      <c r="N2838" s="40"/>
      <c r="Y2838">
        <v>29.866667000000007</v>
      </c>
      <c r="Z2838">
        <v>108.166667</v>
      </c>
      <c r="AA2838">
        <v>8.6352220000000006</v>
      </c>
      <c r="AB2838">
        <v>4.5918455098851645</v>
      </c>
    </row>
    <row r="2839" spans="4:28" x14ac:dyDescent="0.25">
      <c r="D2839" s="40">
        <v>47.181447000002088</v>
      </c>
      <c r="E2839" s="40">
        <v>17.336015314700482</v>
      </c>
      <c r="F2839" s="40">
        <v>47.16666699999999</v>
      </c>
      <c r="G2839" s="40">
        <v>14.520417549592066</v>
      </c>
      <c r="H2839" s="40">
        <v>47.166667000000018</v>
      </c>
      <c r="I2839" s="40">
        <v>11.413305491160473</v>
      </c>
      <c r="J2839" s="40">
        <v>47.166649529762203</v>
      </c>
      <c r="K2839" s="40">
        <v>11.007588887171943</v>
      </c>
      <c r="L2839" s="40"/>
      <c r="M2839" s="40"/>
      <c r="N2839" s="40"/>
      <c r="Y2839">
        <v>29.883333000000007</v>
      </c>
      <c r="Z2839">
        <v>108.183333</v>
      </c>
      <c r="AA2839">
        <v>8.635256</v>
      </c>
      <c r="AB2839">
        <v>4.5922573259041704</v>
      </c>
    </row>
    <row r="2840" spans="4:28" x14ac:dyDescent="0.25">
      <c r="D2840" s="40">
        <v>47.198113000002088</v>
      </c>
      <c r="E2840" s="40">
        <v>17.336015314700482</v>
      </c>
      <c r="F2840" s="40">
        <v>47.18333299999999</v>
      </c>
      <c r="G2840" s="40">
        <v>14.520417549592066</v>
      </c>
      <c r="H2840" s="40">
        <v>47.183334000000002</v>
      </c>
      <c r="I2840" s="40">
        <v>11.416658227303905</v>
      </c>
      <c r="J2840" s="40">
        <v>47.183316190476503</v>
      </c>
      <c r="K2840" s="40">
        <v>11.007588887171943</v>
      </c>
      <c r="L2840" s="40"/>
      <c r="M2840" s="40"/>
      <c r="N2840" s="40"/>
      <c r="Y2840">
        <v>29.900000000000006</v>
      </c>
      <c r="Z2840">
        <v>108.2</v>
      </c>
      <c r="AA2840">
        <v>8.635256</v>
      </c>
      <c r="AB2840">
        <v>4.5922573259041704</v>
      </c>
    </row>
    <row r="2841" spans="4:28" x14ac:dyDescent="0.25">
      <c r="D2841" s="40">
        <v>47.214779000002089</v>
      </c>
      <c r="E2841" s="40">
        <v>17.340858493289904</v>
      </c>
      <c r="F2841" s="40">
        <v>47.199999999999989</v>
      </c>
      <c r="G2841" s="40">
        <v>14.525172793682163</v>
      </c>
      <c r="H2841" s="40">
        <v>47.200000000000017</v>
      </c>
      <c r="I2841" s="40">
        <v>11.420010963447163</v>
      </c>
      <c r="J2841" s="40">
        <v>47.199982851190804</v>
      </c>
      <c r="K2841" s="40">
        <v>11.012297253125004</v>
      </c>
      <c r="L2841" s="40"/>
      <c r="M2841" s="40"/>
      <c r="N2841" s="40"/>
      <c r="Y2841">
        <v>29.916667000000004</v>
      </c>
      <c r="Z2841">
        <v>108.216667</v>
      </c>
      <c r="AA2841">
        <v>8.635256</v>
      </c>
      <c r="AB2841">
        <v>4.5922573259041704</v>
      </c>
    </row>
    <row r="2842" spans="4:28" x14ac:dyDescent="0.25">
      <c r="D2842" s="40">
        <v>47.23144500000209</v>
      </c>
      <c r="E2842" s="40">
        <v>17.340858493289904</v>
      </c>
      <c r="F2842" s="40">
        <v>47.216667000000001</v>
      </c>
      <c r="G2842" s="40">
        <v>14.529788177652064</v>
      </c>
      <c r="H2842" s="40">
        <v>47.216667000000001</v>
      </c>
      <c r="I2842" s="40">
        <v>11.420010963447163</v>
      </c>
      <c r="J2842" s="40">
        <v>47.216649511905104</v>
      </c>
      <c r="K2842" s="40">
        <v>11.012297253125004</v>
      </c>
      <c r="L2842" s="40"/>
      <c r="M2842" s="40"/>
      <c r="N2842" s="40"/>
      <c r="Y2842">
        <v>29.933333000000005</v>
      </c>
      <c r="Z2842">
        <v>108.233333</v>
      </c>
      <c r="AA2842">
        <v>8.6352899999999995</v>
      </c>
      <c r="AB2842">
        <v>4.5926691419231771</v>
      </c>
    </row>
    <row r="2843" spans="4:28" x14ac:dyDescent="0.25">
      <c r="D2843" s="40">
        <v>47.248111000002091</v>
      </c>
      <c r="E2843" s="40">
        <v>17.345701671879453</v>
      </c>
      <c r="F2843" s="40">
        <v>47.233332999999988</v>
      </c>
      <c r="G2843" s="40">
        <v>14.529788177652064</v>
      </c>
      <c r="H2843" s="40">
        <v>47.233334000000013</v>
      </c>
      <c r="I2843" s="40">
        <v>11.423265089703927</v>
      </c>
      <c r="J2843" s="40">
        <v>47.233316172619404</v>
      </c>
      <c r="K2843" s="40">
        <v>11.017148296834236</v>
      </c>
      <c r="L2843" s="40"/>
      <c r="M2843" s="40"/>
      <c r="N2843" s="40"/>
      <c r="Y2843">
        <v>29.950000000000003</v>
      </c>
      <c r="Z2843">
        <v>108.25</v>
      </c>
      <c r="AA2843">
        <v>8.6352899999999995</v>
      </c>
      <c r="AB2843">
        <v>4.5926691419231771</v>
      </c>
    </row>
    <row r="2844" spans="4:28" x14ac:dyDescent="0.25">
      <c r="D2844" s="40">
        <v>47.264777000002091</v>
      </c>
      <c r="E2844" s="40">
        <v>17.35040240403988</v>
      </c>
      <c r="F2844" s="40">
        <v>47.25</v>
      </c>
      <c r="G2844" s="40">
        <v>14.534543421742281</v>
      </c>
      <c r="H2844" s="40">
        <v>47.25</v>
      </c>
      <c r="I2844" s="40">
        <v>11.426617825847185</v>
      </c>
      <c r="J2844" s="40">
        <v>47.249982833333704</v>
      </c>
      <c r="K2844" s="40">
        <v>11.017148296834236</v>
      </c>
      <c r="L2844" s="40"/>
      <c r="M2844" s="40"/>
      <c r="N2844" s="40"/>
      <c r="Y2844">
        <v>29.966667000000001</v>
      </c>
      <c r="Z2844">
        <v>108.266667</v>
      </c>
      <c r="AA2844">
        <v>8.6352899999999995</v>
      </c>
      <c r="AB2844">
        <v>4.5926691419231771</v>
      </c>
    </row>
    <row r="2845" spans="4:28" x14ac:dyDescent="0.25">
      <c r="D2845" s="40">
        <v>47.281443000002092</v>
      </c>
      <c r="E2845" s="40">
        <v>17.355245582629301</v>
      </c>
      <c r="F2845" s="40">
        <v>47.266666999999998</v>
      </c>
      <c r="G2845" s="40">
        <v>14.539298665832378</v>
      </c>
      <c r="H2845" s="40">
        <v>47.266667000000012</v>
      </c>
      <c r="I2845" s="40">
        <v>11.429970561990441</v>
      </c>
      <c r="J2845" s="40">
        <v>47.266649494048004</v>
      </c>
      <c r="K2845" s="40">
        <v>11.02199934054334</v>
      </c>
      <c r="L2845" s="40"/>
      <c r="M2845" s="40"/>
      <c r="N2845" s="40"/>
      <c r="Y2845">
        <v>29.983333000000002</v>
      </c>
      <c r="Z2845">
        <v>108.283333</v>
      </c>
      <c r="AA2845">
        <v>8.6353229999999996</v>
      </c>
      <c r="AB2845">
        <v>4.5930688457063393</v>
      </c>
    </row>
    <row r="2846" spans="4:28" x14ac:dyDescent="0.25">
      <c r="D2846" s="40">
        <v>47.298109000002093</v>
      </c>
      <c r="E2846" s="40">
        <v>17.360088761218847</v>
      </c>
      <c r="F2846" s="40">
        <v>47.283332999999999</v>
      </c>
      <c r="G2846" s="40">
        <v>14.543914049802279</v>
      </c>
      <c r="H2846" s="40">
        <v>47.283333999999996</v>
      </c>
      <c r="I2846" s="40">
        <v>11.429970561990441</v>
      </c>
      <c r="J2846" s="40">
        <v>47.283316154762197</v>
      </c>
      <c r="K2846" s="40">
        <v>11.02199934054334</v>
      </c>
      <c r="L2846" s="40"/>
      <c r="M2846" s="40"/>
      <c r="N2846" s="40"/>
      <c r="Y2846">
        <v>30</v>
      </c>
      <c r="Z2846">
        <v>108.3</v>
      </c>
      <c r="AA2846">
        <v>8.6353229999999996</v>
      </c>
      <c r="AB2846">
        <v>4.5930688457063393</v>
      </c>
    </row>
    <row r="2847" spans="4:28" x14ac:dyDescent="0.25">
      <c r="D2847" s="40">
        <v>47.314775000002093</v>
      </c>
      <c r="E2847" s="40">
        <v>17.364789493379273</v>
      </c>
      <c r="F2847" s="40">
        <v>47.3</v>
      </c>
      <c r="G2847" s="40">
        <v>14.548669293892498</v>
      </c>
      <c r="H2847" s="40">
        <v>47.300000000000011</v>
      </c>
      <c r="I2847" s="40">
        <v>11.433224688247202</v>
      </c>
      <c r="J2847" s="40">
        <v>47.299982815476497</v>
      </c>
      <c r="K2847" s="40">
        <v>11.026707706496401</v>
      </c>
      <c r="L2847" s="40"/>
      <c r="M2847" s="40"/>
      <c r="N2847" s="40"/>
      <c r="Y2847">
        <v>30.016666999999998</v>
      </c>
      <c r="Z2847">
        <v>108.316667</v>
      </c>
      <c r="AA2847">
        <v>8.6353229999999996</v>
      </c>
      <c r="AB2847">
        <v>4.5930688457063393</v>
      </c>
    </row>
    <row r="2848" spans="4:28" x14ac:dyDescent="0.25">
      <c r="D2848" s="40">
        <v>47.331441000002094</v>
      </c>
      <c r="E2848" s="40">
        <v>17.369632671968819</v>
      </c>
      <c r="F2848" s="40">
        <v>47.316666999999995</v>
      </c>
      <c r="G2848" s="40">
        <v>14.553424537982592</v>
      </c>
      <c r="H2848" s="40">
        <v>47.316666999999995</v>
      </c>
      <c r="I2848" s="40">
        <v>11.436577424390636</v>
      </c>
      <c r="J2848" s="40">
        <v>47.316649476190797</v>
      </c>
      <c r="K2848" s="40">
        <v>11.026707706496401</v>
      </c>
      <c r="L2848" s="40"/>
      <c r="M2848" s="40"/>
      <c r="N2848" s="40"/>
      <c r="Y2848">
        <v>30.033332999999999</v>
      </c>
      <c r="Z2848">
        <v>108.333333</v>
      </c>
      <c r="AA2848">
        <v>8.6353229999999996</v>
      </c>
      <c r="AB2848">
        <v>4.5930688457063393</v>
      </c>
    </row>
    <row r="2849" spans="4:28" x14ac:dyDescent="0.25">
      <c r="D2849" s="40">
        <v>47.348107000002095</v>
      </c>
      <c r="E2849" s="40">
        <v>17.374475850558241</v>
      </c>
      <c r="F2849" s="40">
        <v>47.333332999999996</v>
      </c>
      <c r="G2849" s="40">
        <v>14.553424537982592</v>
      </c>
      <c r="H2849" s="40">
        <v>47.333334000000008</v>
      </c>
      <c r="I2849" s="40">
        <v>11.439930160533892</v>
      </c>
      <c r="J2849" s="40">
        <v>47.333316136905097</v>
      </c>
      <c r="K2849" s="40">
        <v>11.026707706496401</v>
      </c>
      <c r="L2849" s="40"/>
      <c r="M2849" s="40"/>
      <c r="N2849" s="40"/>
      <c r="Y2849">
        <v>30.049999999999997</v>
      </c>
      <c r="Z2849">
        <v>108.35</v>
      </c>
      <c r="AA2849">
        <v>8.6353229999999996</v>
      </c>
      <c r="AB2849">
        <v>4.5930688457063393</v>
      </c>
    </row>
    <row r="2850" spans="4:28" x14ac:dyDescent="0.25">
      <c r="D2850" s="40">
        <v>47.364773000002096</v>
      </c>
      <c r="E2850" s="40">
        <v>17.374475850558241</v>
      </c>
      <c r="F2850" s="40">
        <v>47.349999999999994</v>
      </c>
      <c r="G2850" s="40">
        <v>14.558039921952492</v>
      </c>
      <c r="H2850" s="40">
        <v>47.349999999999994</v>
      </c>
      <c r="I2850" s="40">
        <v>11.439930160533892</v>
      </c>
      <c r="J2850" s="40">
        <v>47.349982797619397</v>
      </c>
      <c r="K2850" s="40">
        <v>11.031558750205635</v>
      </c>
      <c r="L2850" s="40"/>
      <c r="M2850" s="40"/>
      <c r="N2850" s="40"/>
      <c r="Y2850">
        <v>30.06666700000001</v>
      </c>
      <c r="Z2850">
        <v>108.36666700000001</v>
      </c>
      <c r="AA2850">
        <v>8.6353570000000008</v>
      </c>
      <c r="AB2850">
        <v>4.5934806617253665</v>
      </c>
    </row>
    <row r="2851" spans="4:28" x14ac:dyDescent="0.25">
      <c r="D2851" s="40">
        <v>47.381439000002096</v>
      </c>
      <c r="E2851" s="40">
        <v>17.379176582718667</v>
      </c>
      <c r="F2851" s="40">
        <v>47.366666999999993</v>
      </c>
      <c r="G2851" s="40">
        <v>14.562795166042713</v>
      </c>
      <c r="H2851" s="40">
        <v>47.366667000000007</v>
      </c>
      <c r="I2851" s="40">
        <v>11.443184286790656</v>
      </c>
      <c r="J2851" s="40">
        <v>47.366649458333697</v>
      </c>
      <c r="K2851" s="40">
        <v>11.031558750205635</v>
      </c>
      <c r="L2851" s="40"/>
      <c r="M2851" s="40"/>
      <c r="N2851" s="40"/>
      <c r="Y2851">
        <v>30.083332999999996</v>
      </c>
      <c r="Z2851">
        <v>108.38333299999999</v>
      </c>
      <c r="AA2851">
        <v>8.6353570000000008</v>
      </c>
      <c r="AB2851">
        <v>4.5934806617253665</v>
      </c>
    </row>
    <row r="2852" spans="4:28" x14ac:dyDescent="0.25">
      <c r="D2852" s="40">
        <v>47.398105000002097</v>
      </c>
      <c r="E2852" s="40">
        <v>17.384019761308217</v>
      </c>
      <c r="F2852" s="40">
        <v>47.383332999999993</v>
      </c>
      <c r="G2852" s="40">
        <v>14.567550410132807</v>
      </c>
      <c r="H2852" s="40">
        <v>47.383334000000019</v>
      </c>
      <c r="I2852" s="40">
        <v>11.446537022933914</v>
      </c>
      <c r="J2852" s="40">
        <v>47.383316119047997</v>
      </c>
      <c r="K2852" s="40">
        <v>11.031558750205635</v>
      </c>
      <c r="L2852" s="40"/>
      <c r="M2852" s="40"/>
      <c r="N2852" s="40"/>
      <c r="Y2852">
        <v>30.100000000000009</v>
      </c>
      <c r="Z2852">
        <v>108.4</v>
      </c>
      <c r="AA2852">
        <v>8.6353570000000008</v>
      </c>
      <c r="AB2852">
        <v>4.5934806617253665</v>
      </c>
    </row>
    <row r="2853" spans="4:28" x14ac:dyDescent="0.25">
      <c r="D2853" s="40">
        <v>47.414771000002098</v>
      </c>
      <c r="E2853" s="40">
        <v>17.388862939897642</v>
      </c>
      <c r="F2853" s="40">
        <v>47.399999999999991</v>
      </c>
      <c r="G2853" s="40">
        <v>14.567550410132807</v>
      </c>
      <c r="H2853" s="40">
        <v>47.400000000000006</v>
      </c>
      <c r="I2853" s="40">
        <v>11.449889759077346</v>
      </c>
      <c r="J2853" s="40">
        <v>47.399982779762198</v>
      </c>
      <c r="K2853" s="40">
        <v>11.036409793914867</v>
      </c>
      <c r="L2853" s="40"/>
      <c r="M2853" s="40"/>
      <c r="N2853" s="40"/>
      <c r="Y2853">
        <v>30.116667000000007</v>
      </c>
      <c r="Z2853">
        <v>108.416667</v>
      </c>
      <c r="AA2853">
        <v>8.6353570000000008</v>
      </c>
      <c r="AB2853">
        <v>4.5934806617253665</v>
      </c>
    </row>
    <row r="2854" spans="4:28" x14ac:dyDescent="0.25">
      <c r="D2854" s="40">
        <v>47.431437000002099</v>
      </c>
      <c r="E2854" s="40">
        <v>17.388862939897642</v>
      </c>
      <c r="F2854" s="40">
        <v>47.41666699999999</v>
      </c>
      <c r="G2854" s="40">
        <v>14.572165794102707</v>
      </c>
      <c r="H2854" s="40">
        <v>47.416667000000018</v>
      </c>
      <c r="I2854" s="40">
        <v>11.453143885333933</v>
      </c>
      <c r="J2854" s="40">
        <v>47.416649440476498</v>
      </c>
      <c r="K2854" s="40">
        <v>11.036409793914867</v>
      </c>
      <c r="L2854" s="40"/>
      <c r="M2854" s="40"/>
      <c r="N2854" s="40"/>
      <c r="Y2854">
        <v>30.133333000000007</v>
      </c>
      <c r="Z2854">
        <v>108.433333</v>
      </c>
      <c r="AA2854">
        <v>8.6353570000000008</v>
      </c>
      <c r="AB2854">
        <v>4.5934806617253665</v>
      </c>
    </row>
    <row r="2855" spans="4:28" x14ac:dyDescent="0.25">
      <c r="D2855" s="40">
        <v>47.448103000002099</v>
      </c>
      <c r="E2855" s="40">
        <v>17.393563672058061</v>
      </c>
      <c r="F2855" s="40">
        <v>47.43333299999999</v>
      </c>
      <c r="G2855" s="40">
        <v>14.576921038192927</v>
      </c>
      <c r="H2855" s="40">
        <v>47.433334000000002</v>
      </c>
      <c r="I2855" s="40">
        <v>11.456496621477367</v>
      </c>
      <c r="J2855" s="40">
        <v>47.433316101190798</v>
      </c>
      <c r="K2855" s="40">
        <v>11.036409793914867</v>
      </c>
      <c r="L2855" s="40"/>
      <c r="M2855" s="40"/>
      <c r="N2855" s="40"/>
      <c r="Y2855">
        <v>30.150000000000006</v>
      </c>
      <c r="Z2855">
        <v>108.45</v>
      </c>
      <c r="AA2855">
        <v>8.6353570000000008</v>
      </c>
      <c r="AB2855">
        <v>4.5934806617253665</v>
      </c>
    </row>
    <row r="2856" spans="4:28" x14ac:dyDescent="0.25">
      <c r="D2856" s="40">
        <v>47.4647690000021</v>
      </c>
      <c r="E2856" s="40">
        <v>17.393563672058061</v>
      </c>
      <c r="F2856" s="40">
        <v>47.449999999999989</v>
      </c>
      <c r="G2856" s="40">
        <v>14.581676282283144</v>
      </c>
      <c r="H2856" s="40">
        <v>47.450000000000017</v>
      </c>
      <c r="I2856" s="40">
        <v>11.456496621477367</v>
      </c>
      <c r="J2856" s="40">
        <v>47.449982761905098</v>
      </c>
      <c r="K2856" s="40">
        <v>11.041118159867798</v>
      </c>
      <c r="L2856" s="40"/>
      <c r="M2856" s="40"/>
      <c r="N2856" s="40"/>
      <c r="Y2856">
        <v>30.166667000000004</v>
      </c>
      <c r="Z2856">
        <v>108.466667</v>
      </c>
      <c r="AA2856">
        <v>8.6353570000000008</v>
      </c>
      <c r="AB2856">
        <v>4.5934806617253665</v>
      </c>
    </row>
    <row r="2857" spans="4:28" x14ac:dyDescent="0.25">
      <c r="D2857" s="40">
        <v>47.481435000002101</v>
      </c>
      <c r="E2857" s="40">
        <v>17.398406850647614</v>
      </c>
      <c r="F2857" s="40">
        <v>47.466667000000001</v>
      </c>
      <c r="G2857" s="40">
        <v>14.586291666252922</v>
      </c>
      <c r="H2857" s="40">
        <v>47.466667000000001</v>
      </c>
      <c r="I2857" s="40">
        <v>11.459849357620623</v>
      </c>
      <c r="J2857" s="40">
        <v>47.466649422619398</v>
      </c>
      <c r="K2857" s="40">
        <v>11.041118159867798</v>
      </c>
      <c r="L2857" s="40"/>
      <c r="M2857" s="40"/>
      <c r="N2857" s="40"/>
      <c r="Y2857">
        <v>30.183333000000005</v>
      </c>
      <c r="Z2857">
        <v>108.483333</v>
      </c>
      <c r="AA2857">
        <v>8.6353570000000008</v>
      </c>
      <c r="AB2857">
        <v>4.5934806617253665</v>
      </c>
    </row>
    <row r="2858" spans="4:28" x14ac:dyDescent="0.25">
      <c r="D2858" s="40">
        <v>47.498101000002102</v>
      </c>
      <c r="E2858" s="40">
        <v>17.403250029237036</v>
      </c>
      <c r="F2858" s="40">
        <v>47.483332999999988</v>
      </c>
      <c r="G2858" s="40">
        <v>14.586291666252922</v>
      </c>
      <c r="H2858" s="40">
        <v>47.483334000000013</v>
      </c>
      <c r="I2858" s="40">
        <v>11.463103483877386</v>
      </c>
      <c r="J2858" s="40">
        <v>47.483316083333698</v>
      </c>
      <c r="K2858" s="40">
        <v>11.041118159867798</v>
      </c>
      <c r="L2858" s="40"/>
      <c r="M2858" s="40"/>
      <c r="N2858" s="40"/>
      <c r="Y2858">
        <v>30.200000000000003</v>
      </c>
      <c r="Z2858">
        <v>108.5</v>
      </c>
      <c r="AA2858">
        <v>8.6353570000000008</v>
      </c>
      <c r="AB2858">
        <v>4.5934806617253665</v>
      </c>
    </row>
    <row r="2859" spans="4:28" x14ac:dyDescent="0.25">
      <c r="D2859" s="40">
        <v>47.514767000002102</v>
      </c>
      <c r="E2859" s="40">
        <v>17.407950761397462</v>
      </c>
      <c r="F2859" s="40">
        <v>47.5</v>
      </c>
      <c r="G2859" s="40">
        <v>14.591046910343142</v>
      </c>
      <c r="H2859" s="40">
        <v>47.5</v>
      </c>
      <c r="I2859" s="40">
        <v>11.466456220020644</v>
      </c>
      <c r="J2859" s="40">
        <v>47.499982744047998</v>
      </c>
      <c r="K2859" s="40">
        <v>11.045969203577032</v>
      </c>
      <c r="L2859" s="40"/>
      <c r="M2859" s="40"/>
      <c r="N2859" s="40"/>
      <c r="Y2859">
        <v>30.216667000000001</v>
      </c>
      <c r="Z2859">
        <v>108.516667</v>
      </c>
      <c r="AA2859">
        <v>8.6353570000000008</v>
      </c>
      <c r="AB2859">
        <v>4.5934806617253665</v>
      </c>
    </row>
    <row r="2860" spans="4:28" x14ac:dyDescent="0.25">
      <c r="D2860" s="40">
        <v>47.531433000002103</v>
      </c>
      <c r="E2860" s="40">
        <v>17.407950761397462</v>
      </c>
      <c r="F2860" s="40">
        <v>47.516666999999998</v>
      </c>
      <c r="G2860" s="40">
        <v>14.595802154433359</v>
      </c>
      <c r="H2860" s="40">
        <v>47.516667000000012</v>
      </c>
      <c r="I2860" s="40">
        <v>11.466456220020644</v>
      </c>
      <c r="J2860" s="40">
        <v>47.516649404762198</v>
      </c>
      <c r="K2860" s="40">
        <v>11.045969203577032</v>
      </c>
      <c r="L2860" s="40"/>
      <c r="M2860" s="40"/>
      <c r="N2860" s="40"/>
      <c r="Y2860">
        <v>30.233333000000002</v>
      </c>
      <c r="Z2860">
        <v>108.533333</v>
      </c>
      <c r="AA2860">
        <v>8.6353570000000008</v>
      </c>
      <c r="AB2860">
        <v>4.5934806617253665</v>
      </c>
    </row>
    <row r="2861" spans="4:28" x14ac:dyDescent="0.25">
      <c r="D2861" s="40">
        <v>47.548099000002104</v>
      </c>
      <c r="E2861" s="40">
        <v>17.412793939987008</v>
      </c>
      <c r="F2861" s="40">
        <v>47.533332999999999</v>
      </c>
      <c r="G2861" s="40">
        <v>14.600417538403137</v>
      </c>
      <c r="H2861" s="40">
        <v>47.533333999999996</v>
      </c>
      <c r="I2861" s="40">
        <v>11.469808956164076</v>
      </c>
      <c r="J2861" s="40">
        <v>47.533316065476498</v>
      </c>
      <c r="K2861" s="40">
        <v>11.045969203577032</v>
      </c>
      <c r="L2861" s="40"/>
      <c r="M2861" s="40"/>
      <c r="N2861" s="40"/>
      <c r="Y2861">
        <v>30.25</v>
      </c>
      <c r="Z2861">
        <v>108.55</v>
      </c>
      <c r="AA2861">
        <v>8.6353570000000008</v>
      </c>
      <c r="AB2861">
        <v>4.5934806617253665</v>
      </c>
    </row>
    <row r="2862" spans="4:28" x14ac:dyDescent="0.25">
      <c r="D2862" s="40">
        <v>47.564765000002105</v>
      </c>
      <c r="E2862" s="40">
        <v>17.412793939987008</v>
      </c>
      <c r="F2862" s="40">
        <v>47.55</v>
      </c>
      <c r="G2862" s="40">
        <v>14.605172782493357</v>
      </c>
      <c r="H2862" s="40">
        <v>47.550000000000011</v>
      </c>
      <c r="I2862" s="40">
        <v>11.473063082420838</v>
      </c>
      <c r="J2862" s="40">
        <v>47.549982726190798</v>
      </c>
      <c r="K2862" s="40">
        <v>11.050820247286264</v>
      </c>
      <c r="L2862" s="40"/>
      <c r="M2862" s="40"/>
      <c r="N2862" s="40"/>
      <c r="Y2862">
        <v>30.266666999999998</v>
      </c>
      <c r="Z2862">
        <v>108.566667</v>
      </c>
      <c r="AA2862">
        <v>8.6353910000000003</v>
      </c>
      <c r="AB2862">
        <v>4.5938924777443733</v>
      </c>
    </row>
    <row r="2863" spans="4:28" x14ac:dyDescent="0.25">
      <c r="D2863" s="40">
        <v>47.581431000002105</v>
      </c>
      <c r="E2863" s="40">
        <v>17.417637118576557</v>
      </c>
      <c r="F2863" s="40">
        <v>47.566666999999995</v>
      </c>
      <c r="G2863" s="40">
        <v>14.605172782493357</v>
      </c>
      <c r="H2863" s="40">
        <v>47.566666999999995</v>
      </c>
      <c r="I2863" s="40">
        <v>11.473063082420838</v>
      </c>
      <c r="J2863" s="40">
        <v>47.566649386905098</v>
      </c>
      <c r="K2863" s="40">
        <v>11.050820247286264</v>
      </c>
      <c r="L2863" s="40"/>
      <c r="M2863" s="40"/>
      <c r="N2863" s="40"/>
      <c r="Y2863">
        <v>30.283332999999999</v>
      </c>
      <c r="Z2863">
        <v>108.583333</v>
      </c>
      <c r="AA2863">
        <v>8.6354240000000004</v>
      </c>
      <c r="AB2863">
        <v>4.5942921815275355</v>
      </c>
    </row>
    <row r="2864" spans="4:28" x14ac:dyDescent="0.25">
      <c r="D2864" s="40">
        <v>47.598097000002106</v>
      </c>
      <c r="E2864" s="40">
        <v>17.417637118576557</v>
      </c>
      <c r="F2864" s="40">
        <v>47.583332999999996</v>
      </c>
      <c r="G2864" s="40">
        <v>14.609928026583574</v>
      </c>
      <c r="H2864" s="40">
        <v>47.583334000000008</v>
      </c>
      <c r="I2864" s="40">
        <v>11.476415818564096</v>
      </c>
      <c r="J2864" s="40">
        <v>47.583316047619398</v>
      </c>
      <c r="K2864" s="40">
        <v>11.050820247286264</v>
      </c>
      <c r="L2864" s="40"/>
      <c r="M2864" s="40"/>
      <c r="N2864" s="40"/>
      <c r="Y2864">
        <v>30.299999999999997</v>
      </c>
      <c r="Z2864">
        <v>108.6</v>
      </c>
      <c r="AA2864">
        <v>8.6354579999999999</v>
      </c>
      <c r="AB2864">
        <v>4.5947039975465422</v>
      </c>
    </row>
    <row r="2865" spans="4:28" x14ac:dyDescent="0.25">
      <c r="D2865" s="40">
        <v>47.614763000002107</v>
      </c>
      <c r="E2865" s="40">
        <v>17.422480297165979</v>
      </c>
      <c r="F2865" s="40">
        <v>47.599999999999994</v>
      </c>
      <c r="G2865" s="40">
        <v>14.614543410553475</v>
      </c>
      <c r="H2865" s="40">
        <v>47.599999999999994</v>
      </c>
      <c r="I2865" s="40">
        <v>11.476415818564096</v>
      </c>
      <c r="J2865" s="40">
        <v>47.599982708333698</v>
      </c>
      <c r="K2865" s="40">
        <v>11.050820247286264</v>
      </c>
      <c r="L2865" s="40"/>
      <c r="M2865" s="40"/>
      <c r="N2865" s="40"/>
      <c r="Y2865">
        <v>30.31666700000001</v>
      </c>
      <c r="Z2865">
        <v>108.61666700000001</v>
      </c>
      <c r="AA2865">
        <v>8.6355590000000007</v>
      </c>
      <c r="AB2865">
        <v>4.5959273333677375</v>
      </c>
    </row>
    <row r="2866" spans="4:28" x14ac:dyDescent="0.25">
      <c r="D2866" s="40">
        <v>47.631429000002107</v>
      </c>
      <c r="E2866" s="40">
        <v>17.422480297165979</v>
      </c>
      <c r="F2866" s="40">
        <v>47.616666999999993</v>
      </c>
      <c r="G2866" s="40">
        <v>14.61929865464357</v>
      </c>
      <c r="H2866" s="40">
        <v>47.616667000000007</v>
      </c>
      <c r="I2866" s="40">
        <v>11.479768554707352</v>
      </c>
      <c r="J2866" s="40">
        <v>47.616649369047998</v>
      </c>
      <c r="K2866" s="40">
        <v>11.050820247286264</v>
      </c>
      <c r="L2866" s="40"/>
      <c r="M2866" s="40"/>
      <c r="N2866" s="40"/>
      <c r="Y2866">
        <v>30.333332999999996</v>
      </c>
      <c r="Z2866">
        <v>108.63333299999999</v>
      </c>
      <c r="AA2866">
        <v>8.6356599999999997</v>
      </c>
      <c r="AB2866">
        <v>4.5971506691889124</v>
      </c>
    </row>
    <row r="2867" spans="4:28" x14ac:dyDescent="0.25">
      <c r="D2867" s="40">
        <v>47.648095000002108</v>
      </c>
      <c r="E2867" s="40">
        <v>17.427181029326405</v>
      </c>
      <c r="F2867" s="40">
        <v>47.633332999999993</v>
      </c>
      <c r="G2867" s="40">
        <v>14.61929865464357</v>
      </c>
      <c r="H2867" s="40">
        <v>47.633334000000019</v>
      </c>
      <c r="I2867" s="40">
        <v>11.483121290850786</v>
      </c>
      <c r="J2867" s="40">
        <v>47.633316029762199</v>
      </c>
      <c r="K2867" s="40">
        <v>11.055528613239197</v>
      </c>
      <c r="L2867" s="40"/>
      <c r="M2867" s="40"/>
      <c r="N2867" s="40"/>
      <c r="Y2867">
        <v>30.350000000000009</v>
      </c>
      <c r="Z2867">
        <v>108.65</v>
      </c>
      <c r="AA2867">
        <v>8.6357949999999999</v>
      </c>
      <c r="AB2867">
        <v>4.5987858210291153</v>
      </c>
    </row>
    <row r="2868" spans="4:28" x14ac:dyDescent="0.25">
      <c r="D2868" s="40">
        <v>47.664761000002109</v>
      </c>
      <c r="E2868" s="40">
        <v>17.427181029326405</v>
      </c>
      <c r="F2868" s="40">
        <v>47.649999999999991</v>
      </c>
      <c r="G2868" s="40">
        <v>14.62405389873379</v>
      </c>
      <c r="H2868" s="40">
        <v>47.650000000000006</v>
      </c>
      <c r="I2868" s="40">
        <v>11.486375417107373</v>
      </c>
      <c r="J2868" s="40">
        <v>47.649982690476499</v>
      </c>
      <c r="K2868" s="40">
        <v>11.055528613239197</v>
      </c>
      <c r="L2868" s="40"/>
      <c r="M2868" s="40"/>
      <c r="N2868" s="40"/>
      <c r="Y2868">
        <v>30.366667000000007</v>
      </c>
      <c r="Z2868">
        <v>108.666667</v>
      </c>
      <c r="AA2868">
        <v>8.6358960000000007</v>
      </c>
      <c r="AB2868">
        <v>4.6000091568503114</v>
      </c>
    </row>
    <row r="2869" spans="4:28" x14ac:dyDescent="0.25">
      <c r="D2869" s="40">
        <v>47.68142700000211</v>
      </c>
      <c r="E2869" s="40">
        <v>17.432024207915951</v>
      </c>
      <c r="F2869" s="40">
        <v>47.66666699999999</v>
      </c>
      <c r="G2869" s="40">
        <v>14.62405389873379</v>
      </c>
      <c r="H2869" s="40">
        <v>47.666667000000018</v>
      </c>
      <c r="I2869" s="40">
        <v>11.486375417107373</v>
      </c>
      <c r="J2869" s="40">
        <v>47.666649351190799</v>
      </c>
      <c r="K2869" s="40">
        <v>11.060379656948431</v>
      </c>
      <c r="L2869" s="40"/>
      <c r="M2869" s="40"/>
      <c r="N2869" s="40"/>
      <c r="Y2869">
        <v>30.383333000000007</v>
      </c>
      <c r="Z2869">
        <v>108.683333</v>
      </c>
      <c r="AA2869">
        <v>8.6360299999999999</v>
      </c>
      <c r="AB2869">
        <v>4.6016321964546476</v>
      </c>
    </row>
    <row r="2870" spans="4:28" x14ac:dyDescent="0.25">
      <c r="D2870" s="40">
        <v>47.69809300000211</v>
      </c>
      <c r="E2870" s="40">
        <v>17.432024207915951</v>
      </c>
      <c r="F2870" s="40">
        <v>47.68333299999999</v>
      </c>
      <c r="G2870" s="40">
        <v>14.628809142824009</v>
      </c>
      <c r="H2870" s="40">
        <v>47.683334000000002</v>
      </c>
      <c r="I2870" s="40">
        <v>11.489728153250805</v>
      </c>
      <c r="J2870" s="40">
        <v>47.683316011905099</v>
      </c>
      <c r="K2870" s="40">
        <v>11.060379656948431</v>
      </c>
      <c r="L2870" s="40"/>
      <c r="M2870" s="40"/>
      <c r="N2870" s="40"/>
      <c r="Y2870">
        <v>30.400000000000006</v>
      </c>
      <c r="Z2870">
        <v>108.7</v>
      </c>
      <c r="AA2870">
        <v>8.6361650000000001</v>
      </c>
      <c r="AB2870">
        <v>4.6032673482948505</v>
      </c>
    </row>
    <row r="2871" spans="4:28" x14ac:dyDescent="0.25">
      <c r="D2871" s="40">
        <v>47.714759000002111</v>
      </c>
      <c r="E2871" s="40">
        <v>17.436867386505373</v>
      </c>
      <c r="F2871" s="40">
        <v>47.699999999999989</v>
      </c>
      <c r="G2871" s="40">
        <v>14.628809142824009</v>
      </c>
      <c r="H2871" s="40">
        <v>47.700000000000017</v>
      </c>
      <c r="I2871" s="40">
        <v>11.493080889394063</v>
      </c>
      <c r="J2871" s="40">
        <v>47.699982672619399</v>
      </c>
      <c r="K2871" s="40">
        <v>11.060379656948431</v>
      </c>
      <c r="L2871" s="40"/>
      <c r="M2871" s="40"/>
      <c r="N2871" s="40"/>
      <c r="Y2871">
        <v>30.416667000000004</v>
      </c>
      <c r="Z2871">
        <v>108.716667</v>
      </c>
      <c r="AA2871">
        <v>8.6362989999999993</v>
      </c>
      <c r="AB2871">
        <v>4.6048903878991876</v>
      </c>
    </row>
    <row r="2872" spans="4:28" x14ac:dyDescent="0.25">
      <c r="D2872" s="40">
        <v>47.731425000002112</v>
      </c>
      <c r="E2872" s="40">
        <v>17.436867386505373</v>
      </c>
      <c r="F2872" s="40">
        <v>47.716667000000001</v>
      </c>
      <c r="G2872" s="40">
        <v>14.633424526793785</v>
      </c>
      <c r="H2872" s="40">
        <v>47.716667000000001</v>
      </c>
      <c r="I2872" s="40">
        <v>11.493080889394063</v>
      </c>
      <c r="J2872" s="40">
        <v>47.716649333333699</v>
      </c>
      <c r="K2872" s="40">
        <v>11.065230700657663</v>
      </c>
      <c r="L2872" s="40"/>
      <c r="M2872" s="40"/>
      <c r="N2872" s="40"/>
      <c r="Y2872">
        <v>30.433333000000005</v>
      </c>
      <c r="Z2872">
        <v>108.733333</v>
      </c>
      <c r="AA2872">
        <v>8.6364339999999995</v>
      </c>
      <c r="AB2872">
        <v>4.6065255397393896</v>
      </c>
    </row>
    <row r="2873" spans="4:28" x14ac:dyDescent="0.25">
      <c r="D2873" s="40">
        <v>47.748091000002113</v>
      </c>
      <c r="E2873" s="40">
        <v>17.441568118665799</v>
      </c>
      <c r="F2873" s="40">
        <v>47.733332999999988</v>
      </c>
      <c r="G2873" s="40">
        <v>14.633424526793785</v>
      </c>
      <c r="H2873" s="40">
        <v>47.733334000000013</v>
      </c>
      <c r="I2873" s="40">
        <v>11.496335015650827</v>
      </c>
      <c r="J2873" s="40">
        <v>47.733315994047999</v>
      </c>
      <c r="K2873" s="40">
        <v>11.065230700657663</v>
      </c>
      <c r="L2873" s="40"/>
      <c r="M2873" s="40"/>
      <c r="N2873" s="40"/>
      <c r="Y2873">
        <v>30.450000000000003</v>
      </c>
      <c r="Z2873">
        <v>108.75</v>
      </c>
      <c r="AA2873">
        <v>8.6365350000000003</v>
      </c>
      <c r="AB2873">
        <v>4.6077488755605867</v>
      </c>
    </row>
    <row r="2874" spans="4:28" x14ac:dyDescent="0.25">
      <c r="D2874" s="40">
        <v>47.764757000002113</v>
      </c>
      <c r="E2874" s="40">
        <v>17.441568118665799</v>
      </c>
      <c r="F2874" s="40">
        <v>47.75</v>
      </c>
      <c r="G2874" s="40">
        <v>14.638179770884003</v>
      </c>
      <c r="H2874" s="40">
        <v>47.75</v>
      </c>
      <c r="I2874" s="40">
        <v>11.499687751794083</v>
      </c>
      <c r="J2874" s="40">
        <v>47.749982654762299</v>
      </c>
      <c r="K2874" s="40">
        <v>11.070081744366767</v>
      </c>
      <c r="L2874" s="40"/>
      <c r="M2874" s="40"/>
      <c r="N2874" s="40"/>
      <c r="Y2874">
        <v>30.466667000000001</v>
      </c>
      <c r="Z2874">
        <v>108.766667</v>
      </c>
      <c r="AA2874">
        <v>8.6366359999999993</v>
      </c>
      <c r="AB2874">
        <v>4.6089722113817606</v>
      </c>
    </row>
    <row r="2875" spans="4:28" x14ac:dyDescent="0.25">
      <c r="D2875" s="40">
        <v>47.781423000002114</v>
      </c>
      <c r="E2875" s="40">
        <v>17.446411297255349</v>
      </c>
      <c r="F2875" s="40">
        <v>47.766666999999998</v>
      </c>
      <c r="G2875" s="40">
        <v>14.642935014974222</v>
      </c>
      <c r="H2875" s="40">
        <v>47.766667000000012</v>
      </c>
      <c r="I2875" s="40">
        <v>11.503040487937517</v>
      </c>
      <c r="J2875" s="40">
        <v>47.766649315476499</v>
      </c>
      <c r="K2875" s="40">
        <v>11.070081744366767</v>
      </c>
      <c r="L2875" s="40"/>
      <c r="M2875" s="40"/>
      <c r="N2875" s="40"/>
      <c r="Y2875">
        <v>30.483333000000002</v>
      </c>
      <c r="Z2875">
        <v>108.783333</v>
      </c>
      <c r="AA2875">
        <v>8.6367370000000001</v>
      </c>
      <c r="AB2875">
        <v>4.6101955472029568</v>
      </c>
    </row>
    <row r="2876" spans="4:28" x14ac:dyDescent="0.25">
      <c r="D2876" s="40">
        <v>47.798089000002115</v>
      </c>
      <c r="E2876" s="40">
        <v>17.45125447584477</v>
      </c>
      <c r="F2876" s="40">
        <v>47.783332999999999</v>
      </c>
      <c r="G2876" s="40">
        <v>14.642935014974222</v>
      </c>
      <c r="H2876" s="40">
        <v>47.783333999999996</v>
      </c>
      <c r="I2876" s="40">
        <v>11.503040487937517</v>
      </c>
      <c r="J2876" s="40">
        <v>47.783315976190799</v>
      </c>
      <c r="K2876" s="40">
        <v>11.070081744366767</v>
      </c>
      <c r="L2876" s="40"/>
      <c r="M2876" s="40"/>
      <c r="N2876" s="40"/>
      <c r="Y2876">
        <v>30.5</v>
      </c>
      <c r="Z2876">
        <v>108.8</v>
      </c>
      <c r="AA2876">
        <v>8.6368039999999997</v>
      </c>
      <c r="AB2876">
        <v>4.6110070670051257</v>
      </c>
    </row>
    <row r="2877" spans="4:28" x14ac:dyDescent="0.25">
      <c r="D2877" s="40">
        <v>47.814755000002116</v>
      </c>
      <c r="E2877" s="40">
        <v>17.455955208005197</v>
      </c>
      <c r="F2877" s="40">
        <v>47.8</v>
      </c>
      <c r="G2877" s="40">
        <v>14.647550398944</v>
      </c>
      <c r="H2877" s="40">
        <v>47.800000000000011</v>
      </c>
      <c r="I2877" s="40">
        <v>11.506294614194278</v>
      </c>
      <c r="J2877" s="40">
        <v>47.799982636905099</v>
      </c>
      <c r="K2877" s="40">
        <v>11.070081744366767</v>
      </c>
      <c r="L2877" s="40"/>
      <c r="M2877" s="40"/>
      <c r="N2877" s="40"/>
      <c r="Y2877">
        <v>30.516666999999998</v>
      </c>
      <c r="Z2877">
        <v>108.816667</v>
      </c>
      <c r="AA2877">
        <v>8.6368379999999991</v>
      </c>
      <c r="AB2877">
        <v>4.6114188830241316</v>
      </c>
    </row>
    <row r="2878" spans="4:28" x14ac:dyDescent="0.25">
      <c r="D2878" s="40">
        <v>47.831421000002116</v>
      </c>
      <c r="E2878" s="40">
        <v>17.455955208005197</v>
      </c>
      <c r="F2878" s="40">
        <v>47.816666999999995</v>
      </c>
      <c r="G2878" s="40">
        <v>14.652305643034218</v>
      </c>
      <c r="H2878" s="40">
        <v>47.816666999999995</v>
      </c>
      <c r="I2878" s="40">
        <v>11.509647350337536</v>
      </c>
      <c r="J2878" s="40">
        <v>47.816649297619399</v>
      </c>
      <c r="K2878" s="40">
        <v>11.074790110319828</v>
      </c>
      <c r="L2878" s="40"/>
      <c r="M2878" s="40"/>
      <c r="N2878" s="40"/>
      <c r="Y2878">
        <v>30.533332999999999</v>
      </c>
      <c r="Z2878">
        <v>108.833333</v>
      </c>
      <c r="AA2878">
        <v>8.6369050000000005</v>
      </c>
      <c r="AB2878">
        <v>4.612230402826321</v>
      </c>
    </row>
    <row r="2879" spans="4:28" x14ac:dyDescent="0.25">
      <c r="D2879" s="40">
        <v>47.848087000002117</v>
      </c>
      <c r="E2879" s="40">
        <v>17.460798386594746</v>
      </c>
      <c r="F2879" s="40">
        <v>47.833332999999996</v>
      </c>
      <c r="G2879" s="40">
        <v>14.652305643034218</v>
      </c>
      <c r="H2879" s="40">
        <v>47.833334000000008</v>
      </c>
      <c r="I2879" s="40">
        <v>11.509647350337536</v>
      </c>
      <c r="J2879" s="40">
        <v>47.833315958333699</v>
      </c>
      <c r="K2879" s="40">
        <v>11.074790110319828</v>
      </c>
      <c r="L2879" s="40"/>
      <c r="M2879" s="40"/>
      <c r="N2879" s="40"/>
      <c r="Y2879">
        <v>30.549999999999997</v>
      </c>
      <c r="Z2879">
        <v>108.85</v>
      </c>
      <c r="AA2879">
        <v>8.6369050000000005</v>
      </c>
      <c r="AB2879">
        <v>4.612230402826321</v>
      </c>
    </row>
    <row r="2880" spans="4:28" x14ac:dyDescent="0.25">
      <c r="D2880" s="40">
        <v>47.864753000002118</v>
      </c>
      <c r="E2880" s="40">
        <v>17.465641565184168</v>
      </c>
      <c r="F2880" s="40">
        <v>47.849999999999994</v>
      </c>
      <c r="G2880" s="40">
        <v>14.657060887124437</v>
      </c>
      <c r="H2880" s="40">
        <v>47.849999999999994</v>
      </c>
      <c r="I2880" s="40">
        <v>11.513000086480794</v>
      </c>
      <c r="J2880" s="40">
        <v>47.849982619047999</v>
      </c>
      <c r="K2880" s="40">
        <v>11.074790110319828</v>
      </c>
      <c r="L2880" s="40"/>
      <c r="M2880" s="40"/>
      <c r="N2880" s="40"/>
      <c r="Y2880">
        <v>30.56666700000001</v>
      </c>
      <c r="Z2880">
        <v>108.86666700000001</v>
      </c>
      <c r="AA2880">
        <v>8.6369050000000005</v>
      </c>
      <c r="AB2880">
        <v>4.612230402826321</v>
      </c>
    </row>
    <row r="2881" spans="4:28" x14ac:dyDescent="0.25">
      <c r="D2881" s="40">
        <v>47.881419000002118</v>
      </c>
      <c r="E2881" s="40">
        <v>17.47034229734459</v>
      </c>
      <c r="F2881" s="40">
        <v>47.866666999999993</v>
      </c>
      <c r="G2881" s="40">
        <v>14.661676271094338</v>
      </c>
      <c r="H2881" s="40">
        <v>47.866667000000007</v>
      </c>
      <c r="I2881" s="40">
        <v>11.513000086480794</v>
      </c>
      <c r="J2881" s="40">
        <v>47.866649279762299</v>
      </c>
      <c r="K2881" s="40">
        <v>11.07964115402906</v>
      </c>
      <c r="L2881" s="40"/>
      <c r="M2881" s="40"/>
      <c r="N2881" s="40"/>
      <c r="Y2881">
        <v>30.583332999999996</v>
      </c>
      <c r="Z2881">
        <v>108.88333299999999</v>
      </c>
      <c r="AA2881">
        <v>8.6369050000000005</v>
      </c>
      <c r="AB2881">
        <v>4.612230402826321</v>
      </c>
    </row>
    <row r="2882" spans="4:28" x14ac:dyDescent="0.25">
      <c r="D2882" s="40">
        <v>47.898085000002119</v>
      </c>
      <c r="E2882" s="40">
        <v>17.47518547593414</v>
      </c>
      <c r="F2882" s="40">
        <v>47.883332999999993</v>
      </c>
      <c r="G2882" s="40">
        <v>14.661676271094338</v>
      </c>
      <c r="H2882" s="40">
        <v>47.883334000000019</v>
      </c>
      <c r="I2882" s="40">
        <v>11.516254212737557</v>
      </c>
      <c r="J2882" s="40">
        <v>47.8833159404765</v>
      </c>
      <c r="K2882" s="40">
        <v>11.07964115402906</v>
      </c>
      <c r="L2882" s="40"/>
      <c r="M2882" s="40"/>
      <c r="N2882" s="40"/>
      <c r="Y2882">
        <v>30.600000000000009</v>
      </c>
      <c r="Z2882">
        <v>108.9</v>
      </c>
      <c r="AA2882">
        <v>8.6368720000000003</v>
      </c>
      <c r="AB2882">
        <v>4.6118306990431597</v>
      </c>
    </row>
    <row r="2883" spans="4:28" x14ac:dyDescent="0.25">
      <c r="D2883" s="40">
        <v>47.91475100000212</v>
      </c>
      <c r="E2883" s="40">
        <v>17.47518547593414</v>
      </c>
      <c r="F2883" s="40">
        <v>47.899999999999991</v>
      </c>
      <c r="G2883" s="40">
        <v>14.666431515184433</v>
      </c>
      <c r="H2883" s="40">
        <v>47.900000000000006</v>
      </c>
      <c r="I2883" s="40">
        <v>11.519606948880812</v>
      </c>
      <c r="J2883" s="40">
        <v>47.8999826011908</v>
      </c>
      <c r="K2883" s="40">
        <v>11.084492197738292</v>
      </c>
      <c r="L2883" s="40"/>
      <c r="M2883" s="40"/>
      <c r="N2883" s="40"/>
      <c r="Y2883">
        <v>30.616667000000007</v>
      </c>
      <c r="Z2883">
        <v>108.916667</v>
      </c>
      <c r="AA2883">
        <v>8.6368039999999997</v>
      </c>
      <c r="AB2883">
        <v>4.6110070670051257</v>
      </c>
    </row>
    <row r="2884" spans="4:28" x14ac:dyDescent="0.25">
      <c r="D2884" s="40">
        <v>47.931417000002121</v>
      </c>
      <c r="E2884" s="40">
        <v>17.480028654523686</v>
      </c>
      <c r="F2884" s="40">
        <v>47.91666699999999</v>
      </c>
      <c r="G2884" s="40">
        <v>14.666431515184433</v>
      </c>
      <c r="H2884" s="40">
        <v>47.916667000000018</v>
      </c>
      <c r="I2884" s="40">
        <v>11.522959685024246</v>
      </c>
      <c r="J2884" s="40">
        <v>47.9166492619051</v>
      </c>
      <c r="K2884" s="40">
        <v>11.084492197738292</v>
      </c>
      <c r="L2884" s="40"/>
      <c r="M2884" s="40"/>
      <c r="N2884" s="40"/>
      <c r="Y2884">
        <v>30.633333000000007</v>
      </c>
      <c r="Z2884">
        <v>108.933333</v>
      </c>
      <c r="AA2884">
        <v>8.6367030000000007</v>
      </c>
      <c r="AB2884">
        <v>4.6097837311839509</v>
      </c>
    </row>
    <row r="2885" spans="4:28" x14ac:dyDescent="0.25">
      <c r="D2885" s="40">
        <v>47.948083000002121</v>
      </c>
      <c r="E2885" s="40">
        <v>17.484729386683988</v>
      </c>
      <c r="F2885" s="40">
        <v>47.93333299999999</v>
      </c>
      <c r="G2885" s="40">
        <v>14.671186759274653</v>
      </c>
      <c r="H2885" s="40">
        <v>47.933334000000002</v>
      </c>
      <c r="I2885" s="40">
        <v>11.522959685024246</v>
      </c>
      <c r="J2885" s="40">
        <v>47.9333159226194</v>
      </c>
      <c r="K2885" s="40">
        <v>11.089200563691225</v>
      </c>
      <c r="L2885" s="40"/>
      <c r="M2885" s="40"/>
      <c r="N2885" s="40"/>
      <c r="Y2885">
        <v>30.650000000000006</v>
      </c>
      <c r="Z2885">
        <v>108.95</v>
      </c>
      <c r="AA2885">
        <v>8.6365689999999997</v>
      </c>
      <c r="AB2885">
        <v>4.6081606915795925</v>
      </c>
    </row>
    <row r="2886" spans="4:28" x14ac:dyDescent="0.25">
      <c r="D2886" s="40">
        <v>47.964749000002122</v>
      </c>
      <c r="E2886" s="40">
        <v>17.484729386683988</v>
      </c>
      <c r="F2886" s="40">
        <v>47.949999999999989</v>
      </c>
      <c r="G2886" s="40">
        <v>14.671186759274653</v>
      </c>
      <c r="H2886" s="40">
        <v>47.950000000000017</v>
      </c>
      <c r="I2886" s="40">
        <v>11.526213811281009</v>
      </c>
      <c r="J2886" s="40">
        <v>47.9499825833337</v>
      </c>
      <c r="K2886" s="40">
        <v>11.089200563691225</v>
      </c>
      <c r="L2886" s="40"/>
      <c r="M2886" s="40"/>
      <c r="N2886" s="40"/>
      <c r="Y2886">
        <v>30.666667000000004</v>
      </c>
      <c r="Z2886">
        <v>108.966667</v>
      </c>
      <c r="AA2886">
        <v>8.6364000000000001</v>
      </c>
      <c r="AB2886">
        <v>4.6061137237203837</v>
      </c>
    </row>
    <row r="2887" spans="4:28" x14ac:dyDescent="0.25">
      <c r="D2887" s="40">
        <v>47.981415000002123</v>
      </c>
      <c r="E2887" s="40">
        <v>17.489572565273534</v>
      </c>
      <c r="F2887" s="40">
        <v>47.966667000000001</v>
      </c>
      <c r="G2887" s="40">
        <v>14.675802143244553</v>
      </c>
      <c r="H2887" s="40">
        <v>47.966667000000001</v>
      </c>
      <c r="I2887" s="40">
        <v>11.529566547424265</v>
      </c>
      <c r="J2887" s="40">
        <v>47.966649244048</v>
      </c>
      <c r="K2887" s="40">
        <v>11.094051607400457</v>
      </c>
      <c r="L2887" s="40"/>
      <c r="M2887" s="40"/>
      <c r="N2887" s="40"/>
      <c r="Y2887">
        <v>30.683333000000005</v>
      </c>
      <c r="Z2887">
        <v>108.983333</v>
      </c>
      <c r="AA2887">
        <v>8.6361980000000003</v>
      </c>
      <c r="AB2887">
        <v>4.6036670520780119</v>
      </c>
    </row>
    <row r="2888" spans="4:28" x14ac:dyDescent="0.25">
      <c r="D2888" s="40">
        <v>47.998081000002124</v>
      </c>
      <c r="E2888" s="40">
        <v>17.494415743863087</v>
      </c>
      <c r="F2888" s="40">
        <v>47.983332999999988</v>
      </c>
      <c r="G2888" s="40">
        <v>14.675802143244553</v>
      </c>
      <c r="H2888" s="40">
        <v>47.983334000000013</v>
      </c>
      <c r="I2888" s="40">
        <v>11.529566547424265</v>
      </c>
      <c r="J2888" s="40">
        <v>47.9833159047623</v>
      </c>
      <c r="K2888" s="40">
        <v>11.094051607400457</v>
      </c>
      <c r="L2888" s="40"/>
      <c r="M2888" s="40"/>
      <c r="N2888" s="40"/>
      <c r="Y2888">
        <v>30.700000000000003</v>
      </c>
      <c r="Z2888">
        <v>109</v>
      </c>
      <c r="AA2888">
        <v>8.6359630000000003</v>
      </c>
      <c r="AB2888">
        <v>4.6008206766524795</v>
      </c>
    </row>
    <row r="2889" spans="4:28" x14ac:dyDescent="0.25">
      <c r="D2889" s="40">
        <v>48.014747000002124</v>
      </c>
      <c r="E2889" s="40">
        <v>17.499116476023506</v>
      </c>
      <c r="F2889" s="40">
        <v>48</v>
      </c>
      <c r="G2889" s="40">
        <v>14.680557387334648</v>
      </c>
      <c r="H2889" s="40">
        <v>48</v>
      </c>
      <c r="I2889" s="40">
        <v>11.532919283567523</v>
      </c>
      <c r="J2889" s="40">
        <v>47.9999825654765</v>
      </c>
      <c r="K2889" s="40">
        <v>11.09890265110969</v>
      </c>
      <c r="L2889" s="40"/>
      <c r="M2889" s="40"/>
      <c r="N2889" s="40"/>
      <c r="Y2889">
        <v>30.716667000000001</v>
      </c>
      <c r="Z2889">
        <v>109.016667</v>
      </c>
      <c r="AA2889">
        <v>8.6356599999999997</v>
      </c>
      <c r="AB2889">
        <v>4.5971506691889124</v>
      </c>
    </row>
    <row r="2890" spans="4:28" x14ac:dyDescent="0.25">
      <c r="D2890" s="40">
        <v>48.031413000002125</v>
      </c>
      <c r="E2890" s="40">
        <v>17.503959654612931</v>
      </c>
      <c r="F2890" s="40">
        <v>48.016666999999998</v>
      </c>
      <c r="G2890" s="40">
        <v>14.685312631424868</v>
      </c>
      <c r="H2890" s="40">
        <v>48.016667000000012</v>
      </c>
      <c r="I2890" s="40">
        <v>11.536173409824286</v>
      </c>
      <c r="J2890" s="40">
        <v>48.0166492261908</v>
      </c>
      <c r="K2890" s="40">
        <v>11.09890265110969</v>
      </c>
      <c r="L2890" s="40"/>
      <c r="M2890" s="40"/>
      <c r="N2890" s="40"/>
      <c r="Y2890">
        <v>30.733333000000002</v>
      </c>
      <c r="Z2890">
        <v>109.033333</v>
      </c>
      <c r="AA2890">
        <v>8.6352899999999995</v>
      </c>
      <c r="AB2890">
        <v>4.5926691419231771</v>
      </c>
    </row>
    <row r="2891" spans="4:28" x14ac:dyDescent="0.25">
      <c r="D2891" s="40">
        <v>48.048079000002126</v>
      </c>
      <c r="E2891" s="40">
        <v>17.503959654612931</v>
      </c>
      <c r="F2891" s="40">
        <v>48.033332999999999</v>
      </c>
      <c r="G2891" s="40">
        <v>14.685312631424868</v>
      </c>
      <c r="H2891" s="40">
        <v>48.033333999999996</v>
      </c>
      <c r="I2891" s="40">
        <v>11.539526145967718</v>
      </c>
      <c r="J2891" s="40">
        <v>48.0333158869051</v>
      </c>
      <c r="K2891" s="40">
        <v>11.09890265110969</v>
      </c>
      <c r="L2891" s="40"/>
      <c r="M2891" s="40"/>
      <c r="N2891" s="40"/>
      <c r="Y2891">
        <v>30.75</v>
      </c>
      <c r="Z2891">
        <v>109.05</v>
      </c>
      <c r="AA2891">
        <v>8.6348520000000004</v>
      </c>
      <c r="AB2891">
        <v>4.5873639826194283</v>
      </c>
    </row>
    <row r="2892" spans="4:28" x14ac:dyDescent="0.25">
      <c r="D2892" s="40">
        <v>48.064745000002127</v>
      </c>
      <c r="E2892" s="40">
        <v>17.508802833202481</v>
      </c>
      <c r="F2892" s="40">
        <v>48.05</v>
      </c>
      <c r="G2892" s="40">
        <v>14.689928015394768</v>
      </c>
      <c r="H2892" s="40">
        <v>48.050000000000011</v>
      </c>
      <c r="I2892" s="40">
        <v>11.539526145967718</v>
      </c>
      <c r="J2892" s="40">
        <v>48.0499825476194</v>
      </c>
      <c r="K2892" s="40">
        <v>11.09890265110969</v>
      </c>
      <c r="L2892" s="40"/>
      <c r="M2892" s="40"/>
      <c r="N2892" s="40"/>
      <c r="Y2892">
        <v>30.766666999999998</v>
      </c>
      <c r="Z2892">
        <v>109.066667</v>
      </c>
      <c r="AA2892">
        <v>8.6343809999999994</v>
      </c>
      <c r="AB2892">
        <v>4.5816591195324978</v>
      </c>
    </row>
    <row r="2893" spans="4:28" x14ac:dyDescent="0.25">
      <c r="D2893" s="40">
        <v>48.081411000002127</v>
      </c>
      <c r="E2893" s="40">
        <v>17.508802833202481</v>
      </c>
      <c r="F2893" s="40">
        <v>48.066666999999995</v>
      </c>
      <c r="G2893" s="40">
        <v>14.689928015394768</v>
      </c>
      <c r="H2893" s="40">
        <v>48.066666999999995</v>
      </c>
      <c r="I2893" s="40">
        <v>11.542878882110976</v>
      </c>
      <c r="J2893" s="40">
        <v>48.0666492083337</v>
      </c>
      <c r="K2893" s="40">
        <v>11.103611017062624</v>
      </c>
      <c r="L2893" s="40"/>
      <c r="M2893" s="40"/>
      <c r="N2893" s="40"/>
      <c r="Y2893">
        <v>30.783332999999999</v>
      </c>
      <c r="Z2893">
        <v>109.083333</v>
      </c>
      <c r="AA2893">
        <v>8.6338760000000008</v>
      </c>
      <c r="AB2893">
        <v>4.5755424404265801</v>
      </c>
    </row>
    <row r="2894" spans="4:28" x14ac:dyDescent="0.25">
      <c r="D2894" s="40">
        <v>48.098077000002128</v>
      </c>
      <c r="E2894" s="40">
        <v>17.513503565362907</v>
      </c>
      <c r="F2894" s="40">
        <v>48.083332999999996</v>
      </c>
      <c r="G2894" s="40">
        <v>14.694683259484863</v>
      </c>
      <c r="H2894" s="40">
        <v>48.083334000000008</v>
      </c>
      <c r="I2894" s="40">
        <v>11.54613300836774</v>
      </c>
      <c r="J2894" s="40">
        <v>48.083315869048</v>
      </c>
      <c r="K2894" s="40">
        <v>11.103611017062624</v>
      </c>
      <c r="L2894" s="40"/>
      <c r="M2894" s="40"/>
      <c r="N2894" s="40"/>
      <c r="Y2894">
        <v>30.799999999999997</v>
      </c>
      <c r="Z2894">
        <v>109.1</v>
      </c>
      <c r="AA2894">
        <v>8.6333040000000008</v>
      </c>
      <c r="AB2894">
        <v>4.5686142415184747</v>
      </c>
    </row>
    <row r="2895" spans="4:28" x14ac:dyDescent="0.25">
      <c r="D2895" s="40">
        <v>48.114743000002129</v>
      </c>
      <c r="E2895" s="40">
        <v>17.513503565362907</v>
      </c>
      <c r="F2895" s="40">
        <v>48.099999999999994</v>
      </c>
      <c r="G2895" s="40">
        <v>14.699438503575081</v>
      </c>
      <c r="H2895" s="40">
        <v>48.099999999999994</v>
      </c>
      <c r="I2895" s="40">
        <v>11.549485744510996</v>
      </c>
      <c r="J2895" s="40">
        <v>48.0999825297623</v>
      </c>
      <c r="K2895" s="40">
        <v>11.108462060771856</v>
      </c>
      <c r="L2895" s="40"/>
      <c r="M2895" s="40"/>
      <c r="N2895" s="40"/>
      <c r="Y2895">
        <v>30.81666700000001</v>
      </c>
      <c r="Z2895">
        <v>109.11666700000001</v>
      </c>
      <c r="AA2895">
        <v>8.6325299999999991</v>
      </c>
      <c r="AB2895">
        <v>4.5592393709679753</v>
      </c>
    </row>
    <row r="2896" spans="4:28" x14ac:dyDescent="0.25">
      <c r="D2896" s="40">
        <v>48.13140900000213</v>
      </c>
      <c r="E2896" s="40">
        <v>17.518346743952328</v>
      </c>
      <c r="F2896" s="40">
        <v>48.116667000000007</v>
      </c>
      <c r="G2896" s="40">
        <v>14.699438503575081</v>
      </c>
      <c r="H2896" s="40">
        <v>48.116667000000007</v>
      </c>
      <c r="I2896" s="40">
        <v>11.552838480654254</v>
      </c>
      <c r="J2896" s="40">
        <v>48.116649190476501</v>
      </c>
      <c r="K2896" s="40">
        <v>11.108462060771856</v>
      </c>
      <c r="L2896" s="40"/>
      <c r="M2896" s="40"/>
      <c r="N2896" s="40"/>
      <c r="Y2896">
        <v>30.833332999999996</v>
      </c>
      <c r="Z2896">
        <v>109.13333299999999</v>
      </c>
      <c r="AA2896">
        <v>8.6313519999999997</v>
      </c>
      <c r="AB2896">
        <v>4.5449711571327569</v>
      </c>
    </row>
    <row r="2897" spans="4:28" x14ac:dyDescent="0.25">
      <c r="D2897" s="40">
        <v>48.14807500000213</v>
      </c>
      <c r="E2897" s="40">
        <v>17.518346743952328</v>
      </c>
      <c r="F2897" s="40">
        <v>48.133332999999993</v>
      </c>
      <c r="G2897" s="40">
        <v>14.704053887544982</v>
      </c>
      <c r="H2897" s="40">
        <v>48.133334000000019</v>
      </c>
      <c r="I2897" s="40">
        <v>11.556092606911017</v>
      </c>
      <c r="J2897" s="40">
        <v>48.133315851190801</v>
      </c>
      <c r="K2897" s="40">
        <v>11.108462060771856</v>
      </c>
      <c r="L2897" s="40"/>
      <c r="M2897" s="40"/>
      <c r="N2897" s="40"/>
      <c r="Y2897">
        <v>30.850000000000009</v>
      </c>
      <c r="Z2897">
        <v>109.15</v>
      </c>
      <c r="AA2897">
        <v>8.6302749999999993</v>
      </c>
      <c r="AB2897">
        <v>4.5319262791187125</v>
      </c>
    </row>
    <row r="2898" spans="4:28" x14ac:dyDescent="0.25">
      <c r="D2898" s="40">
        <v>48.164741000002131</v>
      </c>
      <c r="E2898" s="40">
        <v>17.518346743952328</v>
      </c>
      <c r="F2898" s="40">
        <v>48.150000000000006</v>
      </c>
      <c r="G2898" s="40">
        <v>14.708809131635201</v>
      </c>
      <c r="H2898" s="40">
        <v>48.150000000000006</v>
      </c>
      <c r="I2898" s="40">
        <v>11.556092606911017</v>
      </c>
      <c r="J2898" s="40">
        <v>48.149982511905101</v>
      </c>
      <c r="K2898" s="40">
        <v>11.108462060771856</v>
      </c>
      <c r="L2898" s="40"/>
      <c r="M2898" s="40"/>
      <c r="N2898" s="40"/>
      <c r="Y2898">
        <v>30.866667000000007</v>
      </c>
      <c r="Z2898">
        <v>109.166667</v>
      </c>
      <c r="AA2898">
        <v>8.6292310000000008</v>
      </c>
      <c r="AB2898">
        <v>4.5192811048878507</v>
      </c>
    </row>
    <row r="2899" spans="4:28" x14ac:dyDescent="0.25">
      <c r="D2899" s="40">
        <v>48.181407000002132</v>
      </c>
      <c r="E2899" s="40">
        <v>17.523189922541874</v>
      </c>
      <c r="F2899" s="40">
        <v>48.16666699999999</v>
      </c>
      <c r="G2899" s="40">
        <v>14.708809131635201</v>
      </c>
      <c r="H2899" s="40">
        <v>48.166667000000018</v>
      </c>
      <c r="I2899" s="40">
        <v>11.559445343054449</v>
      </c>
      <c r="J2899" s="40">
        <v>48.166649172619401</v>
      </c>
      <c r="K2899" s="40">
        <v>11.113313104481088</v>
      </c>
      <c r="L2899" s="40"/>
      <c r="M2899" s="40"/>
      <c r="N2899" s="40"/>
      <c r="Y2899">
        <v>30.883333000000007</v>
      </c>
      <c r="Z2899">
        <v>109.183333</v>
      </c>
      <c r="AA2899">
        <v>8.6282549999999993</v>
      </c>
      <c r="AB2899">
        <v>4.5074595626949812</v>
      </c>
    </row>
    <row r="2900" spans="4:28" x14ac:dyDescent="0.25">
      <c r="D2900" s="40">
        <v>48.198073000002132</v>
      </c>
      <c r="E2900" s="40">
        <v>17.523189922541874</v>
      </c>
      <c r="F2900" s="40">
        <v>48.183333000000005</v>
      </c>
      <c r="G2900" s="40">
        <v>14.713564375725296</v>
      </c>
      <c r="H2900" s="40">
        <v>48.183334000000002</v>
      </c>
      <c r="I2900" s="40">
        <v>11.562798079197705</v>
      </c>
      <c r="J2900" s="40">
        <v>48.183315833333701</v>
      </c>
      <c r="K2900" s="40">
        <v>11.113313104481088</v>
      </c>
      <c r="L2900" s="40"/>
      <c r="M2900" s="40"/>
      <c r="N2900" s="40"/>
      <c r="Y2900">
        <v>30.900000000000006</v>
      </c>
      <c r="Z2900">
        <v>109.2</v>
      </c>
      <c r="AA2900">
        <v>8.6272789999999997</v>
      </c>
      <c r="AB2900">
        <v>4.4956380205021338</v>
      </c>
    </row>
    <row r="2901" spans="4:28" x14ac:dyDescent="0.25">
      <c r="D2901" s="40">
        <v>48.214739000002133</v>
      </c>
      <c r="E2901" s="40">
        <v>17.527890654702301</v>
      </c>
      <c r="F2901" s="40">
        <v>48.199999999999989</v>
      </c>
      <c r="G2901" s="40">
        <v>14.718179759695197</v>
      </c>
      <c r="H2901" s="40">
        <v>48.200000000000017</v>
      </c>
      <c r="I2901" s="40">
        <v>11.566052205454469</v>
      </c>
      <c r="J2901" s="40">
        <v>48.199982494048001</v>
      </c>
      <c r="K2901" s="40">
        <v>11.113313104481088</v>
      </c>
      <c r="L2901" s="40"/>
      <c r="M2901" s="40"/>
      <c r="N2901" s="40"/>
      <c r="Y2901">
        <v>30.916667000000004</v>
      </c>
      <c r="Z2901">
        <v>109.216667</v>
      </c>
      <c r="AA2901">
        <v>8.6263369999999995</v>
      </c>
      <c r="AB2901">
        <v>4.4842282943282914</v>
      </c>
    </row>
    <row r="2902" spans="4:28" x14ac:dyDescent="0.25">
      <c r="D2902" s="40">
        <v>48.231405000002134</v>
      </c>
      <c r="E2902" s="40">
        <v>17.527890654702301</v>
      </c>
      <c r="F2902" s="40">
        <v>48.216667000000001</v>
      </c>
      <c r="G2902" s="40">
        <v>14.718179759695197</v>
      </c>
      <c r="H2902" s="40">
        <v>48.216667000000001</v>
      </c>
      <c r="I2902" s="40">
        <v>11.569404941597725</v>
      </c>
      <c r="J2902" s="40">
        <v>48.216649154762301</v>
      </c>
      <c r="K2902" s="40">
        <v>11.113313104481088</v>
      </c>
      <c r="L2902" s="40"/>
      <c r="M2902" s="40"/>
      <c r="N2902" s="40"/>
      <c r="Y2902">
        <v>30.933333000000005</v>
      </c>
      <c r="Z2902">
        <v>109.233333</v>
      </c>
      <c r="AA2902">
        <v>8.6253949999999993</v>
      </c>
      <c r="AB2902">
        <v>4.4728185681544499</v>
      </c>
    </row>
    <row r="2903" spans="4:28" x14ac:dyDescent="0.25">
      <c r="D2903" s="40">
        <v>48.248071000002135</v>
      </c>
      <c r="E2903" s="40">
        <v>17.527890654702301</v>
      </c>
      <c r="F2903" s="40">
        <v>48.233332999999988</v>
      </c>
      <c r="G2903" s="40">
        <v>14.722935003785416</v>
      </c>
      <c r="H2903" s="40">
        <v>48.233334000000013</v>
      </c>
      <c r="I2903" s="40">
        <v>11.572757677741158</v>
      </c>
      <c r="J2903" s="40">
        <v>48.233315815476502</v>
      </c>
      <c r="K2903" s="40">
        <v>11.113313104481088</v>
      </c>
      <c r="L2903" s="40"/>
      <c r="M2903" s="40"/>
      <c r="N2903" s="40"/>
      <c r="Y2903">
        <v>30.950000000000003</v>
      </c>
      <c r="Z2903">
        <v>109.25</v>
      </c>
      <c r="AA2903">
        <v>8.6244519999999998</v>
      </c>
      <c r="AB2903">
        <v>4.4613967297447639</v>
      </c>
    </row>
    <row r="2904" spans="4:28" x14ac:dyDescent="0.25">
      <c r="D2904" s="40">
        <v>48.264737000002135</v>
      </c>
      <c r="E2904" s="40">
        <v>17.527890654702301</v>
      </c>
      <c r="F2904" s="40">
        <v>48.25</v>
      </c>
      <c r="G2904" s="40">
        <v>14.727690247875511</v>
      </c>
      <c r="H2904" s="40">
        <v>48.25</v>
      </c>
      <c r="I2904" s="40">
        <v>11.576011803997746</v>
      </c>
      <c r="J2904" s="40">
        <v>48.249982476190802</v>
      </c>
      <c r="K2904" s="40">
        <v>11.118021470434147</v>
      </c>
      <c r="L2904" s="40"/>
      <c r="M2904" s="40"/>
      <c r="N2904" s="40"/>
      <c r="Y2904">
        <v>30.966667000000001</v>
      </c>
      <c r="Z2904">
        <v>109.266667</v>
      </c>
      <c r="AA2904">
        <v>8.6234760000000001</v>
      </c>
      <c r="AB2904">
        <v>4.4495751875519156</v>
      </c>
    </row>
    <row r="2905" spans="4:28" x14ac:dyDescent="0.25">
      <c r="D2905" s="40">
        <v>48.281403000002136</v>
      </c>
      <c r="E2905" s="40">
        <v>17.527890654702301</v>
      </c>
      <c r="F2905" s="40">
        <v>48.266666999999984</v>
      </c>
      <c r="G2905" s="40">
        <v>14.732305631845412</v>
      </c>
      <c r="H2905" s="40">
        <v>48.266667000000012</v>
      </c>
      <c r="I2905" s="40">
        <v>11.576011803997746</v>
      </c>
      <c r="J2905" s="40">
        <v>48.266649136905102</v>
      </c>
      <c r="K2905" s="40">
        <v>11.118021470434147</v>
      </c>
      <c r="L2905" s="40"/>
      <c r="M2905" s="40"/>
      <c r="N2905" s="40"/>
      <c r="Y2905">
        <v>30.983333000000002</v>
      </c>
      <c r="Z2905">
        <v>109.283333</v>
      </c>
      <c r="AA2905">
        <v>8.6225339999999999</v>
      </c>
      <c r="AB2905">
        <v>4.4381654613780732</v>
      </c>
    </row>
    <row r="2906" spans="4:28" x14ac:dyDescent="0.25">
      <c r="D2906" s="40">
        <v>48.298069000002137</v>
      </c>
      <c r="E2906" s="40">
        <v>17.527890654702301</v>
      </c>
      <c r="F2906" s="40">
        <v>48.283332999999999</v>
      </c>
      <c r="G2906" s="40">
        <v>14.737060875935631</v>
      </c>
      <c r="H2906" s="40">
        <v>48.283333999999996</v>
      </c>
      <c r="I2906" s="40">
        <v>11.579364540141178</v>
      </c>
      <c r="J2906" s="40">
        <v>48.283315797619402</v>
      </c>
      <c r="K2906" s="40">
        <v>11.118021470434147</v>
      </c>
      <c r="L2906" s="40"/>
      <c r="M2906" s="40"/>
      <c r="N2906" s="40"/>
      <c r="Y2906">
        <v>31</v>
      </c>
      <c r="Z2906">
        <v>109.3</v>
      </c>
      <c r="AA2906">
        <v>8.6215240000000009</v>
      </c>
      <c r="AB2906">
        <v>4.4259321031662191</v>
      </c>
    </row>
    <row r="2907" spans="4:28" x14ac:dyDescent="0.25">
      <c r="D2907" s="40">
        <v>48.314735000002138</v>
      </c>
      <c r="E2907" s="40">
        <v>17.532733833291722</v>
      </c>
      <c r="F2907" s="40">
        <v>48.299999999999983</v>
      </c>
      <c r="G2907" s="40">
        <v>14.741816120025725</v>
      </c>
      <c r="H2907" s="40">
        <v>48.300000000000011</v>
      </c>
      <c r="I2907" s="40">
        <v>11.582717276284436</v>
      </c>
      <c r="J2907" s="40">
        <v>48.299982458333702</v>
      </c>
      <c r="K2907" s="40">
        <v>11.118021470434147</v>
      </c>
      <c r="L2907" s="40"/>
      <c r="M2907" s="40"/>
      <c r="N2907" s="40"/>
      <c r="Y2907">
        <v>31.016666999999998</v>
      </c>
      <c r="Z2907">
        <v>109.316667</v>
      </c>
      <c r="AA2907">
        <v>8.6205479999999994</v>
      </c>
      <c r="AB2907">
        <v>4.4141105609733495</v>
      </c>
    </row>
    <row r="2908" spans="4:28" x14ac:dyDescent="0.25">
      <c r="D2908" s="40">
        <v>48.331401000002138</v>
      </c>
      <c r="E2908" s="40">
        <v>17.532733833291722</v>
      </c>
      <c r="F2908" s="40">
        <v>48.316666999999995</v>
      </c>
      <c r="G2908" s="40">
        <v>14.741816120025725</v>
      </c>
      <c r="H2908" s="40">
        <v>48.316666999999995</v>
      </c>
      <c r="I2908" s="40">
        <v>11.585971402541199</v>
      </c>
      <c r="J2908" s="40">
        <v>48.316649119048002</v>
      </c>
      <c r="K2908" s="40">
        <v>11.118021470434147</v>
      </c>
      <c r="L2908" s="40"/>
      <c r="M2908" s="40"/>
      <c r="N2908" s="40"/>
      <c r="Y2908">
        <v>31.033332999999999</v>
      </c>
      <c r="Z2908">
        <v>109.333333</v>
      </c>
      <c r="AA2908">
        <v>8.6195050000000002</v>
      </c>
      <c r="AB2908">
        <v>4.4014774989783332</v>
      </c>
    </row>
    <row r="2909" spans="4:28" x14ac:dyDescent="0.25">
      <c r="D2909" s="40">
        <v>48.348067000002139</v>
      </c>
      <c r="E2909" s="40">
        <v>17.532733833291722</v>
      </c>
      <c r="F2909" s="40">
        <v>48.333332999999982</v>
      </c>
      <c r="G2909" s="40">
        <v>14.746431503995625</v>
      </c>
      <c r="H2909" s="40">
        <v>48.333334000000008</v>
      </c>
      <c r="I2909" s="40">
        <v>11.589324138684455</v>
      </c>
      <c r="J2909" s="40">
        <v>48.333315779762302</v>
      </c>
      <c r="K2909" s="40">
        <v>11.118021470434147</v>
      </c>
      <c r="L2909" s="40"/>
      <c r="M2909" s="40"/>
      <c r="N2909" s="40"/>
      <c r="Y2909">
        <v>31.049999999999997</v>
      </c>
      <c r="Z2909">
        <v>109.35</v>
      </c>
      <c r="AA2909">
        <v>8.6184609999999999</v>
      </c>
      <c r="AB2909">
        <v>4.388832324747451</v>
      </c>
    </row>
    <row r="2910" spans="4:28" x14ac:dyDescent="0.25">
      <c r="D2910" s="40">
        <v>48.36473300000214</v>
      </c>
      <c r="E2910" s="40">
        <v>17.532733833291722</v>
      </c>
      <c r="F2910" s="40">
        <v>48.349999999999994</v>
      </c>
      <c r="G2910" s="40">
        <v>14.751186748085846</v>
      </c>
      <c r="H2910" s="40">
        <v>48.349999999999994</v>
      </c>
      <c r="I2910" s="40">
        <v>11.592676874827889</v>
      </c>
      <c r="J2910" s="40">
        <v>48.349982440476502</v>
      </c>
      <c r="K2910" s="40">
        <v>11.118021470434147</v>
      </c>
      <c r="L2910" s="40"/>
      <c r="M2910" s="40"/>
      <c r="N2910" s="40"/>
      <c r="Y2910">
        <v>31.06666700000001</v>
      </c>
      <c r="Z2910">
        <v>109.36666700000001</v>
      </c>
      <c r="AA2910">
        <v>8.6174180000000007</v>
      </c>
      <c r="AB2910">
        <v>4.3761992627524346</v>
      </c>
    </row>
    <row r="2911" spans="4:28" x14ac:dyDescent="0.25">
      <c r="D2911" s="40">
        <v>48.381399000002141</v>
      </c>
      <c r="E2911" s="40">
        <v>17.532733833291722</v>
      </c>
      <c r="F2911" s="40">
        <v>48.366667000000007</v>
      </c>
      <c r="G2911" s="40">
        <v>14.75594199217594</v>
      </c>
      <c r="H2911" s="40">
        <v>48.366667000000007</v>
      </c>
      <c r="I2911" s="40">
        <v>11.592676874827889</v>
      </c>
      <c r="J2911" s="40">
        <v>48.366649101190802</v>
      </c>
      <c r="K2911" s="40">
        <v>11.118021470434147</v>
      </c>
      <c r="L2911" s="40"/>
      <c r="M2911" s="40"/>
      <c r="N2911" s="40"/>
      <c r="Y2911">
        <v>31.083332999999996</v>
      </c>
      <c r="Z2911">
        <v>109.38333299999999</v>
      </c>
      <c r="AA2911">
        <v>8.6163070000000008</v>
      </c>
      <c r="AB2911">
        <v>4.3627425687193835</v>
      </c>
    </row>
    <row r="2912" spans="4:28" x14ac:dyDescent="0.25">
      <c r="D2912" s="40">
        <v>48.398065000002141</v>
      </c>
      <c r="E2912" s="40">
        <v>17.532733833291722</v>
      </c>
      <c r="F2912" s="40">
        <v>48.383332999999993</v>
      </c>
      <c r="G2912" s="40">
        <v>14.76055737614584</v>
      </c>
      <c r="H2912" s="40">
        <v>48.383334000000019</v>
      </c>
      <c r="I2912" s="40">
        <v>11.595931001084653</v>
      </c>
      <c r="J2912" s="40">
        <v>48.383315761905102</v>
      </c>
      <c r="K2912" s="40">
        <v>11.118021470434147</v>
      </c>
      <c r="L2912" s="40"/>
      <c r="M2912" s="40"/>
      <c r="N2912" s="40"/>
      <c r="Y2912">
        <v>31.100000000000009</v>
      </c>
      <c r="Z2912">
        <v>109.4</v>
      </c>
      <c r="AA2912">
        <v>8.6152300000000004</v>
      </c>
      <c r="AB2912">
        <v>4.3496976907053391</v>
      </c>
    </row>
    <row r="2913" spans="4:28" x14ac:dyDescent="0.25">
      <c r="D2913" s="40">
        <v>48.414731000002142</v>
      </c>
      <c r="E2913" s="40">
        <v>17.532733833291722</v>
      </c>
      <c r="F2913" s="40">
        <v>48.400000000000006</v>
      </c>
      <c r="G2913" s="40">
        <v>14.76531262023606</v>
      </c>
      <c r="H2913" s="40">
        <v>48.400000000000006</v>
      </c>
      <c r="I2913" s="40">
        <v>11.599283737227909</v>
      </c>
      <c r="J2913" s="40">
        <v>48.399982422619402</v>
      </c>
      <c r="K2913" s="40">
        <v>11.118021470434147</v>
      </c>
      <c r="L2913" s="40"/>
      <c r="M2913" s="40"/>
      <c r="N2913" s="40"/>
      <c r="Y2913">
        <v>31.116667000000007</v>
      </c>
      <c r="Z2913">
        <v>109.416667</v>
      </c>
      <c r="AA2913">
        <v>8.6140860000000004</v>
      </c>
      <c r="AB2913">
        <v>4.3358412928891266</v>
      </c>
    </row>
    <row r="2914" spans="4:28" x14ac:dyDescent="0.25">
      <c r="D2914" s="40">
        <v>48.431397000002143</v>
      </c>
      <c r="E2914" s="40">
        <v>17.532733833291722</v>
      </c>
      <c r="F2914" s="40">
        <v>48.41666699999999</v>
      </c>
      <c r="G2914" s="40">
        <v>14.76531262023606</v>
      </c>
      <c r="H2914" s="40">
        <v>48.416667000000018</v>
      </c>
      <c r="I2914" s="40">
        <v>11.599283737227909</v>
      </c>
      <c r="J2914" s="40">
        <v>48.416649083333702</v>
      </c>
      <c r="K2914" s="40">
        <v>11.118021470434147</v>
      </c>
      <c r="L2914" s="40"/>
      <c r="M2914" s="40"/>
      <c r="N2914" s="40"/>
      <c r="Y2914">
        <v>31.133333000000007</v>
      </c>
      <c r="Z2914">
        <v>109.433333</v>
      </c>
      <c r="AA2914">
        <v>8.6129420000000003</v>
      </c>
      <c r="AB2914">
        <v>4.3219848950729141</v>
      </c>
    </row>
    <row r="2915" spans="4:28" x14ac:dyDescent="0.25">
      <c r="D2915" s="40">
        <v>48.448063000002143</v>
      </c>
      <c r="E2915" s="40">
        <v>17.532733833291722</v>
      </c>
      <c r="F2915" s="40">
        <v>48.433333000000005</v>
      </c>
      <c r="G2915" s="40">
        <v>14.770067864326279</v>
      </c>
      <c r="H2915" s="40">
        <v>48.433334000000002</v>
      </c>
      <c r="I2915" s="40">
        <v>11.602636473371167</v>
      </c>
      <c r="J2915" s="40">
        <v>48.433315744048002</v>
      </c>
      <c r="K2915" s="40">
        <v>11.118021470434147</v>
      </c>
      <c r="L2915" s="40"/>
      <c r="M2915" s="40"/>
      <c r="N2915" s="40"/>
      <c r="Y2915">
        <v>31.150000000000006</v>
      </c>
      <c r="Z2915">
        <v>109.45</v>
      </c>
      <c r="AA2915">
        <v>8.6117640000000009</v>
      </c>
      <c r="AB2915">
        <v>4.3077166812376948</v>
      </c>
    </row>
    <row r="2916" spans="4:28" x14ac:dyDescent="0.25">
      <c r="D2916" s="40">
        <v>48.464729000002144</v>
      </c>
      <c r="E2916" s="40">
        <v>17.537577011881268</v>
      </c>
      <c r="F2916" s="40">
        <v>48.449999999999989</v>
      </c>
      <c r="G2916" s="40">
        <v>14.770067864326279</v>
      </c>
      <c r="H2916" s="40">
        <v>48.450000000000017</v>
      </c>
      <c r="I2916" s="40">
        <v>11.605890599627928</v>
      </c>
      <c r="J2916" s="40">
        <v>48.449982404762302</v>
      </c>
      <c r="K2916" s="40">
        <v>11.118021470434147</v>
      </c>
      <c r="L2916" s="40"/>
      <c r="M2916" s="40"/>
      <c r="N2916" s="40"/>
      <c r="Y2916">
        <v>31.166667000000004</v>
      </c>
      <c r="Z2916">
        <v>109.466667</v>
      </c>
      <c r="AA2916">
        <v>8.6105859999999996</v>
      </c>
      <c r="AB2916">
        <v>4.2934484674024542</v>
      </c>
    </row>
    <row r="2917" spans="4:28" x14ac:dyDescent="0.25">
      <c r="D2917" s="40">
        <v>48.481395000002145</v>
      </c>
      <c r="E2917" s="40">
        <v>17.537577011881268</v>
      </c>
      <c r="F2917" s="40">
        <v>48.466667000000001</v>
      </c>
      <c r="G2917" s="40">
        <v>14.774683248296055</v>
      </c>
      <c r="H2917" s="40">
        <v>48.466667000000001</v>
      </c>
      <c r="I2917" s="40">
        <v>11.609243335771184</v>
      </c>
      <c r="J2917" s="40">
        <v>48.466649065476503</v>
      </c>
      <c r="K2917" s="40">
        <v>11.122872514143253</v>
      </c>
      <c r="L2917" s="40"/>
      <c r="M2917" s="40"/>
      <c r="N2917" s="40"/>
      <c r="Y2917">
        <v>31.183333000000005</v>
      </c>
      <c r="Z2917">
        <v>109.483333</v>
      </c>
      <c r="AA2917">
        <v>8.6093740000000007</v>
      </c>
      <c r="AB2917">
        <v>4.2787684375482282</v>
      </c>
    </row>
    <row r="2918" spans="4:28" x14ac:dyDescent="0.25">
      <c r="D2918" s="40">
        <v>48.498061000002146</v>
      </c>
      <c r="E2918" s="40">
        <v>17.537577011881268</v>
      </c>
      <c r="F2918" s="40">
        <v>48.483332999999988</v>
      </c>
      <c r="G2918" s="40">
        <v>14.779438492386275</v>
      </c>
      <c r="H2918" s="40">
        <v>48.483334000000013</v>
      </c>
      <c r="I2918" s="40">
        <v>11.609243335771184</v>
      </c>
      <c r="J2918" s="40">
        <v>48.483315726190803</v>
      </c>
      <c r="K2918" s="40">
        <v>11.122872514143253</v>
      </c>
      <c r="L2918" s="40"/>
      <c r="M2918" s="40"/>
      <c r="N2918" s="40"/>
      <c r="Y2918">
        <v>31.200000000000003</v>
      </c>
      <c r="Z2918">
        <v>109.5</v>
      </c>
      <c r="AA2918">
        <v>8.6081289999999999</v>
      </c>
      <c r="AB2918">
        <v>4.2636887039108196</v>
      </c>
    </row>
    <row r="2919" spans="4:28" x14ac:dyDescent="0.25">
      <c r="D2919" s="40">
        <v>48.514727000002146</v>
      </c>
      <c r="E2919" s="40">
        <v>17.542277744041694</v>
      </c>
      <c r="F2919" s="40">
        <v>48.5</v>
      </c>
      <c r="G2919" s="40">
        <v>14.784193736476494</v>
      </c>
      <c r="H2919" s="40">
        <v>48.5</v>
      </c>
      <c r="I2919" s="40">
        <v>11.612596071914618</v>
      </c>
      <c r="J2919" s="40">
        <v>48.499982386905103</v>
      </c>
      <c r="K2919" s="40">
        <v>11.122872514143253</v>
      </c>
      <c r="L2919" s="40"/>
      <c r="M2919" s="40"/>
      <c r="N2919" s="40"/>
      <c r="Y2919">
        <v>31.216667000000001</v>
      </c>
      <c r="Z2919">
        <v>109.516667</v>
      </c>
      <c r="AA2919">
        <v>8.6068829999999998</v>
      </c>
      <c r="AB2919">
        <v>4.2485968580375664</v>
      </c>
    </row>
    <row r="2920" spans="4:28" x14ac:dyDescent="0.25">
      <c r="D2920" s="40">
        <v>48.531393000002147</v>
      </c>
      <c r="E2920" s="40">
        <v>17.542277744041694</v>
      </c>
      <c r="F2920" s="40">
        <v>48.516666999999984</v>
      </c>
      <c r="G2920" s="40">
        <v>14.788809120446395</v>
      </c>
      <c r="H2920" s="40">
        <v>48.516667000000012</v>
      </c>
      <c r="I2920" s="40">
        <v>11.615948808057874</v>
      </c>
      <c r="J2920" s="40">
        <v>48.516649047619403</v>
      </c>
      <c r="K2920" s="40">
        <v>11.122872514143253</v>
      </c>
      <c r="L2920" s="40"/>
      <c r="M2920" s="40"/>
      <c r="N2920" s="40"/>
      <c r="Y2920">
        <v>31.233333000000002</v>
      </c>
      <c r="Z2920">
        <v>109.533333</v>
      </c>
      <c r="AA2920">
        <v>8.6056050000000006</v>
      </c>
      <c r="AB2920">
        <v>4.2331174206170168</v>
      </c>
    </row>
    <row r="2921" spans="4:28" x14ac:dyDescent="0.25">
      <c r="D2921" s="40">
        <v>48.548059000002148</v>
      </c>
      <c r="E2921" s="40">
        <v>17.547120922631116</v>
      </c>
      <c r="F2921" s="40">
        <v>48.533332999999999</v>
      </c>
      <c r="G2921" s="40">
        <v>14.788809120446395</v>
      </c>
      <c r="H2921" s="40">
        <v>48.533333999999996</v>
      </c>
      <c r="I2921" s="40">
        <v>11.615948808057874</v>
      </c>
      <c r="J2921" s="40">
        <v>48.533315708333703</v>
      </c>
      <c r="K2921" s="40">
        <v>11.122872514143253</v>
      </c>
      <c r="L2921" s="40"/>
      <c r="M2921" s="40"/>
      <c r="N2921" s="40"/>
      <c r="Y2921">
        <v>31.25</v>
      </c>
      <c r="Z2921">
        <v>109.55</v>
      </c>
      <c r="AA2921">
        <v>8.6043260000000004</v>
      </c>
      <c r="AB2921">
        <v>4.2176258709606023</v>
      </c>
    </row>
    <row r="2922" spans="4:28" x14ac:dyDescent="0.25">
      <c r="D2922" s="40">
        <v>48.564725000002149</v>
      </c>
      <c r="E2922" s="40">
        <v>17.547120922631116</v>
      </c>
      <c r="F2922" s="40">
        <v>48.549999999999983</v>
      </c>
      <c r="G2922" s="40">
        <v>14.79356436453649</v>
      </c>
      <c r="H2922" s="40">
        <v>48.550000000000011</v>
      </c>
      <c r="I2922" s="40">
        <v>11.619202934314638</v>
      </c>
      <c r="J2922" s="40">
        <v>48.549982369048003</v>
      </c>
      <c r="K2922" s="40">
        <v>11.122872514143253</v>
      </c>
      <c r="L2922" s="40"/>
      <c r="M2922" s="40"/>
      <c r="N2922" s="40"/>
      <c r="Y2922">
        <v>31.266666999999998</v>
      </c>
      <c r="Z2922">
        <v>109.566667</v>
      </c>
      <c r="AA2922">
        <v>8.6030130000000007</v>
      </c>
      <c r="AB2922">
        <v>4.2017225052851801</v>
      </c>
    </row>
    <row r="2923" spans="4:28" x14ac:dyDescent="0.25">
      <c r="D2923" s="40">
        <v>48.581391000002149</v>
      </c>
      <c r="E2923" s="40">
        <v>17.551964101220666</v>
      </c>
      <c r="F2923" s="40">
        <v>48.566666999999995</v>
      </c>
      <c r="G2923" s="40">
        <v>14.798319608626709</v>
      </c>
      <c r="H2923" s="40">
        <v>48.566666999999995</v>
      </c>
      <c r="I2923" s="40">
        <v>11.622555670457896</v>
      </c>
      <c r="J2923" s="40">
        <v>48.566649029762303</v>
      </c>
      <c r="K2923" s="40">
        <v>11.122872514143253</v>
      </c>
      <c r="L2923" s="40"/>
      <c r="M2923" s="40"/>
      <c r="N2923" s="40"/>
      <c r="Y2923">
        <v>31.283332999999999</v>
      </c>
      <c r="Z2923">
        <v>109.583333</v>
      </c>
      <c r="AA2923">
        <v>8.6016670000000008</v>
      </c>
      <c r="AB2923">
        <v>4.1854194358265966</v>
      </c>
    </row>
    <row r="2924" spans="4:28" x14ac:dyDescent="0.25">
      <c r="D2924" s="40">
        <v>48.59805700000215</v>
      </c>
      <c r="E2924" s="40">
        <v>17.551964101220666</v>
      </c>
      <c r="F2924" s="40">
        <v>48.583332999999982</v>
      </c>
      <c r="G2924" s="40">
        <v>14.80293499259661</v>
      </c>
      <c r="H2924" s="40">
        <v>48.583334000000008</v>
      </c>
      <c r="I2924" s="40">
        <v>11.625908406601328</v>
      </c>
      <c r="J2924" s="40">
        <v>48.583315690476503</v>
      </c>
      <c r="K2924" s="40">
        <v>11.127723557852486</v>
      </c>
      <c r="L2924" s="40"/>
      <c r="M2924" s="40"/>
      <c r="N2924" s="40"/>
      <c r="Y2924">
        <v>31.299999999999997</v>
      </c>
      <c r="Z2924">
        <v>109.6</v>
      </c>
      <c r="AA2924">
        <v>8.60032</v>
      </c>
      <c r="AB2924">
        <v>4.1691042541321472</v>
      </c>
    </row>
    <row r="2925" spans="4:28" x14ac:dyDescent="0.25">
      <c r="D2925" s="40">
        <v>48.614723000002151</v>
      </c>
      <c r="E2925" s="40">
        <v>17.556664833381092</v>
      </c>
      <c r="F2925" s="40">
        <v>48.599999999999994</v>
      </c>
      <c r="G2925" s="40">
        <v>14.807690236686703</v>
      </c>
      <c r="H2925" s="40">
        <v>48.599999999999994</v>
      </c>
      <c r="I2925" s="40">
        <v>11.629162532858091</v>
      </c>
      <c r="J2925" s="40">
        <v>48.599982351190803</v>
      </c>
      <c r="K2925" s="40">
        <v>11.127723557852486</v>
      </c>
      <c r="L2925" s="40"/>
      <c r="M2925" s="40"/>
      <c r="N2925" s="40"/>
      <c r="Y2925">
        <v>31.31666700000001</v>
      </c>
      <c r="Z2925">
        <v>109.61666700000001</v>
      </c>
      <c r="AA2925">
        <v>8.5989400000000007</v>
      </c>
      <c r="AB2925">
        <v>4.152389368654557</v>
      </c>
    </row>
    <row r="2926" spans="4:28" x14ac:dyDescent="0.25">
      <c r="D2926" s="40">
        <v>48.631389000002152</v>
      </c>
      <c r="E2926" s="40">
        <v>17.556664833381092</v>
      </c>
      <c r="F2926" s="40">
        <v>48.616667000000007</v>
      </c>
      <c r="G2926" s="40">
        <v>14.812445480776923</v>
      </c>
      <c r="H2926" s="40">
        <v>48.616667000000007</v>
      </c>
      <c r="I2926" s="40">
        <v>11.629162532858091</v>
      </c>
      <c r="J2926" s="40">
        <v>48.616649011905103</v>
      </c>
      <c r="K2926" s="40">
        <v>11.127723557852486</v>
      </c>
      <c r="L2926" s="40"/>
      <c r="M2926" s="40"/>
      <c r="N2926" s="40"/>
      <c r="Y2926">
        <v>31.333332999999996</v>
      </c>
      <c r="Z2926">
        <v>109.63333299999999</v>
      </c>
      <c r="AA2926">
        <v>8.5975610000000007</v>
      </c>
      <c r="AB2926">
        <v>4.1356865954128113</v>
      </c>
    </row>
    <row r="2927" spans="4:28" x14ac:dyDescent="0.25">
      <c r="D2927" s="40">
        <v>48.648055000002152</v>
      </c>
      <c r="E2927" s="40">
        <v>17.561508011970641</v>
      </c>
      <c r="F2927" s="40">
        <v>48.633332999999993</v>
      </c>
      <c r="G2927" s="40">
        <v>14.812445480776923</v>
      </c>
      <c r="H2927" s="40">
        <v>48.633334000000019</v>
      </c>
      <c r="I2927" s="40">
        <v>11.632515269001349</v>
      </c>
      <c r="J2927" s="40">
        <v>48.633315672619403</v>
      </c>
      <c r="K2927" s="40">
        <v>11.132431923805546</v>
      </c>
      <c r="L2927" s="40"/>
      <c r="M2927" s="40"/>
      <c r="N2927" s="40"/>
      <c r="Y2927">
        <v>31.350000000000009</v>
      </c>
      <c r="Z2927">
        <v>109.65</v>
      </c>
      <c r="AA2927">
        <v>8.5961470000000002</v>
      </c>
      <c r="AB2927">
        <v>4.1185598939161938</v>
      </c>
    </row>
    <row r="2928" spans="4:28" x14ac:dyDescent="0.25">
      <c r="D2928" s="40">
        <v>48.664721000002153</v>
      </c>
      <c r="E2928" s="40">
        <v>17.566351190560063</v>
      </c>
      <c r="F2928" s="40">
        <v>48.650000000000006</v>
      </c>
      <c r="G2928" s="40">
        <v>14.817200724867142</v>
      </c>
      <c r="H2928" s="40">
        <v>48.650000000000006</v>
      </c>
      <c r="I2928" s="40">
        <v>11.632515269001349</v>
      </c>
      <c r="J2928" s="40">
        <v>48.649982333333703</v>
      </c>
      <c r="K2928" s="40">
        <v>11.132431923805546</v>
      </c>
      <c r="L2928" s="40"/>
      <c r="M2928" s="40"/>
      <c r="N2928" s="40"/>
      <c r="Y2928">
        <v>31.366667000000007</v>
      </c>
      <c r="Z2928">
        <v>109.666667</v>
      </c>
      <c r="AA2928">
        <v>8.5946999999999996</v>
      </c>
      <c r="AB2928">
        <v>4.1010334886364141</v>
      </c>
    </row>
    <row r="2929" spans="4:28" x14ac:dyDescent="0.25">
      <c r="D2929" s="40">
        <v>48.681387000002154</v>
      </c>
      <c r="E2929" s="40">
        <v>17.566351190560063</v>
      </c>
      <c r="F2929" s="40">
        <v>48.66666699999999</v>
      </c>
      <c r="G2929" s="40">
        <v>14.821816108836918</v>
      </c>
      <c r="H2929" s="40">
        <v>48.666667000000018</v>
      </c>
      <c r="I2929" s="40">
        <v>11.635868005144605</v>
      </c>
      <c r="J2929" s="40">
        <v>48.666648994048003</v>
      </c>
      <c r="K2929" s="40">
        <v>11.132431923805546</v>
      </c>
      <c r="L2929" s="40"/>
      <c r="M2929" s="40"/>
      <c r="N2929" s="40"/>
      <c r="Y2929">
        <v>31.383333000000007</v>
      </c>
      <c r="Z2929">
        <v>109.683333</v>
      </c>
      <c r="AA2929">
        <v>8.5932530000000007</v>
      </c>
      <c r="AB2929">
        <v>4.0835070833566558</v>
      </c>
    </row>
    <row r="2930" spans="4:28" x14ac:dyDescent="0.25">
      <c r="D2930" s="40">
        <v>48.698053000002155</v>
      </c>
      <c r="E2930" s="40">
        <v>17.571051922720489</v>
      </c>
      <c r="F2930" s="40">
        <v>48.683333000000005</v>
      </c>
      <c r="G2930" s="40">
        <v>14.821816108836918</v>
      </c>
      <c r="H2930" s="40">
        <v>48.683334000000002</v>
      </c>
      <c r="I2930" s="40">
        <v>11.635868005144605</v>
      </c>
      <c r="J2930" s="40">
        <v>48.683315654762303</v>
      </c>
      <c r="K2930" s="40">
        <v>11.137282967514652</v>
      </c>
      <c r="L2930" s="40"/>
      <c r="M2930" s="40"/>
      <c r="N2930" s="40"/>
      <c r="Y2930">
        <v>31.400000000000006</v>
      </c>
      <c r="Z2930">
        <v>109.7</v>
      </c>
      <c r="AA2930">
        <v>8.5918050000000008</v>
      </c>
      <c r="AB2930">
        <v>4.0659685658410316</v>
      </c>
    </row>
    <row r="2931" spans="4:28" x14ac:dyDescent="0.25">
      <c r="D2931" s="40">
        <v>48.714719000002155</v>
      </c>
      <c r="E2931" s="40">
        <v>17.575895101310035</v>
      </c>
      <c r="F2931" s="40">
        <v>48.699999999999989</v>
      </c>
      <c r="G2931" s="40">
        <v>14.826571352927138</v>
      </c>
      <c r="H2931" s="40">
        <v>48.700000000000017</v>
      </c>
      <c r="I2931" s="40">
        <v>11.639122131401368</v>
      </c>
      <c r="J2931" s="40">
        <v>48.699982315476497</v>
      </c>
      <c r="K2931" s="40">
        <v>11.137282967514652</v>
      </c>
      <c r="L2931" s="40"/>
      <c r="M2931" s="40"/>
      <c r="N2931" s="40"/>
      <c r="Y2931">
        <v>31.416667000000004</v>
      </c>
      <c r="Z2931">
        <v>109.716667</v>
      </c>
      <c r="AA2931">
        <v>8.5902910000000006</v>
      </c>
      <c r="AB2931">
        <v>4.047630640759083</v>
      </c>
    </row>
    <row r="2932" spans="4:28" x14ac:dyDescent="0.25">
      <c r="D2932" s="40">
        <v>48.731385000002156</v>
      </c>
      <c r="E2932" s="40">
        <v>17.575895101310035</v>
      </c>
      <c r="F2932" s="40">
        <v>48.716667000000001</v>
      </c>
      <c r="G2932" s="40">
        <v>14.826571352927138</v>
      </c>
      <c r="H2932" s="40">
        <v>48.716667000000001</v>
      </c>
      <c r="I2932" s="40">
        <v>11.642474867544626</v>
      </c>
      <c r="J2932" s="40">
        <v>48.716648976190797</v>
      </c>
      <c r="K2932" s="40">
        <v>11.137282967514652</v>
      </c>
      <c r="L2932" s="40"/>
      <c r="M2932" s="40"/>
      <c r="N2932" s="40"/>
      <c r="Y2932">
        <v>31.433333000000005</v>
      </c>
      <c r="Z2932">
        <v>109.733333</v>
      </c>
      <c r="AA2932">
        <v>8.5888100000000005</v>
      </c>
      <c r="AB2932">
        <v>4.0296924194602974</v>
      </c>
    </row>
    <row r="2933" spans="4:28" x14ac:dyDescent="0.25">
      <c r="D2933" s="40">
        <v>48.748051000002157</v>
      </c>
      <c r="E2933" s="40">
        <v>17.580738279899457</v>
      </c>
      <c r="F2933" s="40">
        <v>48.733332999999988</v>
      </c>
      <c r="G2933" s="40">
        <v>14.831326597017357</v>
      </c>
      <c r="H2933" s="40">
        <v>48.733334000000013</v>
      </c>
      <c r="I2933" s="40">
        <v>11.642474867544626</v>
      </c>
      <c r="J2933" s="40">
        <v>48.733315636905097</v>
      </c>
      <c r="K2933" s="40">
        <v>11.142134011223884</v>
      </c>
      <c r="L2933" s="40"/>
      <c r="M2933" s="40"/>
      <c r="N2933" s="40"/>
      <c r="Y2933">
        <v>31.450000000000003</v>
      </c>
      <c r="Z2933">
        <v>109.75</v>
      </c>
      <c r="AA2933">
        <v>8.5872620000000008</v>
      </c>
      <c r="AB2933">
        <v>4.010942678359342</v>
      </c>
    </row>
    <row r="2934" spans="4:28" x14ac:dyDescent="0.25">
      <c r="D2934" s="40">
        <v>48.764717000002157</v>
      </c>
      <c r="E2934" s="40">
        <v>17.585439012059883</v>
      </c>
      <c r="F2934" s="40">
        <v>48.75</v>
      </c>
      <c r="G2934" s="40">
        <v>14.835941980987133</v>
      </c>
      <c r="H2934" s="40">
        <v>48.75</v>
      </c>
      <c r="I2934" s="40">
        <v>11.645827603688058</v>
      </c>
      <c r="J2934" s="40">
        <v>48.749982297619397</v>
      </c>
      <c r="K2934" s="40">
        <v>11.142134011223884</v>
      </c>
      <c r="L2934" s="40"/>
      <c r="M2934" s="40"/>
      <c r="N2934" s="40"/>
      <c r="Y2934">
        <v>31.466667000000001</v>
      </c>
      <c r="Z2934">
        <v>109.766667</v>
      </c>
      <c r="AA2934">
        <v>8.5857469999999996</v>
      </c>
      <c r="AB2934">
        <v>3.9925926410415284</v>
      </c>
    </row>
    <row r="2935" spans="4:28" x14ac:dyDescent="0.25">
      <c r="D2935" s="40">
        <v>48.781383000002158</v>
      </c>
      <c r="E2935" s="40">
        <v>17.585439012059883</v>
      </c>
      <c r="F2935" s="40">
        <v>48.766666999999984</v>
      </c>
      <c r="G2935" s="40">
        <v>14.835941980987133</v>
      </c>
      <c r="H2935" s="40">
        <v>48.766667000000012</v>
      </c>
      <c r="I2935" s="40">
        <v>11.64908172994482</v>
      </c>
      <c r="J2935" s="40">
        <v>48.766648958333697</v>
      </c>
      <c r="K2935" s="40">
        <v>11.142134011223884</v>
      </c>
      <c r="L2935" s="40"/>
      <c r="M2935" s="40"/>
      <c r="N2935" s="40"/>
      <c r="Y2935">
        <v>31.483333000000002</v>
      </c>
      <c r="Z2935">
        <v>109.783333</v>
      </c>
      <c r="AA2935">
        <v>8.5841650000000005</v>
      </c>
      <c r="AB2935">
        <v>3.9734310839215676</v>
      </c>
    </row>
    <row r="2936" spans="4:28" x14ac:dyDescent="0.25">
      <c r="D2936" s="40">
        <v>48.798049000002159</v>
      </c>
      <c r="E2936" s="40">
        <v>17.590282190649432</v>
      </c>
      <c r="F2936" s="40">
        <v>48.783332999999999</v>
      </c>
      <c r="G2936" s="40">
        <v>14.840697225077353</v>
      </c>
      <c r="H2936" s="40">
        <v>48.783333999999996</v>
      </c>
      <c r="I2936" s="40">
        <v>11.64908172994482</v>
      </c>
      <c r="J2936" s="40">
        <v>48.783315619047997</v>
      </c>
      <c r="K2936" s="40">
        <v>11.142134011223884</v>
      </c>
      <c r="L2936" s="40"/>
      <c r="M2936" s="40"/>
      <c r="N2936" s="40"/>
      <c r="Y2936">
        <v>31.5</v>
      </c>
      <c r="Z2936">
        <v>109.8</v>
      </c>
      <c r="AA2936">
        <v>8.5826170000000008</v>
      </c>
      <c r="AB2936">
        <v>3.9546813428206131</v>
      </c>
    </row>
    <row r="2937" spans="4:28" x14ac:dyDescent="0.25">
      <c r="D2937" s="40">
        <v>48.81471500000216</v>
      </c>
      <c r="E2937" s="40">
        <v>17.595125369238854</v>
      </c>
      <c r="F2937" s="40">
        <v>48.799999999999983</v>
      </c>
      <c r="G2937" s="40">
        <v>14.840697225077353</v>
      </c>
      <c r="H2937" s="40">
        <v>48.800000000000011</v>
      </c>
      <c r="I2937" s="40">
        <v>11.652434466088078</v>
      </c>
      <c r="J2937" s="40">
        <v>48.799982279762297</v>
      </c>
      <c r="K2937" s="40">
        <v>11.146842377176943</v>
      </c>
      <c r="L2937" s="40"/>
      <c r="M2937" s="40"/>
      <c r="N2937" s="40"/>
      <c r="Y2937">
        <v>31.516666999999998</v>
      </c>
      <c r="Z2937">
        <v>109.816667</v>
      </c>
      <c r="AA2937">
        <v>8.5810010000000005</v>
      </c>
      <c r="AB2937">
        <v>3.9351079696816247</v>
      </c>
    </row>
    <row r="2938" spans="4:28" x14ac:dyDescent="0.25">
      <c r="D2938" s="40">
        <v>48.83138100000216</v>
      </c>
      <c r="E2938" s="40">
        <v>17.595125369238854</v>
      </c>
      <c r="F2938" s="40">
        <v>48.816666999999995</v>
      </c>
      <c r="G2938" s="40">
        <v>14.845452469167572</v>
      </c>
      <c r="H2938" s="40">
        <v>48.816666999999995</v>
      </c>
      <c r="I2938" s="40">
        <v>11.655787202231334</v>
      </c>
      <c r="J2938" s="40">
        <v>48.816648940476497</v>
      </c>
      <c r="K2938" s="40">
        <v>11.146842377176943</v>
      </c>
      <c r="L2938" s="40"/>
      <c r="M2938" s="40"/>
      <c r="N2938" s="40"/>
      <c r="Y2938">
        <v>31.533332999999999</v>
      </c>
      <c r="Z2938">
        <v>109.833333</v>
      </c>
      <c r="AA2938">
        <v>8.5794200000000007</v>
      </c>
      <c r="AB2938">
        <v>3.9159585247975084</v>
      </c>
    </row>
    <row r="2939" spans="4:28" x14ac:dyDescent="0.25">
      <c r="D2939" s="40">
        <v>48.848047000002161</v>
      </c>
      <c r="E2939" s="40">
        <v>17.5999685478284</v>
      </c>
      <c r="F2939" s="40">
        <v>48.833332999999982</v>
      </c>
      <c r="G2939" s="40">
        <v>14.845452469167572</v>
      </c>
      <c r="H2939" s="40">
        <v>48.833334000000008</v>
      </c>
      <c r="I2939" s="40">
        <v>11.659041328488097</v>
      </c>
      <c r="J2939" s="40">
        <v>48.833315601190797</v>
      </c>
      <c r="K2939" s="40">
        <v>11.146842377176943</v>
      </c>
      <c r="L2939" s="40"/>
      <c r="M2939" s="40"/>
      <c r="N2939" s="40"/>
      <c r="Y2939">
        <v>31.549999999999997</v>
      </c>
      <c r="Z2939">
        <v>109.85</v>
      </c>
      <c r="AA2939">
        <v>8.5778040000000004</v>
      </c>
      <c r="AB2939">
        <v>3.8963851516585191</v>
      </c>
    </row>
    <row r="2940" spans="4:28" x14ac:dyDescent="0.25">
      <c r="D2940" s="40">
        <v>48.864713000002162</v>
      </c>
      <c r="E2940" s="40">
        <v>17.5999685478284</v>
      </c>
      <c r="F2940" s="40">
        <v>48.849999999999994</v>
      </c>
      <c r="G2940" s="40">
        <v>14.850067853137471</v>
      </c>
      <c r="H2940" s="40">
        <v>48.849999999999994</v>
      </c>
      <c r="I2940" s="40">
        <v>11.662394064631531</v>
      </c>
      <c r="J2940" s="40">
        <v>48.849982261905097</v>
      </c>
      <c r="K2940" s="40">
        <v>11.146842377176943</v>
      </c>
      <c r="L2940" s="40"/>
      <c r="M2940" s="40"/>
      <c r="N2940" s="40"/>
      <c r="Y2940">
        <v>31.56666700000001</v>
      </c>
      <c r="Z2940">
        <v>109.86666700000001</v>
      </c>
      <c r="AA2940">
        <v>8.5761889999999994</v>
      </c>
      <c r="AB2940">
        <v>3.8768238907553751</v>
      </c>
    </row>
    <row r="2941" spans="4:28" x14ac:dyDescent="0.25">
      <c r="D2941" s="40">
        <v>48.881379000002163</v>
      </c>
      <c r="E2941" s="40">
        <v>17.604669279988826</v>
      </c>
      <c r="F2941" s="40">
        <v>48.866667000000007</v>
      </c>
      <c r="G2941" s="40">
        <v>14.854823097227568</v>
      </c>
      <c r="H2941" s="40">
        <v>48.866667000000007</v>
      </c>
      <c r="I2941" s="40">
        <v>11.662394064631531</v>
      </c>
      <c r="J2941" s="40">
        <v>48.866648922619397</v>
      </c>
      <c r="K2941" s="40">
        <v>11.151693420886049</v>
      </c>
      <c r="L2941" s="40"/>
      <c r="M2941" s="40"/>
      <c r="N2941" s="40"/>
      <c r="Y2941">
        <v>31.583332999999996</v>
      </c>
      <c r="Z2941">
        <v>109.88333299999999</v>
      </c>
      <c r="AA2941">
        <v>8.5745389999999997</v>
      </c>
      <c r="AB2941">
        <v>3.85683870159738</v>
      </c>
    </row>
    <row r="2942" spans="4:28" x14ac:dyDescent="0.25">
      <c r="D2942" s="40">
        <v>48.898045000002163</v>
      </c>
      <c r="E2942" s="40">
        <v>17.604669279988826</v>
      </c>
      <c r="F2942" s="40">
        <v>48.883332999999993</v>
      </c>
      <c r="G2942" s="40">
        <v>14.854823097227568</v>
      </c>
      <c r="H2942" s="40">
        <v>48.883334000000019</v>
      </c>
      <c r="I2942" s="40">
        <v>11.665746800774787</v>
      </c>
      <c r="J2942" s="40">
        <v>48.883315583333697</v>
      </c>
      <c r="K2942" s="40">
        <v>11.151693420886049</v>
      </c>
      <c r="L2942" s="40"/>
      <c r="M2942" s="40"/>
      <c r="N2942" s="40"/>
      <c r="Y2942">
        <v>31.600000000000009</v>
      </c>
      <c r="Z2942">
        <v>109.9</v>
      </c>
      <c r="AA2942">
        <v>8.5728899999999992</v>
      </c>
      <c r="AB2942">
        <v>3.8368656246752293</v>
      </c>
    </row>
    <row r="2943" spans="4:28" x14ac:dyDescent="0.25">
      <c r="D2943" s="40">
        <v>48.914711000002164</v>
      </c>
      <c r="E2943" s="40">
        <v>17.609512458578372</v>
      </c>
      <c r="F2943" s="40">
        <v>48.900000000000006</v>
      </c>
      <c r="G2943" s="40">
        <v>14.859578341317787</v>
      </c>
      <c r="H2943" s="40">
        <v>48.900000000000006</v>
      </c>
      <c r="I2943" s="40">
        <v>11.669000927031551</v>
      </c>
      <c r="J2943" s="40">
        <v>48.899982244047997</v>
      </c>
      <c r="K2943" s="40">
        <v>11.156544464595282</v>
      </c>
      <c r="L2943" s="40"/>
      <c r="M2943" s="40"/>
      <c r="N2943" s="40"/>
      <c r="Y2943">
        <v>31.616667000000007</v>
      </c>
      <c r="Z2943">
        <v>109.916667</v>
      </c>
      <c r="AA2943">
        <v>8.5712410000000006</v>
      </c>
      <c r="AB2943">
        <v>3.8168925477530999</v>
      </c>
    </row>
    <row r="2944" spans="4:28" x14ac:dyDescent="0.25">
      <c r="D2944" s="40">
        <v>48.931377000002165</v>
      </c>
      <c r="E2944" s="40">
        <v>17.609512458578372</v>
      </c>
      <c r="F2944" s="40">
        <v>48.91666699999999</v>
      </c>
      <c r="G2944" s="40">
        <v>14.864193725287688</v>
      </c>
      <c r="H2944" s="40">
        <v>48.916667000000018</v>
      </c>
      <c r="I2944" s="40">
        <v>11.672353663174809</v>
      </c>
      <c r="J2944" s="40">
        <v>48.916648904762297</v>
      </c>
      <c r="K2944" s="40">
        <v>11.156544464595282</v>
      </c>
      <c r="L2944" s="40"/>
      <c r="M2944" s="40"/>
      <c r="N2944" s="40"/>
      <c r="Y2944">
        <v>31.633333000000007</v>
      </c>
      <c r="Z2944">
        <v>109.933333</v>
      </c>
      <c r="AA2944">
        <v>8.5695920000000001</v>
      </c>
      <c r="AB2944">
        <v>3.7969194708309493</v>
      </c>
    </row>
    <row r="2945" spans="4:28" x14ac:dyDescent="0.25">
      <c r="D2945" s="40">
        <v>48.948043000002166</v>
      </c>
      <c r="E2945" s="40">
        <v>17.614355637167797</v>
      </c>
      <c r="F2945" s="40">
        <v>48.933333000000005</v>
      </c>
      <c r="G2945" s="40">
        <v>14.864193725287688</v>
      </c>
      <c r="H2945" s="40">
        <v>48.933334000000002</v>
      </c>
      <c r="I2945" s="40">
        <v>11.672353663174809</v>
      </c>
      <c r="J2945" s="40">
        <v>48.933315565476498</v>
      </c>
      <c r="K2945" s="40">
        <v>11.161252830548342</v>
      </c>
      <c r="L2945" s="40"/>
      <c r="M2945" s="40"/>
      <c r="N2945" s="40"/>
      <c r="Y2945">
        <v>31.650000000000006</v>
      </c>
      <c r="Z2945">
        <v>109.95</v>
      </c>
      <c r="AA2945">
        <v>8.5679090000000002</v>
      </c>
      <c r="AB2945">
        <v>3.7765345778897923</v>
      </c>
    </row>
    <row r="2946" spans="4:28" x14ac:dyDescent="0.25">
      <c r="D2946" s="40">
        <v>48.964709000002166</v>
      </c>
      <c r="E2946" s="40">
        <v>17.614355637167797</v>
      </c>
      <c r="F2946" s="40">
        <v>48.949999999999989</v>
      </c>
      <c r="G2946" s="40">
        <v>14.868948969377781</v>
      </c>
      <c r="H2946" s="40">
        <v>48.950000000000017</v>
      </c>
      <c r="I2946" s="40">
        <v>11.675706399318067</v>
      </c>
      <c r="J2946" s="40">
        <v>48.949982226190798</v>
      </c>
      <c r="K2946" s="40">
        <v>11.161252830548342</v>
      </c>
      <c r="L2946" s="40"/>
      <c r="M2946" s="40"/>
      <c r="N2946" s="40"/>
      <c r="Y2946">
        <v>31.666667000000004</v>
      </c>
      <c r="Z2946">
        <v>109.966667</v>
      </c>
      <c r="AA2946">
        <v>8.5662260000000003</v>
      </c>
      <c r="AB2946">
        <v>3.7561496849486349</v>
      </c>
    </row>
    <row r="2947" spans="4:28" x14ac:dyDescent="0.25">
      <c r="D2947" s="40">
        <v>48.981375000002167</v>
      </c>
      <c r="E2947" s="40">
        <v>17.61905636932822</v>
      </c>
      <c r="F2947" s="40">
        <v>48.966667000000001</v>
      </c>
      <c r="G2947" s="40">
        <v>14.868948969377781</v>
      </c>
      <c r="H2947" s="40">
        <v>48.966667000000001</v>
      </c>
      <c r="I2947" s="40">
        <v>11.678960525574828</v>
      </c>
      <c r="J2947" s="40">
        <v>48.966648886905098</v>
      </c>
      <c r="K2947" s="40">
        <v>11.166103874257574</v>
      </c>
      <c r="L2947" s="40"/>
      <c r="M2947" s="40"/>
      <c r="N2947" s="40"/>
      <c r="Y2947">
        <v>31.683333000000005</v>
      </c>
      <c r="Z2947">
        <v>109.983333</v>
      </c>
      <c r="AA2947">
        <v>8.5645100000000003</v>
      </c>
      <c r="AB2947">
        <v>3.7353650882243161</v>
      </c>
    </row>
    <row r="2948" spans="4:28" x14ac:dyDescent="0.25">
      <c r="D2948" s="40">
        <v>48.998041000002168</v>
      </c>
      <c r="E2948" s="40">
        <v>17.623899547917773</v>
      </c>
      <c r="F2948" s="40">
        <v>48.983332999999988</v>
      </c>
      <c r="G2948" s="40">
        <v>14.873704213468001</v>
      </c>
      <c r="H2948" s="40">
        <v>48.983334000000013</v>
      </c>
      <c r="I2948" s="40">
        <v>11.682313261718262</v>
      </c>
      <c r="J2948" s="40">
        <v>48.983315547619398</v>
      </c>
      <c r="K2948" s="40">
        <v>11.166103874257574</v>
      </c>
      <c r="L2948" s="40"/>
      <c r="M2948" s="40"/>
      <c r="N2948" s="40"/>
      <c r="Y2948">
        <v>31.700000000000003</v>
      </c>
      <c r="Z2948">
        <v>110</v>
      </c>
      <c r="AA2948">
        <v>8.5627929999999992</v>
      </c>
      <c r="AB2948">
        <v>3.7145683792641311</v>
      </c>
    </row>
    <row r="2949" spans="4:28" x14ac:dyDescent="0.25">
      <c r="D2949" s="40">
        <v>49.014707000002169</v>
      </c>
      <c r="E2949" s="40">
        <v>17.623899547917773</v>
      </c>
      <c r="F2949" s="40">
        <v>49</v>
      </c>
      <c r="G2949" s="40">
        <v>14.873704213468001</v>
      </c>
      <c r="H2949" s="40">
        <v>49</v>
      </c>
      <c r="I2949" s="40">
        <v>11.682313261718262</v>
      </c>
      <c r="J2949" s="40">
        <v>48.999982208333698</v>
      </c>
      <c r="K2949" s="40">
        <v>11.166103874257574</v>
      </c>
      <c r="L2949" s="40"/>
      <c r="M2949" s="40"/>
      <c r="N2949" s="40"/>
      <c r="Y2949">
        <v>31.716667000000001</v>
      </c>
      <c r="Z2949">
        <v>110.016667</v>
      </c>
      <c r="AA2949">
        <v>8.5611099999999993</v>
      </c>
      <c r="AB2949">
        <v>3.6941834863229746</v>
      </c>
    </row>
    <row r="2950" spans="4:28" x14ac:dyDescent="0.25">
      <c r="D2950" s="40">
        <v>49.031373000002169</v>
      </c>
      <c r="E2950" s="40">
        <v>17.628742726507195</v>
      </c>
      <c r="F2950" s="40">
        <v>49.016666999999984</v>
      </c>
      <c r="G2950" s="40">
        <v>14.878319597437901</v>
      </c>
      <c r="H2950" s="40">
        <v>49.016667000000012</v>
      </c>
      <c r="I2950" s="40">
        <v>11.685665997861518</v>
      </c>
      <c r="J2950" s="40">
        <v>49.016648869047998</v>
      </c>
      <c r="K2950" s="40">
        <v>11.166103874257574</v>
      </c>
      <c r="L2950" s="40"/>
      <c r="M2950" s="40"/>
      <c r="N2950" s="40"/>
      <c r="Y2950">
        <v>31.733333000000002</v>
      </c>
      <c r="Z2950">
        <v>110.033333</v>
      </c>
      <c r="AA2950">
        <v>8.5593599999999999</v>
      </c>
      <c r="AB2950">
        <v>3.6729870735796486</v>
      </c>
    </row>
    <row r="2951" spans="4:28" x14ac:dyDescent="0.25">
      <c r="D2951" s="40">
        <v>49.04803900000217</v>
      </c>
      <c r="E2951" s="40">
        <v>17.633443458667621</v>
      </c>
      <c r="F2951" s="40">
        <v>49.033332999999999</v>
      </c>
      <c r="G2951" s="40">
        <v>14.883074841527996</v>
      </c>
      <c r="H2951" s="40">
        <v>49.033333999999996</v>
      </c>
      <c r="I2951" s="40">
        <v>11.68892012411828</v>
      </c>
      <c r="J2951" s="40">
        <v>49.033315529762298</v>
      </c>
      <c r="K2951" s="40">
        <v>11.170954917966679</v>
      </c>
      <c r="L2951" s="40"/>
      <c r="M2951" s="40"/>
      <c r="N2951" s="40"/>
      <c r="Y2951">
        <v>31.75</v>
      </c>
      <c r="Z2951">
        <v>110.05</v>
      </c>
      <c r="AA2951">
        <v>8.5576439999999998</v>
      </c>
      <c r="AB2951">
        <v>3.6522024768553298</v>
      </c>
    </row>
    <row r="2952" spans="4:28" x14ac:dyDescent="0.25">
      <c r="D2952" s="40">
        <v>49.064705000002171</v>
      </c>
      <c r="E2952" s="40">
        <v>17.638286637257167</v>
      </c>
      <c r="F2952" s="40">
        <v>49.049999999999983</v>
      </c>
      <c r="G2952" s="40">
        <v>14.883074841527996</v>
      </c>
      <c r="H2952" s="40">
        <v>49.050000000000011</v>
      </c>
      <c r="I2952" s="40">
        <v>11.68892012411828</v>
      </c>
      <c r="J2952" s="40">
        <v>49.049982190476499</v>
      </c>
      <c r="K2952" s="40">
        <v>11.170954917966679</v>
      </c>
      <c r="L2952" s="40"/>
      <c r="M2952" s="40"/>
      <c r="N2952" s="40"/>
      <c r="Y2952">
        <v>31.766666999999998</v>
      </c>
      <c r="Z2952">
        <v>110.066667</v>
      </c>
      <c r="AA2952">
        <v>8.5558940000000003</v>
      </c>
      <c r="AB2952">
        <v>3.6310060641120043</v>
      </c>
    </row>
    <row r="2953" spans="4:28" x14ac:dyDescent="0.25">
      <c r="D2953" s="40">
        <v>49.081371000002171</v>
      </c>
      <c r="E2953" s="40">
        <v>17.643129815846589</v>
      </c>
      <c r="F2953" s="40">
        <v>49.066666999999995</v>
      </c>
      <c r="G2953" s="40">
        <v>14.887830085618216</v>
      </c>
      <c r="H2953" s="40">
        <v>49.066666999999995</v>
      </c>
      <c r="I2953" s="40">
        <v>11.692272860261538</v>
      </c>
      <c r="J2953" s="40">
        <v>49.066648851190799</v>
      </c>
      <c r="K2953" s="40">
        <v>11.175663283919739</v>
      </c>
      <c r="L2953" s="40"/>
      <c r="M2953" s="40"/>
      <c r="N2953" s="40"/>
      <c r="Y2953">
        <v>31.783332999999999</v>
      </c>
      <c r="Z2953">
        <v>110.083333</v>
      </c>
      <c r="AA2953">
        <v>8.5541769999999993</v>
      </c>
      <c r="AB2953">
        <v>3.6102093551518193</v>
      </c>
    </row>
    <row r="2954" spans="4:28" x14ac:dyDescent="0.25">
      <c r="D2954" s="40">
        <v>49.098037000002172</v>
      </c>
      <c r="E2954" s="40">
        <v>17.643129815846589</v>
      </c>
      <c r="F2954" s="40">
        <v>49.083332999999982</v>
      </c>
      <c r="G2954" s="40">
        <v>14.892445469588116</v>
      </c>
      <c r="H2954" s="40">
        <v>49.083334000000008</v>
      </c>
      <c r="I2954" s="40">
        <v>11.695625596404795</v>
      </c>
      <c r="J2954" s="40">
        <v>49.083315511905099</v>
      </c>
      <c r="K2954" s="40">
        <v>11.175663283919739</v>
      </c>
      <c r="L2954" s="40"/>
      <c r="M2954" s="40"/>
      <c r="N2954" s="40"/>
      <c r="Y2954">
        <v>31.799999999999997</v>
      </c>
      <c r="Z2954">
        <v>110.1</v>
      </c>
      <c r="AA2954">
        <v>8.5524269999999998</v>
      </c>
      <c r="AB2954">
        <v>3.5890129424084942</v>
      </c>
    </row>
    <row r="2955" spans="4:28" x14ac:dyDescent="0.25">
      <c r="D2955" s="40">
        <v>49.114703000002173</v>
      </c>
      <c r="E2955" s="40">
        <v>17.647830548007015</v>
      </c>
      <c r="F2955" s="40">
        <v>49.099999999999994</v>
      </c>
      <c r="G2955" s="40">
        <v>14.897200713678334</v>
      </c>
      <c r="H2955" s="40">
        <v>49.099999999999994</v>
      </c>
      <c r="I2955" s="40">
        <v>11.698879722661557</v>
      </c>
      <c r="J2955" s="40">
        <v>49.099982172619399</v>
      </c>
      <c r="K2955" s="40">
        <v>11.175663283919739</v>
      </c>
      <c r="L2955" s="40"/>
      <c r="M2955" s="40"/>
      <c r="N2955" s="40"/>
      <c r="Y2955">
        <v>31.81666700000001</v>
      </c>
      <c r="Z2955">
        <v>110.11666700000001</v>
      </c>
      <c r="AA2955">
        <v>8.5506430000000009</v>
      </c>
      <c r="AB2955">
        <v>3.567404713646162</v>
      </c>
    </row>
    <row r="2956" spans="4:28" x14ac:dyDescent="0.25">
      <c r="D2956" s="40">
        <v>49.131369000002174</v>
      </c>
      <c r="E2956" s="40">
        <v>17.652673726596561</v>
      </c>
      <c r="F2956" s="40">
        <v>49.116667000000007</v>
      </c>
      <c r="G2956" s="40">
        <v>14.897200713678334</v>
      </c>
      <c r="H2956" s="40">
        <v>49.116667000000007</v>
      </c>
      <c r="I2956" s="40">
        <v>11.702232458804991</v>
      </c>
      <c r="J2956" s="40">
        <v>49.116648833333699</v>
      </c>
      <c r="K2956" s="40">
        <v>11.180514327628972</v>
      </c>
      <c r="L2956" s="40"/>
      <c r="M2956" s="40"/>
      <c r="N2956" s="40"/>
      <c r="Y2956">
        <v>31.833332999999996</v>
      </c>
      <c r="Z2956">
        <v>110.13333299999999</v>
      </c>
      <c r="AA2956">
        <v>8.5488929999999996</v>
      </c>
      <c r="AB2956">
        <v>3.5462083009028151</v>
      </c>
    </row>
    <row r="2957" spans="4:28" x14ac:dyDescent="0.25">
      <c r="D2957" s="40">
        <v>49.148035000002174</v>
      </c>
      <c r="E2957" s="40">
        <v>17.65751690518611</v>
      </c>
      <c r="F2957" s="40">
        <v>49.133332999999993</v>
      </c>
      <c r="G2957" s="40">
        <v>14.901955957768431</v>
      </c>
      <c r="H2957" s="40">
        <v>49.133334000000019</v>
      </c>
      <c r="I2957" s="40">
        <v>11.705585194948247</v>
      </c>
      <c r="J2957" s="40">
        <v>49.133315494047999</v>
      </c>
      <c r="K2957" s="40">
        <v>11.180514327628972</v>
      </c>
      <c r="L2957" s="40"/>
      <c r="M2957" s="40"/>
      <c r="N2957" s="40"/>
      <c r="Y2957">
        <v>31.850000000000009</v>
      </c>
      <c r="Z2957">
        <v>110.15</v>
      </c>
      <c r="AA2957">
        <v>8.5471430000000002</v>
      </c>
      <c r="AB2957">
        <v>3.5250118881594896</v>
      </c>
    </row>
    <row r="2958" spans="4:28" x14ac:dyDescent="0.25">
      <c r="D2958" s="40">
        <v>49.164701000002175</v>
      </c>
      <c r="E2958" s="40">
        <v>17.65751690518611</v>
      </c>
      <c r="F2958" s="40">
        <v>49.150000000000006</v>
      </c>
      <c r="G2958" s="40">
        <v>14.906571341738331</v>
      </c>
      <c r="H2958" s="40">
        <v>49.150000000000006</v>
      </c>
      <c r="I2958" s="40">
        <v>11.70883932120501</v>
      </c>
      <c r="J2958" s="40">
        <v>49.149982154762299</v>
      </c>
      <c r="K2958" s="40">
        <v>11.185365371338078</v>
      </c>
      <c r="L2958" s="40"/>
      <c r="M2958" s="40"/>
      <c r="N2958" s="40"/>
      <c r="Y2958">
        <v>31.866667000000007</v>
      </c>
      <c r="Z2958">
        <v>110.166667</v>
      </c>
      <c r="AA2958">
        <v>8.5453589999999995</v>
      </c>
      <c r="AB2958">
        <v>3.5034036593971365</v>
      </c>
    </row>
    <row r="2959" spans="4:28" x14ac:dyDescent="0.25">
      <c r="D2959" s="40">
        <v>49.181367000002176</v>
      </c>
      <c r="E2959" s="40">
        <v>17.662217637346409</v>
      </c>
      <c r="F2959" s="40">
        <v>49.16666699999999</v>
      </c>
      <c r="G2959" s="40">
        <v>14.906571341738331</v>
      </c>
      <c r="H2959" s="40">
        <v>49.166667000000018</v>
      </c>
      <c r="I2959" s="40">
        <v>11.712192057348268</v>
      </c>
      <c r="J2959" s="40">
        <v>49.166648815476499</v>
      </c>
      <c r="K2959" s="40">
        <v>11.190073737291138</v>
      </c>
      <c r="L2959" s="40"/>
      <c r="M2959" s="40"/>
      <c r="N2959" s="40"/>
      <c r="Y2959">
        <v>31.883333000000007</v>
      </c>
      <c r="Z2959">
        <v>110.183333</v>
      </c>
      <c r="AA2959">
        <v>8.543609</v>
      </c>
      <c r="AB2959">
        <v>3.482207246653811</v>
      </c>
    </row>
    <row r="2960" spans="4:28" x14ac:dyDescent="0.25">
      <c r="D2960" s="40">
        <v>49.198033000002177</v>
      </c>
      <c r="E2960" s="40">
        <v>17.667060815935958</v>
      </c>
      <c r="F2960" s="40">
        <v>49.183333000000005</v>
      </c>
      <c r="G2960" s="40">
        <v>14.911326585828549</v>
      </c>
      <c r="H2960" s="40">
        <v>49.183334000000002</v>
      </c>
      <c r="I2960" s="40">
        <v>11.7155447934917</v>
      </c>
      <c r="J2960" s="40">
        <v>49.183315476190799</v>
      </c>
      <c r="K2960" s="40">
        <v>11.190073737291138</v>
      </c>
      <c r="L2960" s="40"/>
      <c r="M2960" s="40"/>
      <c r="N2960" s="40"/>
      <c r="Y2960">
        <v>31.900000000000006</v>
      </c>
      <c r="Z2960">
        <v>110.2</v>
      </c>
      <c r="AA2960">
        <v>8.5418249999999993</v>
      </c>
      <c r="AB2960">
        <v>3.4605990178914583</v>
      </c>
    </row>
    <row r="2961" spans="4:28" x14ac:dyDescent="0.25">
      <c r="D2961" s="40">
        <v>49.214699000002177</v>
      </c>
      <c r="E2961" s="40">
        <v>17.667060815935958</v>
      </c>
      <c r="F2961" s="40">
        <v>49.199999999999989</v>
      </c>
      <c r="G2961" s="40">
        <v>14.916081829918646</v>
      </c>
      <c r="H2961" s="40">
        <v>49.200000000000017</v>
      </c>
      <c r="I2961" s="40">
        <v>11.7155447934917</v>
      </c>
      <c r="J2961" s="40">
        <v>49.199982136905099</v>
      </c>
      <c r="K2961" s="40">
        <v>11.194924781000369</v>
      </c>
      <c r="L2961" s="40"/>
      <c r="M2961" s="40"/>
      <c r="N2961" s="40"/>
      <c r="Y2961">
        <v>31.916667000000004</v>
      </c>
      <c r="Z2961">
        <v>110.216667</v>
      </c>
      <c r="AA2961">
        <v>8.5400749999999999</v>
      </c>
      <c r="AB2961">
        <v>3.4394026051481328</v>
      </c>
    </row>
    <row r="2962" spans="4:28" x14ac:dyDescent="0.25">
      <c r="D2962" s="40">
        <v>49.231365000002178</v>
      </c>
      <c r="E2962" s="40">
        <v>17.671903994525508</v>
      </c>
      <c r="F2962" s="40">
        <v>49.216667000000001</v>
      </c>
      <c r="G2962" s="40">
        <v>14.916081829918646</v>
      </c>
      <c r="H2962" s="40">
        <v>49.216667000000001</v>
      </c>
      <c r="I2962" s="40">
        <v>11.71879891974829</v>
      </c>
      <c r="J2962" s="40">
        <v>49.216648797619399</v>
      </c>
      <c r="K2962" s="40">
        <v>11.194924781000369</v>
      </c>
      <c r="L2962" s="40"/>
      <c r="M2962" s="40"/>
      <c r="N2962" s="40"/>
      <c r="Y2962">
        <v>31.933333000000005</v>
      </c>
      <c r="Z2962">
        <v>110.233333</v>
      </c>
      <c r="AA2962">
        <v>8.5382909999999992</v>
      </c>
      <c r="AB2962">
        <v>3.4177943763857792</v>
      </c>
    </row>
    <row r="2963" spans="4:28" x14ac:dyDescent="0.25">
      <c r="D2963" s="40">
        <v>49.248031000002179</v>
      </c>
      <c r="E2963" s="40">
        <v>17.676604726685802</v>
      </c>
      <c r="F2963" s="40">
        <v>49.233332999999988</v>
      </c>
      <c r="G2963" s="40">
        <v>14.920697213888547</v>
      </c>
      <c r="H2963" s="40">
        <v>49.233334000000013</v>
      </c>
      <c r="I2963" s="40">
        <v>11.722151655891722</v>
      </c>
      <c r="J2963" s="40">
        <v>49.233315458333699</v>
      </c>
      <c r="K2963" s="40">
        <v>11.199775824709475</v>
      </c>
      <c r="L2963" s="40"/>
      <c r="M2963" s="40"/>
      <c r="N2963" s="40"/>
      <c r="Y2963">
        <v>31.950000000000003</v>
      </c>
      <c r="Z2963">
        <v>110.25</v>
      </c>
      <c r="AA2963">
        <v>8.5365070000000003</v>
      </c>
      <c r="AB2963">
        <v>3.3961861476234469</v>
      </c>
    </row>
    <row r="2964" spans="4:28" x14ac:dyDescent="0.25">
      <c r="D2964" s="40">
        <v>49.26469700000218</v>
      </c>
      <c r="E2964" s="40">
        <v>17.681447905275355</v>
      </c>
      <c r="F2964" s="40">
        <v>49.25</v>
      </c>
      <c r="G2964" s="40">
        <v>14.925452457978764</v>
      </c>
      <c r="H2964" s="40">
        <v>49.25</v>
      </c>
      <c r="I2964" s="40">
        <v>11.725504392034978</v>
      </c>
      <c r="J2964" s="40">
        <v>49.249982119047999</v>
      </c>
      <c r="K2964" s="40">
        <v>11.199775824709475</v>
      </c>
      <c r="L2964" s="40"/>
      <c r="M2964" s="40"/>
      <c r="N2964" s="40"/>
      <c r="Y2964">
        <v>31.966667000000001</v>
      </c>
      <c r="Z2964">
        <v>110.266667</v>
      </c>
      <c r="AA2964">
        <v>8.5347240000000006</v>
      </c>
      <c r="AB2964">
        <v>3.3745900310969601</v>
      </c>
    </row>
    <row r="2965" spans="4:28" x14ac:dyDescent="0.25">
      <c r="D2965" s="40">
        <v>49.28136300000218</v>
      </c>
      <c r="E2965" s="40">
        <v>17.681447905275355</v>
      </c>
      <c r="F2965" s="40">
        <v>49.266666999999984</v>
      </c>
      <c r="G2965" s="40">
        <v>14.930207702068859</v>
      </c>
      <c r="H2965" s="40">
        <v>49.266667000000012</v>
      </c>
      <c r="I2965" s="40">
        <v>11.725504392034978</v>
      </c>
      <c r="J2965" s="40">
        <v>49.266648779762299</v>
      </c>
      <c r="K2965" s="40">
        <v>11.204484190662535</v>
      </c>
      <c r="L2965" s="40"/>
      <c r="M2965" s="40"/>
      <c r="N2965" s="40"/>
      <c r="Y2965">
        <v>31.983333000000002</v>
      </c>
      <c r="Z2965">
        <v>110.283333</v>
      </c>
      <c r="AA2965">
        <v>8.53294</v>
      </c>
      <c r="AB2965">
        <v>3.3529818023346065</v>
      </c>
    </row>
    <row r="2966" spans="4:28" x14ac:dyDescent="0.25">
      <c r="D2966" s="40">
        <v>49.298029000002181</v>
      </c>
      <c r="E2966" s="40">
        <v>17.686291083864901</v>
      </c>
      <c r="F2966" s="40">
        <v>49.283332999999999</v>
      </c>
      <c r="G2966" s="40">
        <v>14.930207702068859</v>
      </c>
      <c r="H2966" s="40">
        <v>49.283333999999996</v>
      </c>
      <c r="I2966" s="40">
        <v>11.728758518291741</v>
      </c>
      <c r="J2966" s="40">
        <v>49.2833154404765</v>
      </c>
      <c r="K2966" s="40">
        <v>11.204484190662535</v>
      </c>
      <c r="L2966" s="40"/>
      <c r="M2966" s="40"/>
      <c r="N2966" s="40"/>
      <c r="Y2966">
        <v>32</v>
      </c>
      <c r="Z2966">
        <v>110.3</v>
      </c>
      <c r="AA2966">
        <v>8.5311559999999993</v>
      </c>
      <c r="AB2966">
        <v>3.3313735735722534</v>
      </c>
    </row>
    <row r="2967" spans="4:28" x14ac:dyDescent="0.25">
      <c r="D2967" s="40">
        <v>49.314695000002182</v>
      </c>
      <c r="E2967" s="40">
        <v>17.686291083864901</v>
      </c>
      <c r="F2967" s="40">
        <v>49.299999999999983</v>
      </c>
      <c r="G2967" s="40">
        <v>14.93482308603876</v>
      </c>
      <c r="H2967" s="40">
        <v>49.300000000000011</v>
      </c>
      <c r="I2967" s="40">
        <v>11.732111254434999</v>
      </c>
      <c r="J2967" s="40">
        <v>49.2999821011908</v>
      </c>
      <c r="K2967" s="40">
        <v>11.204484190662535</v>
      </c>
      <c r="L2967" s="40"/>
      <c r="M2967" s="40"/>
      <c r="N2967" s="40"/>
      <c r="Y2967">
        <v>32.016666999999998</v>
      </c>
      <c r="Z2967">
        <v>110.316667</v>
      </c>
      <c r="AA2967">
        <v>8.5293720000000004</v>
      </c>
      <c r="AB2967">
        <v>3.3097653448099216</v>
      </c>
    </row>
    <row r="2968" spans="4:28" x14ac:dyDescent="0.25">
      <c r="D2968" s="40">
        <v>49.331361000002182</v>
      </c>
      <c r="E2968" s="40">
        <v>17.690991816025328</v>
      </c>
      <c r="F2968" s="40">
        <v>49.316666999999995</v>
      </c>
      <c r="G2968" s="40">
        <v>14.939578330128978</v>
      </c>
      <c r="H2968" s="40">
        <v>49.316666999999995</v>
      </c>
      <c r="I2968" s="40">
        <v>11.732111254434999</v>
      </c>
      <c r="J2968" s="40">
        <v>49.3166487619051</v>
      </c>
      <c r="K2968" s="40">
        <v>11.204484190662535</v>
      </c>
      <c r="L2968" s="40"/>
      <c r="M2968" s="40"/>
      <c r="N2968" s="40"/>
      <c r="Y2968">
        <v>32.033332999999999</v>
      </c>
      <c r="Z2968">
        <v>110.333333</v>
      </c>
      <c r="AA2968">
        <v>8.5275879999999997</v>
      </c>
      <c r="AB2968">
        <v>3.2881571160475689</v>
      </c>
    </row>
    <row r="2969" spans="4:28" x14ac:dyDescent="0.25">
      <c r="D2969" s="40">
        <v>49.348027000002183</v>
      </c>
      <c r="E2969" s="40">
        <v>17.690991816025328</v>
      </c>
      <c r="F2969" s="40">
        <v>49.333332999999982</v>
      </c>
      <c r="G2969" s="40">
        <v>14.939578330128978</v>
      </c>
      <c r="H2969" s="40">
        <v>49.333334000000008</v>
      </c>
      <c r="I2969" s="40">
        <v>11.732111254434999</v>
      </c>
      <c r="J2969" s="40">
        <v>49.3333154226194</v>
      </c>
      <c r="K2969" s="40">
        <v>11.204484190662535</v>
      </c>
      <c r="L2969" s="40"/>
      <c r="M2969" s="40"/>
      <c r="N2969" s="40"/>
      <c r="Y2969">
        <v>32.049999999999997</v>
      </c>
      <c r="Z2969">
        <v>110.35</v>
      </c>
      <c r="AA2969">
        <v>8.5258050000000001</v>
      </c>
      <c r="AB2969">
        <v>3.2665609995210807</v>
      </c>
    </row>
    <row r="2970" spans="4:28" x14ac:dyDescent="0.25">
      <c r="D2970" s="40">
        <v>49.364693000002184</v>
      </c>
      <c r="E2970" s="40">
        <v>17.695834994614749</v>
      </c>
      <c r="F2970" s="40">
        <v>49.349999999999994</v>
      </c>
      <c r="G2970" s="40">
        <v>14.944333574219199</v>
      </c>
      <c r="H2970" s="40">
        <v>49.349999999999994</v>
      </c>
      <c r="I2970" s="40">
        <v>11.735463990578429</v>
      </c>
      <c r="J2970" s="40">
        <v>49.3499820833337</v>
      </c>
      <c r="K2970" s="40">
        <v>11.204484190662535</v>
      </c>
      <c r="L2970" s="40"/>
      <c r="M2970" s="40"/>
      <c r="N2970" s="40"/>
      <c r="Y2970">
        <v>32.06666700000001</v>
      </c>
      <c r="Z2970">
        <v>110.36666700000001</v>
      </c>
      <c r="AA2970">
        <v>8.5240209999999994</v>
      </c>
      <c r="AB2970">
        <v>3.244952770758728</v>
      </c>
    </row>
    <row r="2971" spans="4:28" x14ac:dyDescent="0.25">
      <c r="D2971" s="40">
        <v>49.381359000002185</v>
      </c>
      <c r="E2971" s="40">
        <v>17.695834994614749</v>
      </c>
      <c r="F2971" s="40">
        <v>49.366667000000007</v>
      </c>
      <c r="G2971" s="40">
        <v>14.948948958188975</v>
      </c>
      <c r="H2971" s="40">
        <v>49.366667000000007</v>
      </c>
      <c r="I2971" s="40">
        <v>11.735463990578429</v>
      </c>
      <c r="J2971" s="40">
        <v>49.366648744048</v>
      </c>
      <c r="K2971" s="40">
        <v>11.204484190662535</v>
      </c>
      <c r="L2971" s="40"/>
      <c r="M2971" s="40"/>
      <c r="N2971" s="40"/>
      <c r="Y2971">
        <v>32.083332999999996</v>
      </c>
      <c r="Z2971">
        <v>110.38333299999999</v>
      </c>
      <c r="AA2971">
        <v>8.5222370000000005</v>
      </c>
      <c r="AB2971">
        <v>3.2233445419963958</v>
      </c>
    </row>
    <row r="2972" spans="4:28" x14ac:dyDescent="0.25">
      <c r="D2972" s="40">
        <v>49.398025000002185</v>
      </c>
      <c r="E2972" s="40">
        <v>17.695834994614749</v>
      </c>
      <c r="F2972" s="40">
        <v>49.383332999999993</v>
      </c>
      <c r="G2972" s="40">
        <v>14.953704202279193</v>
      </c>
      <c r="H2972" s="40">
        <v>49.383334000000019</v>
      </c>
      <c r="I2972" s="40">
        <v>11.738816726721687</v>
      </c>
      <c r="J2972" s="40">
        <v>49.3833154047623</v>
      </c>
      <c r="K2972" s="40">
        <v>11.209335234371768</v>
      </c>
      <c r="L2972" s="40"/>
      <c r="M2972" s="40"/>
      <c r="N2972" s="40"/>
      <c r="Y2972">
        <v>32.100000000000009</v>
      </c>
      <c r="Z2972">
        <v>110.4</v>
      </c>
      <c r="AA2972">
        <v>8.5204529999999998</v>
      </c>
      <c r="AB2972">
        <v>3.2017363132340431</v>
      </c>
    </row>
    <row r="2973" spans="4:28" x14ac:dyDescent="0.25">
      <c r="D2973" s="40">
        <v>49.414691000002186</v>
      </c>
      <c r="E2973" s="40">
        <v>17.700678173204299</v>
      </c>
      <c r="F2973" s="40">
        <v>49.400000000000006</v>
      </c>
      <c r="G2973" s="40">
        <v>14.958459446369412</v>
      </c>
      <c r="H2973" s="40">
        <v>49.400000000000006</v>
      </c>
      <c r="I2973" s="40">
        <v>11.738816726721687</v>
      </c>
      <c r="J2973" s="40">
        <v>49.3999820654765</v>
      </c>
      <c r="K2973" s="40">
        <v>11.209335234371768</v>
      </c>
      <c r="L2973" s="40"/>
      <c r="M2973" s="40"/>
      <c r="N2973" s="40"/>
      <c r="Y2973">
        <v>32.116667000000007</v>
      </c>
      <c r="Z2973">
        <v>110.416667</v>
      </c>
      <c r="AA2973">
        <v>8.5186689999999992</v>
      </c>
      <c r="AB2973">
        <v>3.1801280844716895</v>
      </c>
    </row>
    <row r="2974" spans="4:28" x14ac:dyDescent="0.25">
      <c r="D2974" s="40">
        <v>49.431357000002187</v>
      </c>
      <c r="E2974" s="40">
        <v>17.700678173204299</v>
      </c>
      <c r="F2974" s="40">
        <v>49.41666699999999</v>
      </c>
      <c r="G2974" s="40">
        <v>14.958459446369412</v>
      </c>
      <c r="H2974" s="40">
        <v>49.416667000000018</v>
      </c>
      <c r="I2974" s="40">
        <v>11.742070852978451</v>
      </c>
      <c r="J2974" s="40">
        <v>49.4166487261908</v>
      </c>
      <c r="K2974" s="40">
        <v>11.209335234371768</v>
      </c>
      <c r="L2974" s="40"/>
      <c r="M2974" s="40"/>
      <c r="N2974" s="40"/>
      <c r="Y2974">
        <v>32.133333000000007</v>
      </c>
      <c r="Z2974">
        <v>110.433333</v>
      </c>
      <c r="AA2974">
        <v>8.5168859999999995</v>
      </c>
      <c r="AB2974">
        <v>3.1585319679452022</v>
      </c>
    </row>
    <row r="2975" spans="4:28" x14ac:dyDescent="0.25">
      <c r="D2975" s="40">
        <v>49.448023000002188</v>
      </c>
      <c r="E2975" s="40">
        <v>17.700678173204299</v>
      </c>
      <c r="F2975" s="40">
        <v>49.433333000000005</v>
      </c>
      <c r="G2975" s="40">
        <v>14.96307483033919</v>
      </c>
      <c r="H2975" s="40">
        <v>49.433334000000002</v>
      </c>
      <c r="I2975" s="40">
        <v>11.745423589121708</v>
      </c>
      <c r="J2975" s="40">
        <v>49.4333153869051</v>
      </c>
      <c r="K2975" s="40">
        <v>11.209335234371768</v>
      </c>
      <c r="L2975" s="40"/>
      <c r="M2975" s="40"/>
      <c r="N2975" s="40"/>
      <c r="Y2975">
        <v>32.150000000000006</v>
      </c>
      <c r="Z2975">
        <v>110.45</v>
      </c>
      <c r="AA2975">
        <v>8.5151020000000006</v>
      </c>
      <c r="AB2975">
        <v>3.1369237391828704</v>
      </c>
    </row>
    <row r="2976" spans="4:28" x14ac:dyDescent="0.25">
      <c r="D2976" s="40">
        <v>49.464689000002188</v>
      </c>
      <c r="E2976" s="40">
        <v>17.700678173204299</v>
      </c>
      <c r="F2976" s="40">
        <v>49.449999999999989</v>
      </c>
      <c r="G2976" s="40">
        <v>14.967830074429408</v>
      </c>
      <c r="H2976" s="40">
        <v>49.450000000000017</v>
      </c>
      <c r="I2976" s="40">
        <v>11.745423589121708</v>
      </c>
      <c r="J2976" s="40">
        <v>49.4499820476194</v>
      </c>
      <c r="K2976" s="40">
        <v>11.209335234371768</v>
      </c>
      <c r="L2976" s="40"/>
      <c r="M2976" s="40"/>
      <c r="N2976" s="40"/>
      <c r="Y2976">
        <v>32.166667000000004</v>
      </c>
      <c r="Z2976">
        <v>110.466667</v>
      </c>
      <c r="AA2976">
        <v>8.5133179999999999</v>
      </c>
      <c r="AB2976">
        <v>3.1153155104205172</v>
      </c>
    </row>
    <row r="2977" spans="4:28" x14ac:dyDescent="0.25">
      <c r="D2977" s="40">
        <v>49.481355000002189</v>
      </c>
      <c r="E2977" s="40">
        <v>17.700678173204299</v>
      </c>
      <c r="F2977" s="40">
        <v>49.466667000000001</v>
      </c>
      <c r="G2977" s="40">
        <v>14.967830074429408</v>
      </c>
      <c r="H2977" s="40">
        <v>49.466667000000001</v>
      </c>
      <c r="I2977" s="40">
        <v>11.74877632526514</v>
      </c>
      <c r="J2977" s="40">
        <v>49.4666487083337</v>
      </c>
      <c r="K2977" s="40">
        <v>11.214186278080874</v>
      </c>
      <c r="L2977" s="40"/>
      <c r="M2977" s="40"/>
      <c r="N2977" s="40"/>
      <c r="Y2977">
        <v>32.183333000000005</v>
      </c>
      <c r="Z2977">
        <v>110.483333</v>
      </c>
      <c r="AA2977">
        <v>8.5115339999999993</v>
      </c>
      <c r="AB2977">
        <v>3.0937072816581637</v>
      </c>
    </row>
    <row r="2978" spans="4:28" x14ac:dyDescent="0.25">
      <c r="D2978" s="40">
        <v>49.49802100000219</v>
      </c>
      <c r="E2978" s="40">
        <v>17.700678173204299</v>
      </c>
      <c r="F2978" s="40">
        <v>49.483332999999988</v>
      </c>
      <c r="G2978" s="40">
        <v>14.972585318519627</v>
      </c>
      <c r="H2978" s="40">
        <v>49.483334000000013</v>
      </c>
      <c r="I2978" s="40">
        <v>11.752030451521728</v>
      </c>
      <c r="J2978" s="40">
        <v>49.483315369048</v>
      </c>
      <c r="K2978" s="40">
        <v>11.214186278080874</v>
      </c>
      <c r="L2978" s="40"/>
      <c r="M2978" s="40"/>
      <c r="N2978" s="40"/>
      <c r="Y2978">
        <v>32.200000000000003</v>
      </c>
      <c r="Z2978">
        <v>110.5</v>
      </c>
      <c r="AA2978">
        <v>8.5097500000000004</v>
      </c>
      <c r="AB2978">
        <v>3.0720990528958318</v>
      </c>
    </row>
    <row r="2979" spans="4:28" x14ac:dyDescent="0.25">
      <c r="D2979" s="40">
        <v>49.514687000002191</v>
      </c>
      <c r="E2979" s="40">
        <v>17.695834994614749</v>
      </c>
      <c r="F2979" s="40">
        <v>49.5</v>
      </c>
      <c r="G2979" s="40">
        <v>14.972585318519627</v>
      </c>
      <c r="H2979" s="40">
        <v>49.5</v>
      </c>
      <c r="I2979" s="40">
        <v>11.752030451521728</v>
      </c>
      <c r="J2979" s="40">
        <v>49.4999820297623</v>
      </c>
      <c r="K2979" s="40">
        <v>11.214186278080874</v>
      </c>
      <c r="L2979" s="40"/>
      <c r="M2979" s="40"/>
      <c r="N2979" s="40"/>
      <c r="Y2979">
        <v>32.216667000000001</v>
      </c>
      <c r="Z2979">
        <v>110.516667</v>
      </c>
      <c r="AA2979">
        <v>8.5079670000000007</v>
      </c>
      <c r="AB2979">
        <v>3.0505029363693446</v>
      </c>
    </row>
    <row r="2980" spans="4:28" x14ac:dyDescent="0.25">
      <c r="D2980" s="40">
        <v>49.531353000002191</v>
      </c>
      <c r="E2980" s="40">
        <v>17.695834994614749</v>
      </c>
      <c r="F2980" s="40">
        <v>49.516666999999984</v>
      </c>
      <c r="G2980" s="40">
        <v>14.977200702489528</v>
      </c>
      <c r="H2980" s="40">
        <v>49.516667000000012</v>
      </c>
      <c r="I2980" s="40">
        <v>11.75538318766516</v>
      </c>
      <c r="J2980" s="40">
        <v>49.516648690476501</v>
      </c>
      <c r="K2980" s="40">
        <v>11.214186278080874</v>
      </c>
      <c r="L2980" s="40"/>
      <c r="M2980" s="40"/>
      <c r="N2980" s="40"/>
      <c r="Y2980">
        <v>32.233333000000002</v>
      </c>
      <c r="Z2980">
        <v>110.533333</v>
      </c>
      <c r="AA2980">
        <v>8.506183</v>
      </c>
      <c r="AB2980">
        <v>3.028894707606991</v>
      </c>
    </row>
    <row r="2981" spans="4:28" x14ac:dyDescent="0.25">
      <c r="D2981" s="40">
        <v>49.548019000002192</v>
      </c>
      <c r="E2981" s="40">
        <v>17.695834994614749</v>
      </c>
      <c r="F2981" s="40">
        <v>49.533332999999999</v>
      </c>
      <c r="G2981" s="40">
        <v>14.977200702489528</v>
      </c>
      <c r="H2981" s="40">
        <v>49.533333999999996</v>
      </c>
      <c r="I2981" s="40">
        <v>11.75538318766516</v>
      </c>
      <c r="J2981" s="40">
        <v>49.533315351190801</v>
      </c>
      <c r="K2981" s="40">
        <v>11.214186278080874</v>
      </c>
      <c r="L2981" s="40"/>
      <c r="M2981" s="40"/>
      <c r="N2981" s="40"/>
      <c r="Y2981">
        <v>32.25</v>
      </c>
      <c r="Z2981">
        <v>110.55</v>
      </c>
      <c r="AA2981">
        <v>8.5043989999999994</v>
      </c>
      <c r="AB2981">
        <v>3.0072864788446378</v>
      </c>
    </row>
    <row r="2982" spans="4:28" x14ac:dyDescent="0.25">
      <c r="D2982" s="40">
        <v>49.564685000002193</v>
      </c>
      <c r="E2982" s="40">
        <v>17.695834994614749</v>
      </c>
      <c r="F2982" s="40">
        <v>49.549999999999983</v>
      </c>
      <c r="G2982" s="40">
        <v>14.981955946579623</v>
      </c>
      <c r="H2982" s="40">
        <v>49.550000000000011</v>
      </c>
      <c r="I2982" s="40">
        <v>11.758735923808418</v>
      </c>
      <c r="J2982" s="40">
        <v>49.549982011905101</v>
      </c>
      <c r="K2982" s="40">
        <v>11.214186278080874</v>
      </c>
      <c r="L2982" s="40"/>
      <c r="M2982" s="40"/>
      <c r="N2982" s="40"/>
      <c r="Y2982">
        <v>32.266666999999998</v>
      </c>
      <c r="Z2982">
        <v>110.566667</v>
      </c>
      <c r="AA2982">
        <v>8.5026150000000005</v>
      </c>
      <c r="AB2982">
        <v>2.985678250082306</v>
      </c>
    </row>
    <row r="2983" spans="4:28" x14ac:dyDescent="0.25">
      <c r="D2983" s="40">
        <v>49.581351000002194</v>
      </c>
      <c r="E2983" s="40">
        <v>17.700678173204299</v>
      </c>
      <c r="F2983" s="40">
        <v>49.566666999999995</v>
      </c>
      <c r="G2983" s="40">
        <v>14.986711190669842</v>
      </c>
      <c r="H2983" s="40">
        <v>49.566666999999995</v>
      </c>
      <c r="I2983" s="40">
        <v>11.758735923808418</v>
      </c>
      <c r="J2983" s="40">
        <v>49.566648672619401</v>
      </c>
      <c r="K2983" s="40">
        <v>11.209335234371768</v>
      </c>
      <c r="L2983" s="40"/>
      <c r="M2983" s="40"/>
      <c r="N2983" s="40"/>
      <c r="Y2983">
        <v>32.283332999999999</v>
      </c>
      <c r="Z2983">
        <v>110.583333</v>
      </c>
      <c r="AA2983">
        <v>8.5008309999999998</v>
      </c>
      <c r="AB2983">
        <v>2.9640700213199529</v>
      </c>
    </row>
    <row r="2984" spans="4:28" x14ac:dyDescent="0.25">
      <c r="D2984" s="40">
        <v>49.598017000002194</v>
      </c>
      <c r="E2984" s="40">
        <v>17.700678173204299</v>
      </c>
      <c r="F2984" s="40">
        <v>49.583332999999982</v>
      </c>
      <c r="G2984" s="40">
        <v>14.991466434759937</v>
      </c>
      <c r="H2984" s="40">
        <v>49.583334000000008</v>
      </c>
      <c r="I2984" s="40">
        <v>11.761990050065181</v>
      </c>
      <c r="J2984" s="40">
        <v>49.583315333333701</v>
      </c>
      <c r="K2984" s="40">
        <v>11.209335234371768</v>
      </c>
      <c r="L2984" s="40"/>
      <c r="M2984" s="40"/>
      <c r="N2984" s="40"/>
      <c r="Y2984">
        <v>32.299999999999997</v>
      </c>
      <c r="Z2984">
        <v>110.6</v>
      </c>
      <c r="AA2984">
        <v>8.4990480000000002</v>
      </c>
      <c r="AB2984">
        <v>2.9424739047934656</v>
      </c>
    </row>
    <row r="2985" spans="4:28" x14ac:dyDescent="0.25">
      <c r="D2985" s="40">
        <v>49.614683000002195</v>
      </c>
      <c r="E2985" s="40">
        <v>17.700678173204299</v>
      </c>
      <c r="F2985" s="40">
        <v>49.599999999999994</v>
      </c>
      <c r="G2985" s="40">
        <v>14.996081818729838</v>
      </c>
      <c r="H2985" s="40">
        <v>49.599999999999994</v>
      </c>
      <c r="I2985" s="40">
        <v>11.765342786208439</v>
      </c>
      <c r="J2985" s="40">
        <v>49.599981994048001</v>
      </c>
      <c r="K2985" s="40">
        <v>11.209335234371768</v>
      </c>
      <c r="L2985" s="40"/>
      <c r="M2985" s="40"/>
      <c r="N2985" s="40"/>
      <c r="Y2985">
        <v>32.31666700000001</v>
      </c>
      <c r="Z2985">
        <v>110.61666700000001</v>
      </c>
      <c r="AA2985">
        <v>8.4972639999999995</v>
      </c>
      <c r="AB2985">
        <v>2.9208656760311125</v>
      </c>
    </row>
    <row r="2986" spans="4:28" x14ac:dyDescent="0.25">
      <c r="D2986" s="40">
        <v>49.631349000002196</v>
      </c>
      <c r="E2986" s="40">
        <v>17.700678173204299</v>
      </c>
      <c r="F2986" s="40">
        <v>49.616667000000007</v>
      </c>
      <c r="G2986" s="40">
        <v>14.996081818729838</v>
      </c>
      <c r="H2986" s="40">
        <v>49.616667000000007</v>
      </c>
      <c r="I2986" s="40">
        <v>11.765342786208439</v>
      </c>
      <c r="J2986" s="40">
        <v>49.616648654762301</v>
      </c>
      <c r="K2986" s="40">
        <v>11.209335234371768</v>
      </c>
      <c r="L2986" s="40"/>
      <c r="M2986" s="40"/>
      <c r="N2986" s="40"/>
      <c r="Y2986">
        <v>32.333332999999996</v>
      </c>
      <c r="Z2986">
        <v>110.63333299999999</v>
      </c>
      <c r="AA2986">
        <v>8.4954800000000006</v>
      </c>
      <c r="AB2986">
        <v>2.8992574472687807</v>
      </c>
    </row>
    <row r="2987" spans="4:28" x14ac:dyDescent="0.25">
      <c r="D2987" s="40">
        <v>49.648015000002196</v>
      </c>
      <c r="E2987" s="40">
        <v>17.700678173204299</v>
      </c>
      <c r="F2987" s="40">
        <v>49.633332999999993</v>
      </c>
      <c r="G2987" s="40">
        <v>15.000837062820056</v>
      </c>
      <c r="H2987" s="40">
        <v>49.633334000000019</v>
      </c>
      <c r="I2987" s="40">
        <v>11.768695522351871</v>
      </c>
      <c r="J2987" s="40">
        <v>49.633315315476501</v>
      </c>
      <c r="K2987" s="40">
        <v>11.214186278080874</v>
      </c>
      <c r="L2987" s="40"/>
      <c r="M2987" s="40"/>
      <c r="N2987" s="40"/>
      <c r="Y2987">
        <v>32.350000000000009</v>
      </c>
      <c r="Z2987">
        <v>110.65</v>
      </c>
      <c r="AA2987">
        <v>8.4936959999999999</v>
      </c>
      <c r="AB2987">
        <v>2.8776492185064275</v>
      </c>
    </row>
    <row r="2988" spans="4:28" x14ac:dyDescent="0.25">
      <c r="D2988" s="40">
        <v>49.664681000002197</v>
      </c>
      <c r="E2988" s="40">
        <v>17.705378905364725</v>
      </c>
      <c r="F2988" s="40">
        <v>49.650000000000006</v>
      </c>
      <c r="G2988" s="40">
        <v>15.005592306910277</v>
      </c>
      <c r="H2988" s="40">
        <v>49.650000000000006</v>
      </c>
      <c r="I2988" s="40">
        <v>11.771949648608635</v>
      </c>
      <c r="J2988" s="40">
        <v>49.649981976190801</v>
      </c>
      <c r="K2988" s="40">
        <v>11.214186278080874</v>
      </c>
      <c r="L2988" s="40"/>
      <c r="M2988" s="40"/>
      <c r="N2988" s="40"/>
      <c r="Y2988">
        <v>32.366667000000007</v>
      </c>
      <c r="Z2988">
        <v>110.666667</v>
      </c>
      <c r="AA2988">
        <v>8.4919460000000004</v>
      </c>
      <c r="AB2988">
        <v>2.8564528057631016</v>
      </c>
    </row>
    <row r="2989" spans="4:28" x14ac:dyDescent="0.25">
      <c r="D2989" s="40">
        <v>49.681347000002198</v>
      </c>
      <c r="E2989" s="40">
        <v>17.705378905364725</v>
      </c>
      <c r="F2989" s="40">
        <v>49.66666699999999</v>
      </c>
      <c r="G2989" s="40">
        <v>15.005592306910277</v>
      </c>
      <c r="H2989" s="40">
        <v>49.666667000000018</v>
      </c>
      <c r="I2989" s="40">
        <v>11.775302384751891</v>
      </c>
      <c r="J2989" s="40">
        <v>49.666648636905101</v>
      </c>
      <c r="K2989" s="40">
        <v>11.214186278080874</v>
      </c>
      <c r="L2989" s="40"/>
      <c r="M2989" s="40"/>
      <c r="N2989" s="40"/>
      <c r="Y2989">
        <v>32.383333000000007</v>
      </c>
      <c r="Z2989">
        <v>110.683333</v>
      </c>
      <c r="AA2989">
        <v>8.4901619999999998</v>
      </c>
      <c r="AB2989">
        <v>2.8348445770007484</v>
      </c>
    </row>
    <row r="2990" spans="4:28" x14ac:dyDescent="0.25">
      <c r="D2990" s="40">
        <v>49.698013000002199</v>
      </c>
      <c r="E2990" s="40">
        <v>17.710222083954147</v>
      </c>
      <c r="F2990" s="40">
        <v>49.683333000000005</v>
      </c>
      <c r="G2990" s="40">
        <v>15.010207690880053</v>
      </c>
      <c r="H2990" s="40">
        <v>49.683334000000002</v>
      </c>
      <c r="I2990" s="40">
        <v>11.778655120895147</v>
      </c>
      <c r="J2990" s="40">
        <v>49.683315297619401</v>
      </c>
      <c r="K2990" s="40">
        <v>11.214186278080874</v>
      </c>
      <c r="L2990" s="40"/>
      <c r="M2990" s="40"/>
      <c r="N2990" s="40"/>
      <c r="Y2990">
        <v>32.400000000000006</v>
      </c>
      <c r="Z2990">
        <v>110.7</v>
      </c>
      <c r="AA2990">
        <v>8.4883780000000009</v>
      </c>
      <c r="AB2990">
        <v>2.8132363482384166</v>
      </c>
    </row>
    <row r="2991" spans="4:28" x14ac:dyDescent="0.25">
      <c r="D2991" s="40">
        <v>49.714679000002199</v>
      </c>
      <c r="E2991" s="40">
        <v>17.715065262543693</v>
      </c>
      <c r="F2991" s="40">
        <v>49.699999999999989</v>
      </c>
      <c r="G2991" s="40">
        <v>15.014962934970271</v>
      </c>
      <c r="H2991" s="40">
        <v>49.700000000000017</v>
      </c>
      <c r="I2991" s="40">
        <v>11.78190924715191</v>
      </c>
      <c r="J2991" s="40">
        <v>49.699981958333701</v>
      </c>
      <c r="K2991" s="40">
        <v>11.214186278080874</v>
      </c>
      <c r="L2991" s="40"/>
      <c r="M2991" s="40"/>
      <c r="N2991" s="40"/>
      <c r="Y2991">
        <v>32.416667000000004</v>
      </c>
      <c r="Z2991">
        <v>110.716667</v>
      </c>
      <c r="AA2991">
        <v>8.4866279999999996</v>
      </c>
      <c r="AB2991">
        <v>2.7920399354950698</v>
      </c>
    </row>
    <row r="2992" spans="4:28" x14ac:dyDescent="0.25">
      <c r="D2992" s="40">
        <v>49.7313450000022</v>
      </c>
      <c r="E2992" s="40">
        <v>17.719765994704119</v>
      </c>
      <c r="F2992" s="40">
        <v>49.716667000000001</v>
      </c>
      <c r="G2992" s="40">
        <v>15.01971817906049</v>
      </c>
      <c r="H2992" s="40">
        <v>49.716667000000001</v>
      </c>
      <c r="I2992" s="40">
        <v>11.785261983295168</v>
      </c>
      <c r="J2992" s="40">
        <v>49.716648619048001</v>
      </c>
      <c r="K2992" s="40">
        <v>11.214186278080874</v>
      </c>
      <c r="L2992" s="40"/>
      <c r="M2992" s="40"/>
      <c r="N2992" s="40"/>
      <c r="Y2992">
        <v>32.433333000000005</v>
      </c>
      <c r="Z2992">
        <v>110.733333</v>
      </c>
      <c r="AA2992">
        <v>8.4848440000000007</v>
      </c>
      <c r="AB2992">
        <v>2.7704317067327384</v>
      </c>
    </row>
    <row r="2993" spans="4:28" x14ac:dyDescent="0.25">
      <c r="D2993" s="40">
        <v>49.748011000002201</v>
      </c>
      <c r="E2993" s="40">
        <v>17.719765994704119</v>
      </c>
      <c r="F2993" s="40">
        <v>49.733332999999988</v>
      </c>
      <c r="G2993" s="40">
        <v>15.01971817906049</v>
      </c>
      <c r="H2993" s="40">
        <v>49.733334000000013</v>
      </c>
      <c r="I2993" s="40">
        <v>11.7886147194386</v>
      </c>
      <c r="J2993" s="40">
        <v>49.733315279762301</v>
      </c>
      <c r="K2993" s="40">
        <v>11.214186278080874</v>
      </c>
      <c r="L2993" s="40"/>
      <c r="M2993" s="40"/>
      <c r="N2993" s="40"/>
      <c r="Y2993">
        <v>32.450000000000003</v>
      </c>
      <c r="Z2993">
        <v>110.75</v>
      </c>
      <c r="AA2993">
        <v>8.4830609999999993</v>
      </c>
      <c r="AB2993">
        <v>2.7488355902062294</v>
      </c>
    </row>
    <row r="2994" spans="4:28" x14ac:dyDescent="0.25">
      <c r="D2994" s="40">
        <v>49.764677000002202</v>
      </c>
      <c r="E2994" s="40">
        <v>17.72460917329354</v>
      </c>
      <c r="F2994" s="40">
        <v>49.75</v>
      </c>
      <c r="G2994" s="40">
        <v>15.024333563030268</v>
      </c>
      <c r="H2994" s="40">
        <v>49.75</v>
      </c>
      <c r="I2994" s="40">
        <v>11.791868845695364</v>
      </c>
      <c r="J2994" s="40">
        <v>49.749981940476502</v>
      </c>
      <c r="K2994" s="40">
        <v>11.218894644033933</v>
      </c>
      <c r="L2994" s="40"/>
      <c r="M2994" s="40"/>
      <c r="N2994" s="40"/>
      <c r="Y2994">
        <v>32.466667000000001</v>
      </c>
      <c r="Z2994">
        <v>110.766667</v>
      </c>
      <c r="AA2994">
        <v>8.4812770000000004</v>
      </c>
      <c r="AB2994">
        <v>2.7272273614438975</v>
      </c>
    </row>
    <row r="2995" spans="4:28" x14ac:dyDescent="0.25">
      <c r="D2995" s="40">
        <v>49.781343000002202</v>
      </c>
      <c r="E2995" s="40">
        <v>17.72945235188309</v>
      </c>
      <c r="F2995" s="40">
        <v>49.766666999999984</v>
      </c>
      <c r="G2995" s="40">
        <v>15.029088807120486</v>
      </c>
      <c r="H2995" s="40">
        <v>49.766667000000012</v>
      </c>
      <c r="I2995" s="40">
        <v>11.79522158183862</v>
      </c>
      <c r="J2995" s="40">
        <v>49.766648601190802</v>
      </c>
      <c r="K2995" s="40">
        <v>11.218894644033933</v>
      </c>
      <c r="L2995" s="40"/>
      <c r="M2995" s="40"/>
      <c r="N2995" s="40"/>
      <c r="Y2995">
        <v>32.483333000000002</v>
      </c>
      <c r="Z2995">
        <v>110.783333</v>
      </c>
      <c r="AA2995">
        <v>8.4794929999999997</v>
      </c>
      <c r="AB2995">
        <v>2.7056191326815444</v>
      </c>
    </row>
    <row r="2996" spans="4:28" x14ac:dyDescent="0.25">
      <c r="D2996" s="40">
        <v>49.798009000002203</v>
      </c>
      <c r="E2996" s="40">
        <v>17.734153084043513</v>
      </c>
      <c r="F2996" s="40">
        <v>49.783332999999999</v>
      </c>
      <c r="G2996" s="40">
        <v>15.033844051210705</v>
      </c>
      <c r="H2996" s="40">
        <v>49.783333999999996</v>
      </c>
      <c r="I2996" s="40">
        <v>11.798574317981878</v>
      </c>
      <c r="J2996" s="40">
        <v>49.783315261905102</v>
      </c>
      <c r="K2996" s="40">
        <v>11.218894644033933</v>
      </c>
      <c r="L2996" s="40"/>
      <c r="M2996" s="40"/>
      <c r="N2996" s="40"/>
      <c r="Y2996">
        <v>32.5</v>
      </c>
      <c r="Z2996">
        <v>110.8</v>
      </c>
      <c r="AA2996">
        <v>8.4777430000000003</v>
      </c>
      <c r="AB2996">
        <v>2.6844227199382185</v>
      </c>
    </row>
    <row r="2997" spans="4:28" x14ac:dyDescent="0.25">
      <c r="D2997" s="40">
        <v>49.814675000002204</v>
      </c>
      <c r="E2997" s="40">
        <v>17.734153084043513</v>
      </c>
      <c r="F2997" s="40">
        <v>49.799999999999983</v>
      </c>
      <c r="G2997" s="40">
        <v>15.033844051210705</v>
      </c>
      <c r="H2997" s="40">
        <v>49.800000000000011</v>
      </c>
      <c r="I2997" s="40">
        <v>11.801828444238641</v>
      </c>
      <c r="J2997" s="40">
        <v>49.799981922619402</v>
      </c>
      <c r="K2997" s="40">
        <v>11.218894644033933</v>
      </c>
      <c r="L2997" s="40"/>
      <c r="M2997" s="40"/>
      <c r="N2997" s="40"/>
      <c r="Y2997">
        <v>32.516666999999998</v>
      </c>
      <c r="Z2997">
        <v>110.816667</v>
      </c>
      <c r="AA2997">
        <v>8.4759589999999996</v>
      </c>
      <c r="AB2997">
        <v>2.6628144911758653</v>
      </c>
    </row>
    <row r="2998" spans="4:28" x14ac:dyDescent="0.25">
      <c r="D2998" s="40">
        <v>49.831341000002205</v>
      </c>
      <c r="E2998" s="40">
        <v>17.738996262632938</v>
      </c>
      <c r="F2998" s="40">
        <v>49.816666999999995</v>
      </c>
      <c r="G2998" s="40">
        <v>15.038459435180606</v>
      </c>
      <c r="H2998" s="40">
        <v>49.816666999999995</v>
      </c>
      <c r="I2998" s="40">
        <v>11.801828444238641</v>
      </c>
      <c r="J2998" s="40">
        <v>49.816648583333702</v>
      </c>
      <c r="K2998" s="40">
        <v>11.218894644033933</v>
      </c>
      <c r="L2998" s="40"/>
      <c r="M2998" s="40"/>
      <c r="N2998" s="40"/>
      <c r="Y2998">
        <v>32.533332999999999</v>
      </c>
      <c r="Z2998">
        <v>110.833333</v>
      </c>
      <c r="AA2998">
        <v>8.4741750000000007</v>
      </c>
      <c r="AB2998">
        <v>2.6412062624135335</v>
      </c>
    </row>
    <row r="2999" spans="4:28" x14ac:dyDescent="0.25">
      <c r="D2999" s="40">
        <v>49.848007000002205</v>
      </c>
      <c r="E2999" s="40">
        <v>17.743839441222487</v>
      </c>
      <c r="F2999" s="40">
        <v>49.833332999999982</v>
      </c>
      <c r="G2999" s="40">
        <v>15.043214679270701</v>
      </c>
      <c r="H2999" s="40">
        <v>49.833334000000008</v>
      </c>
      <c r="I2999" s="40">
        <v>11.805181180382073</v>
      </c>
      <c r="J2999" s="40">
        <v>49.833315244048002</v>
      </c>
      <c r="K2999" s="40">
        <v>11.218894644033933</v>
      </c>
      <c r="L2999" s="40"/>
      <c r="M2999" s="40"/>
      <c r="N2999" s="40"/>
      <c r="Y2999">
        <v>32.549999999999997</v>
      </c>
      <c r="Z2999">
        <v>110.85</v>
      </c>
      <c r="AA2999">
        <v>8.4724249999999994</v>
      </c>
      <c r="AB2999">
        <v>2.6200098496701867</v>
      </c>
    </row>
    <row r="3000" spans="4:28" x14ac:dyDescent="0.25">
      <c r="D3000" s="40">
        <v>49.864673000002206</v>
      </c>
      <c r="E3000" s="40">
        <v>17.74854017338291</v>
      </c>
      <c r="F3000" s="40">
        <v>49.849999999999994</v>
      </c>
      <c r="G3000" s="40">
        <v>15.04796992336092</v>
      </c>
      <c r="H3000" s="40">
        <v>49.849999999999994</v>
      </c>
      <c r="I3000" s="40">
        <v>11.808533916525331</v>
      </c>
      <c r="J3000" s="40">
        <v>49.849981904762302</v>
      </c>
      <c r="K3000" s="40">
        <v>11.223745687743165</v>
      </c>
      <c r="L3000" s="40"/>
      <c r="M3000" s="40"/>
      <c r="N3000" s="40"/>
      <c r="Y3000">
        <v>32.56666700000001</v>
      </c>
      <c r="Z3000">
        <v>110.86666700000001</v>
      </c>
      <c r="AA3000">
        <v>8.4706410000000005</v>
      </c>
      <c r="AB3000">
        <v>2.5984016209078553</v>
      </c>
    </row>
    <row r="3001" spans="4:28" x14ac:dyDescent="0.25">
      <c r="D3001" s="40">
        <v>49.881339000002207</v>
      </c>
      <c r="E3001" s="40">
        <v>17.74854017338291</v>
      </c>
      <c r="F3001" s="40">
        <v>49.866667000000007</v>
      </c>
      <c r="G3001" s="40">
        <v>15.04796992336092</v>
      </c>
      <c r="H3001" s="40">
        <v>49.866667000000007</v>
      </c>
      <c r="I3001" s="40">
        <v>11.811788042782094</v>
      </c>
      <c r="J3001" s="40">
        <v>49.866648565476503</v>
      </c>
      <c r="K3001" s="40">
        <v>11.223745687743165</v>
      </c>
      <c r="L3001" s="40"/>
      <c r="M3001" s="40"/>
      <c r="N3001" s="40"/>
      <c r="Y3001">
        <v>32.583332999999996</v>
      </c>
      <c r="Z3001">
        <v>110.88333299999999</v>
      </c>
      <c r="AA3001">
        <v>8.4688909999999993</v>
      </c>
      <c r="AB3001">
        <v>2.5772052081645085</v>
      </c>
    </row>
    <row r="3002" spans="4:28" x14ac:dyDescent="0.25">
      <c r="D3002" s="40">
        <v>49.898005000002208</v>
      </c>
      <c r="E3002" s="40">
        <v>17.75338335197246</v>
      </c>
      <c r="F3002" s="40">
        <v>49.883332999999993</v>
      </c>
      <c r="G3002" s="40">
        <v>15.052585307330821</v>
      </c>
      <c r="H3002" s="40">
        <v>49.883334000000019</v>
      </c>
      <c r="I3002" s="40">
        <v>11.815140778925352</v>
      </c>
      <c r="J3002" s="40">
        <v>49.883315226190803</v>
      </c>
      <c r="K3002" s="40">
        <v>11.228596731452397</v>
      </c>
      <c r="L3002" s="40"/>
      <c r="M3002" s="40"/>
      <c r="N3002" s="40"/>
      <c r="Y3002">
        <v>32.600000000000009</v>
      </c>
      <c r="Z3002">
        <v>110.9</v>
      </c>
      <c r="AA3002">
        <v>8.4671070000000004</v>
      </c>
      <c r="AB3002">
        <v>2.5555969794021762</v>
      </c>
    </row>
    <row r="3003" spans="4:28" x14ac:dyDescent="0.25">
      <c r="D3003" s="40">
        <v>49.914671000002208</v>
      </c>
      <c r="E3003" s="40">
        <v>17.758226530561881</v>
      </c>
      <c r="F3003" s="40">
        <v>49.900000000000006</v>
      </c>
      <c r="G3003" s="40">
        <v>15.057340551420914</v>
      </c>
      <c r="H3003" s="40">
        <v>49.900000000000006</v>
      </c>
      <c r="I3003" s="40">
        <v>11.815140778925352</v>
      </c>
      <c r="J3003" s="40">
        <v>49.899981886905103</v>
      </c>
      <c r="K3003" s="40">
        <v>11.228596731452397</v>
      </c>
      <c r="L3003" s="40"/>
      <c r="M3003" s="40"/>
      <c r="N3003" s="40"/>
      <c r="Y3003">
        <v>32.616667000000007</v>
      </c>
      <c r="Z3003">
        <v>110.916667</v>
      </c>
      <c r="AA3003">
        <v>8.4653569999999991</v>
      </c>
      <c r="AB3003">
        <v>2.5344005666588294</v>
      </c>
    </row>
    <row r="3004" spans="4:28" x14ac:dyDescent="0.25">
      <c r="D3004" s="40">
        <v>49.931337000002209</v>
      </c>
      <c r="E3004" s="40">
        <v>17.762927262722307</v>
      </c>
      <c r="F3004" s="40">
        <v>49.91666699999999</v>
      </c>
      <c r="G3004" s="40">
        <v>15.062095795511134</v>
      </c>
      <c r="H3004" s="40">
        <v>49.916667000000018</v>
      </c>
      <c r="I3004" s="40">
        <v>11.818493515068608</v>
      </c>
      <c r="J3004" s="40">
        <v>49.916648547619403</v>
      </c>
      <c r="K3004" s="40">
        <v>11.228596731452397</v>
      </c>
      <c r="L3004" s="40"/>
      <c r="M3004" s="40"/>
      <c r="N3004" s="40"/>
      <c r="Y3004">
        <v>32.633333000000007</v>
      </c>
      <c r="Z3004">
        <v>110.933333</v>
      </c>
      <c r="AA3004">
        <v>8.4635730000000002</v>
      </c>
      <c r="AB3004">
        <v>2.5127923378964976</v>
      </c>
    </row>
    <row r="3005" spans="4:28" x14ac:dyDescent="0.25">
      <c r="D3005" s="40">
        <v>49.94800300000221</v>
      </c>
      <c r="E3005" s="40">
        <v>17.767770441311853</v>
      </c>
      <c r="F3005" s="40">
        <v>49.933333000000005</v>
      </c>
      <c r="G3005" s="40">
        <v>15.062095795511134</v>
      </c>
      <c r="H3005" s="40">
        <v>49.933334000000002</v>
      </c>
      <c r="I3005" s="40">
        <v>11.82174764132537</v>
      </c>
      <c r="J3005" s="40">
        <v>49.933315208333703</v>
      </c>
      <c r="K3005" s="40">
        <v>11.233305097405331</v>
      </c>
      <c r="L3005" s="40"/>
      <c r="M3005" s="40"/>
      <c r="N3005" s="40"/>
      <c r="Y3005">
        <v>32.650000000000006</v>
      </c>
      <c r="Z3005">
        <v>110.95</v>
      </c>
      <c r="AA3005">
        <v>8.4618230000000008</v>
      </c>
      <c r="AB3005">
        <v>2.4915959251531725</v>
      </c>
    </row>
    <row r="3006" spans="4:28" x14ac:dyDescent="0.25">
      <c r="D3006" s="40">
        <v>49.96466900000221</v>
      </c>
      <c r="E3006" s="40">
        <v>17.772613619901275</v>
      </c>
      <c r="F3006" s="40">
        <v>49.949999999999989</v>
      </c>
      <c r="G3006" s="40">
        <v>15.066711179481034</v>
      </c>
      <c r="H3006" s="40">
        <v>49.950000000000017</v>
      </c>
      <c r="I3006" s="40">
        <v>11.825100377468802</v>
      </c>
      <c r="J3006" s="40">
        <v>49.949981869048003</v>
      </c>
      <c r="K3006" s="40">
        <v>11.233305097405331</v>
      </c>
      <c r="L3006" s="40"/>
      <c r="M3006" s="40"/>
      <c r="N3006" s="40"/>
      <c r="Y3006">
        <v>32.666667000000004</v>
      </c>
      <c r="Z3006">
        <v>110.966667</v>
      </c>
      <c r="AA3006">
        <v>8.4600729999999995</v>
      </c>
      <c r="AB3006">
        <v>2.4703995124098257</v>
      </c>
    </row>
    <row r="3007" spans="4:28" x14ac:dyDescent="0.25">
      <c r="D3007" s="40">
        <v>49.981335000002211</v>
      </c>
      <c r="E3007" s="40">
        <v>17.777314352061701</v>
      </c>
      <c r="F3007" s="40">
        <v>49.966667000000001</v>
      </c>
      <c r="G3007" s="40">
        <v>15.066711179481034</v>
      </c>
      <c r="H3007" s="40">
        <v>49.966667000000001</v>
      </c>
      <c r="I3007" s="40">
        <v>11.825100377468802</v>
      </c>
      <c r="J3007" s="40">
        <v>49.966648529762303</v>
      </c>
      <c r="K3007" s="40">
        <v>11.233305097405331</v>
      </c>
      <c r="L3007" s="40"/>
      <c r="M3007" s="40"/>
      <c r="N3007" s="40"/>
      <c r="Y3007">
        <v>32.683333000000005</v>
      </c>
      <c r="Z3007">
        <v>110.983333</v>
      </c>
      <c r="AA3007">
        <v>8.4582890000000006</v>
      </c>
      <c r="AB3007">
        <v>2.4487912836474934</v>
      </c>
    </row>
    <row r="3008" spans="4:28" x14ac:dyDescent="0.25">
      <c r="D3008" s="40">
        <v>49.998001000002212</v>
      </c>
      <c r="E3008" s="40">
        <v>17.777314352061701</v>
      </c>
      <c r="F3008" s="40">
        <v>49.983332999999988</v>
      </c>
      <c r="G3008" s="40">
        <v>15.071466423571129</v>
      </c>
      <c r="H3008" s="40">
        <v>49.983334000000013</v>
      </c>
      <c r="I3008" s="40">
        <v>11.82845311361206</v>
      </c>
      <c r="J3008" s="40">
        <v>49.983315190476603</v>
      </c>
      <c r="K3008" s="40">
        <v>11.233305097405331</v>
      </c>
      <c r="L3008" s="40"/>
      <c r="M3008" s="40"/>
      <c r="N3008" s="40"/>
      <c r="Y3008">
        <v>32.700000000000003</v>
      </c>
      <c r="Z3008">
        <v>111</v>
      </c>
      <c r="AA3008">
        <v>8.4565389999999994</v>
      </c>
      <c r="AB3008">
        <v>2.4275948709041466</v>
      </c>
    </row>
    <row r="3009" spans="4:28" x14ac:dyDescent="0.25">
      <c r="D3009" s="40">
        <v>50.014667000002213</v>
      </c>
      <c r="E3009" s="40">
        <v>17.782157530651247</v>
      </c>
      <c r="F3009" s="40">
        <v>50</v>
      </c>
      <c r="G3009" s="40">
        <v>15.071466423571129</v>
      </c>
      <c r="H3009" s="40">
        <v>50</v>
      </c>
      <c r="I3009" s="40">
        <v>11.82845311361206</v>
      </c>
      <c r="J3009" s="40">
        <v>49.999981851190803</v>
      </c>
      <c r="K3009" s="40">
        <v>11.233305097405331</v>
      </c>
      <c r="L3009" s="40"/>
      <c r="M3009" s="40"/>
      <c r="N3009" s="40"/>
      <c r="Y3009">
        <v>32.716667000000001</v>
      </c>
      <c r="Z3009">
        <v>111.016667</v>
      </c>
      <c r="AA3009">
        <v>8.4547889999999999</v>
      </c>
      <c r="AB3009">
        <v>2.4063984581608211</v>
      </c>
    </row>
    <row r="3010" spans="4:28" x14ac:dyDescent="0.25">
      <c r="D3010" s="40">
        <v>50.031333000002213</v>
      </c>
      <c r="E3010" s="40">
        <v>17.787000709240669</v>
      </c>
      <c r="F3010" s="40">
        <v>50.016666999999984</v>
      </c>
      <c r="G3010" s="40">
        <v>15.076221667661349</v>
      </c>
      <c r="H3010" s="40">
        <v>50.016667000000012</v>
      </c>
      <c r="I3010" s="40">
        <v>11.831707239868823</v>
      </c>
      <c r="J3010" s="40">
        <v>50.016648511905103</v>
      </c>
      <c r="K3010" s="40">
        <v>11.233305097405331</v>
      </c>
      <c r="L3010" s="40"/>
      <c r="M3010" s="40"/>
      <c r="N3010" s="40"/>
      <c r="Y3010">
        <v>32.733333000000002</v>
      </c>
      <c r="Z3010">
        <v>111.033333</v>
      </c>
      <c r="AA3010">
        <v>8.4530049999999992</v>
      </c>
      <c r="AB3010">
        <v>2.384790229398468</v>
      </c>
    </row>
    <row r="3011" spans="4:28" x14ac:dyDescent="0.25">
      <c r="D3011" s="40">
        <v>50.047999000002214</v>
      </c>
      <c r="E3011" s="40">
        <v>17.791843887830222</v>
      </c>
      <c r="F3011" s="40">
        <v>50.033332999999999</v>
      </c>
      <c r="G3011" s="40">
        <v>15.080837051631249</v>
      </c>
      <c r="H3011" s="40">
        <v>50.033333999999996</v>
      </c>
      <c r="I3011" s="40">
        <v>11.831707239868823</v>
      </c>
      <c r="J3011" s="40">
        <v>50.033315172619403</v>
      </c>
      <c r="K3011" s="40">
        <v>11.238156141114564</v>
      </c>
      <c r="L3011" s="40"/>
      <c r="M3011" s="40"/>
      <c r="N3011" s="40"/>
      <c r="Y3011">
        <v>32.75</v>
      </c>
      <c r="Z3011">
        <v>111.05</v>
      </c>
      <c r="AA3011">
        <v>8.4512549999999997</v>
      </c>
      <c r="AB3011">
        <v>2.3635938166551429</v>
      </c>
    </row>
    <row r="3012" spans="4:28" x14ac:dyDescent="0.25">
      <c r="D3012" s="40">
        <v>50.064665000002215</v>
      </c>
      <c r="E3012" s="40">
        <v>17.791843887830222</v>
      </c>
      <c r="F3012" s="40">
        <v>50.049999999999983</v>
      </c>
      <c r="G3012" s="40">
        <v>15.085592295721469</v>
      </c>
      <c r="H3012" s="40">
        <v>50.050000000000011</v>
      </c>
      <c r="I3012" s="40">
        <v>11.835059976012081</v>
      </c>
      <c r="J3012" s="40">
        <v>50.049981833333703</v>
      </c>
      <c r="K3012" s="40">
        <v>11.238156141114564</v>
      </c>
      <c r="L3012" s="40"/>
      <c r="M3012" s="40"/>
      <c r="N3012" s="40"/>
      <c r="Y3012">
        <v>32.766666999999998</v>
      </c>
      <c r="Z3012">
        <v>111.066667</v>
      </c>
      <c r="AA3012">
        <v>8.4495050000000003</v>
      </c>
      <c r="AB3012">
        <v>2.3423974039118169</v>
      </c>
    </row>
    <row r="3013" spans="4:28" x14ac:dyDescent="0.25">
      <c r="D3013" s="40">
        <v>50.081331000002216</v>
      </c>
      <c r="E3013" s="40">
        <v>17.796544619990648</v>
      </c>
      <c r="F3013" s="40">
        <v>50.066666999999995</v>
      </c>
      <c r="G3013" s="40">
        <v>15.085592295721469</v>
      </c>
      <c r="H3013" s="40">
        <v>50.066666999999995</v>
      </c>
      <c r="I3013" s="40">
        <v>11.835059976012081</v>
      </c>
      <c r="J3013" s="40">
        <v>50.066648494048003</v>
      </c>
      <c r="K3013" s="40">
        <v>11.238156141114564</v>
      </c>
      <c r="L3013" s="40"/>
      <c r="M3013" s="40"/>
      <c r="N3013" s="40"/>
      <c r="Y3013">
        <v>32.783332999999999</v>
      </c>
      <c r="Z3013">
        <v>111.083333</v>
      </c>
      <c r="AA3013">
        <v>8.4477550000000008</v>
      </c>
      <c r="AB3013">
        <v>2.3212009911684919</v>
      </c>
    </row>
    <row r="3014" spans="4:28" x14ac:dyDescent="0.25">
      <c r="D3014" s="40">
        <v>50.097997000002216</v>
      </c>
      <c r="E3014" s="40">
        <v>17.796544619990648</v>
      </c>
      <c r="F3014" s="40">
        <v>50.083332999999982</v>
      </c>
      <c r="G3014" s="40">
        <v>15.090347539811564</v>
      </c>
      <c r="H3014" s="40">
        <v>50.083334000000008</v>
      </c>
      <c r="I3014" s="40">
        <v>11.838412712155513</v>
      </c>
      <c r="J3014" s="40">
        <v>50.083315154762303</v>
      </c>
      <c r="K3014" s="40">
        <v>11.238156141114564</v>
      </c>
      <c r="L3014" s="40"/>
      <c r="M3014" s="40"/>
      <c r="N3014" s="40"/>
      <c r="Y3014">
        <v>32.799999999999997</v>
      </c>
      <c r="Z3014">
        <v>111.1</v>
      </c>
      <c r="AA3014">
        <v>8.4460049999999995</v>
      </c>
      <c r="AB3014">
        <v>2.3000045784251451</v>
      </c>
    </row>
    <row r="3015" spans="4:28" x14ac:dyDescent="0.25">
      <c r="D3015" s="40">
        <v>50.114663000002217</v>
      </c>
      <c r="E3015" s="40">
        <v>17.801387798580194</v>
      </c>
      <c r="F3015" s="40">
        <v>50.099999999999994</v>
      </c>
      <c r="G3015" s="40">
        <v>15.094962923781464</v>
      </c>
      <c r="H3015" s="40">
        <v>50.099999999999994</v>
      </c>
      <c r="I3015" s="40">
        <v>11.838412712155513</v>
      </c>
      <c r="J3015" s="40">
        <v>50.099981815476603</v>
      </c>
      <c r="K3015" s="40">
        <v>11.238156141114564</v>
      </c>
      <c r="L3015" s="40"/>
      <c r="M3015" s="40"/>
      <c r="N3015" s="40"/>
      <c r="Y3015">
        <v>32.81666700000001</v>
      </c>
      <c r="Z3015">
        <v>111.11666700000001</v>
      </c>
      <c r="AA3015">
        <v>8.4442540000000008</v>
      </c>
      <c r="AB3015">
        <v>2.278796053445975</v>
      </c>
    </row>
    <row r="3016" spans="4:28" x14ac:dyDescent="0.25">
      <c r="D3016" s="40">
        <v>50.131329000002218</v>
      </c>
      <c r="E3016" s="40">
        <v>17.801387798580194</v>
      </c>
      <c r="F3016" s="40">
        <v>50.116667000000007</v>
      </c>
      <c r="G3016" s="40">
        <v>15.094962923781464</v>
      </c>
      <c r="H3016" s="40">
        <v>50.116667000000007</v>
      </c>
      <c r="I3016" s="40">
        <v>11.841666838412101</v>
      </c>
      <c r="J3016" s="40">
        <v>50.116648476190797</v>
      </c>
      <c r="K3016" s="40">
        <v>11.238156141114564</v>
      </c>
      <c r="L3016" s="40"/>
      <c r="M3016" s="40"/>
      <c r="N3016" s="40"/>
      <c r="Y3016">
        <v>32.833332999999996</v>
      </c>
      <c r="Z3016">
        <v>111.13333299999999</v>
      </c>
      <c r="AA3016">
        <v>8.4425039999999996</v>
      </c>
      <c r="AB3016">
        <v>2.2575996407026282</v>
      </c>
    </row>
    <row r="3017" spans="4:28" x14ac:dyDescent="0.25">
      <c r="D3017" s="40">
        <v>50.147995000002219</v>
      </c>
      <c r="E3017" s="40">
        <v>17.806230977169616</v>
      </c>
      <c r="F3017" s="40">
        <v>50.133332999999993</v>
      </c>
      <c r="G3017" s="40">
        <v>15.099718167871684</v>
      </c>
      <c r="H3017" s="40">
        <v>50.133334000000019</v>
      </c>
      <c r="I3017" s="40">
        <v>11.845019574555533</v>
      </c>
      <c r="J3017" s="40">
        <v>50.133315136905097</v>
      </c>
      <c r="K3017" s="40">
        <v>11.238156141114564</v>
      </c>
      <c r="L3017" s="40"/>
      <c r="M3017" s="40"/>
      <c r="N3017" s="40"/>
      <c r="Y3017">
        <v>32.850000000000009</v>
      </c>
      <c r="Z3017">
        <v>111.15</v>
      </c>
      <c r="AA3017">
        <v>8.4407540000000001</v>
      </c>
      <c r="AB3017">
        <v>2.2364032279593027</v>
      </c>
    </row>
    <row r="3018" spans="4:28" x14ac:dyDescent="0.25">
      <c r="D3018" s="40">
        <v>50.164661000002219</v>
      </c>
      <c r="E3018" s="40">
        <v>17.806230977169616</v>
      </c>
      <c r="F3018" s="40">
        <v>50.150000000000006</v>
      </c>
      <c r="G3018" s="40">
        <v>15.104473411961779</v>
      </c>
      <c r="H3018" s="40">
        <v>50.150000000000006</v>
      </c>
      <c r="I3018" s="40">
        <v>11.845019574555533</v>
      </c>
      <c r="J3018" s="40">
        <v>50.149981797619397</v>
      </c>
      <c r="K3018" s="40">
        <v>11.238156141114564</v>
      </c>
      <c r="L3018" s="40"/>
      <c r="M3018" s="40"/>
      <c r="N3018" s="40"/>
      <c r="Y3018">
        <v>32.866667000000007</v>
      </c>
      <c r="Z3018">
        <v>111.166667</v>
      </c>
      <c r="AA3018">
        <v>8.4390040000000006</v>
      </c>
      <c r="AB3018">
        <v>2.2152068152159776</v>
      </c>
    </row>
    <row r="3019" spans="4:28" x14ac:dyDescent="0.25">
      <c r="D3019" s="40">
        <v>50.18132700000222</v>
      </c>
      <c r="E3019" s="40">
        <v>17.810931709330042</v>
      </c>
      <c r="F3019" s="40">
        <v>50.16666699999999</v>
      </c>
      <c r="G3019" s="40">
        <v>15.104473411961779</v>
      </c>
      <c r="H3019" s="40">
        <v>50.166667000000018</v>
      </c>
      <c r="I3019" s="40">
        <v>11.848372310698791</v>
      </c>
      <c r="J3019" s="40">
        <v>50.166648458333697</v>
      </c>
      <c r="K3019" s="40">
        <v>11.243007184823796</v>
      </c>
      <c r="L3019" s="40"/>
      <c r="M3019" s="40"/>
      <c r="N3019" s="40"/>
      <c r="Y3019">
        <v>32.883333000000007</v>
      </c>
      <c r="Z3019">
        <v>111.183333</v>
      </c>
      <c r="AA3019">
        <v>8.4372539999999994</v>
      </c>
      <c r="AB3019">
        <v>2.1940104024726303</v>
      </c>
    </row>
    <row r="3020" spans="4:28" x14ac:dyDescent="0.25">
      <c r="D3020" s="40">
        <v>50.197993000002221</v>
      </c>
      <c r="E3020" s="40">
        <v>17.810931709330042</v>
      </c>
      <c r="F3020" s="40">
        <v>50.183333000000005</v>
      </c>
      <c r="G3020" s="40">
        <v>15.109088795931678</v>
      </c>
      <c r="H3020" s="40">
        <v>50.183334000000002</v>
      </c>
      <c r="I3020" s="40">
        <v>11.851626436955554</v>
      </c>
      <c r="J3020" s="40">
        <v>50.183315119047997</v>
      </c>
      <c r="K3020" s="40">
        <v>11.243007184823796</v>
      </c>
      <c r="L3020" s="40"/>
      <c r="M3020" s="40"/>
      <c r="N3020" s="40"/>
      <c r="Y3020">
        <v>32.900000000000006</v>
      </c>
      <c r="Z3020">
        <v>111.2</v>
      </c>
      <c r="AA3020">
        <v>8.4355039999999999</v>
      </c>
      <c r="AB3020">
        <v>2.1728139897293048</v>
      </c>
    </row>
    <row r="3021" spans="4:28" x14ac:dyDescent="0.25">
      <c r="D3021" s="40">
        <v>50.214659000002221</v>
      </c>
      <c r="E3021" s="40">
        <v>17.815774887919588</v>
      </c>
      <c r="F3021" s="40">
        <v>50.199999999999989</v>
      </c>
      <c r="G3021" s="40">
        <v>15.113844040021899</v>
      </c>
      <c r="H3021" s="40">
        <v>50.200000000000017</v>
      </c>
      <c r="I3021" s="40">
        <v>11.851626436955554</v>
      </c>
      <c r="J3021" s="40">
        <v>50.199981779762297</v>
      </c>
      <c r="K3021" s="40">
        <v>11.243007184823796</v>
      </c>
      <c r="L3021" s="40"/>
      <c r="M3021" s="40"/>
      <c r="N3021" s="40"/>
      <c r="Y3021">
        <v>32.916667000000004</v>
      </c>
      <c r="Z3021">
        <v>111.216667</v>
      </c>
      <c r="AA3021">
        <v>8.4337540000000004</v>
      </c>
      <c r="AB3021">
        <v>2.1516175769859798</v>
      </c>
    </row>
    <row r="3022" spans="4:28" x14ac:dyDescent="0.25">
      <c r="D3022" s="40">
        <v>50.231325000002222</v>
      </c>
      <c r="E3022" s="40">
        <v>17.815774887919588</v>
      </c>
      <c r="F3022" s="40">
        <v>50.216667000000001</v>
      </c>
      <c r="G3022" s="40">
        <v>15.113844040021899</v>
      </c>
      <c r="H3022" s="40">
        <v>50.216667000000001</v>
      </c>
      <c r="I3022" s="40">
        <v>11.854979173098812</v>
      </c>
      <c r="J3022" s="40">
        <v>50.216648440476597</v>
      </c>
      <c r="K3022" s="40">
        <v>11.243007184823796</v>
      </c>
      <c r="L3022" s="40"/>
      <c r="M3022" s="40"/>
      <c r="N3022" s="40"/>
      <c r="Y3022">
        <v>32.933333000000005</v>
      </c>
      <c r="Z3022">
        <v>111.233333</v>
      </c>
      <c r="AA3022">
        <v>8.4320029999999999</v>
      </c>
      <c r="AB3022">
        <v>2.1304090520067884</v>
      </c>
    </row>
    <row r="3023" spans="4:28" x14ac:dyDescent="0.25">
      <c r="D3023" s="40">
        <v>50.247991000002223</v>
      </c>
      <c r="E3023" s="40">
        <v>17.820618066509009</v>
      </c>
      <c r="F3023" s="40">
        <v>50.233332999999988</v>
      </c>
      <c r="G3023" s="40">
        <v>15.118599284111992</v>
      </c>
      <c r="H3023" s="40">
        <v>50.233334000000013</v>
      </c>
      <c r="I3023" s="40">
        <v>11.858331909242244</v>
      </c>
      <c r="J3023" s="40">
        <v>50.233315101190797</v>
      </c>
      <c r="K3023" s="40">
        <v>11.243007184823796</v>
      </c>
      <c r="L3023" s="40"/>
      <c r="M3023" s="40"/>
      <c r="N3023" s="40"/>
      <c r="Y3023">
        <v>32.950000000000003</v>
      </c>
      <c r="Z3023">
        <v>111.25</v>
      </c>
      <c r="AA3023">
        <v>8.4302530000000004</v>
      </c>
      <c r="AB3023">
        <v>2.1092126392634629</v>
      </c>
    </row>
    <row r="3024" spans="4:28" x14ac:dyDescent="0.25">
      <c r="D3024" s="40">
        <v>50.264657000002224</v>
      </c>
      <c r="E3024" s="40">
        <v>17.825318798669436</v>
      </c>
      <c r="F3024" s="40">
        <v>50.25</v>
      </c>
      <c r="G3024" s="40">
        <v>15.118599284111992</v>
      </c>
      <c r="H3024" s="40">
        <v>50.25</v>
      </c>
      <c r="I3024" s="40">
        <v>11.858331909242244</v>
      </c>
      <c r="J3024" s="40">
        <v>50.249981761905097</v>
      </c>
      <c r="K3024" s="40">
        <v>11.2478582285329</v>
      </c>
      <c r="L3024" s="40"/>
      <c r="M3024" s="40"/>
      <c r="N3024" s="40"/>
      <c r="Y3024">
        <v>32.966667000000001</v>
      </c>
      <c r="Z3024">
        <v>111.266667</v>
      </c>
      <c r="AA3024">
        <v>8.4285029999999992</v>
      </c>
      <c r="AB3024">
        <v>2.0880162265201161</v>
      </c>
    </row>
    <row r="3025" spans="4:28" x14ac:dyDescent="0.25">
      <c r="D3025" s="40">
        <v>50.281323000002224</v>
      </c>
      <c r="E3025" s="40">
        <v>17.830161977258985</v>
      </c>
      <c r="F3025" s="40">
        <v>50.266666999999984</v>
      </c>
      <c r="G3025" s="40">
        <v>15.123214668081893</v>
      </c>
      <c r="H3025" s="40">
        <v>50.266667000000012</v>
      </c>
      <c r="I3025" s="40">
        <v>11.861586035499005</v>
      </c>
      <c r="J3025" s="40">
        <v>50.266648422619397</v>
      </c>
      <c r="K3025" s="40">
        <v>11.2478582285329</v>
      </c>
      <c r="L3025" s="40"/>
      <c r="M3025" s="40"/>
      <c r="N3025" s="40"/>
      <c r="Y3025">
        <v>32.983333000000002</v>
      </c>
      <c r="Z3025">
        <v>111.283333</v>
      </c>
      <c r="AA3025">
        <v>8.4267529999999997</v>
      </c>
      <c r="AB3025">
        <v>2.0668198137767906</v>
      </c>
    </row>
    <row r="3026" spans="4:28" x14ac:dyDescent="0.25">
      <c r="D3026" s="40">
        <v>50.297989000002225</v>
      </c>
      <c r="E3026" s="40">
        <v>17.835005155848407</v>
      </c>
      <c r="F3026" s="40">
        <v>50.283332999999999</v>
      </c>
      <c r="G3026" s="40">
        <v>15.127969912172112</v>
      </c>
      <c r="H3026" s="40">
        <v>50.283333999999996</v>
      </c>
      <c r="I3026" s="40">
        <v>11.864938771642262</v>
      </c>
      <c r="J3026" s="40">
        <v>50.283315083333697</v>
      </c>
      <c r="K3026" s="40">
        <v>11.2478582285329</v>
      </c>
      <c r="L3026" s="40"/>
      <c r="M3026" s="40"/>
      <c r="N3026" s="40"/>
      <c r="Y3026">
        <v>33</v>
      </c>
      <c r="Z3026">
        <v>111.3</v>
      </c>
      <c r="AA3026">
        <v>8.4250030000000002</v>
      </c>
      <c r="AB3026">
        <v>2.0456234010334655</v>
      </c>
    </row>
    <row r="3027" spans="4:28" x14ac:dyDescent="0.25">
      <c r="D3027" s="40">
        <v>50.314655000002226</v>
      </c>
      <c r="E3027" s="40">
        <v>17.839705888008833</v>
      </c>
      <c r="F3027" s="40">
        <v>50.299999999999983</v>
      </c>
      <c r="G3027" s="40">
        <v>15.127969912172112</v>
      </c>
      <c r="H3027" s="40">
        <v>50.300000000000011</v>
      </c>
      <c r="I3027" s="40">
        <v>11.86829150778552</v>
      </c>
      <c r="J3027" s="40">
        <v>50.299981744047997</v>
      </c>
      <c r="K3027" s="40">
        <v>11.2478582285329</v>
      </c>
      <c r="L3027" s="40"/>
      <c r="M3027" s="40"/>
      <c r="N3027" s="40"/>
      <c r="Y3027">
        <v>33.016666999999998</v>
      </c>
      <c r="Z3027">
        <v>111.316667</v>
      </c>
      <c r="AA3027">
        <v>8.4232530000000008</v>
      </c>
      <c r="AB3027">
        <v>2.0244269882901396</v>
      </c>
    </row>
    <row r="3028" spans="4:28" x14ac:dyDescent="0.25">
      <c r="D3028" s="40">
        <v>50.331321000002227</v>
      </c>
      <c r="E3028" s="40">
        <v>17.844549066598383</v>
      </c>
      <c r="F3028" s="40">
        <v>50.316666999999995</v>
      </c>
      <c r="G3028" s="40">
        <v>15.132725156262332</v>
      </c>
      <c r="H3028" s="40">
        <v>50.316666999999995</v>
      </c>
      <c r="I3028" s="40">
        <v>11.86829150778552</v>
      </c>
      <c r="J3028" s="40">
        <v>50.316648404762297</v>
      </c>
      <c r="K3028" s="40">
        <v>11.2478582285329</v>
      </c>
      <c r="L3028" s="40"/>
      <c r="M3028" s="40"/>
      <c r="N3028" s="40"/>
      <c r="Y3028">
        <v>33.033332999999999</v>
      </c>
      <c r="Z3028">
        <v>111.333333</v>
      </c>
      <c r="AA3028">
        <v>8.4215029999999995</v>
      </c>
      <c r="AB3028">
        <v>2.0032305755467927</v>
      </c>
    </row>
    <row r="3029" spans="4:28" x14ac:dyDescent="0.25">
      <c r="D3029" s="40">
        <v>50.347987000002227</v>
      </c>
      <c r="E3029" s="40">
        <v>17.849392245187932</v>
      </c>
      <c r="F3029" s="40">
        <v>50.333332999999982</v>
      </c>
      <c r="G3029" s="40">
        <v>15.137340540232108</v>
      </c>
      <c r="H3029" s="40">
        <v>50.333334000000008</v>
      </c>
      <c r="I3029" s="40">
        <v>11.871644243928952</v>
      </c>
      <c r="J3029" s="40">
        <v>50.333315065476597</v>
      </c>
      <c r="K3029" s="40">
        <v>11.2478582285329</v>
      </c>
      <c r="L3029" s="40"/>
      <c r="M3029" s="40"/>
      <c r="N3029" s="40"/>
      <c r="Y3029">
        <v>33.049999999999997</v>
      </c>
      <c r="Z3029">
        <v>111.35</v>
      </c>
      <c r="AA3029">
        <v>8.4197860000000002</v>
      </c>
      <c r="AB3029">
        <v>1.9824338665866292</v>
      </c>
    </row>
    <row r="3030" spans="4:28" x14ac:dyDescent="0.25">
      <c r="D3030" s="40">
        <v>50.364653000002228</v>
      </c>
      <c r="E3030" s="40">
        <v>17.854092977348227</v>
      </c>
      <c r="F3030" s="40">
        <v>50.349999999999994</v>
      </c>
      <c r="G3030" s="40">
        <v>15.137340540232108</v>
      </c>
      <c r="H3030" s="40">
        <v>50.349999999999994</v>
      </c>
      <c r="I3030" s="40">
        <v>11.874898370185541</v>
      </c>
      <c r="J3030" s="40">
        <v>50.349981726190798</v>
      </c>
      <c r="K3030" s="40">
        <v>11.2478582285329</v>
      </c>
      <c r="L3030" s="40"/>
      <c r="M3030" s="40"/>
      <c r="N3030" s="40"/>
      <c r="Y3030">
        <v>33.06666700000001</v>
      </c>
      <c r="Z3030">
        <v>111.36666700000001</v>
      </c>
      <c r="AA3030">
        <v>8.4180360000000007</v>
      </c>
      <c r="AB3030">
        <v>1.9612374538433039</v>
      </c>
    </row>
    <row r="3031" spans="4:28" x14ac:dyDescent="0.25">
      <c r="D3031" s="40">
        <v>50.381319000002229</v>
      </c>
      <c r="E3031" s="40">
        <v>17.858936155937776</v>
      </c>
      <c r="F3031" s="40">
        <v>50.366667000000007</v>
      </c>
      <c r="G3031" s="40">
        <v>15.137340540232108</v>
      </c>
      <c r="H3031" s="40">
        <v>50.366667000000007</v>
      </c>
      <c r="I3031" s="40">
        <v>11.874898370185541</v>
      </c>
      <c r="J3031" s="40">
        <v>50.366648386905098</v>
      </c>
      <c r="K3031" s="40">
        <v>11.2478582285329</v>
      </c>
      <c r="L3031" s="40"/>
      <c r="M3031" s="40"/>
      <c r="N3031" s="40"/>
      <c r="Y3031">
        <v>33.083332999999996</v>
      </c>
      <c r="Z3031">
        <v>111.38333299999999</v>
      </c>
      <c r="AA3031">
        <v>8.4162859999999995</v>
      </c>
      <c r="AB3031">
        <v>1.9400410410999571</v>
      </c>
    </row>
    <row r="3032" spans="4:28" x14ac:dyDescent="0.25">
      <c r="D3032" s="40">
        <v>50.39798500000223</v>
      </c>
      <c r="E3032" s="40">
        <v>17.858936155937776</v>
      </c>
      <c r="F3032" s="40">
        <v>50.383332999999993</v>
      </c>
      <c r="G3032" s="40">
        <v>15.137340540232108</v>
      </c>
      <c r="H3032" s="40">
        <v>50.383334000000019</v>
      </c>
      <c r="I3032" s="40">
        <v>11.878251106328973</v>
      </c>
      <c r="J3032" s="40">
        <v>50.383315047619398</v>
      </c>
      <c r="K3032" s="40">
        <v>11.2478582285329</v>
      </c>
      <c r="L3032" s="40"/>
      <c r="M3032" s="40"/>
      <c r="N3032" s="40"/>
      <c r="Y3032">
        <v>33.100000000000009</v>
      </c>
      <c r="Z3032">
        <v>111.4</v>
      </c>
      <c r="AA3032">
        <v>8.4145690000000002</v>
      </c>
      <c r="AB3032">
        <v>1.9192443321397936</v>
      </c>
    </row>
    <row r="3033" spans="4:28" x14ac:dyDescent="0.25">
      <c r="D3033" s="40">
        <v>50.41465100000223</v>
      </c>
      <c r="E3033" s="40">
        <v>17.863779334527326</v>
      </c>
      <c r="F3033" s="40">
        <v>50.400000000000006</v>
      </c>
      <c r="G3033" s="40">
        <v>15.142095784322327</v>
      </c>
      <c r="H3033" s="40">
        <v>50.400000000000006</v>
      </c>
      <c r="I3033" s="40">
        <v>11.881603842472231</v>
      </c>
      <c r="J3033" s="40">
        <v>50.399981708333698</v>
      </c>
      <c r="K3033" s="40">
        <v>11.252566594485961</v>
      </c>
      <c r="L3033" s="40"/>
      <c r="M3033" s="40"/>
      <c r="N3033" s="40"/>
      <c r="Y3033">
        <v>33.116667000000007</v>
      </c>
      <c r="Z3033">
        <v>111.416667</v>
      </c>
      <c r="AA3033">
        <v>8.4128190000000007</v>
      </c>
      <c r="AB3033">
        <v>1.8980479193964683</v>
      </c>
    </row>
    <row r="3034" spans="4:28" x14ac:dyDescent="0.25">
      <c r="D3034" s="40">
        <v>50.431317000002231</v>
      </c>
      <c r="E3034" s="40">
        <v>17.868480066687624</v>
      </c>
      <c r="F3034" s="40">
        <v>50.41666699999999</v>
      </c>
      <c r="G3034" s="40">
        <v>15.142095784322327</v>
      </c>
      <c r="H3034" s="40">
        <v>50.416667000000018</v>
      </c>
      <c r="I3034" s="40">
        <v>11.881603842472231</v>
      </c>
      <c r="J3034" s="40">
        <v>50.416648369047998</v>
      </c>
      <c r="K3034" s="40">
        <v>11.252566594485961</v>
      </c>
      <c r="L3034" s="40"/>
      <c r="M3034" s="40"/>
      <c r="N3034" s="40"/>
      <c r="Y3034">
        <v>33.133333000000007</v>
      </c>
      <c r="Z3034">
        <v>111.433333</v>
      </c>
      <c r="AA3034">
        <v>8.4111030000000007</v>
      </c>
      <c r="AB3034">
        <v>1.8772633226721493</v>
      </c>
    </row>
    <row r="3035" spans="4:28" x14ac:dyDescent="0.25">
      <c r="D3035" s="40">
        <v>50.447983000002232</v>
      </c>
      <c r="E3035" s="40">
        <v>17.868480066687624</v>
      </c>
      <c r="F3035" s="40">
        <v>50.433333000000005</v>
      </c>
      <c r="G3035" s="40">
        <v>15.156221656472542</v>
      </c>
      <c r="H3035" s="40">
        <v>50.433334000000002</v>
      </c>
      <c r="I3035" s="40">
        <v>11.884857968728994</v>
      </c>
      <c r="J3035" s="40">
        <v>50.433315029762298</v>
      </c>
      <c r="K3035" s="40">
        <v>11.252566594485961</v>
      </c>
      <c r="L3035" s="40"/>
      <c r="M3035" s="40"/>
      <c r="N3035" s="40"/>
      <c r="Y3035">
        <v>33.150000000000006</v>
      </c>
      <c r="Z3035">
        <v>111.45</v>
      </c>
      <c r="AA3035">
        <v>8.4093529999999994</v>
      </c>
      <c r="AB3035">
        <v>1.8560669099288023</v>
      </c>
    </row>
    <row r="3036" spans="4:28" x14ac:dyDescent="0.25">
      <c r="D3036" s="40">
        <v>50.464649000002233</v>
      </c>
      <c r="E3036" s="40">
        <v>17.868480066687624</v>
      </c>
      <c r="F3036" s="40">
        <v>50.449999999999989</v>
      </c>
      <c r="G3036" s="40">
        <v>15.151466412382323</v>
      </c>
      <c r="H3036" s="40">
        <v>50.450000000000017</v>
      </c>
      <c r="I3036" s="40">
        <v>11.88821070487225</v>
      </c>
      <c r="J3036" s="40">
        <v>50.449981690476598</v>
      </c>
      <c r="K3036" s="40">
        <v>11.257417638195193</v>
      </c>
      <c r="L3036" s="40"/>
      <c r="M3036" s="40"/>
      <c r="N3036" s="40"/>
      <c r="Y3036">
        <v>33.166667000000004</v>
      </c>
      <c r="Z3036">
        <v>111.466667</v>
      </c>
      <c r="AA3036">
        <v>8.4076360000000001</v>
      </c>
      <c r="AB3036">
        <v>1.835270200968639</v>
      </c>
    </row>
    <row r="3037" spans="4:28" x14ac:dyDescent="0.25">
      <c r="D3037" s="40">
        <v>50.481315000002233</v>
      </c>
      <c r="E3037" s="40">
        <v>17.873323245277174</v>
      </c>
      <c r="F3037" s="40">
        <v>50.466667000000001</v>
      </c>
      <c r="G3037" s="40">
        <v>15.142095784322327</v>
      </c>
      <c r="H3037" s="40">
        <v>50.466667000000001</v>
      </c>
      <c r="I3037" s="40">
        <v>11.891563441015682</v>
      </c>
      <c r="J3037" s="40">
        <v>50.466648351190798</v>
      </c>
      <c r="K3037" s="40">
        <v>11.257417638195193</v>
      </c>
      <c r="L3037" s="40"/>
      <c r="M3037" s="40"/>
      <c r="N3037" s="40"/>
      <c r="Y3037">
        <v>33.183333000000005</v>
      </c>
      <c r="Z3037">
        <v>111.483333</v>
      </c>
      <c r="AA3037">
        <v>8.4058860000000006</v>
      </c>
      <c r="AB3037">
        <v>1.8140737882253135</v>
      </c>
    </row>
    <row r="3038" spans="4:28" x14ac:dyDescent="0.25">
      <c r="D3038" s="40">
        <v>50.497981000002234</v>
      </c>
      <c r="E3038" s="40">
        <v>17.873323245277174</v>
      </c>
      <c r="F3038" s="40">
        <v>50.483332999999988</v>
      </c>
      <c r="G3038" s="40">
        <v>15.142095784322327</v>
      </c>
      <c r="H3038" s="40">
        <v>50.483334000000013</v>
      </c>
      <c r="I3038" s="40">
        <v>11.894817567272446</v>
      </c>
      <c r="J3038" s="40">
        <v>50.483315011905098</v>
      </c>
      <c r="K3038" s="40">
        <v>11.257417638195193</v>
      </c>
      <c r="L3038" s="40"/>
      <c r="M3038" s="40"/>
      <c r="N3038" s="40"/>
      <c r="Y3038">
        <v>33.200000000000003</v>
      </c>
      <c r="Z3038">
        <v>111.5</v>
      </c>
      <c r="AA3038">
        <v>8.4041689999999996</v>
      </c>
      <c r="AB3038">
        <v>1.7932770792651285</v>
      </c>
    </row>
    <row r="3039" spans="4:28" x14ac:dyDescent="0.25">
      <c r="D3039" s="40">
        <v>50.514647000002235</v>
      </c>
      <c r="E3039" s="40">
        <v>17.87816642386672</v>
      </c>
      <c r="F3039" s="40">
        <v>50.5</v>
      </c>
      <c r="G3039" s="40">
        <v>15.142095784322327</v>
      </c>
      <c r="H3039" s="40">
        <v>50.5</v>
      </c>
      <c r="I3039" s="40">
        <v>11.894817567272446</v>
      </c>
      <c r="J3039" s="40">
        <v>50.499981672619398</v>
      </c>
      <c r="K3039" s="40">
        <v>11.257417638195193</v>
      </c>
      <c r="L3039" s="40"/>
      <c r="M3039" s="40"/>
      <c r="N3039" s="40"/>
      <c r="Y3039">
        <v>33.216667000000001</v>
      </c>
      <c r="Z3039">
        <v>111.516667</v>
      </c>
      <c r="AA3039">
        <v>8.4024529999999995</v>
      </c>
      <c r="AB3039">
        <v>1.7724924825408095</v>
      </c>
    </row>
    <row r="3040" spans="4:28" x14ac:dyDescent="0.25">
      <c r="D3040" s="40">
        <v>50.531313000002235</v>
      </c>
      <c r="E3040" s="40">
        <v>17.87816642386672</v>
      </c>
      <c r="F3040" s="40">
        <v>50.516666999999984</v>
      </c>
      <c r="G3040" s="40">
        <v>15.142095784322327</v>
      </c>
      <c r="H3040" s="40">
        <v>50.516667000000012</v>
      </c>
      <c r="I3040" s="40">
        <v>11.898170303415704</v>
      </c>
      <c r="J3040" s="40">
        <v>50.516648333333698</v>
      </c>
      <c r="K3040" s="40">
        <v>11.262268681904299</v>
      </c>
      <c r="L3040" s="40"/>
      <c r="M3040" s="40"/>
      <c r="N3040" s="40"/>
      <c r="Y3040">
        <v>33.233333000000002</v>
      </c>
      <c r="Z3040">
        <v>111.533333</v>
      </c>
      <c r="AA3040">
        <v>8.4007360000000002</v>
      </c>
      <c r="AB3040">
        <v>1.751695773580646</v>
      </c>
    </row>
    <row r="3041" spans="4:28" x14ac:dyDescent="0.25">
      <c r="D3041" s="40">
        <v>50.547979000002236</v>
      </c>
      <c r="E3041" s="40">
        <v>17.882867156027146</v>
      </c>
      <c r="F3041" s="40">
        <v>50.533332999999999</v>
      </c>
      <c r="G3041" s="40">
        <v>15.142095784322327</v>
      </c>
      <c r="H3041" s="40">
        <v>50.533333999999996</v>
      </c>
      <c r="I3041" s="40">
        <v>11.901523039558962</v>
      </c>
      <c r="J3041" s="40">
        <v>50.533314994047998</v>
      </c>
      <c r="K3041" s="40">
        <v>11.262268681904299</v>
      </c>
      <c r="L3041" s="40"/>
      <c r="M3041" s="40"/>
      <c r="N3041" s="40"/>
      <c r="Y3041">
        <v>33.25</v>
      </c>
      <c r="Z3041">
        <v>111.55</v>
      </c>
      <c r="AA3041">
        <v>8.3990200000000002</v>
      </c>
      <c r="AB3041">
        <v>1.730911176856327</v>
      </c>
    </row>
    <row r="3042" spans="4:28" x14ac:dyDescent="0.25">
      <c r="D3042" s="40">
        <v>50.564645000002237</v>
      </c>
      <c r="E3042" s="40">
        <v>17.882867156027146</v>
      </c>
      <c r="F3042" s="40">
        <v>50.549999999999983</v>
      </c>
      <c r="G3042" s="40">
        <v>15.146851028412547</v>
      </c>
      <c r="H3042" s="40">
        <v>50.550000000000011</v>
      </c>
      <c r="I3042" s="40">
        <v>11.901523039558962</v>
      </c>
      <c r="J3042" s="40">
        <v>50.549981654762298</v>
      </c>
      <c r="K3042" s="40">
        <v>11.262268681904299</v>
      </c>
      <c r="L3042" s="40"/>
      <c r="M3042" s="40"/>
      <c r="N3042" s="40"/>
      <c r="Y3042">
        <v>33.266666999999998</v>
      </c>
      <c r="Z3042">
        <v>111.566667</v>
      </c>
      <c r="AA3042">
        <v>8.3973030000000008</v>
      </c>
      <c r="AB3042">
        <v>1.7101144678961635</v>
      </c>
    </row>
    <row r="3043" spans="4:28" x14ac:dyDescent="0.25">
      <c r="D3043" s="40">
        <v>50.581311000002238</v>
      </c>
      <c r="E3043" s="40">
        <v>17.882867156027146</v>
      </c>
      <c r="F3043" s="40">
        <v>50.566666999999995</v>
      </c>
      <c r="G3043" s="40">
        <v>15.146851028412547</v>
      </c>
      <c r="H3043" s="40">
        <v>50.566666999999995</v>
      </c>
      <c r="I3043" s="40">
        <v>11.904777165815723</v>
      </c>
      <c r="J3043" s="40">
        <v>50.566648315476598</v>
      </c>
      <c r="K3043" s="40">
        <v>11.26697704785736</v>
      </c>
      <c r="L3043" s="40"/>
      <c r="M3043" s="40"/>
      <c r="N3043" s="40"/>
      <c r="Y3043">
        <v>33.283332999999999</v>
      </c>
      <c r="Z3043">
        <v>111.583333</v>
      </c>
      <c r="AA3043">
        <v>8.3955870000000008</v>
      </c>
      <c r="AB3043">
        <v>1.6893298711718445</v>
      </c>
    </row>
    <row r="3044" spans="4:28" x14ac:dyDescent="0.25">
      <c r="D3044" s="40">
        <v>50.597977000002238</v>
      </c>
      <c r="E3044" s="40">
        <v>17.882867156027146</v>
      </c>
      <c r="F3044" s="40">
        <v>50.583332999999982</v>
      </c>
      <c r="G3044" s="40">
        <v>15.151466412382323</v>
      </c>
      <c r="H3044" s="40">
        <v>50.583334000000008</v>
      </c>
      <c r="I3044" s="40">
        <v>11.908129901958979</v>
      </c>
      <c r="J3044" s="40">
        <v>50.583314976190799</v>
      </c>
      <c r="K3044" s="40">
        <v>11.26697704785736</v>
      </c>
      <c r="L3044" s="40"/>
      <c r="M3044" s="40"/>
      <c r="N3044" s="40"/>
      <c r="Y3044">
        <v>33.299999999999997</v>
      </c>
      <c r="Z3044">
        <v>111.6</v>
      </c>
      <c r="AA3044">
        <v>8.3938699999999997</v>
      </c>
      <c r="AB3044">
        <v>1.6685331622116595</v>
      </c>
    </row>
    <row r="3045" spans="4:28" x14ac:dyDescent="0.25">
      <c r="D3045" s="40">
        <v>50.614643000002239</v>
      </c>
      <c r="E3045" s="40">
        <v>17.882867156027146</v>
      </c>
      <c r="F3045" s="40">
        <v>50.599999999999994</v>
      </c>
      <c r="G3045" s="40">
        <v>15.151466412382323</v>
      </c>
      <c r="H3045" s="40">
        <v>50.599999999999994</v>
      </c>
      <c r="I3045" s="40">
        <v>11.908129901958979</v>
      </c>
      <c r="J3045" s="40">
        <v>50.599981636905099</v>
      </c>
      <c r="K3045" s="40">
        <v>11.26697704785736</v>
      </c>
      <c r="L3045" s="40"/>
      <c r="M3045" s="40"/>
      <c r="N3045" s="40"/>
      <c r="Y3045">
        <v>33.31666700000001</v>
      </c>
      <c r="Z3045">
        <v>111.61666700000001</v>
      </c>
      <c r="AA3045">
        <v>8.3921539999999997</v>
      </c>
      <c r="AB3045">
        <v>1.6477485654873405</v>
      </c>
    </row>
    <row r="3046" spans="4:28" x14ac:dyDescent="0.25">
      <c r="D3046" s="40">
        <v>50.63130900000224</v>
      </c>
      <c r="E3046" s="40">
        <v>17.887710334616568</v>
      </c>
      <c r="F3046" s="40">
        <v>50.616667000000007</v>
      </c>
      <c r="G3046" s="40">
        <v>15.156221656472542</v>
      </c>
      <c r="H3046" s="40">
        <v>50.616667000000007</v>
      </c>
      <c r="I3046" s="40">
        <v>11.911482638102413</v>
      </c>
      <c r="J3046" s="40">
        <v>50.616648297619399</v>
      </c>
      <c r="K3046" s="40">
        <v>11.26697704785736</v>
      </c>
      <c r="L3046" s="40"/>
      <c r="M3046" s="40"/>
      <c r="N3046" s="40"/>
      <c r="Y3046">
        <v>33.333332999999996</v>
      </c>
      <c r="Z3046">
        <v>111.63333299999999</v>
      </c>
      <c r="AA3046">
        <v>8.3904370000000004</v>
      </c>
      <c r="AB3046">
        <v>1.626951856527177</v>
      </c>
    </row>
    <row r="3047" spans="4:28" x14ac:dyDescent="0.25">
      <c r="D3047" s="40">
        <v>50.647975000002241</v>
      </c>
      <c r="E3047" s="40">
        <v>17.887710334616568</v>
      </c>
      <c r="F3047" s="40">
        <v>50.633332999999993</v>
      </c>
      <c r="G3047" s="40">
        <v>15.160976900562762</v>
      </c>
      <c r="H3047" s="40">
        <v>50.633334000000019</v>
      </c>
      <c r="I3047" s="40">
        <v>11.911482638102413</v>
      </c>
      <c r="J3047" s="40">
        <v>50.633314958333699</v>
      </c>
      <c r="K3047" s="40">
        <v>11.27182809156659</v>
      </c>
      <c r="L3047" s="40"/>
      <c r="M3047" s="40"/>
      <c r="N3047" s="40"/>
      <c r="Y3047">
        <v>33.350000000000009</v>
      </c>
      <c r="Z3047">
        <v>111.65</v>
      </c>
      <c r="AA3047">
        <v>8.3887549999999997</v>
      </c>
      <c r="AB3047">
        <v>1.6065790758218643</v>
      </c>
    </row>
    <row r="3048" spans="4:28" x14ac:dyDescent="0.25">
      <c r="D3048" s="40">
        <v>50.664641000002241</v>
      </c>
      <c r="E3048" s="40">
        <v>17.887710334616568</v>
      </c>
      <c r="F3048" s="40">
        <v>50.650000000000006</v>
      </c>
      <c r="G3048" s="40">
        <v>15.165592284532663</v>
      </c>
      <c r="H3048" s="40">
        <v>50.650000000000006</v>
      </c>
      <c r="I3048" s="40">
        <v>11.914736764359175</v>
      </c>
      <c r="J3048" s="40">
        <v>50.649981619047999</v>
      </c>
      <c r="K3048" s="40">
        <v>11.27182809156659</v>
      </c>
      <c r="L3048" s="40"/>
      <c r="M3048" s="40"/>
      <c r="N3048" s="40"/>
      <c r="Y3048">
        <v>33.366667000000007</v>
      </c>
      <c r="Z3048">
        <v>111.666667</v>
      </c>
      <c r="AA3048">
        <v>8.3870380000000004</v>
      </c>
      <c r="AB3048">
        <v>1.5857823668617008</v>
      </c>
    </row>
    <row r="3049" spans="4:28" x14ac:dyDescent="0.25">
      <c r="D3049" s="40">
        <v>50.681307000002242</v>
      </c>
      <c r="E3049" s="40">
        <v>17.887710334616568</v>
      </c>
      <c r="F3049" s="40">
        <v>50.66666699999999</v>
      </c>
      <c r="G3049" s="40">
        <v>15.165592284532663</v>
      </c>
      <c r="H3049" s="40">
        <v>50.666667000000018</v>
      </c>
      <c r="I3049" s="40">
        <v>11.918089500502433</v>
      </c>
      <c r="J3049" s="40">
        <v>50.666648279762299</v>
      </c>
      <c r="K3049" s="40">
        <v>11.27182809156659</v>
      </c>
      <c r="L3049" s="40"/>
      <c r="M3049" s="40"/>
      <c r="N3049" s="40"/>
      <c r="Y3049">
        <v>33.383333000000007</v>
      </c>
      <c r="Z3049">
        <v>111.683333</v>
      </c>
      <c r="AA3049">
        <v>8.3853550000000006</v>
      </c>
      <c r="AB3049">
        <v>1.5653974739205441</v>
      </c>
    </row>
    <row r="3050" spans="4:28" x14ac:dyDescent="0.25">
      <c r="D3050" s="40">
        <v>50.697973000002243</v>
      </c>
      <c r="E3050" s="40">
        <v>17.887710334616568</v>
      </c>
      <c r="F3050" s="40">
        <v>50.683333000000005</v>
      </c>
      <c r="G3050" s="40">
        <v>15.170347528622756</v>
      </c>
      <c r="H3050" s="40">
        <v>50.683334000000002</v>
      </c>
      <c r="I3050" s="40">
        <v>11.918089500502433</v>
      </c>
      <c r="J3050" s="40">
        <v>50.683314940476599</v>
      </c>
      <c r="K3050" s="40">
        <v>11.27182809156659</v>
      </c>
      <c r="L3050" s="40"/>
      <c r="M3050" s="40"/>
      <c r="N3050" s="40"/>
      <c r="Y3050">
        <v>33.400000000000006</v>
      </c>
      <c r="Z3050">
        <v>111.7</v>
      </c>
      <c r="AA3050">
        <v>8.3836720000000007</v>
      </c>
      <c r="AB3050">
        <v>1.5450125809793869</v>
      </c>
    </row>
    <row r="3051" spans="4:28" x14ac:dyDescent="0.25">
      <c r="D3051" s="40">
        <v>50.714639000002244</v>
      </c>
      <c r="E3051" s="40">
        <v>17.887710334616568</v>
      </c>
      <c r="F3051" s="40">
        <v>50.699999999999989</v>
      </c>
      <c r="G3051" s="40">
        <v>15.170347528622756</v>
      </c>
      <c r="H3051" s="40">
        <v>50.700000000000017</v>
      </c>
      <c r="I3051" s="40">
        <v>11.92144223664569</v>
      </c>
      <c r="J3051" s="40">
        <v>50.6999816011908</v>
      </c>
      <c r="K3051" s="40">
        <v>11.27182809156659</v>
      </c>
      <c r="L3051" s="40"/>
      <c r="M3051" s="40"/>
      <c r="N3051" s="40"/>
      <c r="Y3051">
        <v>33.416667000000004</v>
      </c>
      <c r="Z3051">
        <v>111.716667</v>
      </c>
      <c r="AA3051">
        <v>8.3819900000000001</v>
      </c>
      <c r="AB3051">
        <v>1.5246398002740742</v>
      </c>
    </row>
    <row r="3052" spans="4:28" x14ac:dyDescent="0.25">
      <c r="D3052" s="40">
        <v>50.731305000002244</v>
      </c>
      <c r="E3052" s="40">
        <v>17.887710334616568</v>
      </c>
      <c r="F3052" s="40">
        <v>50.716667000000001</v>
      </c>
      <c r="G3052" s="40">
        <v>15.175102772712977</v>
      </c>
      <c r="H3052" s="40">
        <v>50.716667000000001</v>
      </c>
      <c r="I3052" s="40">
        <v>11.92144223664569</v>
      </c>
      <c r="J3052" s="40">
        <v>50.7166482619051</v>
      </c>
      <c r="K3052" s="40">
        <v>11.276679135275822</v>
      </c>
      <c r="L3052" s="40"/>
      <c r="M3052" s="40"/>
      <c r="N3052" s="40"/>
      <c r="Y3052">
        <v>33.433333000000005</v>
      </c>
      <c r="Z3052">
        <v>111.733333</v>
      </c>
      <c r="AA3052">
        <v>8.3803400000000003</v>
      </c>
      <c r="AB3052">
        <v>1.5046546111160792</v>
      </c>
    </row>
    <row r="3053" spans="4:28" x14ac:dyDescent="0.25">
      <c r="D3053" s="40">
        <v>50.747971000002245</v>
      </c>
      <c r="E3053" s="40">
        <v>17.887710334616568</v>
      </c>
      <c r="F3053" s="40">
        <v>50.733332999999988</v>
      </c>
      <c r="G3053" s="40">
        <v>15.17985801680307</v>
      </c>
      <c r="H3053" s="40">
        <v>50.733334000000013</v>
      </c>
      <c r="I3053" s="40">
        <v>11.924696362902454</v>
      </c>
      <c r="J3053" s="40">
        <v>50.7333149226194</v>
      </c>
      <c r="K3053" s="40">
        <v>11.276679135275822</v>
      </c>
      <c r="L3053" s="40"/>
      <c r="M3053" s="40"/>
      <c r="N3053" s="40"/>
      <c r="Y3053">
        <v>33.450000000000003</v>
      </c>
      <c r="Z3053">
        <v>111.75</v>
      </c>
      <c r="AA3053">
        <v>8.3786579999999997</v>
      </c>
      <c r="AB3053">
        <v>1.4842818304107663</v>
      </c>
    </row>
    <row r="3054" spans="4:28" x14ac:dyDescent="0.25">
      <c r="D3054" s="40">
        <v>50.764637000002246</v>
      </c>
      <c r="E3054" s="40">
        <v>17.892553513206114</v>
      </c>
      <c r="F3054" s="40">
        <v>50.75</v>
      </c>
      <c r="G3054" s="40">
        <v>15.17985801680307</v>
      </c>
      <c r="H3054" s="40">
        <v>50.75</v>
      </c>
      <c r="I3054" s="40">
        <v>11.928049099045886</v>
      </c>
      <c r="J3054" s="40">
        <v>50.7499815833337</v>
      </c>
      <c r="K3054" s="40">
        <v>11.276679135275822</v>
      </c>
      <c r="L3054" s="40"/>
      <c r="M3054" s="40"/>
      <c r="N3054" s="40"/>
      <c r="Y3054">
        <v>33.466667000000001</v>
      </c>
      <c r="Z3054">
        <v>111.766667</v>
      </c>
      <c r="AA3054">
        <v>8.377008</v>
      </c>
      <c r="AB3054">
        <v>1.4642966412527714</v>
      </c>
    </row>
    <row r="3055" spans="4:28" x14ac:dyDescent="0.25">
      <c r="D3055" s="40">
        <v>50.781303000002247</v>
      </c>
      <c r="E3055" s="40">
        <v>17.892553513206114</v>
      </c>
      <c r="F3055" s="40">
        <v>50.766666999999984</v>
      </c>
      <c r="G3055" s="40">
        <v>15.184473400772971</v>
      </c>
      <c r="H3055" s="40">
        <v>50.766667000000012</v>
      </c>
      <c r="I3055" s="40">
        <v>11.931401835189144</v>
      </c>
      <c r="J3055" s="40">
        <v>50.766648244048</v>
      </c>
      <c r="K3055" s="40">
        <v>11.276679135275822</v>
      </c>
      <c r="L3055" s="40"/>
      <c r="M3055" s="40"/>
      <c r="N3055" s="40"/>
      <c r="Y3055">
        <v>33.483333000000002</v>
      </c>
      <c r="Z3055">
        <v>111.783333</v>
      </c>
      <c r="AA3055">
        <v>8.3753259999999994</v>
      </c>
      <c r="AB3055">
        <v>1.4439238605474585</v>
      </c>
    </row>
    <row r="3056" spans="4:28" x14ac:dyDescent="0.25">
      <c r="D3056" s="40">
        <v>50.797969000002247</v>
      </c>
      <c r="E3056" s="40">
        <v>17.892553513206114</v>
      </c>
      <c r="F3056" s="40">
        <v>50.783332999999999</v>
      </c>
      <c r="G3056" s="40">
        <v>15.19398388895341</v>
      </c>
      <c r="H3056" s="40">
        <v>50.783333999999996</v>
      </c>
      <c r="I3056" s="40">
        <v>11.931401835189144</v>
      </c>
      <c r="J3056" s="40">
        <v>50.7833149047623</v>
      </c>
      <c r="K3056" s="40">
        <v>11.281387501228757</v>
      </c>
      <c r="L3056" s="40"/>
      <c r="M3056" s="40"/>
      <c r="N3056" s="40"/>
      <c r="Y3056">
        <v>33.5</v>
      </c>
      <c r="Z3056">
        <v>111.8</v>
      </c>
      <c r="AA3056">
        <v>8.3736759999999997</v>
      </c>
      <c r="AB3056">
        <v>1.4239386713894635</v>
      </c>
    </row>
    <row r="3057" spans="4:28" x14ac:dyDescent="0.25">
      <c r="D3057" s="40">
        <v>50.814635000002248</v>
      </c>
      <c r="E3057" s="40">
        <v>17.89725424536654</v>
      </c>
      <c r="F3057" s="40">
        <v>50.799999999999983</v>
      </c>
      <c r="G3057" s="40">
        <v>15.203354517013405</v>
      </c>
      <c r="H3057" s="40">
        <v>50.800000000000011</v>
      </c>
      <c r="I3057" s="40">
        <v>11.934655961445905</v>
      </c>
      <c r="J3057" s="40">
        <v>50.7999815654766</v>
      </c>
      <c r="K3057" s="40">
        <v>11.281387501228757</v>
      </c>
      <c r="L3057" s="40"/>
      <c r="M3057" s="40"/>
      <c r="N3057" s="40"/>
      <c r="Y3057">
        <v>33.516666999999998</v>
      </c>
      <c r="Z3057">
        <v>111.816667</v>
      </c>
      <c r="AA3057">
        <v>8.3720269999999992</v>
      </c>
      <c r="AB3057">
        <v>1.4039655944673128</v>
      </c>
    </row>
    <row r="3058" spans="4:28" x14ac:dyDescent="0.25">
      <c r="D3058" s="40">
        <v>50.831301000002249</v>
      </c>
      <c r="E3058" s="40">
        <v>17.89725424536654</v>
      </c>
      <c r="F3058" s="40">
        <v>50.816666999999995</v>
      </c>
      <c r="G3058" s="40">
        <v>15.208109761103623</v>
      </c>
      <c r="H3058" s="40">
        <v>50.816666999999995</v>
      </c>
      <c r="I3058" s="40">
        <v>11.938008697589163</v>
      </c>
      <c r="J3058" s="40">
        <v>50.8166482261908</v>
      </c>
      <c r="K3058" s="40">
        <v>11.281387501228757</v>
      </c>
      <c r="L3058" s="40"/>
      <c r="M3058" s="40"/>
      <c r="N3058" s="40"/>
      <c r="Y3058">
        <v>33.533332999999999</v>
      </c>
      <c r="Z3058">
        <v>111.833333</v>
      </c>
      <c r="AA3058">
        <v>8.370412</v>
      </c>
      <c r="AB3058">
        <v>1.38440433356419</v>
      </c>
    </row>
    <row r="3059" spans="4:28" x14ac:dyDescent="0.25">
      <c r="D3059" s="40">
        <v>50.847967000002249</v>
      </c>
      <c r="E3059" s="40">
        <v>17.89725424536654</v>
      </c>
      <c r="F3059" s="40">
        <v>50.833332999999982</v>
      </c>
      <c r="G3059" s="40">
        <v>15.212725145073401</v>
      </c>
      <c r="H3059" s="40">
        <v>50.833334000000008</v>
      </c>
      <c r="I3059" s="40">
        <v>11.938008697589163</v>
      </c>
      <c r="J3059" s="40">
        <v>50.8333148869051</v>
      </c>
      <c r="K3059" s="40">
        <v>11.286238544937989</v>
      </c>
      <c r="L3059" s="40"/>
      <c r="M3059" s="40"/>
      <c r="N3059" s="40"/>
      <c r="Y3059">
        <v>33.549999999999997</v>
      </c>
      <c r="Z3059">
        <v>111.85</v>
      </c>
      <c r="AA3059">
        <v>8.3687629999999995</v>
      </c>
      <c r="AB3059">
        <v>1.3644312566420391</v>
      </c>
    </row>
    <row r="3060" spans="4:28" x14ac:dyDescent="0.25">
      <c r="D3060" s="40">
        <v>50.86463300000225</v>
      </c>
      <c r="E3060" s="40">
        <v>17.902097423955961</v>
      </c>
      <c r="F3060" s="40">
        <v>50.849999999999994</v>
      </c>
      <c r="G3060" s="40">
        <v>15.208109761103623</v>
      </c>
      <c r="H3060" s="40">
        <v>50.849999999999994</v>
      </c>
      <c r="I3060" s="40">
        <v>11.941361433732421</v>
      </c>
      <c r="J3060" s="40">
        <v>50.8499815476194</v>
      </c>
      <c r="K3060" s="40">
        <v>11.286238544937989</v>
      </c>
      <c r="L3060" s="40"/>
      <c r="M3060" s="40"/>
      <c r="N3060" s="40"/>
      <c r="Y3060">
        <v>33.56666700000001</v>
      </c>
      <c r="Z3060">
        <v>111.86666700000001</v>
      </c>
      <c r="AA3060">
        <v>8.3671469999999992</v>
      </c>
      <c r="AB3060">
        <v>1.3448578835030505</v>
      </c>
    </row>
    <row r="3061" spans="4:28" x14ac:dyDescent="0.25">
      <c r="D3061" s="40">
        <v>50.881299000002251</v>
      </c>
      <c r="E3061" s="40">
        <v>17.902097423955961</v>
      </c>
      <c r="F3061" s="40">
        <v>50.866667000000007</v>
      </c>
      <c r="G3061" s="40">
        <v>15.217480389163621</v>
      </c>
      <c r="H3061" s="40">
        <v>50.866667000000007</v>
      </c>
      <c r="I3061" s="40">
        <v>11.944615559989185</v>
      </c>
      <c r="J3061" s="40">
        <v>50.8666482083337</v>
      </c>
      <c r="K3061" s="40">
        <v>11.286238544937989</v>
      </c>
      <c r="L3061" s="40"/>
      <c r="M3061" s="40"/>
      <c r="N3061" s="40"/>
      <c r="Y3061">
        <v>33.583332999999996</v>
      </c>
      <c r="Z3061">
        <v>111.88333299999999</v>
      </c>
      <c r="AA3061">
        <v>8.365532</v>
      </c>
      <c r="AB3061">
        <v>1.3252966225999276</v>
      </c>
    </row>
    <row r="3062" spans="4:28" x14ac:dyDescent="0.25">
      <c r="D3062" s="40">
        <v>50.897965000002252</v>
      </c>
      <c r="E3062" s="40">
        <v>17.906940602545514</v>
      </c>
      <c r="F3062" s="40">
        <v>50.883332999999993</v>
      </c>
      <c r="G3062" s="40">
        <v>15.231606261313834</v>
      </c>
      <c r="H3062" s="40">
        <v>50.883334000000019</v>
      </c>
      <c r="I3062" s="40">
        <v>11.944615559989185</v>
      </c>
      <c r="J3062" s="40">
        <v>50.883314869048</v>
      </c>
      <c r="K3062" s="40">
        <v>11.291089588647221</v>
      </c>
      <c r="L3062" s="40"/>
      <c r="M3062" s="40"/>
      <c r="N3062" s="40"/>
      <c r="Y3062">
        <v>33.600000000000009</v>
      </c>
      <c r="Z3062">
        <v>111.9</v>
      </c>
      <c r="AA3062">
        <v>8.3639159999999997</v>
      </c>
      <c r="AB3062">
        <v>1.305723249460939</v>
      </c>
    </row>
    <row r="3063" spans="4:28" x14ac:dyDescent="0.25">
      <c r="D3063" s="40">
        <v>50.914631000002252</v>
      </c>
      <c r="E3063" s="40">
        <v>17.906940602545514</v>
      </c>
      <c r="F3063" s="40">
        <v>50.900000000000006</v>
      </c>
      <c r="G3063" s="40">
        <v>15.240976889373954</v>
      </c>
      <c r="H3063" s="40">
        <v>50.900000000000006</v>
      </c>
      <c r="I3063" s="40">
        <v>11.947968296132615</v>
      </c>
      <c r="J3063" s="40">
        <v>50.8999815297623</v>
      </c>
      <c r="K3063" s="40">
        <v>11.291089588647221</v>
      </c>
      <c r="L3063" s="40"/>
      <c r="M3063" s="40"/>
      <c r="N3063" s="40"/>
      <c r="Y3063">
        <v>33.616667000000007</v>
      </c>
      <c r="Z3063">
        <v>111.916667</v>
      </c>
      <c r="AA3063">
        <v>8.3623340000000006</v>
      </c>
      <c r="AB3063">
        <v>1.2865616923409782</v>
      </c>
    </row>
    <row r="3064" spans="4:28" x14ac:dyDescent="0.25">
      <c r="D3064" s="40">
        <v>50.931297000002253</v>
      </c>
      <c r="E3064" s="40">
        <v>17.911641334705941</v>
      </c>
      <c r="F3064" s="40">
        <v>50.91666699999999</v>
      </c>
      <c r="G3064" s="40">
        <v>15.250487377554267</v>
      </c>
      <c r="H3064" s="40">
        <v>50.916667000000018</v>
      </c>
      <c r="I3064" s="40">
        <v>11.951321032275873</v>
      </c>
      <c r="J3064" s="40">
        <v>50.9166481904766</v>
      </c>
      <c r="K3064" s="40">
        <v>11.291089588647221</v>
      </c>
      <c r="L3064" s="40"/>
      <c r="M3064" s="40"/>
      <c r="N3064" s="40"/>
      <c r="Y3064">
        <v>33.633333000000007</v>
      </c>
      <c r="Z3064">
        <v>111.933333</v>
      </c>
      <c r="AA3064">
        <v>8.3607189999999996</v>
      </c>
      <c r="AB3064">
        <v>1.2670004314378338</v>
      </c>
    </row>
    <row r="3065" spans="4:28" x14ac:dyDescent="0.25">
      <c r="D3065" s="40">
        <v>50.947963000002254</v>
      </c>
      <c r="E3065" s="40">
        <v>17.916484513295362</v>
      </c>
      <c r="F3065" s="40">
        <v>50.933333000000005</v>
      </c>
      <c r="G3065" s="40">
        <v>15.255102761524167</v>
      </c>
      <c r="H3065" s="40">
        <v>50.933334000000002</v>
      </c>
      <c r="I3065" s="40">
        <v>11.951321032275873</v>
      </c>
      <c r="J3065" s="40">
        <v>50.933314851190801</v>
      </c>
      <c r="K3065" s="40">
        <v>11.291089588647221</v>
      </c>
      <c r="L3065" s="40"/>
      <c r="M3065" s="40"/>
      <c r="N3065" s="40"/>
      <c r="Y3065">
        <v>33.650000000000006</v>
      </c>
      <c r="Z3065">
        <v>111.95</v>
      </c>
      <c r="AA3065">
        <v>8.3591370000000005</v>
      </c>
      <c r="AB3065">
        <v>1.2478388743178728</v>
      </c>
    </row>
    <row r="3066" spans="4:28" x14ac:dyDescent="0.25">
      <c r="D3066" s="40">
        <v>50.964629000002255</v>
      </c>
      <c r="E3066" s="40">
        <v>17.916484513295362</v>
      </c>
      <c r="F3066" s="40">
        <v>50.949999999999989</v>
      </c>
      <c r="G3066" s="40">
        <v>15.259858005614264</v>
      </c>
      <c r="H3066" s="40">
        <v>50.950000000000017</v>
      </c>
      <c r="I3066" s="40">
        <v>11.954575158532636</v>
      </c>
      <c r="J3066" s="40">
        <v>50.949981511905101</v>
      </c>
      <c r="K3066" s="40">
        <v>11.291089588647221</v>
      </c>
      <c r="L3066" s="40"/>
      <c r="M3066" s="40"/>
      <c r="N3066" s="40"/>
      <c r="Y3066">
        <v>33.666667000000004</v>
      </c>
      <c r="Z3066">
        <v>111.966667</v>
      </c>
      <c r="AA3066">
        <v>8.3575549999999996</v>
      </c>
      <c r="AB3066">
        <v>1.2286773171978906</v>
      </c>
    </row>
    <row r="3067" spans="4:28" x14ac:dyDescent="0.25">
      <c r="D3067" s="40">
        <v>50.981295000002255</v>
      </c>
      <c r="E3067" s="40">
        <v>17.921327691884908</v>
      </c>
      <c r="F3067" s="40">
        <v>50.966667000000001</v>
      </c>
      <c r="G3067" s="40">
        <v>15.264613249704482</v>
      </c>
      <c r="H3067" s="40">
        <v>50.966667000000001</v>
      </c>
      <c r="I3067" s="40">
        <v>11.957927894675892</v>
      </c>
      <c r="J3067" s="40">
        <v>50.966648172619401</v>
      </c>
      <c r="K3067" s="40">
        <v>11.295797954600154</v>
      </c>
      <c r="L3067" s="40"/>
      <c r="M3067" s="40"/>
      <c r="N3067" s="40"/>
      <c r="Y3067">
        <v>33.683333000000005</v>
      </c>
      <c r="Z3067">
        <v>111.983333</v>
      </c>
      <c r="AA3067">
        <v>8.3559730000000005</v>
      </c>
      <c r="AB3067">
        <v>1.2095157600779296</v>
      </c>
    </row>
    <row r="3068" spans="4:28" x14ac:dyDescent="0.25">
      <c r="D3068" s="40">
        <v>50.997961000002256</v>
      </c>
      <c r="E3068" s="40">
        <v>17.926028424045334</v>
      </c>
      <c r="F3068" s="40">
        <v>50.983332999999988</v>
      </c>
      <c r="G3068" s="40">
        <v>15.264613249704482</v>
      </c>
      <c r="H3068" s="40">
        <v>50.983334000000013</v>
      </c>
      <c r="I3068" s="40">
        <v>11.96128063081915</v>
      </c>
      <c r="J3068" s="40">
        <v>50.983314833333701</v>
      </c>
      <c r="K3068" s="40">
        <v>11.295797954600154</v>
      </c>
      <c r="L3068" s="40"/>
      <c r="M3068" s="40"/>
      <c r="N3068" s="40"/>
      <c r="Y3068">
        <v>33.700000000000003</v>
      </c>
      <c r="Z3068">
        <v>112</v>
      </c>
      <c r="AA3068">
        <v>8.3543909999999997</v>
      </c>
      <c r="AB3068">
        <v>1.1903542029579475</v>
      </c>
    </row>
    <row r="3069" spans="4:28" x14ac:dyDescent="0.25">
      <c r="D3069" s="40">
        <v>51.014627000002257</v>
      </c>
      <c r="E3069" s="40">
        <v>17.926028424045334</v>
      </c>
      <c r="F3069" s="40">
        <v>51</v>
      </c>
      <c r="G3069" s="40">
        <v>15.269228633674382</v>
      </c>
      <c r="H3069" s="40">
        <v>51</v>
      </c>
      <c r="I3069" s="40">
        <v>11.96128063081915</v>
      </c>
      <c r="J3069" s="40">
        <v>50.999981494048001</v>
      </c>
      <c r="K3069" s="40">
        <v>11.300648998309386</v>
      </c>
      <c r="L3069" s="40"/>
      <c r="M3069" s="40"/>
      <c r="N3069" s="40"/>
      <c r="Y3069">
        <v>33.716667000000001</v>
      </c>
      <c r="Z3069">
        <v>112.016667</v>
      </c>
      <c r="AA3069">
        <v>8.352843</v>
      </c>
      <c r="AB3069">
        <v>1.1716044618569927</v>
      </c>
    </row>
    <row r="3070" spans="4:28" x14ac:dyDescent="0.25">
      <c r="D3070" s="40">
        <v>51.031293000002258</v>
      </c>
      <c r="E3070" s="40">
        <v>17.93087160263488</v>
      </c>
      <c r="F3070" s="40">
        <v>51.016666999999984</v>
      </c>
      <c r="G3070" s="40">
        <v>15.273983877764602</v>
      </c>
      <c r="H3070" s="40">
        <v>51.016667000000012</v>
      </c>
      <c r="I3070" s="40">
        <v>11.964534757075914</v>
      </c>
      <c r="J3070" s="40">
        <v>51.016648154762301</v>
      </c>
      <c r="K3070" s="40">
        <v>11.300648998309386</v>
      </c>
      <c r="L3070" s="40"/>
      <c r="M3070" s="40"/>
      <c r="N3070" s="40"/>
      <c r="Y3070">
        <v>33.733333000000002</v>
      </c>
      <c r="Z3070">
        <v>112.033333</v>
      </c>
      <c r="AA3070">
        <v>8.3512609999999992</v>
      </c>
      <c r="AB3070">
        <v>1.1524429047370104</v>
      </c>
    </row>
    <row r="3071" spans="4:28" x14ac:dyDescent="0.25">
      <c r="D3071" s="40">
        <v>51.047959000002258</v>
      </c>
      <c r="E3071" s="40">
        <v>17.935714781224302</v>
      </c>
      <c r="F3071" s="40">
        <v>51.033332999999999</v>
      </c>
      <c r="G3071" s="40">
        <v>15.273983877764602</v>
      </c>
      <c r="H3071" s="40">
        <v>51.033333999999996</v>
      </c>
      <c r="I3071" s="40">
        <v>11.967887493219346</v>
      </c>
      <c r="J3071" s="40">
        <v>51.033314815476601</v>
      </c>
      <c r="K3071" s="40">
        <v>11.305500042018618</v>
      </c>
      <c r="L3071" s="40"/>
      <c r="M3071" s="40"/>
      <c r="N3071" s="40"/>
      <c r="Y3071">
        <v>33.75</v>
      </c>
      <c r="Z3071">
        <v>112.05</v>
      </c>
      <c r="AA3071">
        <v>8.3497129999999995</v>
      </c>
      <c r="AB3071">
        <v>1.1336931636360559</v>
      </c>
    </row>
    <row r="3072" spans="4:28" x14ac:dyDescent="0.25">
      <c r="D3072" s="40">
        <v>51.064625000002259</v>
      </c>
      <c r="E3072" s="40">
        <v>17.940415513384728</v>
      </c>
      <c r="F3072" s="40">
        <v>51.049999999999983</v>
      </c>
      <c r="G3072" s="40">
        <v>15.278739121854697</v>
      </c>
      <c r="H3072" s="40">
        <v>51.050000000000011</v>
      </c>
      <c r="I3072" s="40">
        <v>11.971240229362603</v>
      </c>
      <c r="J3072" s="40">
        <v>51.049981476190801</v>
      </c>
      <c r="K3072" s="40">
        <v>11.305500042018618</v>
      </c>
      <c r="L3072" s="40"/>
      <c r="M3072" s="40"/>
      <c r="N3072" s="40"/>
      <c r="Y3072">
        <v>33.766666999999998</v>
      </c>
      <c r="Z3072">
        <v>112.066667</v>
      </c>
      <c r="AA3072">
        <v>8.3481649999999998</v>
      </c>
      <c r="AB3072">
        <v>1.1149434225351014</v>
      </c>
    </row>
    <row r="3073" spans="4:28" x14ac:dyDescent="0.25">
      <c r="D3073" s="40">
        <v>51.08129100000226</v>
      </c>
      <c r="E3073" s="40">
        <v>17.945258691974278</v>
      </c>
      <c r="F3073" s="40">
        <v>51.066666999999995</v>
      </c>
      <c r="G3073" s="40">
        <v>15.283354505824597</v>
      </c>
      <c r="H3073" s="40">
        <v>51.066666999999995</v>
      </c>
      <c r="I3073" s="40">
        <v>11.974494355619367</v>
      </c>
      <c r="J3073" s="40">
        <v>51.066648136905101</v>
      </c>
      <c r="K3073" s="40">
        <v>11.305500042018618</v>
      </c>
      <c r="L3073" s="40"/>
      <c r="M3073" s="40"/>
      <c r="N3073" s="40"/>
      <c r="Y3073">
        <v>33.783332999999999</v>
      </c>
      <c r="Z3073">
        <v>112.083333</v>
      </c>
      <c r="AA3073">
        <v>8.3466500000000003</v>
      </c>
      <c r="AB3073">
        <v>1.0965933852173089</v>
      </c>
    </row>
    <row r="3074" spans="4:28" x14ac:dyDescent="0.25">
      <c r="D3074" s="40">
        <v>51.09795700000226</v>
      </c>
      <c r="E3074" s="40">
        <v>17.945258691974278</v>
      </c>
      <c r="F3074" s="40">
        <v>51.083332999999982</v>
      </c>
      <c r="G3074" s="40">
        <v>15.283354505824597</v>
      </c>
      <c r="H3074" s="40">
        <v>51.083334000000008</v>
      </c>
      <c r="I3074" s="40">
        <v>11.974494355619367</v>
      </c>
      <c r="J3074" s="40">
        <v>51.083314797619401</v>
      </c>
      <c r="K3074" s="40">
        <v>11.310208407971679</v>
      </c>
      <c r="L3074" s="40"/>
      <c r="M3074" s="40"/>
      <c r="N3074" s="40"/>
      <c r="Y3074">
        <v>33.799999999999997</v>
      </c>
      <c r="Z3074">
        <v>112.1</v>
      </c>
      <c r="AA3074">
        <v>8.3451020000000007</v>
      </c>
      <c r="AB3074">
        <v>1.0778436441163544</v>
      </c>
    </row>
    <row r="3075" spans="4:28" x14ac:dyDescent="0.25">
      <c r="D3075" s="40">
        <v>51.114623000002261</v>
      </c>
      <c r="E3075" s="40">
        <v>17.950101870563699</v>
      </c>
      <c r="F3075" s="40">
        <v>51.099999999999994</v>
      </c>
      <c r="G3075" s="40">
        <v>15.288109749914817</v>
      </c>
      <c r="H3075" s="40">
        <v>51.099999999999994</v>
      </c>
      <c r="I3075" s="40">
        <v>11.977847091762623</v>
      </c>
      <c r="J3075" s="40">
        <v>51.099981458333701</v>
      </c>
      <c r="K3075" s="40">
        <v>11.310208407971679</v>
      </c>
      <c r="L3075" s="40"/>
      <c r="M3075" s="40"/>
      <c r="N3075" s="40"/>
      <c r="Y3075">
        <v>33.81666700000001</v>
      </c>
      <c r="Z3075">
        <v>112.11666700000001</v>
      </c>
      <c r="AA3075">
        <v>8.3435869999999994</v>
      </c>
      <c r="AB3075">
        <v>1.0594936067985403</v>
      </c>
    </row>
    <row r="3076" spans="4:28" x14ac:dyDescent="0.25">
      <c r="D3076" s="40">
        <v>51.131289000002262</v>
      </c>
      <c r="E3076" s="40">
        <v>17.950101870563699</v>
      </c>
      <c r="F3076" s="40">
        <v>51.116667000000007</v>
      </c>
      <c r="G3076" s="40">
        <v>15.292864994004912</v>
      </c>
      <c r="H3076" s="40">
        <v>51.116667000000007</v>
      </c>
      <c r="I3076" s="40">
        <v>11.981199827906057</v>
      </c>
      <c r="J3076" s="40">
        <v>51.116648119048001</v>
      </c>
      <c r="K3076" s="40">
        <v>11.315059451680785</v>
      </c>
      <c r="L3076" s="40"/>
      <c r="M3076" s="40"/>
      <c r="N3076" s="40"/>
      <c r="Y3076">
        <v>33.833332999999996</v>
      </c>
      <c r="Z3076">
        <v>112.13333299999999</v>
      </c>
      <c r="AA3076">
        <v>8.3420729999999992</v>
      </c>
      <c r="AB3076">
        <v>1.0411556817165923</v>
      </c>
    </row>
    <row r="3077" spans="4:28" x14ac:dyDescent="0.25">
      <c r="D3077" s="40">
        <v>51.147955000002263</v>
      </c>
      <c r="E3077" s="40">
        <v>17.954802602724122</v>
      </c>
      <c r="F3077" s="40">
        <v>51.133332999999993</v>
      </c>
      <c r="G3077" s="40">
        <v>15.297480377974811</v>
      </c>
      <c r="H3077" s="40">
        <v>51.133334000000019</v>
      </c>
      <c r="I3077" s="40">
        <v>11.984453954162818</v>
      </c>
      <c r="J3077" s="40">
        <v>51.133314779762301</v>
      </c>
      <c r="K3077" s="40">
        <v>11.315059451680785</v>
      </c>
      <c r="L3077" s="40"/>
      <c r="M3077" s="40"/>
      <c r="N3077" s="40"/>
      <c r="Y3077">
        <v>33.850000000000009</v>
      </c>
      <c r="Z3077">
        <v>112.15</v>
      </c>
      <c r="AA3077">
        <v>8.3405579999999997</v>
      </c>
      <c r="AB3077">
        <v>1.0228056443987996</v>
      </c>
    </row>
    <row r="3078" spans="4:28" x14ac:dyDescent="0.25">
      <c r="D3078" s="40">
        <v>51.164621000002263</v>
      </c>
      <c r="E3078" s="40">
        <v>17.954802602724122</v>
      </c>
      <c r="F3078" s="40">
        <v>51.150000000000006</v>
      </c>
      <c r="G3078" s="40">
        <v>15.302235622065032</v>
      </c>
      <c r="H3078" s="40">
        <v>51.150000000000006</v>
      </c>
      <c r="I3078" s="40">
        <v>11.987806690306076</v>
      </c>
      <c r="J3078" s="40">
        <v>51.149981440476601</v>
      </c>
      <c r="K3078" s="40">
        <v>11.315059451680785</v>
      </c>
      <c r="L3078" s="40"/>
      <c r="M3078" s="40"/>
      <c r="N3078" s="40"/>
      <c r="Y3078">
        <v>33.866667000000007</v>
      </c>
      <c r="Z3078">
        <v>112.166667</v>
      </c>
      <c r="AA3078">
        <v>8.3390769999999996</v>
      </c>
      <c r="AB3078">
        <v>1.0048674231000136</v>
      </c>
    </row>
    <row r="3079" spans="4:28" x14ac:dyDescent="0.25">
      <c r="D3079" s="40">
        <v>51.181287000002264</v>
      </c>
      <c r="E3079" s="40">
        <v>17.959645781313672</v>
      </c>
      <c r="F3079" s="40">
        <v>51.16666699999999</v>
      </c>
      <c r="G3079" s="40">
        <v>15.306990866155127</v>
      </c>
      <c r="H3079" s="40">
        <v>51.166667000000018</v>
      </c>
      <c r="I3079" s="40">
        <v>11.991159426449332</v>
      </c>
      <c r="J3079" s="40">
        <v>51.166648101190802</v>
      </c>
      <c r="K3079" s="40">
        <v>11.315059451680785</v>
      </c>
      <c r="L3079" s="40"/>
      <c r="M3079" s="40"/>
      <c r="N3079" s="40"/>
      <c r="Y3079">
        <v>33.883333000000007</v>
      </c>
      <c r="Z3079">
        <v>112.183333</v>
      </c>
      <c r="AA3079">
        <v>8.3375970000000006</v>
      </c>
      <c r="AB3079">
        <v>0.98694131403709329</v>
      </c>
    </row>
    <row r="3080" spans="4:28" x14ac:dyDescent="0.25">
      <c r="D3080" s="40">
        <v>51.197953000002265</v>
      </c>
      <c r="E3080" s="40">
        <v>17.959645781313672</v>
      </c>
      <c r="F3080" s="40">
        <v>51.183333000000005</v>
      </c>
      <c r="G3080" s="40">
        <v>15.311606250125028</v>
      </c>
      <c r="H3080" s="40">
        <v>51.183334000000002</v>
      </c>
      <c r="I3080" s="40">
        <v>11.994512162592589</v>
      </c>
      <c r="J3080" s="40">
        <v>51.183314761905102</v>
      </c>
      <c r="K3080" s="40">
        <v>11.319910495390017</v>
      </c>
      <c r="L3080" s="40"/>
      <c r="M3080" s="40"/>
      <c r="N3080" s="40"/>
      <c r="Y3080">
        <v>33.900000000000006</v>
      </c>
      <c r="Z3080">
        <v>112.2</v>
      </c>
      <c r="AA3080">
        <v>8.3360819999999993</v>
      </c>
      <c r="AB3080">
        <v>0.96859127671927914</v>
      </c>
    </row>
    <row r="3081" spans="4:28" x14ac:dyDescent="0.25">
      <c r="D3081" s="40">
        <v>51.214619000002266</v>
      </c>
      <c r="E3081" s="40">
        <v>17.964488959903097</v>
      </c>
      <c r="F3081" s="40">
        <v>51.199999999999989</v>
      </c>
      <c r="G3081" s="40">
        <v>15.311606250125028</v>
      </c>
      <c r="H3081" s="40">
        <v>51.200000000000017</v>
      </c>
      <c r="I3081" s="40">
        <v>11.997766288849352</v>
      </c>
      <c r="J3081" s="40">
        <v>51.199981422619402</v>
      </c>
      <c r="K3081" s="40">
        <v>11.319910495390017</v>
      </c>
      <c r="L3081" s="40"/>
      <c r="M3081" s="40"/>
      <c r="N3081" s="40"/>
      <c r="Y3081">
        <v>33.916667000000004</v>
      </c>
      <c r="Z3081">
        <v>112.216667</v>
      </c>
      <c r="AA3081">
        <v>8.3346009999999993</v>
      </c>
      <c r="AB3081">
        <v>0.95065305542049305</v>
      </c>
    </row>
    <row r="3082" spans="4:28" x14ac:dyDescent="0.25">
      <c r="D3082" s="40">
        <v>51.231285000002266</v>
      </c>
      <c r="E3082" s="40">
        <v>17.964488959903097</v>
      </c>
      <c r="F3082" s="40">
        <v>51.216667000000001</v>
      </c>
      <c r="G3082" s="40">
        <v>15.316361494215245</v>
      </c>
      <c r="H3082" s="40">
        <v>51.216667000000001</v>
      </c>
      <c r="I3082" s="40">
        <v>11.997766288849352</v>
      </c>
      <c r="J3082" s="40">
        <v>51.216648083333702</v>
      </c>
      <c r="K3082" s="40">
        <v>11.319910495390017</v>
      </c>
      <c r="L3082" s="40"/>
      <c r="M3082" s="40"/>
      <c r="N3082" s="40"/>
      <c r="Y3082">
        <v>33.933333000000005</v>
      </c>
      <c r="Z3082">
        <v>112.233333</v>
      </c>
      <c r="AA3082">
        <v>8.3331540000000004</v>
      </c>
      <c r="AB3082">
        <v>0.9331266501407347</v>
      </c>
    </row>
    <row r="3083" spans="4:28" x14ac:dyDescent="0.25">
      <c r="D3083" s="40">
        <v>51.247951000002267</v>
      </c>
      <c r="E3083" s="40">
        <v>17.969332138492643</v>
      </c>
      <c r="F3083" s="40">
        <v>51.233332999999988</v>
      </c>
      <c r="G3083" s="40">
        <v>15.321116738305465</v>
      </c>
      <c r="H3083" s="40">
        <v>51.233334000000013</v>
      </c>
      <c r="I3083" s="40">
        <v>12.001119024992786</v>
      </c>
      <c r="J3083" s="40">
        <v>51.233314744048002</v>
      </c>
      <c r="K3083" s="40">
        <v>11.319910495390017</v>
      </c>
      <c r="L3083" s="40"/>
      <c r="M3083" s="40"/>
      <c r="N3083" s="40"/>
      <c r="Y3083">
        <v>33.950000000000003</v>
      </c>
      <c r="Z3083">
        <v>112.25</v>
      </c>
      <c r="AA3083">
        <v>8.3316730000000003</v>
      </c>
      <c r="AB3083">
        <v>0.91518842884194851</v>
      </c>
    </row>
    <row r="3084" spans="4:28" x14ac:dyDescent="0.25">
      <c r="D3084" s="40">
        <v>51.264617000002268</v>
      </c>
      <c r="E3084" s="40">
        <v>17.969332138492643</v>
      </c>
      <c r="F3084" s="40">
        <v>51.25</v>
      </c>
      <c r="G3084" s="40">
        <v>15.321116738305465</v>
      </c>
      <c r="H3084" s="40">
        <v>51.25</v>
      </c>
      <c r="I3084" s="40">
        <v>12.004471761136042</v>
      </c>
      <c r="J3084" s="40">
        <v>51.249981404762302</v>
      </c>
      <c r="K3084" s="40">
        <v>11.319910495390017</v>
      </c>
      <c r="L3084" s="40"/>
      <c r="M3084" s="40"/>
      <c r="N3084" s="40"/>
      <c r="Y3084">
        <v>33.966667000000001</v>
      </c>
      <c r="Z3084">
        <v>112.266667</v>
      </c>
      <c r="AA3084">
        <v>8.3302259999999997</v>
      </c>
      <c r="AB3084">
        <v>0.89766202356216862</v>
      </c>
    </row>
    <row r="3085" spans="4:28" x14ac:dyDescent="0.25">
      <c r="D3085" s="40">
        <v>51.281283000002269</v>
      </c>
      <c r="E3085" s="40">
        <v>17.974032870653069</v>
      </c>
      <c r="F3085" s="40">
        <v>51.266666999999984</v>
      </c>
      <c r="G3085" s="40">
        <v>15.321116738305465</v>
      </c>
      <c r="H3085" s="40">
        <v>51.266667000000012</v>
      </c>
      <c r="I3085" s="40">
        <v>12.007725887392805</v>
      </c>
      <c r="J3085" s="40">
        <v>51.266648065476602</v>
      </c>
      <c r="K3085" s="40">
        <v>11.319910495390017</v>
      </c>
      <c r="L3085" s="40"/>
      <c r="M3085" s="40"/>
      <c r="N3085" s="40"/>
      <c r="Y3085">
        <v>33.983333000000002</v>
      </c>
      <c r="Z3085">
        <v>112.283333</v>
      </c>
      <c r="AA3085">
        <v>8.3287779999999998</v>
      </c>
      <c r="AB3085">
        <v>0.88012350604654466</v>
      </c>
    </row>
    <row r="3086" spans="4:28" x14ac:dyDescent="0.25">
      <c r="D3086" s="40">
        <v>51.297949000002269</v>
      </c>
      <c r="E3086" s="40">
        <v>17.978876049242491</v>
      </c>
      <c r="F3086" s="40">
        <v>51.283332999999999</v>
      </c>
      <c r="G3086" s="40">
        <v>15.325732122275243</v>
      </c>
      <c r="H3086" s="40">
        <v>51.283333999999996</v>
      </c>
      <c r="I3086" s="40">
        <v>12.007725887392805</v>
      </c>
      <c r="J3086" s="40">
        <v>51.283314726190802</v>
      </c>
      <c r="K3086" s="40">
        <v>11.319910495390017</v>
      </c>
      <c r="L3086" s="40"/>
      <c r="M3086" s="40"/>
      <c r="N3086" s="40"/>
      <c r="Y3086">
        <v>34</v>
      </c>
      <c r="Z3086">
        <v>112.3</v>
      </c>
      <c r="AA3086">
        <v>8.3273309999999992</v>
      </c>
      <c r="AB3086">
        <v>0.86259710076676477</v>
      </c>
    </row>
    <row r="3087" spans="4:28" x14ac:dyDescent="0.25">
      <c r="D3087" s="40">
        <v>51.31461500000227</v>
      </c>
      <c r="E3087" s="40">
        <v>17.978876049242491</v>
      </c>
      <c r="F3087" s="40">
        <v>51.299999999999983</v>
      </c>
      <c r="G3087" s="40">
        <v>15.33048736636546</v>
      </c>
      <c r="H3087" s="40">
        <v>51.300000000000011</v>
      </c>
      <c r="I3087" s="40">
        <v>12.011078623536063</v>
      </c>
      <c r="J3087" s="40">
        <v>51.299981386905102</v>
      </c>
      <c r="K3087" s="40">
        <v>11.319910495390017</v>
      </c>
      <c r="L3087" s="40"/>
      <c r="M3087" s="40"/>
      <c r="N3087" s="40"/>
      <c r="Y3087">
        <v>34.016666999999998</v>
      </c>
      <c r="Z3087">
        <v>112.316667</v>
      </c>
      <c r="AA3087">
        <v>8.3258840000000003</v>
      </c>
      <c r="AB3087">
        <v>0.84507069548700642</v>
      </c>
    </row>
    <row r="3088" spans="4:28" x14ac:dyDescent="0.25">
      <c r="D3088" s="40">
        <v>51.331281000002271</v>
      </c>
      <c r="E3088" s="40">
        <v>17.98371922783204</v>
      </c>
      <c r="F3088" s="40">
        <v>51.316666999999995</v>
      </c>
      <c r="G3088" s="40">
        <v>15.33048736636546</v>
      </c>
      <c r="H3088" s="40">
        <v>51.316666999999995</v>
      </c>
      <c r="I3088" s="40">
        <v>12.011078623536063</v>
      </c>
      <c r="J3088" s="40">
        <v>51.316648047619402</v>
      </c>
      <c r="K3088" s="40">
        <v>11.324618861343076</v>
      </c>
      <c r="L3088" s="40"/>
      <c r="M3088" s="40"/>
      <c r="N3088" s="40"/>
      <c r="Y3088">
        <v>34.033332999999999</v>
      </c>
      <c r="Z3088">
        <v>112.333333</v>
      </c>
      <c r="AA3088">
        <v>8.3244699999999998</v>
      </c>
      <c r="AB3088">
        <v>0.82794399399038865</v>
      </c>
    </row>
    <row r="3089" spans="4:28" x14ac:dyDescent="0.25">
      <c r="D3089" s="40">
        <v>51.347947000002272</v>
      </c>
      <c r="E3089" s="40">
        <v>17.98371922783204</v>
      </c>
      <c r="F3089" s="40">
        <v>51.333332999999982</v>
      </c>
      <c r="G3089" s="40">
        <v>15.33524261045568</v>
      </c>
      <c r="H3089" s="40">
        <v>51.333334000000008</v>
      </c>
      <c r="I3089" s="40">
        <v>12.014431359679495</v>
      </c>
      <c r="J3089" s="40">
        <v>51.333314708333702</v>
      </c>
      <c r="K3089" s="40">
        <v>11.324618861343076</v>
      </c>
      <c r="L3089" s="40"/>
      <c r="M3089" s="40"/>
      <c r="N3089" s="40"/>
      <c r="Y3089">
        <v>34.049999999999997</v>
      </c>
      <c r="Z3089">
        <v>112.35</v>
      </c>
      <c r="AA3089">
        <v>8.3230229999999992</v>
      </c>
      <c r="AB3089">
        <v>0.81041758871060887</v>
      </c>
    </row>
    <row r="3090" spans="4:28" x14ac:dyDescent="0.25">
      <c r="D3090" s="40">
        <v>51.364613000002272</v>
      </c>
      <c r="E3090" s="40">
        <v>17.988419959992466</v>
      </c>
      <c r="F3090" s="40">
        <v>51.349999999999994</v>
      </c>
      <c r="G3090" s="40">
        <v>15.339857994425456</v>
      </c>
      <c r="H3090" s="40">
        <v>51.349999999999994</v>
      </c>
      <c r="I3090" s="40">
        <v>12.017685485936083</v>
      </c>
      <c r="J3090" s="40">
        <v>51.349981369048002</v>
      </c>
      <c r="K3090" s="40">
        <v>11.324618861343076</v>
      </c>
      <c r="L3090" s="40"/>
      <c r="M3090" s="40"/>
      <c r="N3090" s="40"/>
      <c r="Y3090">
        <v>34.06666700000001</v>
      </c>
      <c r="Z3090">
        <v>112.36666700000001</v>
      </c>
      <c r="AA3090">
        <v>8.3216099999999997</v>
      </c>
      <c r="AB3090">
        <v>0.79330299944985683</v>
      </c>
    </row>
    <row r="3091" spans="4:28" x14ac:dyDescent="0.25">
      <c r="D3091" s="40">
        <v>51.381279000002273</v>
      </c>
      <c r="E3091" s="40">
        <v>17.988419959992466</v>
      </c>
      <c r="F3091" s="40">
        <v>51.366667000000007</v>
      </c>
      <c r="G3091" s="40">
        <v>15.339857994425456</v>
      </c>
      <c r="H3091" s="40">
        <v>51.366667000000007</v>
      </c>
      <c r="I3091" s="40">
        <v>12.017685485936083</v>
      </c>
      <c r="J3091" s="40">
        <v>51.366648029762302</v>
      </c>
      <c r="K3091" s="40">
        <v>11.324618861343076</v>
      </c>
      <c r="L3091" s="40"/>
      <c r="M3091" s="40"/>
      <c r="N3091" s="40"/>
      <c r="Y3091">
        <v>34.083332999999996</v>
      </c>
      <c r="Z3091">
        <v>112.38333299999999</v>
      </c>
      <c r="AA3091">
        <v>8.3201959999999993</v>
      </c>
      <c r="AB3091">
        <v>0.77617629795323906</v>
      </c>
    </row>
    <row r="3092" spans="4:28" x14ac:dyDescent="0.25">
      <c r="D3092" s="40">
        <v>51.397945000002274</v>
      </c>
      <c r="E3092" s="40">
        <v>17.993263138582012</v>
      </c>
      <c r="F3092" s="40">
        <v>51.383332999999993</v>
      </c>
      <c r="G3092" s="40">
        <v>15.344613238515675</v>
      </c>
      <c r="H3092" s="40">
        <v>51.383334000000019</v>
      </c>
      <c r="I3092" s="40">
        <v>12.021038222079516</v>
      </c>
      <c r="J3092" s="40">
        <v>51.383314690476602</v>
      </c>
      <c r="K3092" s="40">
        <v>11.324618861343076</v>
      </c>
      <c r="L3092" s="40"/>
      <c r="M3092" s="40"/>
      <c r="N3092" s="40"/>
      <c r="Y3092">
        <v>34.100000000000009</v>
      </c>
      <c r="Z3092">
        <v>112.4</v>
      </c>
      <c r="AA3092">
        <v>8.3187820000000006</v>
      </c>
      <c r="AB3092">
        <v>0.75904959645664272</v>
      </c>
    </row>
    <row r="3093" spans="4:28" x14ac:dyDescent="0.25">
      <c r="D3093" s="40">
        <v>51.414611000002274</v>
      </c>
      <c r="E3093" s="40">
        <v>17.993263138582012</v>
      </c>
      <c r="F3093" s="40">
        <v>51.400000000000006</v>
      </c>
      <c r="G3093" s="40">
        <v>15.349368482605895</v>
      </c>
      <c r="H3093" s="40">
        <v>51.400000000000006</v>
      </c>
      <c r="I3093" s="40">
        <v>12.021038222079516</v>
      </c>
      <c r="J3093" s="40">
        <v>51.399981351190803</v>
      </c>
      <c r="K3093" s="40">
        <v>11.329469905052182</v>
      </c>
      <c r="L3093" s="40"/>
      <c r="M3093" s="40"/>
      <c r="N3093" s="40"/>
      <c r="Y3093">
        <v>34.116667000000007</v>
      </c>
      <c r="Z3093">
        <v>112.416667</v>
      </c>
      <c r="AA3093">
        <v>8.3174030000000005</v>
      </c>
      <c r="AB3093">
        <v>0.74234682321489709</v>
      </c>
    </row>
    <row r="3094" spans="4:28" x14ac:dyDescent="0.25">
      <c r="D3094" s="40">
        <v>51.431277000002275</v>
      </c>
      <c r="E3094" s="40">
        <v>17.993263138582012</v>
      </c>
      <c r="F3094" s="40">
        <v>51.41666699999999</v>
      </c>
      <c r="G3094" s="40">
        <v>15.353983866575796</v>
      </c>
      <c r="H3094" s="40">
        <v>51.416667000000018</v>
      </c>
      <c r="I3094" s="40">
        <v>12.024390958222773</v>
      </c>
      <c r="J3094" s="40">
        <v>51.416648011905103</v>
      </c>
      <c r="K3094" s="40">
        <v>11.329469905052182</v>
      </c>
      <c r="L3094" s="40"/>
      <c r="M3094" s="40"/>
      <c r="N3094" s="40"/>
      <c r="Y3094">
        <v>34.133333000000007</v>
      </c>
      <c r="Z3094">
        <v>112.433333</v>
      </c>
      <c r="AA3094">
        <v>8.3159890000000001</v>
      </c>
      <c r="AB3094">
        <v>0.72522012171827932</v>
      </c>
    </row>
    <row r="3095" spans="4:28" x14ac:dyDescent="0.25">
      <c r="D3095" s="40">
        <v>51.447943000002276</v>
      </c>
      <c r="E3095" s="40">
        <v>17.998106317171434</v>
      </c>
      <c r="F3095" s="40">
        <v>51.433333000000005</v>
      </c>
      <c r="G3095" s="40">
        <v>15.358739110665889</v>
      </c>
      <c r="H3095" s="40">
        <v>51.433334000000002</v>
      </c>
      <c r="I3095" s="40">
        <v>12.024390958222773</v>
      </c>
      <c r="J3095" s="40">
        <v>51.433314672619403</v>
      </c>
      <c r="K3095" s="40">
        <v>11.324618861343076</v>
      </c>
      <c r="L3095" s="40"/>
      <c r="M3095" s="40"/>
      <c r="N3095" s="40"/>
      <c r="Y3095">
        <v>34.150000000000006</v>
      </c>
      <c r="Z3095">
        <v>112.45</v>
      </c>
      <c r="AA3095">
        <v>8.3146090000000008</v>
      </c>
      <c r="AB3095">
        <v>0.7085052362406894</v>
      </c>
    </row>
    <row r="3096" spans="4:28" x14ac:dyDescent="0.25">
      <c r="D3096" s="40">
        <v>51.464609000002277</v>
      </c>
      <c r="E3096" s="40">
        <v>17.998106317171434</v>
      </c>
      <c r="F3096" s="40">
        <v>51.449999999999989</v>
      </c>
      <c r="G3096" s="40">
        <v>15.358739110665889</v>
      </c>
      <c r="H3096" s="40">
        <v>51.450000000000017</v>
      </c>
      <c r="I3096" s="40">
        <v>12.024390958222773</v>
      </c>
      <c r="J3096" s="40">
        <v>51.449981333333703</v>
      </c>
      <c r="K3096" s="40">
        <v>11.324618861343076</v>
      </c>
      <c r="L3096" s="40"/>
      <c r="M3096" s="40"/>
      <c r="N3096" s="40"/>
      <c r="Y3096">
        <v>34.166667000000004</v>
      </c>
      <c r="Z3096">
        <v>112.466667</v>
      </c>
      <c r="AA3096">
        <v>8.3132289999999998</v>
      </c>
      <c r="AB3096">
        <v>0.69179035076307793</v>
      </c>
    </row>
    <row r="3097" spans="4:28" x14ac:dyDescent="0.25">
      <c r="D3097" s="40">
        <v>51.481275000002277</v>
      </c>
      <c r="E3097" s="40">
        <v>18.00280704933186</v>
      </c>
      <c r="F3097" s="40">
        <v>51.466667000000001</v>
      </c>
      <c r="G3097" s="40">
        <v>15.36349435475611</v>
      </c>
      <c r="H3097" s="40">
        <v>51.466667000000001</v>
      </c>
      <c r="I3097" s="40">
        <v>12.027645084479536</v>
      </c>
      <c r="J3097" s="40">
        <v>51.466647994048003</v>
      </c>
      <c r="K3097" s="40">
        <v>11.324618861343076</v>
      </c>
      <c r="L3097" s="40"/>
      <c r="M3097" s="40"/>
      <c r="N3097" s="40"/>
      <c r="Y3097">
        <v>34.183333000000005</v>
      </c>
      <c r="Z3097">
        <v>112.483333</v>
      </c>
      <c r="AA3097">
        <v>8.3118490000000005</v>
      </c>
      <c r="AB3097">
        <v>0.67507546528548801</v>
      </c>
    </row>
    <row r="3098" spans="4:28" x14ac:dyDescent="0.25">
      <c r="D3098" s="40">
        <v>51.497941000002278</v>
      </c>
      <c r="E3098" s="40">
        <v>18.00280704933186</v>
      </c>
      <c r="F3098" s="40">
        <v>51.483332999999988</v>
      </c>
      <c r="G3098" s="40">
        <v>15.368249598846203</v>
      </c>
      <c r="H3098" s="40">
        <v>51.483334000000013</v>
      </c>
      <c r="I3098" s="40">
        <v>12.027645084479536</v>
      </c>
      <c r="J3098" s="40">
        <v>51.483314654762303</v>
      </c>
      <c r="K3098" s="40">
        <v>11.324618861343076</v>
      </c>
      <c r="L3098" s="40"/>
      <c r="M3098" s="40"/>
      <c r="N3098" s="40"/>
      <c r="Y3098">
        <v>34.200000000000003</v>
      </c>
      <c r="Z3098">
        <v>112.5</v>
      </c>
      <c r="AA3098">
        <v>8.3105030000000006</v>
      </c>
      <c r="AB3098">
        <v>0.65877239582690428</v>
      </c>
    </row>
    <row r="3099" spans="4:28" x14ac:dyDescent="0.25">
      <c r="D3099" s="40">
        <v>51.514607000002279</v>
      </c>
      <c r="E3099" s="40">
        <v>18.007650227921406</v>
      </c>
      <c r="F3099" s="40">
        <v>51.5</v>
      </c>
      <c r="G3099" s="40">
        <v>15.372864982816104</v>
      </c>
      <c r="H3099" s="40">
        <v>51.5</v>
      </c>
      <c r="I3099" s="40">
        <v>12.030997820622794</v>
      </c>
      <c r="J3099" s="40">
        <v>51.499981315476603</v>
      </c>
      <c r="K3099" s="40">
        <v>11.329469905052182</v>
      </c>
      <c r="L3099" s="40"/>
      <c r="M3099" s="40"/>
      <c r="N3099" s="40"/>
      <c r="Y3099">
        <v>34.216667000000001</v>
      </c>
      <c r="Z3099">
        <v>112.516667</v>
      </c>
      <c r="AA3099">
        <v>8.3091229999999996</v>
      </c>
      <c r="AB3099">
        <v>0.64205751034929281</v>
      </c>
    </row>
    <row r="3100" spans="4:28" x14ac:dyDescent="0.25">
      <c r="D3100" s="40">
        <v>51.53127300000228</v>
      </c>
      <c r="E3100" s="40">
        <v>18.007650227921406</v>
      </c>
      <c r="F3100" s="40">
        <v>51.516666999999984</v>
      </c>
      <c r="G3100" s="40">
        <v>15.377620226906323</v>
      </c>
      <c r="H3100" s="40">
        <v>51.516667000000012</v>
      </c>
      <c r="I3100" s="40">
        <v>12.030997820622794</v>
      </c>
      <c r="J3100" s="40">
        <v>51.516647976190796</v>
      </c>
      <c r="K3100" s="40">
        <v>11.329469905052182</v>
      </c>
      <c r="L3100" s="40"/>
      <c r="M3100" s="40"/>
      <c r="N3100" s="40"/>
      <c r="Y3100">
        <v>34.233333000000002</v>
      </c>
      <c r="Z3100">
        <v>112.533333</v>
      </c>
      <c r="AA3100">
        <v>8.3077769999999997</v>
      </c>
      <c r="AB3100">
        <v>0.6257544408907092</v>
      </c>
    </row>
    <row r="3101" spans="4:28" x14ac:dyDescent="0.25">
      <c r="D3101" s="40">
        <v>51.54793900000228</v>
      </c>
      <c r="E3101" s="40">
        <v>18.012493406510828</v>
      </c>
      <c r="F3101" s="40">
        <v>51.533332999999999</v>
      </c>
      <c r="G3101" s="40">
        <v>15.382375470996543</v>
      </c>
      <c r="H3101" s="40">
        <v>51.533333999999996</v>
      </c>
      <c r="I3101" s="40">
        <v>12.034350556766224</v>
      </c>
      <c r="J3101" s="40">
        <v>51.533314636905097</v>
      </c>
      <c r="K3101" s="40">
        <v>11.329469905052182</v>
      </c>
      <c r="L3101" s="40"/>
      <c r="M3101" s="40"/>
      <c r="N3101" s="40"/>
      <c r="Y3101">
        <v>34.25</v>
      </c>
      <c r="Z3101">
        <v>112.55</v>
      </c>
      <c r="AA3101">
        <v>8.3064300000000006</v>
      </c>
      <c r="AB3101">
        <v>0.60943925919628139</v>
      </c>
    </row>
    <row r="3102" spans="4:28" x14ac:dyDescent="0.25">
      <c r="D3102" s="40">
        <v>51.564605000002281</v>
      </c>
      <c r="E3102" s="40">
        <v>18.012493406510828</v>
      </c>
      <c r="F3102" s="40">
        <v>51.549999999999983</v>
      </c>
      <c r="G3102" s="40">
        <v>15.382375470996543</v>
      </c>
      <c r="H3102" s="40">
        <v>51.550000000000011</v>
      </c>
      <c r="I3102" s="40">
        <v>12.034350556766224</v>
      </c>
      <c r="J3102" s="40">
        <v>51.549981297619397</v>
      </c>
      <c r="K3102" s="40">
        <v>11.334320948761414</v>
      </c>
      <c r="L3102" s="40"/>
      <c r="M3102" s="40"/>
      <c r="N3102" s="40"/>
      <c r="Y3102">
        <v>34.266666999999998</v>
      </c>
      <c r="Z3102">
        <v>112.566667</v>
      </c>
      <c r="AA3102">
        <v>8.3050840000000008</v>
      </c>
      <c r="AB3102">
        <v>0.59313618973769766</v>
      </c>
    </row>
    <row r="3103" spans="4:28" x14ac:dyDescent="0.25">
      <c r="D3103" s="40">
        <v>51.581271000002282</v>
      </c>
      <c r="E3103" s="40">
        <v>18.017194138671254</v>
      </c>
      <c r="F3103" s="40">
        <v>51.566666999999995</v>
      </c>
      <c r="G3103" s="40">
        <v>15.386990854966319</v>
      </c>
      <c r="H3103" s="40">
        <v>51.566666999999995</v>
      </c>
      <c r="I3103" s="40">
        <v>12.034350556766224</v>
      </c>
      <c r="J3103" s="40">
        <v>51.566647958333697</v>
      </c>
      <c r="K3103" s="40">
        <v>11.334320948761414</v>
      </c>
      <c r="L3103" s="40"/>
      <c r="M3103" s="40"/>
      <c r="N3103" s="40"/>
      <c r="Y3103">
        <v>34.283332999999999</v>
      </c>
      <c r="Z3103">
        <v>112.583333</v>
      </c>
      <c r="AA3103">
        <v>8.3037379999999992</v>
      </c>
      <c r="AB3103">
        <v>0.5768331202790925</v>
      </c>
    </row>
    <row r="3104" spans="4:28" x14ac:dyDescent="0.25">
      <c r="D3104" s="40">
        <v>51.597937000002283</v>
      </c>
      <c r="E3104" s="40">
        <v>18.017194138671254</v>
      </c>
      <c r="F3104" s="40">
        <v>51.583332999999982</v>
      </c>
      <c r="G3104" s="40">
        <v>15.391746099056538</v>
      </c>
      <c r="H3104" s="40">
        <v>51.583334000000008</v>
      </c>
      <c r="I3104" s="40">
        <v>12.037604683022987</v>
      </c>
      <c r="J3104" s="40">
        <v>51.583314619047997</v>
      </c>
      <c r="K3104" s="40">
        <v>11.339029314714475</v>
      </c>
      <c r="L3104" s="40"/>
      <c r="M3104" s="40"/>
      <c r="N3104" s="40"/>
      <c r="Y3104">
        <v>34.299999999999997</v>
      </c>
      <c r="Z3104">
        <v>112.6</v>
      </c>
      <c r="AA3104">
        <v>8.3024249999999995</v>
      </c>
      <c r="AB3104">
        <v>0.560929754603671</v>
      </c>
    </row>
    <row r="3105" spans="4:28" x14ac:dyDescent="0.25">
      <c r="D3105" s="40">
        <v>51.614603000002283</v>
      </c>
      <c r="E3105" s="40">
        <v>18.022037317260807</v>
      </c>
      <c r="F3105" s="40">
        <v>51.599999999999994</v>
      </c>
      <c r="G3105" s="40">
        <v>15.391746099056538</v>
      </c>
      <c r="H3105" s="40">
        <v>51.599999999999994</v>
      </c>
      <c r="I3105" s="40">
        <v>12.037604683022987</v>
      </c>
      <c r="J3105" s="40">
        <v>51.599981279762297</v>
      </c>
      <c r="K3105" s="40">
        <v>11.339029314714475</v>
      </c>
      <c r="L3105" s="40"/>
      <c r="M3105" s="40"/>
      <c r="N3105" s="40"/>
      <c r="Y3105">
        <v>34.31666700000001</v>
      </c>
      <c r="Z3105">
        <v>112.61666700000001</v>
      </c>
      <c r="AA3105">
        <v>8.3011130000000009</v>
      </c>
      <c r="AB3105">
        <v>0.54503850116411523</v>
      </c>
    </row>
    <row r="3106" spans="4:28" x14ac:dyDescent="0.25">
      <c r="D3106" s="40">
        <v>51.631269000002284</v>
      </c>
      <c r="E3106" s="40">
        <v>18.022037317260807</v>
      </c>
      <c r="F3106" s="40">
        <v>51.616667000000007</v>
      </c>
      <c r="G3106" s="40">
        <v>15.396501343146758</v>
      </c>
      <c r="H3106" s="40">
        <v>51.616667000000007</v>
      </c>
      <c r="I3106" s="40">
        <v>12.040957419166245</v>
      </c>
      <c r="J3106" s="40">
        <v>51.616647940476597</v>
      </c>
      <c r="K3106" s="40">
        <v>11.339029314714475</v>
      </c>
      <c r="L3106" s="40"/>
      <c r="M3106" s="40"/>
      <c r="N3106" s="40"/>
      <c r="Y3106">
        <v>34.333332999999996</v>
      </c>
      <c r="Z3106">
        <v>112.63333299999999</v>
      </c>
      <c r="AA3106">
        <v>8.2997999999999994</v>
      </c>
      <c r="AB3106">
        <v>0.52913513548867208</v>
      </c>
    </row>
    <row r="3107" spans="4:28" x14ac:dyDescent="0.25">
      <c r="D3107" s="40">
        <v>51.647935000002285</v>
      </c>
      <c r="E3107" s="40">
        <v>18.026880495850229</v>
      </c>
      <c r="F3107" s="40">
        <v>51.633332999999993</v>
      </c>
      <c r="G3107" s="40">
        <v>15.396501343146758</v>
      </c>
      <c r="H3107" s="40">
        <v>51.633334000000019</v>
      </c>
      <c r="I3107" s="40">
        <v>12.040957419166245</v>
      </c>
      <c r="J3107" s="40">
        <v>51.633314601190797</v>
      </c>
      <c r="K3107" s="40">
        <v>11.343880358423581</v>
      </c>
      <c r="L3107" s="40"/>
      <c r="M3107" s="40"/>
      <c r="N3107" s="40"/>
      <c r="Y3107">
        <v>34.350000000000009</v>
      </c>
      <c r="Z3107">
        <v>112.65</v>
      </c>
      <c r="AA3107">
        <v>8.2984869999999997</v>
      </c>
      <c r="AB3107">
        <v>0.51323176981325047</v>
      </c>
    </row>
    <row r="3108" spans="4:28" x14ac:dyDescent="0.25">
      <c r="D3108" s="40">
        <v>51.664601000002286</v>
      </c>
      <c r="E3108" s="40">
        <v>18.026880495850229</v>
      </c>
      <c r="F3108" s="40">
        <v>51.650000000000006</v>
      </c>
      <c r="G3108" s="40">
        <v>15.401116727116658</v>
      </c>
      <c r="H3108" s="40">
        <v>51.650000000000006</v>
      </c>
      <c r="I3108" s="40">
        <v>12.044310155309502</v>
      </c>
      <c r="J3108" s="40">
        <v>51.649981261905097</v>
      </c>
      <c r="K3108" s="40">
        <v>11.343880358423581</v>
      </c>
      <c r="L3108" s="40"/>
      <c r="M3108" s="40"/>
      <c r="N3108" s="40"/>
      <c r="Y3108">
        <v>34.366667000000007</v>
      </c>
      <c r="Z3108">
        <v>112.666667</v>
      </c>
      <c r="AA3108">
        <v>8.2971749999999993</v>
      </c>
      <c r="AB3108">
        <v>0.49734051637367316</v>
      </c>
    </row>
    <row r="3109" spans="4:28" x14ac:dyDescent="0.25">
      <c r="D3109" s="40">
        <v>51.681267000002286</v>
      </c>
      <c r="E3109" s="40">
        <v>18.026880495850229</v>
      </c>
      <c r="F3109" s="40">
        <v>51.66666699999999</v>
      </c>
      <c r="G3109" s="40">
        <v>15.405871971206754</v>
      </c>
      <c r="H3109" s="40">
        <v>51.666667000000018</v>
      </c>
      <c r="I3109" s="40">
        <v>12.047564281566265</v>
      </c>
      <c r="J3109" s="40">
        <v>51.666647922619397</v>
      </c>
      <c r="K3109" s="40">
        <v>11.343880358423581</v>
      </c>
      <c r="L3109" s="40"/>
      <c r="M3109" s="40"/>
      <c r="N3109" s="40"/>
      <c r="Y3109">
        <v>34.383333000000007</v>
      </c>
      <c r="Z3109">
        <v>112.683333</v>
      </c>
      <c r="AA3109">
        <v>8.2958619999999996</v>
      </c>
      <c r="AB3109">
        <v>0.48143715069825166</v>
      </c>
    </row>
    <row r="3110" spans="4:28" x14ac:dyDescent="0.25">
      <c r="D3110" s="40">
        <v>51.697933000002287</v>
      </c>
      <c r="E3110" s="40">
        <v>18.031581228010651</v>
      </c>
      <c r="F3110" s="40">
        <v>51.683333000000005</v>
      </c>
      <c r="G3110" s="40">
        <v>15.405871971206754</v>
      </c>
      <c r="H3110" s="40">
        <v>51.683334000000002</v>
      </c>
      <c r="I3110" s="40">
        <v>12.047564281566265</v>
      </c>
      <c r="J3110" s="40">
        <v>51.683314583333697</v>
      </c>
      <c r="K3110" s="40">
        <v>11.343880358423581</v>
      </c>
      <c r="L3110" s="40"/>
      <c r="M3110" s="40"/>
      <c r="N3110" s="40"/>
      <c r="Y3110">
        <v>34.400000000000006</v>
      </c>
      <c r="Z3110">
        <v>112.7</v>
      </c>
      <c r="AA3110">
        <v>8.2945499999999992</v>
      </c>
      <c r="AB3110">
        <v>0.46554589725867435</v>
      </c>
    </row>
    <row r="3111" spans="4:28" x14ac:dyDescent="0.25">
      <c r="D3111" s="40">
        <v>51.714599000002288</v>
      </c>
      <c r="E3111" s="40">
        <v>18.031581228010651</v>
      </c>
      <c r="F3111" s="40">
        <v>51.699999999999989</v>
      </c>
      <c r="G3111" s="40">
        <v>15.410627215296973</v>
      </c>
      <c r="H3111" s="40">
        <v>51.700000000000017</v>
      </c>
      <c r="I3111" s="40">
        <v>12.050917017709523</v>
      </c>
      <c r="J3111" s="40">
        <v>51.699981244047997</v>
      </c>
      <c r="K3111" s="40">
        <v>11.343880358423581</v>
      </c>
      <c r="L3111" s="40"/>
      <c r="M3111" s="40"/>
      <c r="N3111" s="40"/>
      <c r="Y3111">
        <v>34.416667000000004</v>
      </c>
      <c r="Z3111">
        <v>112.716667</v>
      </c>
      <c r="AA3111">
        <v>8.2932710000000007</v>
      </c>
      <c r="AB3111">
        <v>0.45005434760228052</v>
      </c>
    </row>
    <row r="3112" spans="4:28" x14ac:dyDescent="0.25">
      <c r="D3112" s="40">
        <v>51.731265000002288</v>
      </c>
      <c r="E3112" s="40">
        <v>18.036424406600201</v>
      </c>
      <c r="F3112" s="40">
        <v>51.716667000000001</v>
      </c>
      <c r="G3112" s="40">
        <v>15.415242599266874</v>
      </c>
      <c r="H3112" s="40">
        <v>51.716667000000001</v>
      </c>
      <c r="I3112" s="40">
        <v>12.050917017709523</v>
      </c>
      <c r="J3112" s="40">
        <v>51.716647904762297</v>
      </c>
      <c r="K3112" s="40">
        <v>11.343880358423581</v>
      </c>
      <c r="L3112" s="40"/>
      <c r="M3112" s="40"/>
      <c r="N3112" s="40"/>
      <c r="Y3112">
        <v>34.433333000000005</v>
      </c>
      <c r="Z3112">
        <v>112.733333</v>
      </c>
      <c r="AA3112">
        <v>8.2919920000000005</v>
      </c>
      <c r="AB3112">
        <v>0.43456279794586533</v>
      </c>
    </row>
    <row r="3113" spans="4:28" x14ac:dyDescent="0.25">
      <c r="D3113" s="40">
        <v>51.747931000002289</v>
      </c>
      <c r="E3113" s="40">
        <v>18.041267585189747</v>
      </c>
      <c r="F3113" s="40">
        <v>51.733332999999988</v>
      </c>
      <c r="G3113" s="40">
        <v>15.415242599266874</v>
      </c>
      <c r="H3113" s="40">
        <v>51.733334000000013</v>
      </c>
      <c r="I3113" s="40">
        <v>12.054269753852955</v>
      </c>
      <c r="J3113" s="40">
        <v>51.733314565476597</v>
      </c>
      <c r="K3113" s="40">
        <v>11.343880358423581</v>
      </c>
      <c r="L3113" s="40"/>
      <c r="M3113" s="40"/>
      <c r="N3113" s="40"/>
      <c r="Y3113">
        <v>34.450000000000003</v>
      </c>
      <c r="Z3113">
        <v>112.75</v>
      </c>
      <c r="AA3113">
        <v>8.2907460000000004</v>
      </c>
      <c r="AB3113">
        <v>0.41947095207261209</v>
      </c>
    </row>
    <row r="3114" spans="4:28" x14ac:dyDescent="0.25">
      <c r="D3114" s="40">
        <v>51.76459700000229</v>
      </c>
      <c r="E3114" s="40">
        <v>18.041267585189747</v>
      </c>
      <c r="F3114" s="40">
        <v>51.75</v>
      </c>
      <c r="G3114" s="40">
        <v>15.419997843356967</v>
      </c>
      <c r="H3114" s="40">
        <v>51.75</v>
      </c>
      <c r="I3114" s="40">
        <v>12.057523880109718</v>
      </c>
      <c r="J3114" s="40">
        <v>51.749981226190798</v>
      </c>
      <c r="K3114" s="40">
        <v>11.343880358423581</v>
      </c>
      <c r="L3114" s="40"/>
      <c r="M3114" s="40"/>
      <c r="N3114" s="40"/>
      <c r="Y3114">
        <v>34.466667000000001</v>
      </c>
      <c r="Z3114">
        <v>112.766667</v>
      </c>
      <c r="AA3114">
        <v>8.2894670000000001</v>
      </c>
      <c r="AB3114">
        <v>0.40397940241619684</v>
      </c>
    </row>
    <row r="3115" spans="4:28" x14ac:dyDescent="0.25">
      <c r="D3115" s="40">
        <v>51.781263000002291</v>
      </c>
      <c r="E3115" s="40">
        <v>18.045968317350049</v>
      </c>
      <c r="F3115" s="40">
        <v>51.766666999999984</v>
      </c>
      <c r="G3115" s="40">
        <v>15.424753087447188</v>
      </c>
      <c r="H3115" s="40">
        <v>51.766667000000012</v>
      </c>
      <c r="I3115" s="40">
        <v>12.057523880109718</v>
      </c>
      <c r="J3115" s="40">
        <v>51.766647886905098</v>
      </c>
      <c r="K3115" s="40">
        <v>11.343880358423581</v>
      </c>
      <c r="L3115" s="40"/>
      <c r="M3115" s="40"/>
      <c r="N3115" s="40"/>
      <c r="Y3115">
        <v>34.483333000000002</v>
      </c>
      <c r="Z3115">
        <v>112.783333</v>
      </c>
      <c r="AA3115">
        <v>8.2881889999999991</v>
      </c>
      <c r="AB3115">
        <v>0.38849996499562583</v>
      </c>
    </row>
    <row r="3116" spans="4:28" x14ac:dyDescent="0.25">
      <c r="D3116" s="40">
        <v>51.797929000002291</v>
      </c>
      <c r="E3116" s="40">
        <v>18.050811495939595</v>
      </c>
      <c r="F3116" s="40">
        <v>51.783332999999999</v>
      </c>
      <c r="G3116" s="40">
        <v>15.429368471417087</v>
      </c>
      <c r="H3116" s="40">
        <v>51.783333999999996</v>
      </c>
      <c r="I3116" s="40">
        <v>12.060876616252976</v>
      </c>
      <c r="J3116" s="40">
        <v>51.783314547619398</v>
      </c>
      <c r="K3116" s="40">
        <v>11.343880358423581</v>
      </c>
      <c r="L3116" s="40"/>
      <c r="M3116" s="40"/>
      <c r="N3116" s="40"/>
      <c r="Y3116">
        <v>34.5</v>
      </c>
      <c r="Z3116">
        <v>112.8</v>
      </c>
      <c r="AA3116">
        <v>8.2869100000000007</v>
      </c>
      <c r="AB3116">
        <v>0.37300841533923207</v>
      </c>
    </row>
    <row r="3117" spans="4:28" x14ac:dyDescent="0.25">
      <c r="D3117" s="40">
        <v>51.814595000002292</v>
      </c>
      <c r="E3117" s="40">
        <v>18.050811495939595</v>
      </c>
      <c r="F3117" s="40">
        <v>51.799999999999983</v>
      </c>
      <c r="G3117" s="40">
        <v>15.429368471417087</v>
      </c>
      <c r="H3117" s="40">
        <v>51.800000000000011</v>
      </c>
      <c r="I3117" s="40">
        <v>12.064229352396232</v>
      </c>
      <c r="J3117" s="40">
        <v>51.799981208333698</v>
      </c>
      <c r="K3117" s="40">
        <v>11.343880358423581</v>
      </c>
      <c r="L3117" s="40"/>
      <c r="M3117" s="40"/>
      <c r="N3117" s="40"/>
      <c r="Y3117">
        <v>34.516666999999998</v>
      </c>
      <c r="Z3117">
        <v>112.816667</v>
      </c>
      <c r="AA3117">
        <v>8.2856640000000006</v>
      </c>
      <c r="AB3117">
        <v>0.35791656946597888</v>
      </c>
    </row>
    <row r="3118" spans="4:28" x14ac:dyDescent="0.25">
      <c r="D3118" s="40">
        <v>51.831261000002293</v>
      </c>
      <c r="E3118" s="40">
        <v>18.055654674529144</v>
      </c>
      <c r="F3118" s="40">
        <v>51.816666999999995</v>
      </c>
      <c r="G3118" s="40">
        <v>15.434123715507182</v>
      </c>
      <c r="H3118" s="40">
        <v>51.816666999999995</v>
      </c>
      <c r="I3118" s="40">
        <v>12.067483478652996</v>
      </c>
      <c r="J3118" s="40">
        <v>51.816647869047998</v>
      </c>
      <c r="K3118" s="40">
        <v>11.343880358423581</v>
      </c>
      <c r="L3118" s="40"/>
      <c r="M3118" s="40"/>
      <c r="N3118" s="40"/>
      <c r="Y3118">
        <v>34.533332999999999</v>
      </c>
      <c r="Z3118">
        <v>112.833333</v>
      </c>
      <c r="AA3118">
        <v>8.2843850000000003</v>
      </c>
      <c r="AB3118">
        <v>0.34242501980956364</v>
      </c>
    </row>
    <row r="3119" spans="4:28" x14ac:dyDescent="0.25">
      <c r="D3119" s="40">
        <v>51.847927000002294</v>
      </c>
      <c r="E3119" s="40">
        <v>18.060355406689443</v>
      </c>
      <c r="F3119" s="40">
        <v>51.833332999999982</v>
      </c>
      <c r="G3119" s="40">
        <v>15.438878959597401</v>
      </c>
      <c r="H3119" s="40">
        <v>51.833334000000008</v>
      </c>
      <c r="I3119" s="40">
        <v>12.070836214796429</v>
      </c>
      <c r="J3119" s="40">
        <v>51.833314529762298</v>
      </c>
      <c r="K3119" s="40">
        <v>11.343880358423581</v>
      </c>
      <c r="L3119" s="40"/>
      <c r="M3119" s="40"/>
      <c r="N3119" s="40"/>
      <c r="Y3119">
        <v>34.549999999999997</v>
      </c>
      <c r="Z3119">
        <v>112.85</v>
      </c>
      <c r="AA3119">
        <v>8.2831060000000001</v>
      </c>
      <c r="AB3119">
        <v>0.32693347015314833</v>
      </c>
    </row>
    <row r="3120" spans="4:28" x14ac:dyDescent="0.25">
      <c r="D3120" s="40">
        <v>51.864593000002294</v>
      </c>
      <c r="E3120" s="40">
        <v>18.060355406689443</v>
      </c>
      <c r="F3120" s="40">
        <v>51.849999999999994</v>
      </c>
      <c r="G3120" s="40">
        <v>15.438878959597401</v>
      </c>
      <c r="H3120" s="40">
        <v>51.849999999999994</v>
      </c>
      <c r="I3120" s="40">
        <v>12.070836214796429</v>
      </c>
      <c r="J3120" s="40">
        <v>51.849981190476598</v>
      </c>
      <c r="K3120" s="40">
        <v>11.343880358423581</v>
      </c>
      <c r="L3120" s="40"/>
      <c r="M3120" s="40"/>
      <c r="N3120" s="40"/>
      <c r="Y3120">
        <v>34.56666700000001</v>
      </c>
      <c r="Z3120">
        <v>112.86666700000001</v>
      </c>
      <c r="AA3120">
        <v>8.2818609999999993</v>
      </c>
      <c r="AB3120">
        <v>0.31185373651573944</v>
      </c>
    </row>
    <row r="3121" spans="4:28" x14ac:dyDescent="0.25">
      <c r="D3121" s="40">
        <v>51.881259000002295</v>
      </c>
      <c r="E3121" s="40">
        <v>18.065198585278988</v>
      </c>
      <c r="F3121" s="40">
        <v>51.866667000000007</v>
      </c>
      <c r="G3121" s="40">
        <v>15.443494343567302</v>
      </c>
      <c r="H3121" s="40">
        <v>51.866667000000007</v>
      </c>
      <c r="I3121" s="40">
        <v>12.074188950939686</v>
      </c>
      <c r="J3121" s="40">
        <v>51.866647851190798</v>
      </c>
      <c r="K3121" s="40">
        <v>11.348731402132811</v>
      </c>
      <c r="L3121" s="40"/>
      <c r="M3121" s="40"/>
      <c r="N3121" s="40"/>
      <c r="Y3121">
        <v>34.583332999999996</v>
      </c>
      <c r="Z3121">
        <v>112.88333299999999</v>
      </c>
      <c r="AA3121">
        <v>8.2805820000000008</v>
      </c>
      <c r="AB3121">
        <v>0.29636218685934568</v>
      </c>
    </row>
    <row r="3122" spans="4:28" x14ac:dyDescent="0.25">
      <c r="D3122" s="40">
        <v>51.897925000002296</v>
      </c>
      <c r="E3122" s="40">
        <v>18.065198585278988</v>
      </c>
      <c r="F3122" s="40">
        <v>51.883332999999993</v>
      </c>
      <c r="G3122" s="40">
        <v>15.443494343567302</v>
      </c>
      <c r="H3122" s="40">
        <v>51.883334000000019</v>
      </c>
      <c r="I3122" s="40">
        <v>12.077443077196447</v>
      </c>
      <c r="J3122" s="40">
        <v>51.883314511905098</v>
      </c>
      <c r="K3122" s="40">
        <v>11.348731402132811</v>
      </c>
      <c r="L3122" s="40"/>
      <c r="M3122" s="40"/>
      <c r="N3122" s="40"/>
      <c r="Y3122">
        <v>34.600000000000009</v>
      </c>
      <c r="Z3122">
        <v>112.9</v>
      </c>
      <c r="AA3122">
        <v>8.2793369999999999</v>
      </c>
      <c r="AB3122">
        <v>0.28128245322193673</v>
      </c>
    </row>
    <row r="3123" spans="4:28" x14ac:dyDescent="0.25">
      <c r="D3123" s="40">
        <v>51.914591000002297</v>
      </c>
      <c r="E3123" s="40">
        <v>18.065198585278988</v>
      </c>
      <c r="F3123" s="40">
        <v>51.900000000000006</v>
      </c>
      <c r="G3123" s="40">
        <v>15.448249587657397</v>
      </c>
      <c r="H3123" s="40">
        <v>51.900000000000006</v>
      </c>
      <c r="I3123" s="40">
        <v>12.080795813339705</v>
      </c>
      <c r="J3123" s="40">
        <v>51.899981172619398</v>
      </c>
      <c r="K3123" s="40">
        <v>11.348731402132811</v>
      </c>
      <c r="L3123" s="40"/>
      <c r="M3123" s="40"/>
      <c r="N3123" s="40"/>
      <c r="Y3123">
        <v>34.616667000000007</v>
      </c>
      <c r="Z3123">
        <v>112.916667</v>
      </c>
      <c r="AA3123">
        <v>8.2780579999999997</v>
      </c>
      <c r="AB3123">
        <v>0.26579090356552149</v>
      </c>
    </row>
    <row r="3124" spans="4:28" x14ac:dyDescent="0.25">
      <c r="D3124" s="40">
        <v>51.931257000002297</v>
      </c>
      <c r="E3124" s="40">
        <v>18.070041763868542</v>
      </c>
      <c r="F3124" s="40">
        <v>51.91666699999999</v>
      </c>
      <c r="G3124" s="40">
        <v>15.453004831747617</v>
      </c>
      <c r="H3124" s="40">
        <v>51.916667000000018</v>
      </c>
      <c r="I3124" s="40">
        <v>12.080795813339705</v>
      </c>
      <c r="J3124" s="40">
        <v>51.916647833333698</v>
      </c>
      <c r="K3124" s="40">
        <v>11.348731402132811</v>
      </c>
      <c r="L3124" s="40"/>
      <c r="M3124" s="40"/>
      <c r="N3124" s="40"/>
      <c r="Y3124">
        <v>34.633333000000007</v>
      </c>
      <c r="Z3124">
        <v>112.933333</v>
      </c>
      <c r="AA3124">
        <v>8.2768130000000006</v>
      </c>
      <c r="AB3124">
        <v>0.25071116992813403</v>
      </c>
    </row>
    <row r="3125" spans="4:28" x14ac:dyDescent="0.25">
      <c r="D3125" s="40">
        <v>51.947923000002298</v>
      </c>
      <c r="E3125" s="40">
        <v>18.074742496028964</v>
      </c>
      <c r="F3125" s="40">
        <v>51.933333000000005</v>
      </c>
      <c r="G3125" s="40">
        <v>15.453004831747617</v>
      </c>
      <c r="H3125" s="40">
        <v>51.933334000000002</v>
      </c>
      <c r="I3125" s="40">
        <v>12.084148549482961</v>
      </c>
      <c r="J3125" s="40">
        <v>51.933314494047998</v>
      </c>
      <c r="K3125" s="40">
        <v>11.348731402132811</v>
      </c>
      <c r="L3125" s="40"/>
      <c r="M3125" s="40"/>
      <c r="N3125" s="40"/>
      <c r="Y3125">
        <v>34.650000000000006</v>
      </c>
      <c r="Z3125">
        <v>112.95</v>
      </c>
      <c r="AA3125">
        <v>8.2755340000000004</v>
      </c>
      <c r="AB3125">
        <v>0.2352196202717188</v>
      </c>
    </row>
    <row r="3126" spans="4:28" x14ac:dyDescent="0.25">
      <c r="D3126" s="40">
        <v>51.964589000002299</v>
      </c>
      <c r="E3126" s="40">
        <v>18.074742496028964</v>
      </c>
      <c r="F3126" s="40">
        <v>51.949999999999989</v>
      </c>
      <c r="G3126" s="40">
        <v>15.457620215717517</v>
      </c>
      <c r="H3126" s="40">
        <v>51.950000000000017</v>
      </c>
      <c r="I3126" s="40">
        <v>12.087402675739725</v>
      </c>
      <c r="J3126" s="40">
        <v>51.949981154762298</v>
      </c>
      <c r="K3126" s="40">
        <v>11.348731402132811</v>
      </c>
      <c r="L3126" s="40"/>
      <c r="M3126" s="40"/>
      <c r="N3126" s="40"/>
      <c r="Y3126">
        <v>34.666667000000004</v>
      </c>
      <c r="Z3126">
        <v>112.966667</v>
      </c>
      <c r="AA3126">
        <v>8.2742880000000003</v>
      </c>
      <c r="AB3126">
        <v>0.22012777439846562</v>
      </c>
    </row>
    <row r="3127" spans="4:28" x14ac:dyDescent="0.25">
      <c r="D3127" s="40">
        <v>51.981255000002299</v>
      </c>
      <c r="E3127" s="40">
        <v>18.074742496028964</v>
      </c>
      <c r="F3127" s="40">
        <v>51.966667000000001</v>
      </c>
      <c r="G3127" s="40">
        <v>15.462375459807737</v>
      </c>
      <c r="H3127" s="40">
        <v>51.966667000000001</v>
      </c>
      <c r="I3127" s="40">
        <v>12.087402675739725</v>
      </c>
      <c r="J3127" s="40">
        <v>51.966647815476598</v>
      </c>
      <c r="K3127" s="40">
        <v>11.348731402132811</v>
      </c>
      <c r="L3127" s="40"/>
      <c r="M3127" s="40"/>
      <c r="N3127" s="40"/>
      <c r="Y3127">
        <v>34.683333000000005</v>
      </c>
      <c r="Z3127">
        <v>112.983333</v>
      </c>
      <c r="AA3127">
        <v>8.2730429999999995</v>
      </c>
      <c r="AB3127">
        <v>0.20504804076105668</v>
      </c>
    </row>
    <row r="3128" spans="4:28" x14ac:dyDescent="0.25">
      <c r="D3128" s="40">
        <v>51.9979210000023</v>
      </c>
      <c r="E3128" s="40">
        <v>18.079585674618389</v>
      </c>
      <c r="F3128" s="40">
        <v>51.983332999999988</v>
      </c>
      <c r="G3128" s="40">
        <v>15.462375459807737</v>
      </c>
      <c r="H3128" s="40">
        <v>51.983334000000013</v>
      </c>
      <c r="I3128" s="40">
        <v>12.090755411883158</v>
      </c>
      <c r="J3128" s="40">
        <v>51.983314476190898</v>
      </c>
      <c r="K3128" s="40">
        <v>11.348731402132811</v>
      </c>
      <c r="L3128" s="40"/>
      <c r="M3128" s="40"/>
      <c r="N3128" s="40"/>
      <c r="Y3128">
        <v>34.700000000000003</v>
      </c>
      <c r="Z3128">
        <v>113</v>
      </c>
      <c r="AA3128">
        <v>8.2718310000000006</v>
      </c>
      <c r="AB3128">
        <v>0.19036801090683128</v>
      </c>
    </row>
    <row r="3129" spans="4:28" x14ac:dyDescent="0.25">
      <c r="D3129" s="40">
        <v>52.014587000002301</v>
      </c>
      <c r="E3129" s="40">
        <v>18.079585674618389</v>
      </c>
      <c r="F3129" s="40">
        <v>52</v>
      </c>
      <c r="G3129" s="40">
        <v>15.467130703897832</v>
      </c>
      <c r="H3129" s="40">
        <v>52</v>
      </c>
      <c r="I3129" s="40">
        <v>12.094108148026415</v>
      </c>
      <c r="J3129" s="40">
        <v>51.999981136905099</v>
      </c>
      <c r="K3129" s="40">
        <v>11.348731402132811</v>
      </c>
      <c r="L3129" s="40"/>
      <c r="M3129" s="40"/>
      <c r="N3129" s="40"/>
      <c r="Y3129">
        <v>34.716667000000001</v>
      </c>
      <c r="Z3129">
        <v>113.016667</v>
      </c>
      <c r="AA3129">
        <v>8.2706199999999992</v>
      </c>
      <c r="AB3129">
        <v>0.17570009328842867</v>
      </c>
    </row>
    <row r="3130" spans="4:28" x14ac:dyDescent="0.25">
      <c r="D3130" s="40">
        <v>52.031253000002302</v>
      </c>
      <c r="E3130" s="40">
        <v>18.084428853207935</v>
      </c>
      <c r="F3130" s="40">
        <v>52.016666999999984</v>
      </c>
      <c r="G3130" s="40">
        <v>15.471746087867732</v>
      </c>
      <c r="H3130" s="40">
        <v>52.016667000000012</v>
      </c>
      <c r="I3130" s="40">
        <v>12.094108148026415</v>
      </c>
      <c r="J3130" s="40">
        <v>52.016647797619399</v>
      </c>
      <c r="K3130" s="40">
        <v>11.348731402132811</v>
      </c>
      <c r="L3130" s="40"/>
      <c r="M3130" s="40"/>
      <c r="N3130" s="40"/>
      <c r="Y3130">
        <v>34.733333000000002</v>
      </c>
      <c r="Z3130">
        <v>113.033333</v>
      </c>
      <c r="AA3130">
        <v>8.2694419999999997</v>
      </c>
      <c r="AB3130">
        <v>0.16143187945320961</v>
      </c>
    </row>
    <row r="3131" spans="4:28" x14ac:dyDescent="0.25">
      <c r="D3131" s="40">
        <v>52.047919000002302</v>
      </c>
      <c r="E3131" s="40">
        <v>18.084428853207935</v>
      </c>
      <c r="F3131" s="40">
        <v>52.033332999999999</v>
      </c>
      <c r="G3131" s="40">
        <v>15.476501331957952</v>
      </c>
      <c r="H3131" s="40">
        <v>52.033333999999996</v>
      </c>
      <c r="I3131" s="40">
        <v>12.097362274283178</v>
      </c>
      <c r="J3131" s="40">
        <v>52.033314458333699</v>
      </c>
      <c r="K3131" s="40">
        <v>11.348731402132811</v>
      </c>
      <c r="L3131" s="40"/>
      <c r="M3131" s="40"/>
      <c r="N3131" s="40"/>
      <c r="Y3131">
        <v>34.75</v>
      </c>
      <c r="Z3131">
        <v>113.05</v>
      </c>
      <c r="AA3131">
        <v>8.2682640000000003</v>
      </c>
      <c r="AB3131">
        <v>0.14716366561799057</v>
      </c>
    </row>
    <row r="3132" spans="4:28" x14ac:dyDescent="0.25">
      <c r="D3132" s="40">
        <v>52.064585000002303</v>
      </c>
      <c r="E3132" s="40">
        <v>18.089129585368362</v>
      </c>
      <c r="F3132" s="40">
        <v>52.049999999999983</v>
      </c>
      <c r="G3132" s="40">
        <v>15.481256576048045</v>
      </c>
      <c r="H3132" s="40">
        <v>52.050000000000011</v>
      </c>
      <c r="I3132" s="40">
        <v>12.100715010426436</v>
      </c>
      <c r="J3132" s="40">
        <v>52.049981119047999</v>
      </c>
      <c r="K3132" s="40">
        <v>11.348731402132811</v>
      </c>
      <c r="L3132" s="40"/>
      <c r="M3132" s="40"/>
      <c r="N3132" s="40"/>
      <c r="Y3132">
        <v>34.766666999999998</v>
      </c>
      <c r="Z3132">
        <v>113.066667</v>
      </c>
      <c r="AA3132">
        <v>8.2671189999999992</v>
      </c>
      <c r="AB3132">
        <v>0.13329515556591204</v>
      </c>
    </row>
    <row r="3133" spans="4:28" x14ac:dyDescent="0.25">
      <c r="D3133" s="40">
        <v>52.081251000002304</v>
      </c>
      <c r="E3133" s="40">
        <v>18.093972763957783</v>
      </c>
      <c r="F3133" s="40">
        <v>52.066666999999995</v>
      </c>
      <c r="G3133" s="40">
        <v>15.481256576048045</v>
      </c>
      <c r="H3133" s="40">
        <v>52.066666999999995</v>
      </c>
      <c r="I3133" s="40">
        <v>12.104067746569868</v>
      </c>
      <c r="J3133" s="40">
        <v>52.066647779762299</v>
      </c>
      <c r="K3133" s="40">
        <v>11.353439768085872</v>
      </c>
      <c r="L3133" s="40"/>
      <c r="M3133" s="40"/>
      <c r="N3133" s="40"/>
      <c r="Y3133">
        <v>34.783332999999999</v>
      </c>
      <c r="Z3133">
        <v>113.083333</v>
      </c>
      <c r="AA3133">
        <v>8.2659749999999992</v>
      </c>
      <c r="AB3133">
        <v>0.11943875774969931</v>
      </c>
    </row>
    <row r="3134" spans="4:28" x14ac:dyDescent="0.25">
      <c r="D3134" s="40">
        <v>52.097917000002305</v>
      </c>
      <c r="E3134" s="40">
        <v>18.093972763957783</v>
      </c>
      <c r="F3134" s="40">
        <v>52.083332999999982</v>
      </c>
      <c r="G3134" s="40">
        <v>15.481256576048045</v>
      </c>
      <c r="H3134" s="40">
        <v>52.083334000000008</v>
      </c>
      <c r="I3134" s="40">
        <v>12.104067746569868</v>
      </c>
      <c r="J3134" s="40">
        <v>52.083314440476599</v>
      </c>
      <c r="K3134" s="40">
        <v>11.353439768085872</v>
      </c>
      <c r="L3134" s="40"/>
      <c r="M3134" s="40"/>
      <c r="N3134" s="40"/>
      <c r="Y3134">
        <v>34.799999999999997</v>
      </c>
      <c r="Z3134">
        <v>113.1</v>
      </c>
      <c r="AA3134">
        <v>8.2648639999999993</v>
      </c>
      <c r="AB3134">
        <v>0.10598206371664862</v>
      </c>
    </row>
    <row r="3135" spans="4:28" x14ac:dyDescent="0.25">
      <c r="D3135" s="40">
        <v>52.114583000002305</v>
      </c>
      <c r="E3135" s="40">
        <v>18.098815942547329</v>
      </c>
      <c r="F3135" s="40">
        <v>52.099999999999994</v>
      </c>
      <c r="G3135" s="40">
        <v>15.481256576048045</v>
      </c>
      <c r="H3135" s="40">
        <v>52.099999999999994</v>
      </c>
      <c r="I3135" s="40">
        <v>12.107321872826455</v>
      </c>
      <c r="J3135" s="40">
        <v>52.099981101190899</v>
      </c>
      <c r="K3135" s="40">
        <v>11.353439768085872</v>
      </c>
      <c r="L3135" s="40"/>
      <c r="M3135" s="40"/>
      <c r="N3135" s="40"/>
      <c r="Y3135">
        <v>34.81666700000001</v>
      </c>
      <c r="Z3135">
        <v>113.11666700000001</v>
      </c>
      <c r="AA3135">
        <v>8.2637870000000007</v>
      </c>
      <c r="AB3135">
        <v>9.2937185702625769E-2</v>
      </c>
    </row>
    <row r="3136" spans="4:28" x14ac:dyDescent="0.25">
      <c r="D3136" s="40">
        <v>52.131249000002306</v>
      </c>
      <c r="E3136" s="40">
        <v>18.103516674707755</v>
      </c>
      <c r="F3136" s="40">
        <v>52.116667000000007</v>
      </c>
      <c r="G3136" s="40">
        <v>15.485871960017946</v>
      </c>
      <c r="H3136" s="40">
        <v>52.116667000000007</v>
      </c>
      <c r="I3136" s="40">
        <v>12.110674608969889</v>
      </c>
      <c r="J3136" s="40">
        <v>52.116647761905099</v>
      </c>
      <c r="K3136" s="40">
        <v>11.358290811795106</v>
      </c>
      <c r="L3136" s="40"/>
      <c r="M3136" s="40"/>
      <c r="N3136" s="40"/>
      <c r="Y3136">
        <v>34.833332999999996</v>
      </c>
      <c r="Z3136">
        <v>113.13333299999999</v>
      </c>
      <c r="AA3136">
        <v>8.2627100000000002</v>
      </c>
      <c r="AB3136">
        <v>7.989230768858141E-2</v>
      </c>
    </row>
    <row r="3137" spans="4:28" x14ac:dyDescent="0.25">
      <c r="D3137" s="40">
        <v>52.147915000002307</v>
      </c>
      <c r="E3137" s="40">
        <v>18.108359853297177</v>
      </c>
      <c r="F3137" s="40">
        <v>52.133332999999993</v>
      </c>
      <c r="G3137" s="40">
        <v>15.485871960017946</v>
      </c>
      <c r="H3137" s="40">
        <v>52.133334000000019</v>
      </c>
      <c r="I3137" s="40">
        <v>12.114027345113145</v>
      </c>
      <c r="J3137" s="40">
        <v>52.133314422619399</v>
      </c>
      <c r="K3137" s="40">
        <v>11.358290811795106</v>
      </c>
      <c r="L3137" s="40"/>
      <c r="M3137" s="40"/>
      <c r="N3137" s="40"/>
      <c r="Y3137">
        <v>34.850000000000009</v>
      </c>
      <c r="Z3137">
        <v>113.15</v>
      </c>
      <c r="AA3137">
        <v>8.2616669999999992</v>
      </c>
      <c r="AB3137">
        <v>6.7259245693543371E-2</v>
      </c>
    </row>
    <row r="3138" spans="4:28" x14ac:dyDescent="0.25">
      <c r="D3138" s="40">
        <v>52.164581000002308</v>
      </c>
      <c r="E3138" s="40">
        <v>18.108359853297177</v>
      </c>
      <c r="F3138" s="40">
        <v>52.150000000000006</v>
      </c>
      <c r="G3138" s="40">
        <v>15.485871960017946</v>
      </c>
      <c r="H3138" s="40">
        <v>52.150000000000006</v>
      </c>
      <c r="I3138" s="40">
        <v>12.114027345113145</v>
      </c>
      <c r="J3138" s="40">
        <v>52.149981083333699</v>
      </c>
      <c r="K3138" s="40">
        <v>11.358290811795106</v>
      </c>
      <c r="L3138" s="40"/>
      <c r="M3138" s="40"/>
      <c r="N3138" s="40"/>
      <c r="Y3138">
        <v>34.866667000000007</v>
      </c>
      <c r="Z3138">
        <v>113.166667</v>
      </c>
      <c r="AA3138">
        <v>8.2606570000000001</v>
      </c>
      <c r="AB3138">
        <v>5.5025887481688886E-2</v>
      </c>
    </row>
    <row r="3139" spans="4:28" x14ac:dyDescent="0.25">
      <c r="D3139" s="40">
        <v>52.181247000002308</v>
      </c>
      <c r="E3139" s="40">
        <v>18.113203031886727</v>
      </c>
      <c r="F3139" s="40">
        <v>52.16666699999999</v>
      </c>
      <c r="G3139" s="40">
        <v>15.49538244819826</v>
      </c>
      <c r="H3139" s="40">
        <v>52.166667000000018</v>
      </c>
      <c r="I3139" s="40">
        <v>12.117281471369909</v>
      </c>
      <c r="J3139" s="40">
        <v>52.166647744047999</v>
      </c>
      <c r="K3139" s="40">
        <v>11.36314185550421</v>
      </c>
      <c r="L3139" s="40"/>
      <c r="M3139" s="40"/>
      <c r="N3139" s="40"/>
      <c r="Y3139">
        <v>34.883333000000007</v>
      </c>
      <c r="Z3139">
        <v>113.183333</v>
      </c>
      <c r="AA3139">
        <v>8.2596480000000003</v>
      </c>
      <c r="AB3139">
        <v>4.2804641505678677E-2</v>
      </c>
    </row>
    <row r="3140" spans="4:28" x14ac:dyDescent="0.25">
      <c r="D3140" s="40">
        <v>52.197913000002309</v>
      </c>
      <c r="E3140" s="40">
        <v>18.113203031886727</v>
      </c>
      <c r="F3140" s="40">
        <v>52.183333000000005</v>
      </c>
      <c r="G3140" s="40">
        <v>15.50475307625838</v>
      </c>
      <c r="H3140" s="40">
        <v>52.183334000000002</v>
      </c>
      <c r="I3140" s="40">
        <v>12.120634207513165</v>
      </c>
      <c r="J3140" s="40">
        <v>52.183314404762299</v>
      </c>
      <c r="K3140" s="40">
        <v>11.367850221457271</v>
      </c>
      <c r="L3140" s="40"/>
      <c r="M3140" s="40"/>
      <c r="N3140" s="40"/>
      <c r="Y3140">
        <v>34.900000000000006</v>
      </c>
      <c r="Z3140">
        <v>113.2</v>
      </c>
      <c r="AA3140">
        <v>8.2587050000000009</v>
      </c>
      <c r="AB3140">
        <v>3.1382803095992569E-2</v>
      </c>
    </row>
    <row r="3141" spans="4:28" x14ac:dyDescent="0.25">
      <c r="D3141" s="40">
        <v>52.21457900000231</v>
      </c>
      <c r="E3141" s="40">
        <v>18.117903764047153</v>
      </c>
      <c r="F3141" s="40">
        <v>52.199999999999989</v>
      </c>
      <c r="G3141" s="40">
        <v>15.50475307625838</v>
      </c>
      <c r="H3141" s="40">
        <v>52.200000000000017</v>
      </c>
      <c r="I3141" s="40">
        <v>12.120634207513165</v>
      </c>
      <c r="J3141" s="40">
        <v>52.199981065476599</v>
      </c>
      <c r="K3141" s="40">
        <v>11.367850221457271</v>
      </c>
      <c r="L3141" s="40"/>
      <c r="M3141" s="40"/>
      <c r="N3141" s="40"/>
      <c r="Y3141">
        <v>34.916667000000004</v>
      </c>
      <c r="Z3141">
        <v>113.216667</v>
      </c>
      <c r="AA3141">
        <v>8.2577289999999994</v>
      </c>
      <c r="AB3141">
        <v>1.9561260903122896E-2</v>
      </c>
    </row>
    <row r="3142" spans="4:28" x14ac:dyDescent="0.25">
      <c r="D3142" s="40">
        <v>52.231245000002311</v>
      </c>
      <c r="E3142" s="40">
        <v>18.117903764047153</v>
      </c>
      <c r="F3142" s="40">
        <v>52.216667000000001</v>
      </c>
      <c r="G3142" s="40">
        <v>15.50475307625838</v>
      </c>
      <c r="H3142" s="40">
        <v>52.216667000000001</v>
      </c>
      <c r="I3142" s="40">
        <v>12.123986943656597</v>
      </c>
      <c r="J3142" s="40">
        <v>52.216647726190899</v>
      </c>
      <c r="K3142" s="40">
        <v>11.372701265166503</v>
      </c>
      <c r="L3142" s="40"/>
      <c r="M3142" s="40"/>
      <c r="N3142" s="40"/>
      <c r="Y3142">
        <v>34.933333000000005</v>
      </c>
      <c r="Z3142">
        <v>113.233333</v>
      </c>
      <c r="AA3142">
        <v>8.2568210000000004</v>
      </c>
      <c r="AB3142">
        <v>8.5633507483088914E-3</v>
      </c>
    </row>
    <row r="3143" spans="4:28" x14ac:dyDescent="0.25">
      <c r="D3143" s="40">
        <v>52.247911000002311</v>
      </c>
      <c r="E3143" s="40">
        <v>18.122746942636699</v>
      </c>
      <c r="F3143" s="40">
        <v>52.233332999999988</v>
      </c>
      <c r="G3143" s="40">
        <v>15.50475307625838</v>
      </c>
      <c r="H3143" s="40">
        <v>52.233334000000013</v>
      </c>
      <c r="I3143" s="40">
        <v>12.123986943656597</v>
      </c>
      <c r="J3143" s="40">
        <v>52.2333143869051</v>
      </c>
      <c r="K3143" s="40">
        <v>11.377552308875607</v>
      </c>
      <c r="L3143" s="40"/>
      <c r="M3143" s="40"/>
      <c r="N3143" s="40"/>
      <c r="Y3143">
        <v>34.950000000000003</v>
      </c>
      <c r="Z3143">
        <v>113.25</v>
      </c>
      <c r="AA3143">
        <v>8.2559120000000004</v>
      </c>
      <c r="AB3143">
        <v>-2.4466716423708953E-3</v>
      </c>
    </row>
    <row r="3144" spans="4:28" x14ac:dyDescent="0.25">
      <c r="D3144" s="40">
        <v>52.264577000002312</v>
      </c>
      <c r="E3144" s="40">
        <v>18.122746942636699</v>
      </c>
      <c r="F3144" s="40">
        <v>52.25</v>
      </c>
      <c r="G3144" s="40">
        <v>15.509508320348598</v>
      </c>
      <c r="H3144" s="40">
        <v>52.25</v>
      </c>
      <c r="I3144" s="40">
        <v>12.127339679799855</v>
      </c>
      <c r="J3144" s="40">
        <v>52.2499810476194</v>
      </c>
      <c r="K3144" s="40">
        <v>11.377552308875607</v>
      </c>
      <c r="L3144" s="40"/>
      <c r="M3144" s="40"/>
      <c r="N3144" s="40"/>
      <c r="Y3144">
        <v>34.966667000000001</v>
      </c>
      <c r="Z3144">
        <v>113.266667</v>
      </c>
      <c r="AA3144">
        <v>8.2550369999999997</v>
      </c>
      <c r="AB3144">
        <v>-1.3044878014044364E-2</v>
      </c>
    </row>
    <row r="3145" spans="4:28" x14ac:dyDescent="0.25">
      <c r="D3145" s="40">
        <v>52.281243000002313</v>
      </c>
      <c r="E3145" s="40">
        <v>18.12759012122612</v>
      </c>
      <c r="F3145" s="40">
        <v>52.266666999999984</v>
      </c>
      <c r="G3145" s="40">
        <v>15.514123704318376</v>
      </c>
      <c r="H3145" s="40">
        <v>52.266667000000012</v>
      </c>
      <c r="I3145" s="40">
        <v>12.130593806056618</v>
      </c>
      <c r="J3145" s="40">
        <v>52.2666477083337</v>
      </c>
      <c r="K3145" s="40">
        <v>11.377552308875607</v>
      </c>
      <c r="L3145" s="40"/>
      <c r="M3145" s="40"/>
      <c r="N3145" s="40"/>
      <c r="Y3145">
        <v>34.983333000000002</v>
      </c>
      <c r="Z3145">
        <v>113.283333</v>
      </c>
      <c r="AA3145">
        <v>8.2541949999999993</v>
      </c>
      <c r="AB3145">
        <v>-2.3243380602555781E-2</v>
      </c>
    </row>
    <row r="3146" spans="4:28" x14ac:dyDescent="0.25">
      <c r="D3146" s="40">
        <v>52.297909000002313</v>
      </c>
      <c r="E3146" s="40">
        <v>18.12759012122612</v>
      </c>
      <c r="F3146" s="40">
        <v>52.283332999999999</v>
      </c>
      <c r="G3146" s="40">
        <v>15.514123704318376</v>
      </c>
      <c r="H3146" s="40">
        <v>52.283333999999996</v>
      </c>
      <c r="I3146" s="40">
        <v>12.133946542199874</v>
      </c>
      <c r="J3146" s="40">
        <v>52.283314369048</v>
      </c>
      <c r="K3146" s="40">
        <v>11.377552308875607</v>
      </c>
      <c r="L3146" s="40"/>
      <c r="M3146" s="40"/>
      <c r="N3146" s="40"/>
      <c r="Y3146">
        <v>35</v>
      </c>
      <c r="Z3146">
        <v>113.3</v>
      </c>
      <c r="AA3146">
        <v>8.2533879999999993</v>
      </c>
      <c r="AB3146">
        <v>-3.3017954936195096E-2</v>
      </c>
    </row>
    <row r="3147" spans="4:28" x14ac:dyDescent="0.25">
      <c r="D3147" s="40">
        <v>52.314575000002314</v>
      </c>
      <c r="E3147" s="40">
        <v>18.132290853386547</v>
      </c>
      <c r="F3147" s="40">
        <v>52.299999999999983</v>
      </c>
      <c r="G3147" s="40">
        <v>15.518878948408595</v>
      </c>
      <c r="H3147" s="40">
        <v>52.300000000000011</v>
      </c>
      <c r="I3147" s="40">
        <v>12.133946542199874</v>
      </c>
      <c r="J3147" s="40">
        <v>52.2999810297623</v>
      </c>
      <c r="K3147" s="40">
        <v>11.382260674828668</v>
      </c>
      <c r="L3147" s="40"/>
      <c r="M3147" s="40"/>
      <c r="N3147" s="40"/>
      <c r="Y3147">
        <v>35.016666999999998</v>
      </c>
      <c r="Z3147">
        <v>113.316667</v>
      </c>
      <c r="AA3147">
        <v>8.25258</v>
      </c>
      <c r="AB3147">
        <v>-4.2804641505678677E-2</v>
      </c>
    </row>
    <row r="3148" spans="4:28" x14ac:dyDescent="0.25">
      <c r="D3148" s="40">
        <v>52.331241000002315</v>
      </c>
      <c r="E3148" s="40">
        <v>18.137134031976096</v>
      </c>
      <c r="F3148" s="40">
        <v>52.316666999999995</v>
      </c>
      <c r="G3148" s="40">
        <v>15.518878948408595</v>
      </c>
      <c r="H3148" s="40">
        <v>52.316666999999995</v>
      </c>
      <c r="I3148" s="40">
        <v>12.137299278343308</v>
      </c>
      <c r="J3148" s="40">
        <v>52.3166476904766</v>
      </c>
      <c r="K3148" s="40">
        <v>11.382260674828668</v>
      </c>
      <c r="L3148" s="40"/>
      <c r="M3148" s="40"/>
      <c r="N3148" s="40"/>
      <c r="Y3148">
        <v>35.033332999999999</v>
      </c>
      <c r="Z3148">
        <v>113.333333</v>
      </c>
      <c r="AA3148">
        <v>8.2518060000000002</v>
      </c>
      <c r="AB3148">
        <v>-5.2179512056155938E-2</v>
      </c>
    </row>
    <row r="3149" spans="4:28" x14ac:dyDescent="0.25">
      <c r="D3149" s="40">
        <v>52.347907000002316</v>
      </c>
      <c r="E3149" s="40">
        <v>18.137134031976096</v>
      </c>
      <c r="F3149" s="40">
        <v>52.333332999999982</v>
      </c>
      <c r="G3149" s="40">
        <v>15.523634192498813</v>
      </c>
      <c r="H3149" s="40">
        <v>52.333334000000008</v>
      </c>
      <c r="I3149" s="40">
        <v>12.140553404599896</v>
      </c>
      <c r="J3149" s="40">
        <v>52.3333143511909</v>
      </c>
      <c r="K3149" s="40">
        <v>11.382260674828668</v>
      </c>
      <c r="L3149" s="40"/>
      <c r="M3149" s="40"/>
      <c r="N3149" s="40"/>
      <c r="Y3149">
        <v>35.049999999999997</v>
      </c>
      <c r="Z3149">
        <v>113.35</v>
      </c>
      <c r="AA3149">
        <v>8.2510650000000005</v>
      </c>
      <c r="AB3149">
        <v>-6.1154678823471149E-2</v>
      </c>
    </row>
    <row r="3150" spans="4:28" x14ac:dyDescent="0.25">
      <c r="D3150" s="40">
        <v>52.364573000002316</v>
      </c>
      <c r="E3150" s="40">
        <v>18.141977210565518</v>
      </c>
      <c r="F3150" s="40">
        <v>52.349999999999994</v>
      </c>
      <c r="G3150" s="40">
        <v>15.523634192498813</v>
      </c>
      <c r="H3150" s="40">
        <v>52.349999999999994</v>
      </c>
      <c r="I3150" s="40">
        <v>12.143906140743328</v>
      </c>
      <c r="J3150" s="40">
        <v>52.349981011905101</v>
      </c>
      <c r="K3150" s="40">
        <v>11.387111718537902</v>
      </c>
      <c r="L3150" s="40"/>
      <c r="M3150" s="40"/>
      <c r="N3150" s="40"/>
      <c r="Y3150">
        <v>35.06666700000001</v>
      </c>
      <c r="Z3150">
        <v>113.36666700000001</v>
      </c>
      <c r="AA3150">
        <v>8.2503580000000003</v>
      </c>
      <c r="AB3150">
        <v>-6.9718029571780041E-2</v>
      </c>
    </row>
    <row r="3151" spans="4:28" x14ac:dyDescent="0.25">
      <c r="D3151" s="40">
        <v>52.381239000002317</v>
      </c>
      <c r="E3151" s="40">
        <v>18.141977210565518</v>
      </c>
      <c r="F3151" s="40">
        <v>52.366667000000007</v>
      </c>
      <c r="G3151" s="40">
        <v>15.528249576468589</v>
      </c>
      <c r="H3151" s="40">
        <v>52.366667000000007</v>
      </c>
      <c r="I3151" s="40">
        <v>12.143906140743328</v>
      </c>
      <c r="J3151" s="40">
        <v>52.366647672619401</v>
      </c>
      <c r="K3151" s="40">
        <v>11.387111718537902</v>
      </c>
      <c r="L3151" s="40"/>
      <c r="M3151" s="40"/>
      <c r="N3151" s="40"/>
      <c r="Y3151">
        <v>35.083332999999996</v>
      </c>
      <c r="Z3151">
        <v>113.38333299999999</v>
      </c>
      <c r="AA3151">
        <v>8.2496519999999993</v>
      </c>
      <c r="AB3151">
        <v>-7.826926808424467E-2</v>
      </c>
    </row>
    <row r="3152" spans="4:28" x14ac:dyDescent="0.25">
      <c r="D3152" s="40">
        <v>52.397905000002318</v>
      </c>
      <c r="E3152" s="40">
        <v>18.146677942725944</v>
      </c>
      <c r="F3152" s="40">
        <v>52.383332999999993</v>
      </c>
      <c r="G3152" s="40">
        <v>15.528249576468589</v>
      </c>
      <c r="H3152" s="40">
        <v>52.383334000000019</v>
      </c>
      <c r="I3152" s="40">
        <v>12.147258876886585</v>
      </c>
      <c r="J3152" s="40">
        <v>52.383314333333701</v>
      </c>
      <c r="K3152" s="40">
        <v>11.387111718537902</v>
      </c>
      <c r="L3152" s="40"/>
      <c r="M3152" s="40"/>
      <c r="N3152" s="40"/>
      <c r="Y3152">
        <v>35.100000000000009</v>
      </c>
      <c r="Z3152">
        <v>113.4</v>
      </c>
      <c r="AA3152">
        <v>8.2489790000000003</v>
      </c>
      <c r="AB3152">
        <v>-8.6420802813525724E-2</v>
      </c>
    </row>
    <row r="3153" spans="4:28" x14ac:dyDescent="0.25">
      <c r="D3153" s="40">
        <v>52.414571000002319</v>
      </c>
      <c r="E3153" s="40">
        <v>18.146677942725944</v>
      </c>
      <c r="F3153" s="40">
        <v>52.400000000000006</v>
      </c>
      <c r="G3153" s="40">
        <v>15.53300482055881</v>
      </c>
      <c r="H3153" s="40">
        <v>52.400000000000006</v>
      </c>
      <c r="I3153" s="40">
        <v>12.150513003143349</v>
      </c>
      <c r="J3153" s="40">
        <v>52.399980994048001</v>
      </c>
      <c r="K3153" s="40">
        <v>11.391962762247006</v>
      </c>
      <c r="L3153" s="40"/>
      <c r="M3153" s="40"/>
      <c r="N3153" s="40"/>
      <c r="Y3153">
        <v>35.116667000000007</v>
      </c>
      <c r="Z3153">
        <v>113.416667</v>
      </c>
      <c r="AA3153">
        <v>8.2483050000000002</v>
      </c>
      <c r="AB3153">
        <v>-9.4584449778672558E-2</v>
      </c>
    </row>
    <row r="3154" spans="4:28" x14ac:dyDescent="0.25">
      <c r="D3154" s="40">
        <v>52.431237000002319</v>
      </c>
      <c r="E3154" s="40">
        <v>18.151521121315493</v>
      </c>
      <c r="F3154" s="40">
        <v>52.41666699999999</v>
      </c>
      <c r="G3154" s="40">
        <v>15.53300482055881</v>
      </c>
      <c r="H3154" s="40">
        <v>52.416667000000018</v>
      </c>
      <c r="I3154" s="40">
        <v>12.150513003143349</v>
      </c>
      <c r="J3154" s="40">
        <v>52.416647654762301</v>
      </c>
      <c r="K3154" s="40">
        <v>11.396671128200065</v>
      </c>
      <c r="L3154" s="40"/>
      <c r="M3154" s="40"/>
      <c r="N3154" s="40"/>
      <c r="Y3154">
        <v>35.133333000000007</v>
      </c>
      <c r="Z3154">
        <v>113.433333</v>
      </c>
      <c r="AA3154">
        <v>8.2476660000000006</v>
      </c>
      <c r="AB3154">
        <v>-0.10232416848894731</v>
      </c>
    </row>
    <row r="3155" spans="4:28" x14ac:dyDescent="0.25">
      <c r="D3155" s="40">
        <v>52.44790300000232</v>
      </c>
      <c r="E3155" s="40">
        <v>18.151521121315493</v>
      </c>
      <c r="F3155" s="40">
        <v>52.433333000000005</v>
      </c>
      <c r="G3155" s="40">
        <v>15.537760064649028</v>
      </c>
      <c r="H3155" s="40">
        <v>52.433334000000002</v>
      </c>
      <c r="I3155" s="40">
        <v>12.153865739286605</v>
      </c>
      <c r="J3155" s="40">
        <v>52.433314315476601</v>
      </c>
      <c r="K3155" s="40">
        <v>11.396671128200065</v>
      </c>
      <c r="L3155" s="40"/>
      <c r="M3155" s="40"/>
      <c r="N3155" s="40"/>
      <c r="Y3155">
        <v>35.150000000000006</v>
      </c>
      <c r="Z3155">
        <v>113.45</v>
      </c>
      <c r="AA3155">
        <v>8.2470599999999994</v>
      </c>
      <c r="AB3155">
        <v>-0.1096641834160815</v>
      </c>
    </row>
    <row r="3156" spans="4:28" x14ac:dyDescent="0.25">
      <c r="D3156" s="40">
        <v>52.464569000002321</v>
      </c>
      <c r="E3156" s="40">
        <v>18.156364299904915</v>
      </c>
      <c r="F3156" s="40">
        <v>52.449999999999989</v>
      </c>
      <c r="G3156" s="40">
        <v>15.537760064649028</v>
      </c>
      <c r="H3156" s="40">
        <v>52.450000000000017</v>
      </c>
      <c r="I3156" s="40">
        <v>12.157218475430039</v>
      </c>
      <c r="J3156" s="40">
        <v>52.449980976190901</v>
      </c>
      <c r="K3156" s="40">
        <v>11.401522171909299</v>
      </c>
      <c r="L3156" s="40"/>
      <c r="M3156" s="40"/>
      <c r="N3156" s="40"/>
      <c r="Y3156">
        <v>35.166667000000004</v>
      </c>
      <c r="Z3156">
        <v>113.466667</v>
      </c>
      <c r="AA3156">
        <v>8.246454</v>
      </c>
      <c r="AB3156">
        <v>-0.1170041983431942</v>
      </c>
    </row>
    <row r="3157" spans="4:28" x14ac:dyDescent="0.25">
      <c r="D3157" s="40">
        <v>52.481235000002322</v>
      </c>
      <c r="E3157" s="40">
        <v>18.161207478494461</v>
      </c>
      <c r="F3157" s="40">
        <v>52.466667000000001</v>
      </c>
      <c r="G3157" s="40">
        <v>15.542515308739123</v>
      </c>
      <c r="H3157" s="40">
        <v>52.466667000000001</v>
      </c>
      <c r="I3157" s="40">
        <v>12.157218475430039</v>
      </c>
      <c r="J3157" s="40">
        <v>52.466647636905101</v>
      </c>
      <c r="K3157" s="40">
        <v>11.401522171909299</v>
      </c>
      <c r="L3157" s="40"/>
      <c r="M3157" s="40"/>
      <c r="N3157" s="40"/>
      <c r="Y3157">
        <v>35.183333000000005</v>
      </c>
      <c r="Z3157">
        <v>113.483333</v>
      </c>
      <c r="AA3157">
        <v>8.2458819999999999</v>
      </c>
      <c r="AB3157">
        <v>-0.12393239725130055</v>
      </c>
    </row>
    <row r="3158" spans="4:28" x14ac:dyDescent="0.25">
      <c r="D3158" s="40">
        <v>52.497901000002322</v>
      </c>
      <c r="E3158" s="40">
        <v>18.161207478494461</v>
      </c>
      <c r="F3158" s="40">
        <v>52.483332999999988</v>
      </c>
      <c r="G3158" s="40">
        <v>15.547130692709024</v>
      </c>
      <c r="H3158" s="40">
        <v>52.483334000000013</v>
      </c>
      <c r="I3158" s="40">
        <v>12.160472601686802</v>
      </c>
      <c r="J3158" s="40">
        <v>52.483314297619401</v>
      </c>
      <c r="K3158" s="40">
        <v>11.401522171909299</v>
      </c>
      <c r="L3158" s="40"/>
      <c r="M3158" s="40"/>
      <c r="N3158" s="40"/>
      <c r="Y3158">
        <v>35.200000000000003</v>
      </c>
      <c r="Z3158">
        <v>113.5</v>
      </c>
      <c r="AA3158">
        <v>8.2453099999999999</v>
      </c>
      <c r="AB3158">
        <v>-0.13086059615940693</v>
      </c>
    </row>
    <row r="3159" spans="4:28" x14ac:dyDescent="0.25">
      <c r="D3159" s="40">
        <v>52.514567000002323</v>
      </c>
      <c r="E3159" s="40">
        <v>18.161207478494461</v>
      </c>
      <c r="F3159" s="40">
        <v>52.5</v>
      </c>
      <c r="G3159" s="40">
        <v>15.551885936799241</v>
      </c>
      <c r="H3159" s="40">
        <v>52.5</v>
      </c>
      <c r="I3159" s="40">
        <v>12.163825337830056</v>
      </c>
      <c r="J3159" s="40">
        <v>52.499980958333701</v>
      </c>
      <c r="K3159" s="40">
        <v>11.401522171909299</v>
      </c>
      <c r="L3159" s="40"/>
      <c r="M3159" s="40"/>
      <c r="N3159" s="40"/>
      <c r="Y3159">
        <v>35.216667000000001</v>
      </c>
      <c r="Z3159">
        <v>113.516667</v>
      </c>
      <c r="AA3159">
        <v>8.2447379999999999</v>
      </c>
      <c r="AB3159">
        <v>-0.13778879506751329</v>
      </c>
    </row>
    <row r="3160" spans="4:28" x14ac:dyDescent="0.25">
      <c r="D3160" s="40">
        <v>52.531233000002324</v>
      </c>
      <c r="E3160" s="40">
        <v>18.165908210654887</v>
      </c>
      <c r="F3160" s="40">
        <v>52.516666999999984</v>
      </c>
      <c r="G3160" s="40">
        <v>15.561256564859239</v>
      </c>
      <c r="H3160" s="40">
        <v>52.516667000000012</v>
      </c>
      <c r="I3160" s="40">
        <v>12.167178073973314</v>
      </c>
      <c r="J3160" s="40">
        <v>52.516647619048001</v>
      </c>
      <c r="K3160" s="40">
        <v>11.406373215618531</v>
      </c>
      <c r="L3160" s="40"/>
      <c r="M3160" s="40"/>
      <c r="N3160" s="40"/>
      <c r="Y3160">
        <v>35.233333000000002</v>
      </c>
      <c r="Z3160">
        <v>113.533333</v>
      </c>
      <c r="AA3160">
        <v>8.2441990000000001</v>
      </c>
      <c r="AB3160">
        <v>-0.14431729019245762</v>
      </c>
    </row>
    <row r="3161" spans="4:28" x14ac:dyDescent="0.25">
      <c r="D3161" s="40">
        <v>52.547899000002324</v>
      </c>
      <c r="E3161" s="40">
        <v>18.165908210654887</v>
      </c>
      <c r="F3161" s="40">
        <v>52.533332999999999</v>
      </c>
      <c r="G3161" s="40">
        <v>15.566011808949456</v>
      </c>
      <c r="H3161" s="40">
        <v>52.533333999999996</v>
      </c>
      <c r="I3161" s="40">
        <v>12.167178073973314</v>
      </c>
      <c r="J3161" s="40">
        <v>52.533314279762301</v>
      </c>
      <c r="K3161" s="40">
        <v>11.406373215618531</v>
      </c>
      <c r="L3161" s="40"/>
      <c r="M3161" s="40"/>
      <c r="N3161" s="40"/>
      <c r="Y3161">
        <v>35.25</v>
      </c>
      <c r="Z3161">
        <v>113.55</v>
      </c>
      <c r="AA3161">
        <v>8.2436939999999996</v>
      </c>
      <c r="AB3161">
        <v>-0.15043396929839559</v>
      </c>
    </row>
    <row r="3162" spans="4:28" x14ac:dyDescent="0.25">
      <c r="D3162" s="40">
        <v>52.564565000002325</v>
      </c>
      <c r="E3162" s="40">
        <v>18.165908210654887</v>
      </c>
      <c r="F3162" s="40">
        <v>52.549999999999983</v>
      </c>
      <c r="G3162" s="40">
        <v>15.570767053039676</v>
      </c>
      <c r="H3162" s="40">
        <v>52.550000000000011</v>
      </c>
      <c r="I3162" s="40">
        <v>12.170432200230078</v>
      </c>
      <c r="J3162" s="40">
        <v>52.549980940476601</v>
      </c>
      <c r="K3162" s="40">
        <v>11.406373215618531</v>
      </c>
      <c r="L3162" s="40"/>
      <c r="M3162" s="40"/>
      <c r="N3162" s="40"/>
      <c r="Y3162">
        <v>35.266666999999998</v>
      </c>
      <c r="Z3162">
        <v>113.566667</v>
      </c>
      <c r="AA3162">
        <v>8.2431900000000002</v>
      </c>
      <c r="AB3162">
        <v>-0.15653853616846783</v>
      </c>
    </row>
    <row r="3163" spans="4:28" x14ac:dyDescent="0.25">
      <c r="D3163" s="40">
        <v>52.581231000002326</v>
      </c>
      <c r="E3163" s="40">
        <v>18.170751389244309</v>
      </c>
      <c r="F3163" s="40">
        <v>52.566666999999995</v>
      </c>
      <c r="G3163" s="40">
        <v>15.575382437009454</v>
      </c>
      <c r="H3163" s="40">
        <v>52.566666999999995</v>
      </c>
      <c r="I3163" s="40">
        <v>12.170432200230078</v>
      </c>
      <c r="J3163" s="40">
        <v>52.566647601190901</v>
      </c>
      <c r="K3163" s="40">
        <v>11.406373215618531</v>
      </c>
      <c r="L3163" s="40"/>
      <c r="M3163" s="40"/>
      <c r="N3163" s="40"/>
      <c r="Y3163">
        <v>35.283332999999999</v>
      </c>
      <c r="Z3163">
        <v>113.583333</v>
      </c>
      <c r="AA3163">
        <v>8.2426849999999998</v>
      </c>
      <c r="AB3163">
        <v>-0.16265521527440582</v>
      </c>
    </row>
    <row r="3164" spans="4:28" x14ac:dyDescent="0.25">
      <c r="D3164" s="40">
        <v>52.597897000002327</v>
      </c>
      <c r="E3164" s="40">
        <v>18.170751389244309</v>
      </c>
      <c r="F3164" s="40">
        <v>52.583332999999982</v>
      </c>
      <c r="G3164" s="40">
        <v>15.570767053039676</v>
      </c>
      <c r="H3164" s="40">
        <v>52.583334000000008</v>
      </c>
      <c r="I3164" s="40">
        <v>12.173784936373334</v>
      </c>
      <c r="J3164" s="40">
        <v>52.583314261905102</v>
      </c>
      <c r="K3164" s="40">
        <v>11.406373215618531</v>
      </c>
      <c r="L3164" s="40"/>
      <c r="M3164" s="40"/>
      <c r="N3164" s="40"/>
      <c r="Y3164">
        <v>35.299999999999997</v>
      </c>
      <c r="Z3164">
        <v>113.6</v>
      </c>
      <c r="AA3164">
        <v>8.2422140000000006</v>
      </c>
      <c r="AB3164">
        <v>-0.16836007836131597</v>
      </c>
    </row>
    <row r="3165" spans="4:28" x14ac:dyDescent="0.25">
      <c r="D3165" s="40">
        <v>52.614563000002327</v>
      </c>
      <c r="E3165" s="40">
        <v>18.175594567833855</v>
      </c>
      <c r="F3165" s="40">
        <v>52.599999999999994</v>
      </c>
      <c r="G3165" s="40">
        <v>15.566011808949456</v>
      </c>
      <c r="H3165" s="40">
        <v>52.599999999999994</v>
      </c>
      <c r="I3165" s="40">
        <v>12.173784936373334</v>
      </c>
      <c r="J3165" s="40">
        <v>52.599980922619402</v>
      </c>
      <c r="K3165" s="40">
        <v>11.406373215618531</v>
      </c>
      <c r="L3165" s="40"/>
      <c r="M3165" s="40"/>
      <c r="N3165" s="40"/>
      <c r="Y3165">
        <v>35.31666700000001</v>
      </c>
      <c r="Z3165">
        <v>113.61666700000001</v>
      </c>
      <c r="AA3165">
        <v>8.2417759999999998</v>
      </c>
      <c r="AB3165">
        <v>-0.1736652376650856</v>
      </c>
    </row>
    <row r="3166" spans="4:28" x14ac:dyDescent="0.25">
      <c r="D3166" s="40">
        <v>52.631229000002328</v>
      </c>
      <c r="E3166" s="40">
        <v>18.175594567833855</v>
      </c>
      <c r="F3166" s="40">
        <v>52.616667000000007</v>
      </c>
      <c r="G3166" s="40">
        <v>15.570767053039676</v>
      </c>
      <c r="H3166" s="40">
        <v>52.616667000000007</v>
      </c>
      <c r="I3166" s="40">
        <v>12.177137672516768</v>
      </c>
      <c r="J3166" s="40">
        <v>52.616647583333702</v>
      </c>
      <c r="K3166" s="40">
        <v>11.406373215618531</v>
      </c>
      <c r="L3166" s="40"/>
      <c r="M3166" s="40"/>
      <c r="N3166" s="40"/>
      <c r="Y3166">
        <v>35.333332999999996</v>
      </c>
      <c r="Z3166">
        <v>113.63333299999999</v>
      </c>
      <c r="AA3166">
        <v>8.2413050000000005</v>
      </c>
      <c r="AB3166">
        <v>-0.17937010075199578</v>
      </c>
    </row>
    <row r="3167" spans="4:28" x14ac:dyDescent="0.25">
      <c r="D3167" s="40">
        <v>52.647895000002329</v>
      </c>
      <c r="E3167" s="40">
        <v>18.180295299994281</v>
      </c>
      <c r="F3167" s="40">
        <v>52.633332999999993</v>
      </c>
      <c r="G3167" s="40">
        <v>15.575382437009454</v>
      </c>
      <c r="H3167" s="40">
        <v>52.633334000000019</v>
      </c>
      <c r="I3167" s="40">
        <v>12.180391798773531</v>
      </c>
      <c r="J3167" s="40">
        <v>52.633314244048002</v>
      </c>
      <c r="K3167" s="40">
        <v>11.411081581571464</v>
      </c>
      <c r="L3167" s="40"/>
      <c r="M3167" s="40"/>
      <c r="N3167" s="40"/>
      <c r="Y3167">
        <v>35.350000000000009</v>
      </c>
      <c r="Z3167">
        <v>113.65</v>
      </c>
      <c r="AA3167">
        <v>8.2408669999999997</v>
      </c>
      <c r="AB3167">
        <v>-0.18467526005576537</v>
      </c>
    </row>
    <row r="3168" spans="4:28" x14ac:dyDescent="0.25">
      <c r="D3168" s="40">
        <v>52.66456100000233</v>
      </c>
      <c r="E3168" s="40">
        <v>18.180295299994281</v>
      </c>
      <c r="F3168" s="40">
        <v>52.650000000000006</v>
      </c>
      <c r="G3168" s="40">
        <v>15.580137681099671</v>
      </c>
      <c r="H3168" s="40">
        <v>52.650000000000006</v>
      </c>
      <c r="I3168" s="40">
        <v>12.180391798773531</v>
      </c>
      <c r="J3168" s="40">
        <v>52.649980904762302</v>
      </c>
      <c r="K3168" s="40">
        <v>11.411081581571464</v>
      </c>
      <c r="L3168" s="40"/>
      <c r="M3168" s="40"/>
      <c r="N3168" s="40"/>
      <c r="Y3168">
        <v>35.366667000000007</v>
      </c>
      <c r="Z3168">
        <v>113.666667</v>
      </c>
      <c r="AA3168">
        <v>8.2404630000000001</v>
      </c>
      <c r="AB3168">
        <v>-0.18956860334050718</v>
      </c>
    </row>
    <row r="3169" spans="4:28" x14ac:dyDescent="0.25">
      <c r="D3169" s="40">
        <v>52.68122700000233</v>
      </c>
      <c r="E3169" s="40">
        <v>18.185138478583831</v>
      </c>
      <c r="F3169" s="40">
        <v>52.66666699999999</v>
      </c>
      <c r="G3169" s="40">
        <v>15.584892925189891</v>
      </c>
      <c r="H3169" s="40">
        <v>52.666667000000018</v>
      </c>
      <c r="I3169" s="40">
        <v>12.180391798773531</v>
      </c>
      <c r="J3169" s="40">
        <v>52.666647565476602</v>
      </c>
      <c r="K3169" s="40">
        <v>11.411081581571464</v>
      </c>
      <c r="L3169" s="40"/>
      <c r="M3169" s="40"/>
      <c r="N3169" s="40"/>
      <c r="Y3169">
        <v>35.383333000000007</v>
      </c>
      <c r="Z3169">
        <v>113.683333</v>
      </c>
      <c r="AA3169">
        <v>8.2400599999999997</v>
      </c>
      <c r="AB3169">
        <v>-0.19444983438940472</v>
      </c>
    </row>
    <row r="3170" spans="4:28" x14ac:dyDescent="0.25">
      <c r="D3170" s="40">
        <v>52.697893000002331</v>
      </c>
      <c r="E3170" s="40">
        <v>18.185138478583831</v>
      </c>
      <c r="F3170" s="40">
        <v>52.683333000000005</v>
      </c>
      <c r="G3170" s="40">
        <v>15.589508309159791</v>
      </c>
      <c r="H3170" s="40">
        <v>52.683334000000002</v>
      </c>
      <c r="I3170" s="40">
        <v>12.183744534916787</v>
      </c>
      <c r="J3170" s="40">
        <v>52.683314226190902</v>
      </c>
      <c r="K3170" s="40">
        <v>11.411081581571464</v>
      </c>
      <c r="L3170" s="40"/>
      <c r="M3170" s="40"/>
      <c r="N3170" s="40"/>
      <c r="Y3170">
        <v>35.400000000000006</v>
      </c>
      <c r="Z3170">
        <v>113.7</v>
      </c>
      <c r="AA3170">
        <v>8.2396560000000001</v>
      </c>
      <c r="AB3170">
        <v>-0.1993431776741465</v>
      </c>
    </row>
    <row r="3171" spans="4:28" x14ac:dyDescent="0.25">
      <c r="D3171" s="40">
        <v>52.714559000002332</v>
      </c>
      <c r="E3171" s="40">
        <v>18.185138478583831</v>
      </c>
      <c r="F3171" s="40">
        <v>52.699999999999989</v>
      </c>
      <c r="G3171" s="40">
        <v>15.594263553249888</v>
      </c>
      <c r="H3171" s="40">
        <v>52.700000000000017</v>
      </c>
      <c r="I3171" s="40">
        <v>12.187097271060045</v>
      </c>
      <c r="J3171" s="40">
        <v>52.699980886905102</v>
      </c>
      <c r="K3171" s="40">
        <v>11.411081581571464</v>
      </c>
      <c r="L3171" s="40"/>
      <c r="M3171" s="40"/>
      <c r="N3171" s="40"/>
      <c r="Y3171">
        <v>35.416667000000004</v>
      </c>
      <c r="Z3171">
        <v>113.716667</v>
      </c>
      <c r="AA3171">
        <v>8.2392520000000005</v>
      </c>
      <c r="AB3171">
        <v>-0.20423652095888828</v>
      </c>
    </row>
    <row r="3172" spans="4:28" x14ac:dyDescent="0.25">
      <c r="D3172" s="40">
        <v>52.731225000002333</v>
      </c>
      <c r="E3172" s="40">
        <v>18.189981657173256</v>
      </c>
      <c r="F3172" s="40">
        <v>52.716667000000001</v>
      </c>
      <c r="G3172" s="40">
        <v>15.594263553249888</v>
      </c>
      <c r="H3172" s="40">
        <v>52.716667000000001</v>
      </c>
      <c r="I3172" s="40">
        <v>12.187097271060045</v>
      </c>
      <c r="J3172" s="40">
        <v>52.716647547619402</v>
      </c>
      <c r="K3172" s="40">
        <v>11.415932625280696</v>
      </c>
      <c r="L3172" s="40"/>
      <c r="M3172" s="40"/>
      <c r="N3172" s="40"/>
      <c r="Y3172">
        <v>35.433333000000005</v>
      </c>
      <c r="Z3172">
        <v>113.733333</v>
      </c>
      <c r="AA3172">
        <v>8.2388820000000003</v>
      </c>
      <c r="AB3172">
        <v>-0.20871804822462375</v>
      </c>
    </row>
    <row r="3173" spans="4:28" x14ac:dyDescent="0.25">
      <c r="D3173" s="40">
        <v>52.747891000002333</v>
      </c>
      <c r="E3173" s="40">
        <v>18.189981657173256</v>
      </c>
      <c r="F3173" s="40">
        <v>52.733332999999988</v>
      </c>
      <c r="G3173" s="40">
        <v>15.599018797340106</v>
      </c>
      <c r="H3173" s="40">
        <v>52.733334000000013</v>
      </c>
      <c r="I3173" s="40">
        <v>12.190351397316809</v>
      </c>
      <c r="J3173" s="40">
        <v>52.733314208333702</v>
      </c>
      <c r="K3173" s="40">
        <v>11.415932625280696</v>
      </c>
      <c r="L3173" s="40"/>
      <c r="M3173" s="40"/>
      <c r="N3173" s="40"/>
      <c r="Y3173">
        <v>35.450000000000003</v>
      </c>
      <c r="Z3173">
        <v>113.75</v>
      </c>
      <c r="AA3173">
        <v>8.2385110000000008</v>
      </c>
      <c r="AB3173">
        <v>-0.2132116877262035</v>
      </c>
    </row>
    <row r="3174" spans="4:28" x14ac:dyDescent="0.25">
      <c r="D3174" s="40">
        <v>52.764557000002334</v>
      </c>
      <c r="E3174" s="40">
        <v>18.189981657173256</v>
      </c>
      <c r="F3174" s="40">
        <v>52.75</v>
      </c>
      <c r="G3174" s="40">
        <v>15.603634181310007</v>
      </c>
      <c r="H3174" s="40">
        <v>52.75</v>
      </c>
      <c r="I3174" s="40">
        <v>12.193704133460241</v>
      </c>
      <c r="J3174" s="40">
        <v>52.749980869048002</v>
      </c>
      <c r="K3174" s="40">
        <v>11.415932625280696</v>
      </c>
      <c r="L3174" s="40"/>
      <c r="M3174" s="40"/>
      <c r="N3174" s="40"/>
      <c r="Y3174">
        <v>35.466667000000001</v>
      </c>
      <c r="Z3174">
        <v>113.766667</v>
      </c>
      <c r="AA3174">
        <v>8.238175</v>
      </c>
      <c r="AB3174">
        <v>-0.21728139897293267</v>
      </c>
    </row>
    <row r="3175" spans="4:28" x14ac:dyDescent="0.25">
      <c r="D3175" s="40">
        <v>52.781223000002335</v>
      </c>
      <c r="E3175" s="40">
        <v>18.189981657173256</v>
      </c>
      <c r="F3175" s="40">
        <v>52.766666999999984</v>
      </c>
      <c r="G3175" s="40">
        <v>15.608389425400102</v>
      </c>
      <c r="H3175" s="40">
        <v>52.766667000000012</v>
      </c>
      <c r="I3175" s="40">
        <v>12.197056869603498</v>
      </c>
      <c r="J3175" s="40">
        <v>52.766647529762302</v>
      </c>
      <c r="K3175" s="40">
        <v>11.42078366898993</v>
      </c>
      <c r="L3175" s="40"/>
      <c r="M3175" s="40"/>
      <c r="N3175" s="40"/>
      <c r="Y3175">
        <v>35.483333000000002</v>
      </c>
      <c r="Z3175">
        <v>113.783333</v>
      </c>
      <c r="AA3175">
        <v>8.2378049999999998</v>
      </c>
      <c r="AB3175">
        <v>-0.22176292623866814</v>
      </c>
    </row>
    <row r="3176" spans="4:28" x14ac:dyDescent="0.25">
      <c r="D3176" s="40">
        <v>52.797889000002336</v>
      </c>
      <c r="E3176" s="40">
        <v>18.194682389333678</v>
      </c>
      <c r="F3176" s="40">
        <v>52.783332999999999</v>
      </c>
      <c r="G3176" s="40">
        <v>15.608389425400102</v>
      </c>
      <c r="H3176" s="40">
        <v>52.783333999999996</v>
      </c>
      <c r="I3176" s="40">
        <v>12.197056869603498</v>
      </c>
      <c r="J3176" s="40">
        <v>52.783314190476602</v>
      </c>
      <c r="K3176" s="40">
        <v>11.42078366898993</v>
      </c>
      <c r="L3176" s="40"/>
      <c r="M3176" s="40"/>
      <c r="N3176" s="40"/>
      <c r="Y3176">
        <v>35.5</v>
      </c>
      <c r="Z3176">
        <v>113.8</v>
      </c>
      <c r="AA3176">
        <v>8.2374679999999998</v>
      </c>
      <c r="AB3176">
        <v>-0.22584474972124155</v>
      </c>
    </row>
    <row r="3177" spans="4:28" x14ac:dyDescent="0.25">
      <c r="D3177" s="40">
        <v>52.814555000002336</v>
      </c>
      <c r="E3177" s="40">
        <v>18.194682389333678</v>
      </c>
      <c r="F3177" s="40">
        <v>52.799999999999983</v>
      </c>
      <c r="G3177" s="40">
        <v>15.613144669490319</v>
      </c>
      <c r="H3177" s="40">
        <v>52.800000000000011</v>
      </c>
      <c r="I3177" s="40">
        <v>12.200310995860262</v>
      </c>
      <c r="J3177" s="40">
        <v>52.799980851190902</v>
      </c>
      <c r="K3177" s="40">
        <v>11.42078366898993</v>
      </c>
      <c r="L3177" s="40"/>
      <c r="M3177" s="40"/>
      <c r="N3177" s="40"/>
      <c r="Y3177">
        <v>35.516666999999998</v>
      </c>
      <c r="Z3177">
        <v>113.816667</v>
      </c>
      <c r="AA3177">
        <v>8.2371649999999992</v>
      </c>
      <c r="AB3177">
        <v>-0.22951475718480865</v>
      </c>
    </row>
    <row r="3178" spans="4:28" x14ac:dyDescent="0.25">
      <c r="D3178" s="40">
        <v>52.831221000002337</v>
      </c>
      <c r="E3178" s="40">
        <v>18.199525567923228</v>
      </c>
      <c r="F3178" s="40">
        <v>52.816666999999995</v>
      </c>
      <c r="G3178" s="40">
        <v>15.61776005346022</v>
      </c>
      <c r="H3178" s="40">
        <v>52.816666999999995</v>
      </c>
      <c r="I3178" s="40">
        <v>12.203663732003518</v>
      </c>
      <c r="J3178" s="40">
        <v>52.816647511905103</v>
      </c>
      <c r="K3178" s="40">
        <v>11.42078366898993</v>
      </c>
      <c r="L3178" s="40"/>
      <c r="M3178" s="40"/>
      <c r="N3178" s="40"/>
      <c r="Y3178">
        <v>35.533332999999999</v>
      </c>
      <c r="Z3178">
        <v>113.833333</v>
      </c>
      <c r="AA3178">
        <v>8.2368279999999992</v>
      </c>
      <c r="AB3178">
        <v>-0.23359658066738209</v>
      </c>
    </row>
    <row r="3179" spans="4:28" x14ac:dyDescent="0.25">
      <c r="D3179" s="40">
        <v>52.847887000002338</v>
      </c>
      <c r="E3179" s="40">
        <v>18.199525567923228</v>
      </c>
      <c r="F3179" s="40">
        <v>52.833332999999982</v>
      </c>
      <c r="G3179" s="40">
        <v>15.622515297550317</v>
      </c>
      <c r="H3179" s="40">
        <v>52.833334000000008</v>
      </c>
      <c r="I3179" s="40">
        <v>12.207016468146774</v>
      </c>
      <c r="J3179" s="40">
        <v>52.833314172619403</v>
      </c>
      <c r="K3179" s="40">
        <v>11.42078366898993</v>
      </c>
      <c r="L3179" s="40"/>
      <c r="M3179" s="40"/>
      <c r="N3179" s="40"/>
      <c r="Y3179">
        <v>35.549999999999997</v>
      </c>
      <c r="Z3179">
        <v>113.85</v>
      </c>
      <c r="AA3179">
        <v>8.2365259999999996</v>
      </c>
      <c r="AB3179">
        <v>-0.23725447589508339</v>
      </c>
    </row>
    <row r="3180" spans="4:28" x14ac:dyDescent="0.25">
      <c r="D3180" s="40">
        <v>52.864553000002338</v>
      </c>
      <c r="E3180" s="40">
        <v>18.20436874651265</v>
      </c>
      <c r="F3180" s="40">
        <v>52.849999999999994</v>
      </c>
      <c r="G3180" s="40">
        <v>15.622515297550317</v>
      </c>
      <c r="H3180" s="40">
        <v>52.849999999999994</v>
      </c>
      <c r="I3180" s="40">
        <v>12.210270594403537</v>
      </c>
      <c r="J3180" s="40">
        <v>52.849980833333703</v>
      </c>
      <c r="K3180" s="40">
        <v>11.415932625280696</v>
      </c>
      <c r="L3180" s="40"/>
      <c r="M3180" s="40"/>
      <c r="N3180" s="40"/>
      <c r="Y3180">
        <v>35.56666700000001</v>
      </c>
      <c r="Z3180">
        <v>113.86666700000001</v>
      </c>
      <c r="AA3180">
        <v>8.2362230000000007</v>
      </c>
      <c r="AB3180">
        <v>-0.24092448335862898</v>
      </c>
    </row>
    <row r="3181" spans="4:28" x14ac:dyDescent="0.25">
      <c r="D3181" s="40">
        <v>52.881219000002339</v>
      </c>
      <c r="E3181" s="40">
        <v>18.20436874651265</v>
      </c>
      <c r="F3181" s="40">
        <v>52.866667000000007</v>
      </c>
      <c r="G3181" s="40">
        <v>15.627270541640536</v>
      </c>
      <c r="H3181" s="40">
        <v>52.866667000000007</v>
      </c>
      <c r="I3181" s="40">
        <v>12.213623330546969</v>
      </c>
      <c r="J3181" s="40">
        <v>52.866647494048003</v>
      </c>
      <c r="K3181" s="40">
        <v>11.415932625280696</v>
      </c>
      <c r="L3181" s="40"/>
      <c r="M3181" s="40"/>
      <c r="N3181" s="40"/>
      <c r="Y3181">
        <v>35.583332999999996</v>
      </c>
      <c r="Z3181">
        <v>113.88333299999999</v>
      </c>
      <c r="AA3181">
        <v>8.2359200000000001</v>
      </c>
      <c r="AB3181">
        <v>-0.24459449082219606</v>
      </c>
    </row>
    <row r="3182" spans="4:28" x14ac:dyDescent="0.25">
      <c r="D3182" s="40">
        <v>52.89788500000234</v>
      </c>
      <c r="E3182" s="40">
        <v>18.20436874651265</v>
      </c>
      <c r="F3182" s="40">
        <v>52.883332999999993</v>
      </c>
      <c r="G3182" s="40">
        <v>15.627270541640536</v>
      </c>
      <c r="H3182" s="40">
        <v>52.883334000000019</v>
      </c>
      <c r="I3182" s="40">
        <v>12.216976066690227</v>
      </c>
      <c r="J3182" s="40">
        <v>52.883314154762303</v>
      </c>
      <c r="K3182" s="40">
        <v>11.42078366898993</v>
      </c>
      <c r="L3182" s="40"/>
      <c r="M3182" s="40"/>
      <c r="N3182" s="40"/>
      <c r="Y3182">
        <v>35.600000000000009</v>
      </c>
      <c r="Z3182">
        <v>113.9</v>
      </c>
      <c r="AA3182">
        <v>8.2356169999999995</v>
      </c>
      <c r="AB3182">
        <v>-0.24826449828576316</v>
      </c>
    </row>
    <row r="3183" spans="4:28" x14ac:dyDescent="0.25">
      <c r="D3183" s="40">
        <v>52.914551000002341</v>
      </c>
      <c r="E3183" s="40">
        <v>18.209069478673076</v>
      </c>
      <c r="F3183" s="40">
        <v>52.900000000000006</v>
      </c>
      <c r="G3183" s="40">
        <v>15.631885925610437</v>
      </c>
      <c r="H3183" s="40">
        <v>52.900000000000006</v>
      </c>
      <c r="I3183" s="40">
        <v>12.216976066690227</v>
      </c>
      <c r="J3183" s="40">
        <v>52.899980815476603</v>
      </c>
      <c r="K3183" s="40">
        <v>11.42078366898993</v>
      </c>
      <c r="L3183" s="40"/>
      <c r="M3183" s="40"/>
      <c r="N3183" s="40"/>
      <c r="Y3183">
        <v>35.616667000000007</v>
      </c>
      <c r="Z3183">
        <v>113.916667</v>
      </c>
      <c r="AA3183">
        <v>8.2353480000000001</v>
      </c>
      <c r="AB3183">
        <v>-0.2515226897303024</v>
      </c>
    </row>
    <row r="3184" spans="4:28" x14ac:dyDescent="0.25">
      <c r="D3184" s="40">
        <v>52.931217000002341</v>
      </c>
      <c r="E3184" s="40">
        <v>18.209069478673076</v>
      </c>
      <c r="F3184" s="40">
        <v>52.91666699999999</v>
      </c>
      <c r="G3184" s="40">
        <v>15.636641169700532</v>
      </c>
      <c r="H3184" s="40">
        <v>52.916667000000018</v>
      </c>
      <c r="I3184" s="40">
        <v>12.220230192946991</v>
      </c>
      <c r="J3184" s="40">
        <v>52.916647476190903</v>
      </c>
      <c r="K3184" s="40">
        <v>11.42078366898993</v>
      </c>
      <c r="L3184" s="40"/>
      <c r="M3184" s="40"/>
      <c r="N3184" s="40"/>
      <c r="Y3184">
        <v>35.633333000000007</v>
      </c>
      <c r="Z3184">
        <v>113.933333</v>
      </c>
      <c r="AA3184">
        <v>8.2350449999999995</v>
      </c>
      <c r="AB3184">
        <v>-0.2551926971938695</v>
      </c>
    </row>
    <row r="3185" spans="4:28" x14ac:dyDescent="0.25">
      <c r="D3185" s="40">
        <v>52.947883000002342</v>
      </c>
      <c r="E3185" s="40">
        <v>18.209069478673076</v>
      </c>
      <c r="F3185" s="40">
        <v>52.933333000000005</v>
      </c>
      <c r="G3185" s="40">
        <v>15.636641169700532</v>
      </c>
      <c r="H3185" s="40">
        <v>52.933334000000002</v>
      </c>
      <c r="I3185" s="40">
        <v>12.223582929090247</v>
      </c>
      <c r="J3185" s="40">
        <v>52.933314136905103</v>
      </c>
      <c r="K3185" s="40">
        <v>11.42078366898993</v>
      </c>
      <c r="L3185" s="40"/>
      <c r="M3185" s="40"/>
      <c r="N3185" s="40"/>
      <c r="Y3185">
        <v>35.650000000000006</v>
      </c>
      <c r="Z3185">
        <v>113.95</v>
      </c>
      <c r="AA3185">
        <v>8.2347750000000008</v>
      </c>
      <c r="AB3185">
        <v>-0.25846300087425306</v>
      </c>
    </row>
    <row r="3186" spans="4:28" x14ac:dyDescent="0.25">
      <c r="D3186" s="40">
        <v>52.964549000002343</v>
      </c>
      <c r="E3186" s="40">
        <v>18.213912657262622</v>
      </c>
      <c r="F3186" s="40">
        <v>52.949999999999989</v>
      </c>
      <c r="G3186" s="40">
        <v>15.64139641379075</v>
      </c>
      <c r="H3186" s="40">
        <v>52.950000000000017</v>
      </c>
      <c r="I3186" s="40">
        <v>12.223582929090247</v>
      </c>
      <c r="J3186" s="40">
        <v>52.949980797619403</v>
      </c>
      <c r="K3186" s="40">
        <v>11.425492034942861</v>
      </c>
      <c r="L3186" s="40"/>
      <c r="M3186" s="40"/>
      <c r="N3186" s="40"/>
      <c r="Y3186">
        <v>35.666667000000004</v>
      </c>
      <c r="Z3186">
        <v>113.966667</v>
      </c>
      <c r="AA3186">
        <v>8.2345059999999997</v>
      </c>
      <c r="AB3186">
        <v>-0.26172119231881386</v>
      </c>
    </row>
    <row r="3187" spans="4:28" x14ac:dyDescent="0.25">
      <c r="D3187" s="40">
        <v>52.981215000002344</v>
      </c>
      <c r="E3187" s="40">
        <v>18.213912657262622</v>
      </c>
      <c r="F3187" s="40">
        <v>52.966667000000001</v>
      </c>
      <c r="G3187" s="40">
        <v>15.64601179776065</v>
      </c>
      <c r="H3187" s="40">
        <v>52.966667000000001</v>
      </c>
      <c r="I3187" s="40">
        <v>12.226935665233681</v>
      </c>
      <c r="J3187" s="40">
        <v>52.966647458333703</v>
      </c>
      <c r="K3187" s="40">
        <v>11.425492034942861</v>
      </c>
      <c r="L3187" s="40"/>
      <c r="M3187" s="40"/>
      <c r="N3187" s="40"/>
      <c r="Y3187">
        <v>35.683333000000005</v>
      </c>
      <c r="Z3187">
        <v>113.983333</v>
      </c>
      <c r="AA3187">
        <v>8.2342709999999997</v>
      </c>
      <c r="AB3187">
        <v>-0.26456756774434681</v>
      </c>
    </row>
    <row r="3188" spans="4:28" x14ac:dyDescent="0.25">
      <c r="D3188" s="40">
        <v>52.997881000002344</v>
      </c>
      <c r="E3188" s="40">
        <v>18.213912657262622</v>
      </c>
      <c r="F3188" s="40">
        <v>52.983332999999988</v>
      </c>
      <c r="G3188" s="40">
        <v>15.65076704185087</v>
      </c>
      <c r="H3188" s="40">
        <v>52.983334000000013</v>
      </c>
      <c r="I3188" s="40">
        <v>12.230189791490268</v>
      </c>
      <c r="J3188" s="40">
        <v>52.983314119048003</v>
      </c>
      <c r="K3188" s="40">
        <v>11.430343078652093</v>
      </c>
      <c r="L3188" s="40"/>
      <c r="M3188" s="40"/>
      <c r="N3188" s="40"/>
      <c r="Y3188">
        <v>35.700000000000003</v>
      </c>
      <c r="Z3188">
        <v>114</v>
      </c>
      <c r="AA3188">
        <v>8.2340009999999992</v>
      </c>
      <c r="AB3188">
        <v>-0.26783787142475185</v>
      </c>
    </row>
    <row r="3189" spans="4:28" x14ac:dyDescent="0.25">
      <c r="D3189" s="40">
        <v>53.014547000002345</v>
      </c>
      <c r="E3189" s="40">
        <v>18.218755835852043</v>
      </c>
      <c r="F3189" s="40">
        <v>53</v>
      </c>
      <c r="G3189" s="40">
        <v>15.655522285940963</v>
      </c>
      <c r="H3189" s="40">
        <v>53</v>
      </c>
      <c r="I3189" s="40">
        <v>12.230189791490268</v>
      </c>
      <c r="J3189" s="40">
        <v>52.999980779762303</v>
      </c>
      <c r="K3189" s="40">
        <v>11.430343078652093</v>
      </c>
      <c r="L3189" s="40"/>
      <c r="M3189" s="40"/>
      <c r="N3189" s="40"/>
      <c r="Y3189">
        <v>35.716667000000001</v>
      </c>
      <c r="Z3189">
        <v>114.016667</v>
      </c>
      <c r="AA3189">
        <v>8.2337659999999993</v>
      </c>
      <c r="AB3189">
        <v>-0.2706842468502848</v>
      </c>
    </row>
    <row r="3190" spans="4:28" x14ac:dyDescent="0.25">
      <c r="D3190" s="40">
        <v>53.031213000002346</v>
      </c>
      <c r="E3190" s="40">
        <v>18.218755835852043</v>
      </c>
      <c r="F3190" s="40">
        <v>53.016666999999984</v>
      </c>
      <c r="G3190" s="40">
        <v>15.655522285940963</v>
      </c>
      <c r="H3190" s="40">
        <v>53.016667000000012</v>
      </c>
      <c r="I3190" s="40">
        <v>12.2335425276337</v>
      </c>
      <c r="J3190" s="40">
        <v>53.016647440476603</v>
      </c>
      <c r="K3190" s="40">
        <v>11.430343078652093</v>
      </c>
      <c r="L3190" s="40"/>
      <c r="M3190" s="40"/>
      <c r="N3190" s="40"/>
      <c r="Y3190">
        <v>35.733333000000002</v>
      </c>
      <c r="Z3190">
        <v>114.033333</v>
      </c>
      <c r="AA3190">
        <v>8.23353</v>
      </c>
      <c r="AB3190">
        <v>-0.273542734511662</v>
      </c>
    </row>
    <row r="3191" spans="4:28" x14ac:dyDescent="0.25">
      <c r="D3191" s="40">
        <v>53.047879000002347</v>
      </c>
      <c r="E3191" s="40">
        <v>18.218755835852043</v>
      </c>
      <c r="F3191" s="40">
        <v>53.033332999999999</v>
      </c>
      <c r="G3191" s="40">
        <v>15.660137669910863</v>
      </c>
      <c r="H3191" s="40">
        <v>53.033333999999996</v>
      </c>
      <c r="I3191" s="40">
        <v>12.236895263776958</v>
      </c>
      <c r="J3191" s="40">
        <v>53.033314101190904</v>
      </c>
      <c r="K3191" s="40">
        <v>11.430343078652093</v>
      </c>
      <c r="L3191" s="40"/>
      <c r="M3191" s="40"/>
      <c r="N3191" s="40"/>
      <c r="Y3191">
        <v>35.75</v>
      </c>
      <c r="Z3191">
        <v>114.05</v>
      </c>
      <c r="AA3191">
        <v>8.2333619999999996</v>
      </c>
      <c r="AB3191">
        <v>-0.27557759013502658</v>
      </c>
    </row>
    <row r="3192" spans="4:28" x14ac:dyDescent="0.25">
      <c r="D3192" s="40">
        <v>53.064545000002347</v>
      </c>
      <c r="E3192" s="40">
        <v>18.22345656801247</v>
      </c>
      <c r="F3192" s="40">
        <v>53.049999999999983</v>
      </c>
      <c r="G3192" s="40">
        <v>15.664892914001083</v>
      </c>
      <c r="H3192" s="40">
        <v>53.050000000000011</v>
      </c>
      <c r="I3192" s="40">
        <v>12.240149390033721</v>
      </c>
      <c r="J3192" s="40">
        <v>53.049980761905097</v>
      </c>
      <c r="K3192" s="40">
        <v>11.430343078652093</v>
      </c>
      <c r="L3192" s="40"/>
      <c r="M3192" s="40"/>
      <c r="N3192" s="40"/>
      <c r="Y3192">
        <v>35.766666999999998</v>
      </c>
      <c r="Z3192">
        <v>114.066667</v>
      </c>
      <c r="AA3192">
        <v>8.2331939999999992</v>
      </c>
      <c r="AB3192">
        <v>-0.27761244575839117</v>
      </c>
    </row>
    <row r="3193" spans="4:28" x14ac:dyDescent="0.25">
      <c r="D3193" s="40">
        <v>53.081211000002348</v>
      </c>
      <c r="E3193" s="40">
        <v>18.22345656801247</v>
      </c>
      <c r="F3193" s="40">
        <v>53.066666999999995</v>
      </c>
      <c r="G3193" s="40">
        <v>15.66964815809118</v>
      </c>
      <c r="H3193" s="40">
        <v>53.066666999999995</v>
      </c>
      <c r="I3193" s="40">
        <v>12.243502126176978</v>
      </c>
      <c r="J3193" s="40">
        <v>53.066647422619397</v>
      </c>
      <c r="K3193" s="40">
        <v>11.430343078652093</v>
      </c>
      <c r="L3193" s="40"/>
      <c r="M3193" s="40"/>
      <c r="N3193" s="40"/>
      <c r="Y3193">
        <v>35.783332999999999</v>
      </c>
      <c r="Z3193">
        <v>114.083333</v>
      </c>
      <c r="AA3193">
        <v>8.2330590000000008</v>
      </c>
      <c r="AB3193">
        <v>-0.27924759759857221</v>
      </c>
    </row>
    <row r="3194" spans="4:28" x14ac:dyDescent="0.25">
      <c r="D3194" s="40">
        <v>53.097877000002349</v>
      </c>
      <c r="E3194" s="40">
        <v>18.228299746602019</v>
      </c>
      <c r="F3194" s="40">
        <v>53.083332999999982</v>
      </c>
      <c r="G3194" s="40">
        <v>15.67426354206108</v>
      </c>
      <c r="H3194" s="40">
        <v>53.083334000000008</v>
      </c>
      <c r="I3194" s="40">
        <v>12.243502126176978</v>
      </c>
      <c r="J3194" s="40">
        <v>53.083314083333697</v>
      </c>
      <c r="K3194" s="40">
        <v>11.430343078652093</v>
      </c>
      <c r="L3194" s="40"/>
      <c r="M3194" s="40"/>
      <c r="N3194" s="40"/>
      <c r="Y3194">
        <v>35.799999999999997</v>
      </c>
      <c r="Z3194">
        <v>114.1</v>
      </c>
      <c r="AA3194">
        <v>8.2328910000000004</v>
      </c>
      <c r="AB3194">
        <v>-0.28128245322193673</v>
      </c>
    </row>
    <row r="3195" spans="4:28" x14ac:dyDescent="0.25">
      <c r="D3195" s="40">
        <v>53.11454300000235</v>
      </c>
      <c r="E3195" s="40">
        <v>18.228299746602019</v>
      </c>
      <c r="F3195" s="40">
        <v>53.099999999999994</v>
      </c>
      <c r="G3195" s="40">
        <v>15.67426354206108</v>
      </c>
      <c r="H3195" s="40">
        <v>53.099999999999994</v>
      </c>
      <c r="I3195" s="40">
        <v>12.246854862320411</v>
      </c>
      <c r="J3195" s="40">
        <v>53.099980744047997</v>
      </c>
      <c r="K3195" s="40">
        <v>11.430343078652093</v>
      </c>
      <c r="L3195" s="40"/>
      <c r="M3195" s="40"/>
      <c r="N3195" s="40"/>
      <c r="Y3195">
        <v>35.81666700000001</v>
      </c>
      <c r="Z3195">
        <v>114.11666700000001</v>
      </c>
      <c r="AA3195">
        <v>8.2327220000000008</v>
      </c>
      <c r="AB3195">
        <v>-0.28332942108114562</v>
      </c>
    </row>
    <row r="3196" spans="4:28" x14ac:dyDescent="0.25">
      <c r="D3196" s="40">
        <v>53.13120900000235</v>
      </c>
      <c r="E3196" s="40">
        <v>18.228299746602019</v>
      </c>
      <c r="F3196" s="40">
        <v>53.116667000000007</v>
      </c>
      <c r="G3196" s="40">
        <v>15.6790187861513</v>
      </c>
      <c r="H3196" s="40">
        <v>53.116667000000007</v>
      </c>
      <c r="I3196" s="40">
        <v>12.250207598463666</v>
      </c>
      <c r="J3196" s="40">
        <v>53.116647404762297</v>
      </c>
      <c r="K3196" s="40">
        <v>11.430343078652093</v>
      </c>
      <c r="L3196" s="40"/>
      <c r="M3196" s="40"/>
      <c r="N3196" s="40"/>
      <c r="Y3196">
        <v>35.833332999999996</v>
      </c>
      <c r="Z3196">
        <v>114.13333299999999</v>
      </c>
      <c r="AA3196">
        <v>8.2325540000000004</v>
      </c>
      <c r="AB3196">
        <v>-0.2853642767045102</v>
      </c>
    </row>
    <row r="3197" spans="4:28" x14ac:dyDescent="0.25">
      <c r="D3197" s="40">
        <v>53.147875000002351</v>
      </c>
      <c r="E3197" s="40">
        <v>18.233142925191565</v>
      </c>
      <c r="F3197" s="40">
        <v>53.133332999999993</v>
      </c>
      <c r="G3197" s="40">
        <v>15.683774030241393</v>
      </c>
      <c r="H3197" s="40">
        <v>53.133334000000019</v>
      </c>
      <c r="I3197" s="40">
        <v>12.253461724720429</v>
      </c>
      <c r="J3197" s="40">
        <v>53.133314065476597</v>
      </c>
      <c r="K3197" s="40">
        <v>11.430343078652093</v>
      </c>
      <c r="L3197" s="40"/>
      <c r="M3197" s="40"/>
      <c r="N3197" s="40"/>
      <c r="Y3197">
        <v>35.850000000000009</v>
      </c>
      <c r="Z3197">
        <v>114.15</v>
      </c>
      <c r="AA3197">
        <v>8.232386</v>
      </c>
      <c r="AB3197">
        <v>-0.28739913232787473</v>
      </c>
    </row>
    <row r="3198" spans="4:28" x14ac:dyDescent="0.25">
      <c r="D3198" s="40">
        <v>53.164541000002352</v>
      </c>
      <c r="E3198" s="40">
        <v>18.233142925191565</v>
      </c>
      <c r="F3198" s="40">
        <v>53.150000000000006</v>
      </c>
      <c r="G3198" s="40">
        <v>15.688389414211294</v>
      </c>
      <c r="H3198" s="40">
        <v>53.150000000000006</v>
      </c>
      <c r="I3198" s="40">
        <v>12.253461724720429</v>
      </c>
      <c r="J3198" s="40">
        <v>53.149980726190897</v>
      </c>
      <c r="K3198" s="40">
        <v>11.430343078652093</v>
      </c>
      <c r="L3198" s="40"/>
      <c r="M3198" s="40"/>
      <c r="N3198" s="40"/>
      <c r="Y3198">
        <v>35.866667000000007</v>
      </c>
      <c r="Z3198">
        <v>114.166667</v>
      </c>
      <c r="AA3198">
        <v>8.2322509999999998</v>
      </c>
      <c r="AB3198">
        <v>-0.28903428416807725</v>
      </c>
    </row>
    <row r="3199" spans="4:28" x14ac:dyDescent="0.25">
      <c r="D3199" s="40">
        <v>53.181207000002352</v>
      </c>
      <c r="E3199" s="40">
        <v>18.237843657351863</v>
      </c>
      <c r="F3199" s="40">
        <v>53.16666699999999</v>
      </c>
      <c r="G3199" s="40">
        <v>15.693144658301513</v>
      </c>
      <c r="H3199" s="40">
        <v>53.166667000000018</v>
      </c>
      <c r="I3199" s="40">
        <v>12.256814460863687</v>
      </c>
      <c r="J3199" s="40">
        <v>53.166647386905098</v>
      </c>
      <c r="K3199" s="40">
        <v>11.430343078652093</v>
      </c>
      <c r="L3199" s="40"/>
      <c r="M3199" s="40"/>
      <c r="N3199" s="40"/>
      <c r="Y3199">
        <v>35.883333000000007</v>
      </c>
      <c r="Z3199">
        <v>114.183333</v>
      </c>
      <c r="AA3199">
        <v>8.2320829999999994</v>
      </c>
      <c r="AB3199">
        <v>-0.29106913979144183</v>
      </c>
    </row>
    <row r="3200" spans="4:28" x14ac:dyDescent="0.25">
      <c r="D3200" s="40">
        <v>53.197873000002353</v>
      </c>
      <c r="E3200" s="40">
        <v>18.237843657351863</v>
      </c>
      <c r="F3200" s="40">
        <v>53.183333000000005</v>
      </c>
      <c r="G3200" s="40">
        <v>15.693144658301513</v>
      </c>
      <c r="H3200" s="40">
        <v>53.183334000000002</v>
      </c>
      <c r="I3200" s="40">
        <v>12.260167197006945</v>
      </c>
      <c r="J3200" s="40">
        <v>53.183314047619398</v>
      </c>
      <c r="K3200" s="40">
        <v>11.425492034942861</v>
      </c>
      <c r="L3200" s="40"/>
      <c r="M3200" s="40"/>
      <c r="N3200" s="40"/>
      <c r="Y3200">
        <v>35.900000000000006</v>
      </c>
      <c r="Z3200">
        <v>114.2</v>
      </c>
      <c r="AA3200">
        <v>8.2319150000000008</v>
      </c>
      <c r="AB3200">
        <v>-0.29310399541478493</v>
      </c>
    </row>
    <row r="3201" spans="4:28" x14ac:dyDescent="0.25">
      <c r="D3201" s="40">
        <v>53.214539000002354</v>
      </c>
      <c r="E3201" s="40">
        <v>18.237843657351863</v>
      </c>
      <c r="F3201" s="40">
        <v>53.199999999999989</v>
      </c>
      <c r="G3201" s="40">
        <v>15.697899902391732</v>
      </c>
      <c r="H3201" s="40">
        <v>53.200000000000017</v>
      </c>
      <c r="I3201" s="40">
        <v>12.263421323263708</v>
      </c>
      <c r="J3201" s="40">
        <v>53.199980708333698</v>
      </c>
      <c r="K3201" s="40">
        <v>11.425492034942861</v>
      </c>
      <c r="L3201" s="40"/>
      <c r="M3201" s="40"/>
      <c r="N3201" s="40"/>
      <c r="Y3201">
        <v>35.916667000000004</v>
      </c>
      <c r="Z3201">
        <v>114.216667</v>
      </c>
      <c r="AA3201">
        <v>8.2317129999999992</v>
      </c>
      <c r="AB3201">
        <v>-0.29555066705717731</v>
      </c>
    </row>
    <row r="3202" spans="4:28" x14ac:dyDescent="0.25">
      <c r="D3202" s="40">
        <v>53.231205000002355</v>
      </c>
      <c r="E3202" s="40">
        <v>18.242686835941413</v>
      </c>
      <c r="F3202" s="40">
        <v>53.216667000000001</v>
      </c>
      <c r="G3202" s="40">
        <v>15.702515286361507</v>
      </c>
      <c r="H3202" s="40">
        <v>53.216667000000001</v>
      </c>
      <c r="I3202" s="40">
        <v>12.263421323263708</v>
      </c>
      <c r="J3202" s="40">
        <v>53.216647369047998</v>
      </c>
      <c r="K3202" s="40">
        <v>11.425492034942861</v>
      </c>
      <c r="L3202" s="40"/>
      <c r="M3202" s="40"/>
      <c r="N3202" s="40"/>
      <c r="Y3202">
        <v>35.933333000000005</v>
      </c>
      <c r="Z3202">
        <v>114.233333</v>
      </c>
      <c r="AA3202">
        <v>8.2315439999999995</v>
      </c>
      <c r="AB3202">
        <v>-0.29759763491638613</v>
      </c>
    </row>
    <row r="3203" spans="4:28" x14ac:dyDescent="0.25">
      <c r="D3203" s="40">
        <v>53.247871000002355</v>
      </c>
      <c r="E3203" s="40">
        <v>18.242686835941413</v>
      </c>
      <c r="F3203" s="40">
        <v>53.233332999999988</v>
      </c>
      <c r="G3203" s="40">
        <v>15.707270530451726</v>
      </c>
      <c r="H3203" s="40">
        <v>53.233334000000013</v>
      </c>
      <c r="I3203" s="40">
        <v>12.26677405940714</v>
      </c>
      <c r="J3203" s="40">
        <v>53.233314029762298</v>
      </c>
      <c r="K3203" s="40">
        <v>11.425492034942861</v>
      </c>
      <c r="L3203" s="40"/>
      <c r="M3203" s="40"/>
      <c r="N3203" s="40"/>
      <c r="Y3203">
        <v>35.950000000000003</v>
      </c>
      <c r="Z3203">
        <v>114.25</v>
      </c>
      <c r="AA3203">
        <v>8.2313759999999991</v>
      </c>
      <c r="AB3203">
        <v>-0.29963249053975072</v>
      </c>
    </row>
    <row r="3204" spans="4:28" x14ac:dyDescent="0.25">
      <c r="D3204" s="40">
        <v>53.264537000002356</v>
      </c>
      <c r="E3204" s="40">
        <v>18.242686835941413</v>
      </c>
      <c r="F3204" s="40">
        <v>53.25</v>
      </c>
      <c r="G3204" s="40">
        <v>15.707270530451726</v>
      </c>
      <c r="H3204" s="40">
        <v>53.25</v>
      </c>
      <c r="I3204" s="40">
        <v>12.270126795550397</v>
      </c>
      <c r="J3204" s="40">
        <v>53.249980690476598</v>
      </c>
      <c r="K3204" s="40">
        <v>11.430343078652093</v>
      </c>
      <c r="L3204" s="40"/>
      <c r="M3204" s="40"/>
      <c r="N3204" s="40"/>
      <c r="Y3204">
        <v>35.966667000000001</v>
      </c>
      <c r="Z3204">
        <v>114.266667</v>
      </c>
      <c r="AA3204">
        <v>8.2312080000000005</v>
      </c>
      <c r="AB3204">
        <v>-0.30166734616309382</v>
      </c>
    </row>
    <row r="3205" spans="4:28" x14ac:dyDescent="0.25">
      <c r="D3205" s="40">
        <v>53.281203000002357</v>
      </c>
      <c r="E3205" s="40">
        <v>18.242686835941413</v>
      </c>
      <c r="F3205" s="40">
        <v>53.266666999999984</v>
      </c>
      <c r="G3205" s="40">
        <v>15.712025774541946</v>
      </c>
      <c r="H3205" s="40">
        <v>53.266667000000012</v>
      </c>
      <c r="I3205" s="40">
        <v>12.270126795550397</v>
      </c>
      <c r="J3205" s="40">
        <v>53.266647351190898</v>
      </c>
      <c r="K3205" s="40">
        <v>11.430343078652093</v>
      </c>
      <c r="L3205" s="40"/>
      <c r="M3205" s="40"/>
      <c r="N3205" s="40"/>
      <c r="Y3205">
        <v>35.983333000000002</v>
      </c>
      <c r="Z3205">
        <v>114.283333</v>
      </c>
      <c r="AA3205">
        <v>8.2310400000000001</v>
      </c>
      <c r="AB3205">
        <v>-0.3037022017864584</v>
      </c>
    </row>
    <row r="3206" spans="4:28" x14ac:dyDescent="0.25">
      <c r="D3206" s="40">
        <v>53.297869000002358</v>
      </c>
      <c r="E3206" s="40">
        <v>18.247530014530962</v>
      </c>
      <c r="F3206" s="40">
        <v>53.283332999999999</v>
      </c>
      <c r="G3206" s="40">
        <v>15.716641158511724</v>
      </c>
      <c r="H3206" s="40">
        <v>53.283333999999996</v>
      </c>
      <c r="I3206" s="40">
        <v>12.27338092180716</v>
      </c>
      <c r="J3206" s="40">
        <v>53.283314011905098</v>
      </c>
      <c r="K3206" s="40">
        <v>11.430343078652093</v>
      </c>
      <c r="L3206" s="40"/>
      <c r="M3206" s="40"/>
      <c r="N3206" s="40"/>
      <c r="Y3206">
        <v>36</v>
      </c>
      <c r="Z3206">
        <v>114.3</v>
      </c>
      <c r="AA3206">
        <v>8.2308710000000005</v>
      </c>
      <c r="AB3206">
        <v>-0.30574916964566723</v>
      </c>
    </row>
    <row r="3207" spans="4:28" x14ac:dyDescent="0.25">
      <c r="D3207" s="40">
        <v>53.314535000002358</v>
      </c>
      <c r="E3207" s="40">
        <v>18.247530014530962</v>
      </c>
      <c r="F3207" s="40">
        <v>53.299999999999983</v>
      </c>
      <c r="G3207" s="40">
        <v>15.716641158511724</v>
      </c>
      <c r="H3207" s="40">
        <v>53.300000000000011</v>
      </c>
      <c r="I3207" s="40">
        <v>12.27338092180716</v>
      </c>
      <c r="J3207" s="40">
        <v>53.299980672619398</v>
      </c>
      <c r="K3207" s="40">
        <v>11.430343078652093</v>
      </c>
      <c r="L3207" s="40"/>
      <c r="M3207" s="40"/>
      <c r="N3207" s="40"/>
      <c r="Y3207">
        <v>36.016666999999998</v>
      </c>
      <c r="Z3207">
        <v>114.316667</v>
      </c>
      <c r="AA3207">
        <v>8.2307369999999995</v>
      </c>
      <c r="AB3207">
        <v>-0.30737220925002551</v>
      </c>
    </row>
    <row r="3208" spans="4:28" x14ac:dyDescent="0.25">
      <c r="D3208" s="40">
        <v>53.331201000002359</v>
      </c>
      <c r="E3208" s="40">
        <v>18.247530014530962</v>
      </c>
      <c r="F3208" s="40">
        <v>53.316666999999995</v>
      </c>
      <c r="G3208" s="40">
        <v>15.721396402601943</v>
      </c>
      <c r="H3208" s="40">
        <v>53.316666999999995</v>
      </c>
      <c r="I3208" s="40">
        <v>12.276733657950418</v>
      </c>
      <c r="J3208" s="40">
        <v>53.316647333333698</v>
      </c>
      <c r="K3208" s="40">
        <v>11.435194122361327</v>
      </c>
      <c r="L3208" s="40"/>
      <c r="M3208" s="40"/>
      <c r="N3208" s="40"/>
      <c r="Y3208">
        <v>36.033332999999999</v>
      </c>
      <c r="Z3208">
        <v>114.333333</v>
      </c>
      <c r="AA3208">
        <v>8.2305679999999999</v>
      </c>
      <c r="AB3208">
        <v>-0.30941917710923433</v>
      </c>
    </row>
    <row r="3209" spans="4:28" x14ac:dyDescent="0.25">
      <c r="D3209" s="40">
        <v>53.34786700000236</v>
      </c>
      <c r="E3209" s="40">
        <v>18.252230746691261</v>
      </c>
      <c r="F3209" s="40">
        <v>53.333332999999982</v>
      </c>
      <c r="G3209" s="40">
        <v>15.721396402601943</v>
      </c>
      <c r="H3209" s="40">
        <v>53.333334000000008</v>
      </c>
      <c r="I3209" s="40">
        <v>12.28008639409385</v>
      </c>
      <c r="J3209" s="40">
        <v>53.333313994047998</v>
      </c>
      <c r="K3209" s="40">
        <v>11.435194122361327</v>
      </c>
      <c r="L3209" s="40"/>
      <c r="M3209" s="40"/>
      <c r="N3209" s="40"/>
      <c r="Y3209">
        <v>36.049999999999997</v>
      </c>
      <c r="Z3209">
        <v>114.35</v>
      </c>
      <c r="AA3209">
        <v>8.2303999999999995</v>
      </c>
      <c r="AB3209">
        <v>-0.31145403273259892</v>
      </c>
    </row>
    <row r="3210" spans="4:28" x14ac:dyDescent="0.25">
      <c r="D3210" s="40">
        <v>53.364533000002361</v>
      </c>
      <c r="E3210" s="40">
        <v>18.252230746691261</v>
      </c>
      <c r="F3210" s="40">
        <v>53.349999999999994</v>
      </c>
      <c r="G3210" s="40">
        <v>15.726151646692163</v>
      </c>
      <c r="H3210" s="40">
        <v>53.349999999999994</v>
      </c>
      <c r="I3210" s="40">
        <v>12.283340520350613</v>
      </c>
      <c r="J3210" s="40">
        <v>53.349980654762298</v>
      </c>
      <c r="K3210" s="40">
        <v>11.435194122361327</v>
      </c>
      <c r="L3210" s="40"/>
      <c r="M3210" s="40"/>
      <c r="N3210" s="40"/>
      <c r="Y3210">
        <v>36.06666700000001</v>
      </c>
      <c r="Z3210">
        <v>114.36666700000001</v>
      </c>
      <c r="AA3210">
        <v>8.2302649999999993</v>
      </c>
      <c r="AB3210">
        <v>-0.31308918457280144</v>
      </c>
    </row>
    <row r="3211" spans="4:28" x14ac:dyDescent="0.25">
      <c r="D3211" s="40">
        <v>53.381199000002361</v>
      </c>
      <c r="E3211" s="40">
        <v>18.252230746691261</v>
      </c>
      <c r="F3211" s="40">
        <v>53.366667000000007</v>
      </c>
      <c r="G3211" s="40">
        <v>15.726151646692163</v>
      </c>
      <c r="H3211" s="40">
        <v>53.366667000000007</v>
      </c>
      <c r="I3211" s="40">
        <v>12.286693256493871</v>
      </c>
      <c r="J3211" s="40">
        <v>53.366647315476598</v>
      </c>
      <c r="K3211" s="40">
        <v>11.435194122361327</v>
      </c>
      <c r="L3211" s="40"/>
      <c r="M3211" s="40"/>
      <c r="N3211" s="40"/>
      <c r="Y3211">
        <v>36.083332999999996</v>
      </c>
      <c r="Z3211">
        <v>114.38333299999999</v>
      </c>
      <c r="AA3211">
        <v>8.2300970000000007</v>
      </c>
      <c r="AB3211">
        <v>-0.31512404019614448</v>
      </c>
    </row>
    <row r="3212" spans="4:28" x14ac:dyDescent="0.25">
      <c r="D3212" s="40">
        <v>53.397865000002362</v>
      </c>
      <c r="E3212" s="40">
        <v>18.25707392528081</v>
      </c>
      <c r="F3212" s="40">
        <v>53.383332999999993</v>
      </c>
      <c r="G3212" s="40">
        <v>15.730906890782256</v>
      </c>
      <c r="H3212" s="40">
        <v>53.383334000000019</v>
      </c>
      <c r="I3212" s="40">
        <v>12.286693256493871</v>
      </c>
      <c r="J3212" s="40">
        <v>53.383313976190898</v>
      </c>
      <c r="K3212" s="40">
        <v>11.440045166070433</v>
      </c>
      <c r="L3212" s="40"/>
      <c r="M3212" s="40"/>
      <c r="N3212" s="40"/>
      <c r="Y3212">
        <v>36.100000000000009</v>
      </c>
      <c r="Z3212">
        <v>114.4</v>
      </c>
      <c r="AA3212">
        <v>8.2299629999999997</v>
      </c>
      <c r="AB3212">
        <v>-0.31674707980050276</v>
      </c>
    </row>
    <row r="3213" spans="4:28" x14ac:dyDescent="0.25">
      <c r="D3213" s="40">
        <v>53.414531000002363</v>
      </c>
      <c r="E3213" s="40">
        <v>18.25707392528081</v>
      </c>
      <c r="F3213" s="40">
        <v>53.400000000000006</v>
      </c>
      <c r="G3213" s="40">
        <v>15.730906890782256</v>
      </c>
      <c r="H3213" s="40">
        <v>53.400000000000006</v>
      </c>
      <c r="I3213" s="40">
        <v>12.290045992637129</v>
      </c>
      <c r="J3213" s="40">
        <v>53.399980636905099</v>
      </c>
      <c r="K3213" s="40">
        <v>11.440045166070433</v>
      </c>
      <c r="L3213" s="40"/>
      <c r="M3213" s="40"/>
      <c r="N3213" s="40"/>
      <c r="Y3213">
        <v>36.116667000000007</v>
      </c>
      <c r="Z3213">
        <v>114.416667</v>
      </c>
      <c r="AA3213">
        <v>8.2298279999999995</v>
      </c>
      <c r="AB3213">
        <v>-0.31838223164070528</v>
      </c>
    </row>
    <row r="3214" spans="4:28" x14ac:dyDescent="0.25">
      <c r="D3214" s="40">
        <v>53.431197000002363</v>
      </c>
      <c r="E3214" s="40">
        <v>18.26191710387036</v>
      </c>
      <c r="F3214" s="40">
        <v>53.41666699999999</v>
      </c>
      <c r="G3214" s="40">
        <v>15.735522274752157</v>
      </c>
      <c r="H3214" s="40">
        <v>53.416667000000018</v>
      </c>
      <c r="I3214" s="40">
        <v>12.293300118893889</v>
      </c>
      <c r="J3214" s="40">
        <v>53.416647297619399</v>
      </c>
      <c r="K3214" s="40">
        <v>11.440045166070433</v>
      </c>
      <c r="L3214" s="40"/>
      <c r="M3214" s="40"/>
      <c r="N3214" s="40"/>
      <c r="Y3214">
        <v>36.133333000000007</v>
      </c>
      <c r="Z3214">
        <v>114.433333</v>
      </c>
      <c r="AA3214">
        <v>8.2296600000000009</v>
      </c>
      <c r="AB3214">
        <v>-0.32041708726404833</v>
      </c>
    </row>
    <row r="3215" spans="4:28" x14ac:dyDescent="0.25">
      <c r="D3215" s="40">
        <v>53.447863000002364</v>
      </c>
      <c r="E3215" s="40">
        <v>18.26191710387036</v>
      </c>
      <c r="F3215" s="40">
        <v>53.433333000000005</v>
      </c>
      <c r="G3215" s="40">
        <v>15.735522274752157</v>
      </c>
      <c r="H3215" s="40">
        <v>53.433334000000002</v>
      </c>
      <c r="I3215" s="40">
        <v>12.296652855037147</v>
      </c>
      <c r="J3215" s="40">
        <v>53.433313958333699</v>
      </c>
      <c r="K3215" s="40">
        <v>11.440045166070433</v>
      </c>
      <c r="L3215" s="40"/>
      <c r="M3215" s="40"/>
      <c r="N3215" s="40"/>
      <c r="Y3215">
        <v>36.150000000000006</v>
      </c>
      <c r="Z3215">
        <v>114.45</v>
      </c>
      <c r="AA3215">
        <v>8.2295250000000006</v>
      </c>
      <c r="AB3215">
        <v>-0.32205223910425085</v>
      </c>
    </row>
    <row r="3216" spans="4:28" x14ac:dyDescent="0.25">
      <c r="D3216" s="40">
        <v>53.464529000002365</v>
      </c>
      <c r="E3216" s="40">
        <v>18.26191710387036</v>
      </c>
      <c r="F3216" s="40">
        <v>53.449999999999989</v>
      </c>
      <c r="G3216" s="40">
        <v>15.740277518842376</v>
      </c>
      <c r="H3216" s="40">
        <v>53.450000000000017</v>
      </c>
      <c r="I3216" s="40">
        <v>12.300005591180579</v>
      </c>
      <c r="J3216" s="40">
        <v>53.449980619047999</v>
      </c>
      <c r="K3216" s="40">
        <v>11.440045166070433</v>
      </c>
      <c r="L3216" s="40"/>
      <c r="M3216" s="40"/>
      <c r="N3216" s="40"/>
      <c r="Y3216">
        <v>36.166667000000004</v>
      </c>
      <c r="Z3216">
        <v>114.466667</v>
      </c>
      <c r="AA3216">
        <v>8.2293900000000004</v>
      </c>
      <c r="AB3216">
        <v>-0.32368739094445337</v>
      </c>
    </row>
    <row r="3217" spans="4:28" x14ac:dyDescent="0.25">
      <c r="D3217" s="40">
        <v>53.481195000002366</v>
      </c>
      <c r="E3217" s="40">
        <v>18.266617836030786</v>
      </c>
      <c r="F3217" s="40">
        <v>53.466667000000001</v>
      </c>
      <c r="G3217" s="40">
        <v>15.745032762932595</v>
      </c>
      <c r="H3217" s="40">
        <v>53.466667000000001</v>
      </c>
      <c r="I3217" s="40">
        <v>12.300005591180579</v>
      </c>
      <c r="J3217" s="40">
        <v>53.466647279762299</v>
      </c>
      <c r="K3217" s="40">
        <v>11.444753532023492</v>
      </c>
      <c r="L3217" s="40"/>
      <c r="M3217" s="40"/>
      <c r="N3217" s="40"/>
      <c r="Y3217">
        <v>36.183333000000005</v>
      </c>
      <c r="Z3217">
        <v>114.483333</v>
      </c>
      <c r="AA3217">
        <v>8.2292559999999995</v>
      </c>
      <c r="AB3217">
        <v>-0.32531043054881165</v>
      </c>
    </row>
    <row r="3218" spans="4:28" x14ac:dyDescent="0.25">
      <c r="D3218" s="40">
        <v>53.497861000002366</v>
      </c>
      <c r="E3218" s="40">
        <v>18.266617836030786</v>
      </c>
      <c r="F3218" s="40">
        <v>53.483332999999988</v>
      </c>
      <c r="G3218" s="40">
        <v>15.745032762932595</v>
      </c>
      <c r="H3218" s="40">
        <v>53.483334000000013</v>
      </c>
      <c r="I3218" s="40">
        <v>12.303259717437342</v>
      </c>
      <c r="J3218" s="40">
        <v>53.483313940476599</v>
      </c>
      <c r="K3218" s="40">
        <v>11.444753532023492</v>
      </c>
      <c r="L3218" s="40"/>
      <c r="M3218" s="40"/>
      <c r="N3218" s="40"/>
      <c r="Y3218">
        <v>36.200000000000003</v>
      </c>
      <c r="Z3218">
        <v>114.5</v>
      </c>
      <c r="AA3218">
        <v>8.2291209999999992</v>
      </c>
      <c r="AB3218">
        <v>-0.32694558238901417</v>
      </c>
    </row>
    <row r="3219" spans="4:28" x14ac:dyDescent="0.25">
      <c r="D3219" s="40">
        <v>53.514527000002367</v>
      </c>
      <c r="E3219" s="40">
        <v>18.271461014620208</v>
      </c>
      <c r="F3219" s="40">
        <v>53.5</v>
      </c>
      <c r="G3219" s="40">
        <v>15.745032762932595</v>
      </c>
      <c r="H3219" s="40">
        <v>53.5</v>
      </c>
      <c r="I3219" s="40">
        <v>12.303259717437342</v>
      </c>
      <c r="J3219" s="40">
        <v>53.499980601190899</v>
      </c>
      <c r="K3219" s="40">
        <v>11.444753532023492</v>
      </c>
      <c r="L3219" s="40"/>
      <c r="M3219" s="40"/>
      <c r="N3219" s="40"/>
      <c r="Y3219">
        <v>36.216667000000001</v>
      </c>
      <c r="Z3219">
        <v>114.516667</v>
      </c>
      <c r="AA3219">
        <v>8.2289860000000008</v>
      </c>
      <c r="AB3219">
        <v>-0.32858073422919515</v>
      </c>
    </row>
    <row r="3220" spans="4:28" x14ac:dyDescent="0.25">
      <c r="D3220" s="40">
        <v>53.531193000002368</v>
      </c>
      <c r="E3220" s="40">
        <v>18.276304193209754</v>
      </c>
      <c r="F3220" s="40">
        <v>53.516666999999984</v>
      </c>
      <c r="G3220" s="40">
        <v>15.74964814690237</v>
      </c>
      <c r="H3220" s="40">
        <v>53.516667000000012</v>
      </c>
      <c r="I3220" s="40">
        <v>12.3066124535806</v>
      </c>
      <c r="J3220" s="40">
        <v>53.516647261905199</v>
      </c>
      <c r="K3220" s="40">
        <v>11.449604575732724</v>
      </c>
      <c r="L3220" s="40"/>
      <c r="M3220" s="40"/>
      <c r="N3220" s="40"/>
      <c r="Y3220">
        <v>36.233333000000002</v>
      </c>
      <c r="Z3220">
        <v>114.533333</v>
      </c>
      <c r="AA3220">
        <v>8.2288519999999998</v>
      </c>
      <c r="AB3220">
        <v>-0.33020377383355343</v>
      </c>
    </row>
    <row r="3221" spans="4:28" x14ac:dyDescent="0.25">
      <c r="D3221" s="40">
        <v>53.547859000002369</v>
      </c>
      <c r="E3221" s="40">
        <v>18.276304193209754</v>
      </c>
      <c r="F3221" s="40">
        <v>53.533332999999999</v>
      </c>
      <c r="G3221" s="40">
        <v>15.74964814690237</v>
      </c>
      <c r="H3221" s="40">
        <v>53.533333999999996</v>
      </c>
      <c r="I3221" s="40">
        <v>12.309965189723858</v>
      </c>
      <c r="J3221" s="40">
        <v>53.533313922619399</v>
      </c>
      <c r="K3221" s="40">
        <v>11.449604575732724</v>
      </c>
      <c r="L3221" s="40"/>
      <c r="M3221" s="40"/>
      <c r="N3221" s="40"/>
      <c r="Y3221">
        <v>36.25</v>
      </c>
      <c r="Z3221">
        <v>114.55</v>
      </c>
      <c r="AA3221">
        <v>8.2287510000000008</v>
      </c>
      <c r="AB3221">
        <v>-0.3314271096547281</v>
      </c>
    </row>
    <row r="3222" spans="4:28" x14ac:dyDescent="0.25">
      <c r="D3222" s="40">
        <v>53.564525000002369</v>
      </c>
      <c r="E3222" s="40">
        <v>18.28100492537018</v>
      </c>
      <c r="F3222" s="40">
        <v>53.549999999999983</v>
      </c>
      <c r="G3222" s="40">
        <v>15.754403390992593</v>
      </c>
      <c r="H3222" s="40">
        <v>53.550000000000011</v>
      </c>
      <c r="I3222" s="40">
        <v>12.309965189723858</v>
      </c>
      <c r="J3222" s="40">
        <v>53.549980583333699</v>
      </c>
      <c r="K3222" s="40">
        <v>11.449604575732724</v>
      </c>
      <c r="L3222" s="40"/>
      <c r="M3222" s="40"/>
      <c r="N3222" s="40"/>
      <c r="Y3222">
        <v>36.266666999999998</v>
      </c>
      <c r="Z3222">
        <v>114.566667</v>
      </c>
      <c r="AA3222">
        <v>8.2286160000000006</v>
      </c>
      <c r="AB3222">
        <v>-0.33306226149493062</v>
      </c>
    </row>
    <row r="3223" spans="4:28" x14ac:dyDescent="0.25">
      <c r="D3223" s="40">
        <v>53.58119100000237</v>
      </c>
      <c r="E3223" s="40">
        <v>18.28100492537018</v>
      </c>
      <c r="F3223" s="40">
        <v>53.566666999999995</v>
      </c>
      <c r="G3223" s="40">
        <v>15.754403390992593</v>
      </c>
      <c r="H3223" s="40">
        <v>53.566666999999995</v>
      </c>
      <c r="I3223" s="40">
        <v>12.31321931598062</v>
      </c>
      <c r="J3223" s="40">
        <v>53.566647244047999</v>
      </c>
      <c r="K3223" s="40">
        <v>11.454455619441831</v>
      </c>
      <c r="L3223" s="40"/>
      <c r="M3223" s="40"/>
      <c r="N3223" s="40"/>
      <c r="Y3223">
        <v>36.283332999999999</v>
      </c>
      <c r="Z3223">
        <v>114.583333</v>
      </c>
      <c r="AA3223">
        <v>8.2284819999999996</v>
      </c>
      <c r="AB3223">
        <v>-0.3346853010992889</v>
      </c>
    </row>
    <row r="3224" spans="4:28" x14ac:dyDescent="0.25">
      <c r="D3224" s="40">
        <v>53.597857000002371</v>
      </c>
      <c r="E3224" s="40">
        <v>18.285848103959601</v>
      </c>
      <c r="F3224" s="40">
        <v>53.583332999999982</v>
      </c>
      <c r="G3224" s="40">
        <v>15.759158635082812</v>
      </c>
      <c r="H3224" s="40">
        <v>53.583334000000008</v>
      </c>
      <c r="I3224" s="40">
        <v>12.31321931598062</v>
      </c>
      <c r="J3224" s="40">
        <v>53.583313904762299</v>
      </c>
      <c r="K3224" s="40">
        <v>11.454455619441831</v>
      </c>
      <c r="L3224" s="40"/>
      <c r="M3224" s="40"/>
      <c r="N3224" s="40"/>
      <c r="Y3224">
        <v>36.299999999999997</v>
      </c>
      <c r="Z3224">
        <v>114.6</v>
      </c>
      <c r="AA3224">
        <v>8.2283810000000006</v>
      </c>
      <c r="AB3224">
        <v>-0.33590863692046358</v>
      </c>
    </row>
    <row r="3225" spans="4:28" x14ac:dyDescent="0.25">
      <c r="D3225" s="40">
        <v>53.614523000002372</v>
      </c>
      <c r="E3225" s="40">
        <v>18.290691282549147</v>
      </c>
      <c r="F3225" s="40">
        <v>53.599999999999994</v>
      </c>
      <c r="G3225" s="40">
        <v>15.759158635082812</v>
      </c>
      <c r="H3225" s="40">
        <v>53.599999999999994</v>
      </c>
      <c r="I3225" s="40">
        <v>12.316572052123878</v>
      </c>
      <c r="J3225" s="40">
        <v>53.599980565476599</v>
      </c>
      <c r="K3225" s="40">
        <v>11.454455619441831</v>
      </c>
      <c r="L3225" s="40"/>
      <c r="M3225" s="40"/>
      <c r="N3225" s="40"/>
      <c r="Y3225">
        <v>36.31666700000001</v>
      </c>
      <c r="Z3225">
        <v>114.61666700000001</v>
      </c>
      <c r="AA3225">
        <v>8.2282460000000004</v>
      </c>
      <c r="AB3225">
        <v>-0.3375437887606661</v>
      </c>
    </row>
    <row r="3226" spans="4:28" x14ac:dyDescent="0.25">
      <c r="D3226" s="40">
        <v>53.631189000002372</v>
      </c>
      <c r="E3226" s="40">
        <v>18.290691282549147</v>
      </c>
      <c r="F3226" s="40">
        <v>53.616667000000007</v>
      </c>
      <c r="G3226" s="40">
        <v>15.763774019052587</v>
      </c>
      <c r="H3226" s="40">
        <v>53.616667000000007</v>
      </c>
      <c r="I3226" s="40">
        <v>12.316572052123878</v>
      </c>
      <c r="J3226" s="40">
        <v>53.616647226190899</v>
      </c>
      <c r="K3226" s="40">
        <v>11.454455619441831</v>
      </c>
      <c r="L3226" s="40"/>
      <c r="M3226" s="40"/>
      <c r="N3226" s="40"/>
      <c r="Y3226">
        <v>36.333332999999996</v>
      </c>
      <c r="Z3226">
        <v>114.63333299999999</v>
      </c>
      <c r="AA3226">
        <v>8.2281449999999996</v>
      </c>
      <c r="AB3226">
        <v>-0.33876712458186231</v>
      </c>
    </row>
    <row r="3227" spans="4:28" x14ac:dyDescent="0.25">
      <c r="D3227" s="40">
        <v>53.647855000002373</v>
      </c>
      <c r="E3227" s="40">
        <v>18.295392014709574</v>
      </c>
      <c r="F3227" s="40">
        <v>53.633332999999993</v>
      </c>
      <c r="G3227" s="40">
        <v>15.768529263142806</v>
      </c>
      <c r="H3227" s="40">
        <v>53.633334000000019</v>
      </c>
      <c r="I3227" s="40">
        <v>12.31992478826731</v>
      </c>
      <c r="J3227" s="40">
        <v>53.633313886905199</v>
      </c>
      <c r="K3227" s="40">
        <v>11.454455619441831</v>
      </c>
      <c r="L3227" s="40"/>
      <c r="M3227" s="40"/>
      <c r="N3227" s="40"/>
      <c r="Y3227">
        <v>36.350000000000009</v>
      </c>
      <c r="Z3227">
        <v>114.65</v>
      </c>
      <c r="AA3227">
        <v>8.2280440000000006</v>
      </c>
      <c r="AB3227">
        <v>-0.33999046040303699</v>
      </c>
    </row>
    <row r="3228" spans="4:28" x14ac:dyDescent="0.25">
      <c r="D3228" s="40">
        <v>53.664521000002374</v>
      </c>
      <c r="E3228" s="40">
        <v>18.295392014709574</v>
      </c>
      <c r="F3228" s="40">
        <v>53.650000000000006</v>
      </c>
      <c r="G3228" s="40">
        <v>15.768529263142806</v>
      </c>
      <c r="H3228" s="40">
        <v>53.650000000000006</v>
      </c>
      <c r="I3228" s="40">
        <v>12.31992478826731</v>
      </c>
      <c r="J3228" s="40">
        <v>53.6499805476194</v>
      </c>
      <c r="K3228" s="40">
        <v>11.454455619441831</v>
      </c>
      <c r="L3228" s="40"/>
      <c r="M3228" s="40"/>
      <c r="N3228" s="40"/>
      <c r="Y3228">
        <v>36.366667000000007</v>
      </c>
      <c r="Z3228">
        <v>114.666667</v>
      </c>
      <c r="AA3228">
        <v>8.2279429999999998</v>
      </c>
      <c r="AB3228">
        <v>-0.3412137962242332</v>
      </c>
    </row>
    <row r="3229" spans="4:28" x14ac:dyDescent="0.25">
      <c r="D3229" s="40">
        <v>53.681187000002375</v>
      </c>
      <c r="E3229" s="40">
        <v>18.300235193298995</v>
      </c>
      <c r="F3229" s="40">
        <v>53.66666699999999</v>
      </c>
      <c r="G3229" s="40">
        <v>15.773284507233026</v>
      </c>
      <c r="H3229" s="40">
        <v>53.666667000000018</v>
      </c>
      <c r="I3229" s="40">
        <v>12.323178914524073</v>
      </c>
      <c r="J3229" s="40">
        <v>53.6666472083337</v>
      </c>
      <c r="K3229" s="40">
        <v>11.454455619441831</v>
      </c>
      <c r="L3229" s="40"/>
      <c r="M3229" s="40"/>
      <c r="N3229" s="40"/>
      <c r="Y3229">
        <v>36.383333000000007</v>
      </c>
      <c r="Z3229">
        <v>114.683333</v>
      </c>
      <c r="AA3229">
        <v>8.2278420000000008</v>
      </c>
      <c r="AB3229">
        <v>-0.34243713204540788</v>
      </c>
    </row>
    <row r="3230" spans="4:28" x14ac:dyDescent="0.25">
      <c r="D3230" s="40">
        <v>53.697853000002375</v>
      </c>
      <c r="E3230" s="40">
        <v>18.305078371888548</v>
      </c>
      <c r="F3230" s="40">
        <v>53.683333000000005</v>
      </c>
      <c r="G3230" s="40">
        <v>15.773284507233026</v>
      </c>
      <c r="H3230" s="40">
        <v>53.683334000000002</v>
      </c>
      <c r="I3230" s="40">
        <v>12.323178914524073</v>
      </c>
      <c r="J3230" s="40">
        <v>53.683313869048</v>
      </c>
      <c r="K3230" s="40">
        <v>11.454455619441831</v>
      </c>
      <c r="L3230" s="40"/>
      <c r="M3230" s="40"/>
      <c r="N3230" s="40"/>
      <c r="Y3230">
        <v>36.400000000000006</v>
      </c>
      <c r="Z3230">
        <v>114.7</v>
      </c>
      <c r="AA3230">
        <v>8.227741</v>
      </c>
      <c r="AB3230">
        <v>-0.34366046786660409</v>
      </c>
    </row>
    <row r="3231" spans="4:28" x14ac:dyDescent="0.25">
      <c r="D3231" s="40">
        <v>53.714519000002376</v>
      </c>
      <c r="E3231" s="40">
        <v>18.305078371888548</v>
      </c>
      <c r="F3231" s="40">
        <v>53.699999999999989</v>
      </c>
      <c r="G3231" s="40">
        <v>15.777899891202926</v>
      </c>
      <c r="H3231" s="40">
        <v>53.700000000000017</v>
      </c>
      <c r="I3231" s="40">
        <v>12.326531650667331</v>
      </c>
      <c r="J3231" s="40">
        <v>53.6999805297623</v>
      </c>
      <c r="K3231" s="40">
        <v>11.454455619441831</v>
      </c>
      <c r="L3231" s="40"/>
      <c r="M3231" s="40"/>
      <c r="N3231" s="40"/>
      <c r="Y3231">
        <v>36.416667000000004</v>
      </c>
      <c r="Z3231">
        <v>114.716667</v>
      </c>
      <c r="AA3231">
        <v>8.2276399999999992</v>
      </c>
      <c r="AB3231">
        <v>-0.34488380368780036</v>
      </c>
    </row>
    <row r="3232" spans="4:28" x14ac:dyDescent="0.25">
      <c r="D3232" s="40">
        <v>53.731185000002377</v>
      </c>
      <c r="E3232" s="40">
        <v>18.309779104048967</v>
      </c>
      <c r="F3232" s="40">
        <v>53.716667000000001</v>
      </c>
      <c r="G3232" s="40">
        <v>15.78265513529302</v>
      </c>
      <c r="H3232" s="40">
        <v>53.716667000000001</v>
      </c>
      <c r="I3232" s="40">
        <v>12.329884386810589</v>
      </c>
      <c r="J3232" s="40">
        <v>53.7166471904766</v>
      </c>
      <c r="K3232" s="40">
        <v>11.454455619441831</v>
      </c>
      <c r="L3232" s="40"/>
      <c r="M3232" s="40"/>
      <c r="N3232" s="40"/>
      <c r="Y3232">
        <v>36.433333000000005</v>
      </c>
      <c r="Z3232">
        <v>114.733333</v>
      </c>
      <c r="AA3232">
        <v>8.2275390000000002</v>
      </c>
      <c r="AB3232">
        <v>-0.34610713950897498</v>
      </c>
    </row>
    <row r="3233" spans="4:28" x14ac:dyDescent="0.25">
      <c r="D3233" s="40">
        <v>53.747851000002377</v>
      </c>
      <c r="E3233" s="40">
        <v>18.309779104048967</v>
      </c>
      <c r="F3233" s="40">
        <v>53.733332999999988</v>
      </c>
      <c r="G3233" s="40">
        <v>15.78265513529302</v>
      </c>
      <c r="H3233" s="40">
        <v>53.733334000000013</v>
      </c>
      <c r="I3233" s="40">
        <v>12.329884386810589</v>
      </c>
      <c r="J3233" s="40">
        <v>53.7333138511909</v>
      </c>
      <c r="K3233" s="40">
        <v>11.459163985394889</v>
      </c>
      <c r="L3233" s="40"/>
      <c r="M3233" s="40"/>
      <c r="N3233" s="40"/>
      <c r="Y3233">
        <v>36.450000000000003</v>
      </c>
      <c r="Z3233">
        <v>114.75</v>
      </c>
      <c r="AA3233">
        <v>8.2274379999999994</v>
      </c>
      <c r="AB3233">
        <v>-0.3473304753301712</v>
      </c>
    </row>
    <row r="3234" spans="4:28" x14ac:dyDescent="0.25">
      <c r="D3234" s="40">
        <v>53.764517000002378</v>
      </c>
      <c r="E3234" s="40">
        <v>18.314622282638521</v>
      </c>
      <c r="F3234" s="40">
        <v>53.75</v>
      </c>
      <c r="G3234" s="40">
        <v>15.787410379383239</v>
      </c>
      <c r="H3234" s="40">
        <v>53.75</v>
      </c>
      <c r="I3234" s="40">
        <v>12.33313851306735</v>
      </c>
      <c r="J3234" s="40">
        <v>53.7499805119052</v>
      </c>
      <c r="K3234" s="40">
        <v>11.459163985394889</v>
      </c>
      <c r="L3234" s="40"/>
      <c r="M3234" s="40"/>
      <c r="N3234" s="40"/>
      <c r="Y3234">
        <v>36.466667000000001</v>
      </c>
      <c r="Z3234">
        <v>114.766667</v>
      </c>
      <c r="AA3234">
        <v>8.2273370000000003</v>
      </c>
      <c r="AB3234">
        <v>-0.34855381115134587</v>
      </c>
    </row>
    <row r="3235" spans="4:28" x14ac:dyDescent="0.25">
      <c r="D3235" s="40">
        <v>53.781183000002379</v>
      </c>
      <c r="E3235" s="40">
        <v>18.314622282638521</v>
      </c>
      <c r="F3235" s="40">
        <v>53.766666999999984</v>
      </c>
      <c r="G3235" s="40">
        <v>15.79202576335314</v>
      </c>
      <c r="H3235" s="40">
        <v>53.766667000000012</v>
      </c>
      <c r="I3235" s="40">
        <v>12.336491249210782</v>
      </c>
      <c r="J3235" s="40">
        <v>53.7666471726194</v>
      </c>
      <c r="K3235" s="40">
        <v>11.459163985394889</v>
      </c>
      <c r="L3235" s="40"/>
      <c r="M3235" s="40"/>
      <c r="N3235" s="40"/>
      <c r="Y3235">
        <v>36.483333000000002</v>
      </c>
      <c r="Z3235">
        <v>114.783333</v>
      </c>
      <c r="AA3235">
        <v>8.2272700000000007</v>
      </c>
      <c r="AB3235">
        <v>-0.34936533095351424</v>
      </c>
    </row>
    <row r="3236" spans="4:28" x14ac:dyDescent="0.25">
      <c r="D3236" s="40">
        <v>53.79784900000238</v>
      </c>
      <c r="E3236" s="40">
        <v>18.319465461227942</v>
      </c>
      <c r="F3236" s="40">
        <v>53.783332999999999</v>
      </c>
      <c r="G3236" s="40">
        <v>15.79202576335314</v>
      </c>
      <c r="H3236" s="40">
        <v>53.783333999999996</v>
      </c>
      <c r="I3236" s="40">
        <v>12.336491249210782</v>
      </c>
      <c r="J3236" s="40">
        <v>53.7833138333337</v>
      </c>
      <c r="K3236" s="40">
        <v>11.459163985394889</v>
      </c>
      <c r="L3236" s="40"/>
      <c r="M3236" s="40"/>
      <c r="N3236" s="40"/>
      <c r="Y3236">
        <v>36.5</v>
      </c>
      <c r="Z3236">
        <v>114.8</v>
      </c>
      <c r="AA3236">
        <v>8.227169</v>
      </c>
      <c r="AB3236">
        <v>-0.35058866677471046</v>
      </c>
    </row>
    <row r="3237" spans="4:28" x14ac:dyDescent="0.25">
      <c r="D3237" s="40">
        <v>53.81451500000238</v>
      </c>
      <c r="E3237" s="40">
        <v>18.324166193388368</v>
      </c>
      <c r="F3237" s="40">
        <v>53.799999999999983</v>
      </c>
      <c r="G3237" s="40">
        <v>15.796781007443236</v>
      </c>
      <c r="H3237" s="40">
        <v>53.800000000000011</v>
      </c>
      <c r="I3237" s="40">
        <v>12.339843985354038</v>
      </c>
      <c r="J3237" s="40">
        <v>53.799980494048</v>
      </c>
      <c r="K3237" s="40">
        <v>11.459163985394889</v>
      </c>
      <c r="L3237" s="40"/>
      <c r="M3237" s="40"/>
      <c r="N3237" s="40"/>
      <c r="Y3237">
        <v>36.516666999999998</v>
      </c>
      <c r="Z3237">
        <v>114.816667</v>
      </c>
      <c r="AA3237">
        <v>8.2271020000000004</v>
      </c>
      <c r="AB3237">
        <v>-0.35140018657687883</v>
      </c>
    </row>
    <row r="3238" spans="4:28" x14ac:dyDescent="0.25">
      <c r="D3238" s="40">
        <v>53.831181000002381</v>
      </c>
      <c r="E3238" s="40">
        <v>18.324166193388368</v>
      </c>
      <c r="F3238" s="40">
        <v>53.816666999999995</v>
      </c>
      <c r="G3238" s="40">
        <v>15.801536251533456</v>
      </c>
      <c r="H3238" s="40">
        <v>53.816666999999995</v>
      </c>
      <c r="I3238" s="40">
        <v>12.339843985354038</v>
      </c>
      <c r="J3238" s="40">
        <v>53.8166471547623</v>
      </c>
      <c r="K3238" s="40">
        <v>11.459163985394889</v>
      </c>
      <c r="L3238" s="40"/>
      <c r="M3238" s="40"/>
      <c r="N3238" s="40"/>
      <c r="Y3238">
        <v>36.533332999999999</v>
      </c>
      <c r="Z3238">
        <v>114.833333</v>
      </c>
      <c r="AA3238">
        <v>8.2270009999999996</v>
      </c>
      <c r="AB3238">
        <v>-0.35262352239807504</v>
      </c>
    </row>
    <row r="3239" spans="4:28" x14ac:dyDescent="0.25">
      <c r="D3239" s="40">
        <v>53.847847000002382</v>
      </c>
      <c r="E3239" s="40">
        <v>18.329009371977914</v>
      </c>
      <c r="F3239" s="40">
        <v>53.833332999999982</v>
      </c>
      <c r="G3239" s="40">
        <v>15.806151635503356</v>
      </c>
      <c r="H3239" s="40">
        <v>53.833334000000008</v>
      </c>
      <c r="I3239" s="40">
        <v>12.343098111610802</v>
      </c>
      <c r="J3239" s="40">
        <v>53.8333138154766</v>
      </c>
      <c r="K3239" s="40">
        <v>11.459163985394889</v>
      </c>
      <c r="L3239" s="40"/>
      <c r="M3239" s="40"/>
      <c r="N3239" s="40"/>
      <c r="Y3239">
        <v>36.549999999999997</v>
      </c>
      <c r="Z3239">
        <v>114.85</v>
      </c>
      <c r="AA3239">
        <v>8.2269330000000007</v>
      </c>
      <c r="AB3239">
        <v>-0.35344715443608771</v>
      </c>
    </row>
    <row r="3240" spans="4:28" x14ac:dyDescent="0.25">
      <c r="D3240" s="40">
        <v>53.864513000002383</v>
      </c>
      <c r="E3240" s="40">
        <v>18.329009371977914</v>
      </c>
      <c r="F3240" s="40">
        <v>53.849999999999994</v>
      </c>
      <c r="G3240" s="40">
        <v>15.81090687959345</v>
      </c>
      <c r="H3240" s="40">
        <v>53.849999999999994</v>
      </c>
      <c r="I3240" s="40">
        <v>12.34645084775406</v>
      </c>
      <c r="J3240" s="40">
        <v>53.8499804761909</v>
      </c>
      <c r="K3240" s="40">
        <v>11.459163985394889</v>
      </c>
      <c r="L3240" s="40"/>
      <c r="M3240" s="40"/>
      <c r="N3240" s="40"/>
      <c r="Y3240">
        <v>36.56666700000001</v>
      </c>
      <c r="Z3240">
        <v>114.86666700000001</v>
      </c>
      <c r="AA3240">
        <v>8.2268319999999999</v>
      </c>
      <c r="AB3240">
        <v>-0.35467049025728387</v>
      </c>
    </row>
    <row r="3241" spans="4:28" x14ac:dyDescent="0.25">
      <c r="D3241" s="40">
        <v>53.881179000002383</v>
      </c>
      <c r="E3241" s="40">
        <v>18.333852550567336</v>
      </c>
      <c r="F3241" s="40">
        <v>53.866667000000007</v>
      </c>
      <c r="G3241" s="40">
        <v>15.81090687959345</v>
      </c>
      <c r="H3241" s="40">
        <v>53.866667000000007</v>
      </c>
      <c r="I3241" s="40">
        <v>12.34645084775406</v>
      </c>
      <c r="J3241" s="40">
        <v>53.8666471369052</v>
      </c>
      <c r="K3241" s="40">
        <v>11.459163985394889</v>
      </c>
      <c r="L3241" s="40"/>
      <c r="M3241" s="40"/>
      <c r="N3241" s="40"/>
      <c r="Y3241">
        <v>36.583332999999996</v>
      </c>
      <c r="Z3241">
        <v>114.88333299999999</v>
      </c>
      <c r="AA3241">
        <v>8.2267650000000003</v>
      </c>
      <c r="AB3241">
        <v>-0.35548201005945224</v>
      </c>
    </row>
    <row r="3242" spans="4:28" x14ac:dyDescent="0.25">
      <c r="D3242" s="40">
        <v>53.897845000002384</v>
      </c>
      <c r="E3242" s="40">
        <v>18.333852550567336</v>
      </c>
      <c r="F3242" s="40">
        <v>53.883332999999993</v>
      </c>
      <c r="G3242" s="40">
        <v>15.815662123683669</v>
      </c>
      <c r="H3242" s="40">
        <v>53.883334000000019</v>
      </c>
      <c r="I3242" s="40">
        <v>12.349803583897318</v>
      </c>
      <c r="J3242" s="40">
        <v>53.883313797619401</v>
      </c>
      <c r="K3242" s="40">
        <v>11.464015029104123</v>
      </c>
      <c r="L3242" s="40"/>
      <c r="M3242" s="40"/>
      <c r="N3242" s="40"/>
      <c r="Y3242">
        <v>36.600000000000009</v>
      </c>
      <c r="Z3242">
        <v>114.9</v>
      </c>
      <c r="AA3242">
        <v>8.2266980000000007</v>
      </c>
      <c r="AB3242">
        <v>-0.35629352986162066</v>
      </c>
    </row>
    <row r="3243" spans="4:28" x14ac:dyDescent="0.25">
      <c r="D3243" s="40">
        <v>53.914511000002385</v>
      </c>
      <c r="E3243" s="40">
        <v>18.338695729156886</v>
      </c>
      <c r="F3243" s="40">
        <v>53.900000000000006</v>
      </c>
      <c r="G3243" s="40">
        <v>15.82027750765357</v>
      </c>
      <c r="H3243" s="40">
        <v>53.900000000000006</v>
      </c>
      <c r="I3243" s="40">
        <v>12.353057710154081</v>
      </c>
      <c r="J3243" s="40">
        <v>53.899980458333701</v>
      </c>
      <c r="K3243" s="40">
        <v>11.464015029104123</v>
      </c>
      <c r="L3243" s="40"/>
      <c r="M3243" s="40"/>
      <c r="N3243" s="40"/>
      <c r="Y3243">
        <v>36.616667000000007</v>
      </c>
      <c r="Z3243">
        <v>114.916667</v>
      </c>
      <c r="AA3243">
        <v>8.2266300000000001</v>
      </c>
      <c r="AB3243">
        <v>-0.35711716189965476</v>
      </c>
    </row>
    <row r="3244" spans="4:28" x14ac:dyDescent="0.25">
      <c r="D3244" s="40">
        <v>53.931177000002386</v>
      </c>
      <c r="E3244" s="40">
        <v>18.338695729156886</v>
      </c>
      <c r="F3244" s="40">
        <v>53.91666699999999</v>
      </c>
      <c r="G3244" s="40">
        <v>15.825032751743787</v>
      </c>
      <c r="H3244" s="40">
        <v>53.916667000000018</v>
      </c>
      <c r="I3244" s="40">
        <v>12.356410446297513</v>
      </c>
      <c r="J3244" s="40">
        <v>53.916647119048001</v>
      </c>
      <c r="K3244" s="40">
        <v>11.464015029104123</v>
      </c>
      <c r="L3244" s="40"/>
      <c r="M3244" s="40"/>
      <c r="N3244" s="40"/>
      <c r="Y3244">
        <v>36.633333000000007</v>
      </c>
      <c r="Z3244">
        <v>114.933333</v>
      </c>
      <c r="AA3244">
        <v>8.2265630000000005</v>
      </c>
      <c r="AB3244">
        <v>-0.35792868170182318</v>
      </c>
    </row>
    <row r="3245" spans="4:28" x14ac:dyDescent="0.25">
      <c r="D3245" s="40">
        <v>53.947843000002386</v>
      </c>
      <c r="E3245" s="40">
        <v>18.338695729156886</v>
      </c>
      <c r="F3245" s="40">
        <v>53.933333000000005</v>
      </c>
      <c r="G3245" s="40">
        <v>15.829787995833883</v>
      </c>
      <c r="H3245" s="40">
        <v>53.933334000000002</v>
      </c>
      <c r="I3245" s="40">
        <v>12.356410446297513</v>
      </c>
      <c r="J3245" s="40">
        <v>53.933313779762301</v>
      </c>
      <c r="K3245" s="40">
        <v>11.464015029104123</v>
      </c>
      <c r="L3245" s="40"/>
      <c r="M3245" s="40"/>
      <c r="N3245" s="40"/>
      <c r="Y3245">
        <v>36.650000000000006</v>
      </c>
      <c r="Z3245">
        <v>114.95</v>
      </c>
      <c r="AA3245">
        <v>8.2264959999999991</v>
      </c>
      <c r="AB3245">
        <v>-0.35874020150401303</v>
      </c>
    </row>
    <row r="3246" spans="4:28" x14ac:dyDescent="0.25">
      <c r="D3246" s="40">
        <v>53.964509000002387</v>
      </c>
      <c r="E3246" s="40">
        <v>18.338695729156886</v>
      </c>
      <c r="F3246" s="40">
        <v>53.949999999999989</v>
      </c>
      <c r="G3246" s="40">
        <v>15.834403379803783</v>
      </c>
      <c r="H3246" s="40">
        <v>53.950000000000017</v>
      </c>
      <c r="I3246" s="40">
        <v>12.359763182440771</v>
      </c>
      <c r="J3246" s="40">
        <v>53.949980440476601</v>
      </c>
      <c r="K3246" s="40">
        <v>11.464015029104123</v>
      </c>
      <c r="L3246" s="40"/>
      <c r="M3246" s="40"/>
      <c r="N3246" s="40"/>
      <c r="Y3246">
        <v>36.666667000000004</v>
      </c>
      <c r="Z3246">
        <v>114.966667</v>
      </c>
      <c r="AA3246">
        <v>8.2264289999999995</v>
      </c>
      <c r="AB3246">
        <v>-0.3595517213061814</v>
      </c>
    </row>
    <row r="3247" spans="4:28" x14ac:dyDescent="0.25">
      <c r="D3247" s="40">
        <v>53.981175000002388</v>
      </c>
      <c r="E3247" s="40">
        <v>18.338695729156886</v>
      </c>
      <c r="F3247" s="40">
        <v>53.966667000000001</v>
      </c>
      <c r="G3247" s="40">
        <v>15.839158623894001</v>
      </c>
      <c r="H3247" s="40">
        <v>53.966667000000001</v>
      </c>
      <c r="I3247" s="40">
        <v>12.363017308697533</v>
      </c>
      <c r="J3247" s="40">
        <v>53.966647101190901</v>
      </c>
      <c r="K3247" s="40">
        <v>11.464015029104123</v>
      </c>
      <c r="L3247" s="40"/>
      <c r="M3247" s="40"/>
      <c r="N3247" s="40"/>
      <c r="Y3247">
        <v>36.683333000000005</v>
      </c>
      <c r="Z3247">
        <v>114.983333</v>
      </c>
      <c r="AA3247">
        <v>8.2263610000000007</v>
      </c>
      <c r="AB3247">
        <v>-0.36037535334419407</v>
      </c>
    </row>
    <row r="3248" spans="4:28" x14ac:dyDescent="0.25">
      <c r="D3248" s="40">
        <v>53.997841000002389</v>
      </c>
      <c r="E3248" s="40">
        <v>18.338695729156886</v>
      </c>
      <c r="F3248" s="40">
        <v>53.983332999999988</v>
      </c>
      <c r="G3248" s="40">
        <v>15.839158623894001</v>
      </c>
      <c r="H3248" s="40">
        <v>53.983334000000013</v>
      </c>
      <c r="I3248" s="40">
        <v>12.363017308697533</v>
      </c>
      <c r="J3248" s="40">
        <v>53.983313761905201</v>
      </c>
      <c r="K3248" s="40">
        <v>11.464015029104123</v>
      </c>
      <c r="L3248" s="40"/>
      <c r="M3248" s="40"/>
      <c r="N3248" s="40"/>
      <c r="Y3248">
        <v>36.700000000000003</v>
      </c>
      <c r="Z3248">
        <v>115</v>
      </c>
      <c r="AA3248">
        <v>8.2262939999999993</v>
      </c>
      <c r="AB3248">
        <v>-0.36118687314638392</v>
      </c>
    </row>
    <row r="3249" spans="4:28" x14ac:dyDescent="0.25">
      <c r="D3249" s="40">
        <v>54.014507000002389</v>
      </c>
      <c r="E3249" s="40">
        <v>18.338695729156886</v>
      </c>
      <c r="F3249" s="40">
        <v>54</v>
      </c>
      <c r="G3249" s="40">
        <v>15.843913867984099</v>
      </c>
      <c r="H3249" s="40">
        <v>54</v>
      </c>
      <c r="I3249" s="40">
        <v>12.36637004484079</v>
      </c>
      <c r="J3249" s="40">
        <v>53.999980422619402</v>
      </c>
      <c r="K3249" s="40">
        <v>11.464015029104123</v>
      </c>
      <c r="L3249" s="40"/>
      <c r="M3249" s="40"/>
      <c r="N3249" s="40"/>
      <c r="Y3249">
        <v>36.716667000000001</v>
      </c>
      <c r="Z3249">
        <v>115.016667</v>
      </c>
      <c r="AA3249">
        <v>8.2262269999999997</v>
      </c>
      <c r="AB3249">
        <v>-0.36199839294855229</v>
      </c>
    </row>
    <row r="3250" spans="4:28" x14ac:dyDescent="0.25">
      <c r="D3250" s="40">
        <v>54.03117300000239</v>
      </c>
      <c r="E3250" s="40">
        <v>18.343396461317308</v>
      </c>
      <c r="F3250" s="40">
        <v>54.016666999999984</v>
      </c>
      <c r="G3250" s="40">
        <v>15.848529251954</v>
      </c>
      <c r="H3250" s="40">
        <v>54.016667000000012</v>
      </c>
      <c r="I3250" s="40">
        <v>12.369722780984223</v>
      </c>
      <c r="J3250" s="40">
        <v>54.016647083333702</v>
      </c>
      <c r="K3250" s="40">
        <v>11.468866072813356</v>
      </c>
      <c r="L3250" s="40"/>
      <c r="M3250" s="40"/>
      <c r="N3250" s="40"/>
      <c r="Y3250">
        <v>36.733333000000002</v>
      </c>
      <c r="Z3250">
        <v>115.033333</v>
      </c>
      <c r="AA3250">
        <v>8.2261590000000009</v>
      </c>
      <c r="AB3250">
        <v>-0.36282202498656496</v>
      </c>
    </row>
    <row r="3251" spans="4:28" x14ac:dyDescent="0.25">
      <c r="D3251" s="40">
        <v>54.047839000002391</v>
      </c>
      <c r="E3251" s="40">
        <v>18.343396461317308</v>
      </c>
      <c r="F3251" s="40">
        <v>54.033332999999999</v>
      </c>
      <c r="G3251" s="40">
        <v>15.848529251954</v>
      </c>
      <c r="H3251" s="40">
        <v>54.033333999999996</v>
      </c>
      <c r="I3251" s="40">
        <v>12.372976907240812</v>
      </c>
      <c r="J3251" s="40">
        <v>54.033313744048002</v>
      </c>
      <c r="K3251" s="40">
        <v>11.468866072813356</v>
      </c>
      <c r="L3251" s="40"/>
      <c r="M3251" s="40"/>
      <c r="N3251" s="40"/>
      <c r="Y3251">
        <v>36.75</v>
      </c>
      <c r="Z3251">
        <v>115.05</v>
      </c>
      <c r="AA3251">
        <v>8.2260919999999995</v>
      </c>
      <c r="AB3251">
        <v>-0.36363354478875481</v>
      </c>
    </row>
    <row r="3252" spans="4:28" x14ac:dyDescent="0.25">
      <c r="D3252" s="40">
        <v>54.064505000002391</v>
      </c>
      <c r="E3252" s="40">
        <v>18.343396461317308</v>
      </c>
      <c r="F3252" s="40">
        <v>54.049999999999983</v>
      </c>
      <c r="G3252" s="40">
        <v>15.853284496044218</v>
      </c>
      <c r="H3252" s="40">
        <v>54.050000000000011</v>
      </c>
      <c r="I3252" s="40">
        <v>12.376329643384244</v>
      </c>
      <c r="J3252" s="40">
        <v>54.049980404762302</v>
      </c>
      <c r="K3252" s="40">
        <v>11.468866072813356</v>
      </c>
      <c r="L3252" s="40"/>
      <c r="M3252" s="40"/>
      <c r="N3252" s="40"/>
      <c r="Y3252">
        <v>36.766666999999998</v>
      </c>
      <c r="Z3252">
        <v>115.066667</v>
      </c>
      <c r="AA3252">
        <v>8.2260249999999999</v>
      </c>
      <c r="AB3252">
        <v>-0.36444506459092318</v>
      </c>
    </row>
    <row r="3253" spans="4:28" x14ac:dyDescent="0.25">
      <c r="D3253" s="40">
        <v>54.081171000002392</v>
      </c>
      <c r="E3253" s="40">
        <v>18.343396461317308</v>
      </c>
      <c r="F3253" s="40">
        <v>54.066666999999995</v>
      </c>
      <c r="G3253" s="40">
        <v>15.858039740134313</v>
      </c>
      <c r="H3253" s="40">
        <v>54.066666999999995</v>
      </c>
      <c r="I3253" s="40">
        <v>12.376329643384244</v>
      </c>
      <c r="J3253" s="40">
        <v>54.066647065476602</v>
      </c>
      <c r="K3253" s="40">
        <v>11.468866072813356</v>
      </c>
      <c r="L3253" s="40"/>
      <c r="M3253" s="40"/>
      <c r="N3253" s="40"/>
      <c r="Y3253">
        <v>36.783332999999999</v>
      </c>
      <c r="Z3253">
        <v>115.083333</v>
      </c>
      <c r="AA3253">
        <v>8.2259569999999993</v>
      </c>
      <c r="AB3253">
        <v>-0.36526869662895733</v>
      </c>
    </row>
    <row r="3254" spans="4:28" x14ac:dyDescent="0.25">
      <c r="D3254" s="40">
        <v>54.097837000002393</v>
      </c>
      <c r="E3254" s="40">
        <v>18.34823963990673</v>
      </c>
      <c r="F3254" s="40">
        <v>54.083332999999982</v>
      </c>
      <c r="G3254" s="40">
        <v>15.862655124104213</v>
      </c>
      <c r="H3254" s="40">
        <v>54.083334000000008</v>
      </c>
      <c r="I3254" s="40">
        <v>12.3796823795275</v>
      </c>
      <c r="J3254" s="40">
        <v>54.083313726190902</v>
      </c>
      <c r="K3254" s="40">
        <v>11.473574438766288</v>
      </c>
      <c r="L3254" s="40"/>
      <c r="M3254" s="40"/>
      <c r="N3254" s="40"/>
      <c r="Y3254">
        <v>36.799999999999997</v>
      </c>
      <c r="Z3254">
        <v>115.1</v>
      </c>
      <c r="AA3254">
        <v>8.2258899999999997</v>
      </c>
      <c r="AB3254">
        <v>-0.3660802164311257</v>
      </c>
    </row>
    <row r="3255" spans="4:28" x14ac:dyDescent="0.25">
      <c r="D3255" s="40">
        <v>54.114503000002394</v>
      </c>
      <c r="E3255" s="40">
        <v>18.34823963990673</v>
      </c>
      <c r="F3255" s="40">
        <v>54.099999999999994</v>
      </c>
      <c r="G3255" s="40">
        <v>15.862655124104213</v>
      </c>
      <c r="H3255" s="40">
        <v>54.099999999999994</v>
      </c>
      <c r="I3255" s="40">
        <v>12.383035115670756</v>
      </c>
      <c r="J3255" s="40">
        <v>54.099980386905202</v>
      </c>
      <c r="K3255" s="40">
        <v>11.473574438766288</v>
      </c>
      <c r="L3255" s="40"/>
      <c r="M3255" s="40"/>
      <c r="N3255" s="40"/>
      <c r="Y3255">
        <v>36.81666700000001</v>
      </c>
      <c r="Z3255">
        <v>115.11666700000001</v>
      </c>
      <c r="AA3255">
        <v>8.2258230000000001</v>
      </c>
      <c r="AB3255">
        <v>-0.36689173623329407</v>
      </c>
    </row>
    <row r="3256" spans="4:28" x14ac:dyDescent="0.25">
      <c r="D3256" s="40">
        <v>54.131169000002394</v>
      </c>
      <c r="E3256" s="40">
        <v>18.353082818496279</v>
      </c>
      <c r="F3256" s="40">
        <v>54.116667000000007</v>
      </c>
      <c r="G3256" s="40">
        <v>15.867410368194431</v>
      </c>
      <c r="H3256" s="40">
        <v>54.116667000000007</v>
      </c>
      <c r="I3256" s="40">
        <v>12.383035115670756</v>
      </c>
      <c r="J3256" s="40">
        <v>54.116647047619402</v>
      </c>
      <c r="K3256" s="40">
        <v>11.473574438766288</v>
      </c>
      <c r="L3256" s="40"/>
      <c r="M3256" s="40"/>
      <c r="N3256" s="40"/>
      <c r="Y3256">
        <v>36.833332999999996</v>
      </c>
      <c r="Z3256">
        <v>115.13333299999999</v>
      </c>
      <c r="AA3256">
        <v>8.2257549999999995</v>
      </c>
      <c r="AB3256">
        <v>-0.36771536827132822</v>
      </c>
    </row>
    <row r="3257" spans="4:28" x14ac:dyDescent="0.25">
      <c r="D3257" s="40">
        <v>54.147835000002395</v>
      </c>
      <c r="E3257" s="40">
        <v>18.353082818496279</v>
      </c>
      <c r="F3257" s="40">
        <v>54.133332999999993</v>
      </c>
      <c r="G3257" s="40">
        <v>15.867410368194431</v>
      </c>
      <c r="H3257" s="40">
        <v>54.133334000000019</v>
      </c>
      <c r="I3257" s="40">
        <v>12.386289241927519</v>
      </c>
      <c r="J3257" s="40">
        <v>54.133313708333702</v>
      </c>
      <c r="K3257" s="40">
        <v>11.473574438766288</v>
      </c>
      <c r="L3257" s="40"/>
      <c r="M3257" s="40"/>
      <c r="N3257" s="40"/>
      <c r="Y3257">
        <v>36.850000000000009</v>
      </c>
      <c r="Z3257">
        <v>115.15</v>
      </c>
      <c r="AA3257">
        <v>8.2257219999999993</v>
      </c>
      <c r="AB3257">
        <v>-0.36811507205449029</v>
      </c>
    </row>
    <row r="3258" spans="4:28" x14ac:dyDescent="0.25">
      <c r="D3258" s="40">
        <v>54.164501000002396</v>
      </c>
      <c r="E3258" s="40">
        <v>18.353082818496279</v>
      </c>
      <c r="F3258" s="40">
        <v>54.150000000000006</v>
      </c>
      <c r="G3258" s="40">
        <v>15.872165612284526</v>
      </c>
      <c r="H3258" s="40">
        <v>54.150000000000006</v>
      </c>
      <c r="I3258" s="40">
        <v>12.386289241927519</v>
      </c>
      <c r="J3258" s="40">
        <v>54.149980369048002</v>
      </c>
      <c r="K3258" s="40">
        <v>11.473574438766288</v>
      </c>
      <c r="L3258" s="40"/>
      <c r="M3258" s="40"/>
      <c r="N3258" s="40"/>
      <c r="Y3258">
        <v>36.866667000000007</v>
      </c>
      <c r="Z3258">
        <v>115.166667</v>
      </c>
      <c r="AA3258">
        <v>8.2256540000000005</v>
      </c>
      <c r="AB3258">
        <v>-0.36893870409250296</v>
      </c>
    </row>
    <row r="3259" spans="4:28" x14ac:dyDescent="0.25">
      <c r="D3259" s="40">
        <v>54.181167000002397</v>
      </c>
      <c r="E3259" s="40">
        <v>18.357783550656706</v>
      </c>
      <c r="F3259" s="40">
        <v>54.16666699999999</v>
      </c>
      <c r="G3259" s="40">
        <v>15.876780996254427</v>
      </c>
      <c r="H3259" s="40">
        <v>54.166667000000018</v>
      </c>
      <c r="I3259" s="40">
        <v>12.389641978070951</v>
      </c>
      <c r="J3259" s="40">
        <v>54.166647029762302</v>
      </c>
      <c r="K3259" s="40">
        <v>11.473574438766288</v>
      </c>
      <c r="L3259" s="40"/>
      <c r="M3259" s="40"/>
      <c r="N3259" s="40"/>
      <c r="Y3259">
        <v>36.883333000000007</v>
      </c>
      <c r="Z3259">
        <v>115.183333</v>
      </c>
      <c r="AA3259">
        <v>8.2255870000000009</v>
      </c>
      <c r="AB3259">
        <v>-0.36975022389467133</v>
      </c>
    </row>
    <row r="3260" spans="4:28" x14ac:dyDescent="0.25">
      <c r="D3260" s="40">
        <v>54.197833000002397</v>
      </c>
      <c r="E3260" s="40">
        <v>18.357783550656706</v>
      </c>
      <c r="F3260" s="40">
        <v>54.183333000000005</v>
      </c>
      <c r="G3260" s="40">
        <v>15.881536240344644</v>
      </c>
      <c r="H3260" s="40">
        <v>54.183334000000002</v>
      </c>
      <c r="I3260" s="40">
        <v>12.392994714214209</v>
      </c>
      <c r="J3260" s="40">
        <v>54.183313690476602</v>
      </c>
      <c r="K3260" s="40">
        <v>11.473574438766288</v>
      </c>
      <c r="L3260" s="40"/>
      <c r="M3260" s="40"/>
      <c r="N3260" s="40"/>
      <c r="Y3260">
        <v>36.900000000000006</v>
      </c>
      <c r="Z3260">
        <v>115.2</v>
      </c>
      <c r="AA3260">
        <v>8.2255199999999995</v>
      </c>
      <c r="AB3260">
        <v>-0.37056174369686118</v>
      </c>
    </row>
    <row r="3261" spans="4:28" x14ac:dyDescent="0.25">
      <c r="D3261" s="40">
        <v>54.214499000002398</v>
      </c>
      <c r="E3261" s="40">
        <v>18.362626729246127</v>
      </c>
      <c r="F3261" s="40">
        <v>54.199999999999989</v>
      </c>
      <c r="G3261" s="40">
        <v>15.881536240344644</v>
      </c>
      <c r="H3261" s="40">
        <v>54.200000000000017</v>
      </c>
      <c r="I3261" s="40">
        <v>12.392994714214209</v>
      </c>
      <c r="J3261" s="40">
        <v>54.199980351190902</v>
      </c>
      <c r="K3261" s="40">
        <v>11.473574438766288</v>
      </c>
      <c r="L3261" s="40"/>
      <c r="M3261" s="40"/>
      <c r="N3261" s="40"/>
      <c r="Y3261">
        <v>36.916667000000004</v>
      </c>
      <c r="Z3261">
        <v>115.216667</v>
      </c>
      <c r="AA3261">
        <v>8.2254860000000001</v>
      </c>
      <c r="AB3261">
        <v>-0.37097355971586754</v>
      </c>
    </row>
    <row r="3262" spans="4:28" x14ac:dyDescent="0.25">
      <c r="D3262" s="40">
        <v>54.231165000002399</v>
      </c>
      <c r="E3262" s="40">
        <v>18.362626729246127</v>
      </c>
      <c r="F3262" s="40">
        <v>54.216667000000001</v>
      </c>
      <c r="G3262" s="40">
        <v>15.886291484434867</v>
      </c>
      <c r="H3262" s="40">
        <v>54.216667000000001</v>
      </c>
      <c r="I3262" s="40">
        <v>12.396248840470973</v>
      </c>
      <c r="J3262" s="40">
        <v>54.216647011905202</v>
      </c>
      <c r="K3262" s="40">
        <v>11.473574438766288</v>
      </c>
      <c r="L3262" s="40"/>
      <c r="M3262" s="40"/>
      <c r="N3262" s="40"/>
      <c r="Y3262">
        <v>36.933333000000005</v>
      </c>
      <c r="Z3262">
        <v>115.233333</v>
      </c>
      <c r="AA3262">
        <v>8.2254190000000005</v>
      </c>
      <c r="AB3262">
        <v>-0.37178507951803591</v>
      </c>
    </row>
    <row r="3263" spans="4:28" x14ac:dyDescent="0.25">
      <c r="D3263" s="40">
        <v>54.2478310000024</v>
      </c>
      <c r="E3263" s="40">
        <v>18.362626729246127</v>
      </c>
      <c r="F3263" s="40">
        <v>54.233332999999988</v>
      </c>
      <c r="G3263" s="40">
        <v>15.890906868404644</v>
      </c>
      <c r="H3263" s="40">
        <v>54.233334000000013</v>
      </c>
      <c r="I3263" s="40">
        <v>12.399601576614231</v>
      </c>
      <c r="J3263" s="40">
        <v>54.233313672619403</v>
      </c>
      <c r="K3263" s="40">
        <v>11.473574438766288</v>
      </c>
      <c r="L3263" s="40"/>
      <c r="M3263" s="40"/>
      <c r="N3263" s="40"/>
      <c r="Y3263">
        <v>36.950000000000003</v>
      </c>
      <c r="Z3263">
        <v>115.25</v>
      </c>
      <c r="AA3263">
        <v>8.2253520000000009</v>
      </c>
      <c r="AB3263">
        <v>-0.37259659932020428</v>
      </c>
    </row>
    <row r="3264" spans="4:28" x14ac:dyDescent="0.25">
      <c r="D3264" s="40">
        <v>54.2644970000024</v>
      </c>
      <c r="E3264" s="40">
        <v>18.362626729246127</v>
      </c>
      <c r="F3264" s="40">
        <v>54.25</v>
      </c>
      <c r="G3264" s="40">
        <v>15.895662112494861</v>
      </c>
      <c r="H3264" s="40">
        <v>54.25</v>
      </c>
      <c r="I3264" s="40">
        <v>12.399601576614231</v>
      </c>
      <c r="J3264" s="40">
        <v>54.249980333333703</v>
      </c>
      <c r="K3264" s="40">
        <v>11.473574438766288</v>
      </c>
      <c r="L3264" s="40"/>
      <c r="M3264" s="40"/>
      <c r="N3264" s="40"/>
      <c r="Y3264">
        <v>36.966667000000001</v>
      </c>
      <c r="Z3264">
        <v>115.266667</v>
      </c>
      <c r="AA3264">
        <v>8.2253179999999997</v>
      </c>
      <c r="AB3264">
        <v>-0.37300841533923207</v>
      </c>
    </row>
    <row r="3265" spans="4:28" x14ac:dyDescent="0.25">
      <c r="D3265" s="40">
        <v>54.281163000002401</v>
      </c>
      <c r="E3265" s="40">
        <v>18.362626729246127</v>
      </c>
      <c r="F3265" s="40">
        <v>54.266666999999984</v>
      </c>
      <c r="G3265" s="40">
        <v>15.895662112494861</v>
      </c>
      <c r="H3265" s="40">
        <v>54.266667000000012</v>
      </c>
      <c r="I3265" s="40">
        <v>12.402954312757663</v>
      </c>
      <c r="J3265" s="40">
        <v>54.266646994048003</v>
      </c>
      <c r="K3265" s="40">
        <v>11.478425482475521</v>
      </c>
      <c r="L3265" s="40"/>
      <c r="M3265" s="40"/>
      <c r="N3265" s="40"/>
      <c r="Y3265">
        <v>36.983333000000002</v>
      </c>
      <c r="Z3265">
        <v>115.283333</v>
      </c>
      <c r="AA3265">
        <v>8.2252510000000001</v>
      </c>
      <c r="AB3265">
        <v>-0.37381993514140049</v>
      </c>
    </row>
    <row r="3266" spans="4:28" x14ac:dyDescent="0.25">
      <c r="D3266" s="40">
        <v>54.297829000002402</v>
      </c>
      <c r="E3266" s="40">
        <v>18.362626729246127</v>
      </c>
      <c r="F3266" s="40">
        <v>54.283332999999999</v>
      </c>
      <c r="G3266" s="40">
        <v>15.900417356585081</v>
      </c>
      <c r="H3266" s="40">
        <v>54.283333999999996</v>
      </c>
      <c r="I3266" s="40">
        <v>12.40620843901425</v>
      </c>
      <c r="J3266" s="40">
        <v>54.283313654762303</v>
      </c>
      <c r="K3266" s="40">
        <v>11.478425482475521</v>
      </c>
      <c r="L3266" s="40"/>
      <c r="M3266" s="40"/>
      <c r="N3266" s="40"/>
      <c r="Y3266">
        <v>37</v>
      </c>
      <c r="Z3266">
        <v>115.3</v>
      </c>
      <c r="AA3266">
        <v>8.2251829999999995</v>
      </c>
      <c r="AB3266">
        <v>-0.37464356717943459</v>
      </c>
    </row>
    <row r="3267" spans="4:28" x14ac:dyDescent="0.25">
      <c r="D3267" s="40">
        <v>54.314495000002402</v>
      </c>
      <c r="E3267" s="40">
        <v>18.367469907835677</v>
      </c>
      <c r="F3267" s="40">
        <v>54.299999999999983</v>
      </c>
      <c r="G3267" s="40">
        <v>15.905172600675176</v>
      </c>
      <c r="H3267" s="40">
        <v>54.300000000000011</v>
      </c>
      <c r="I3267" s="40">
        <v>12.40620843901425</v>
      </c>
      <c r="J3267" s="40">
        <v>54.299980315476603</v>
      </c>
      <c r="K3267" s="40">
        <v>11.478425482475521</v>
      </c>
      <c r="L3267" s="40"/>
      <c r="M3267" s="40"/>
      <c r="N3267" s="40"/>
      <c r="Y3267">
        <v>37.016666999999998</v>
      </c>
      <c r="Z3267">
        <v>115.316667</v>
      </c>
      <c r="AA3267">
        <v>8.2251499999999993</v>
      </c>
      <c r="AB3267">
        <v>-0.37504327096259665</v>
      </c>
    </row>
    <row r="3268" spans="4:28" x14ac:dyDescent="0.25">
      <c r="D3268" s="40">
        <v>54.331161000002403</v>
      </c>
      <c r="E3268" s="40">
        <v>18.367469907835677</v>
      </c>
      <c r="F3268" s="40">
        <v>54.316666999999995</v>
      </c>
      <c r="G3268" s="40">
        <v>15.909787984645076</v>
      </c>
      <c r="H3268" s="40">
        <v>54.316666999999995</v>
      </c>
      <c r="I3268" s="40">
        <v>12.40620843901425</v>
      </c>
      <c r="J3268" s="40">
        <v>54.316646976190903</v>
      </c>
      <c r="K3268" s="40">
        <v>11.478425482475521</v>
      </c>
      <c r="L3268" s="40"/>
      <c r="M3268" s="40"/>
      <c r="N3268" s="40"/>
      <c r="Y3268">
        <v>37.033332999999999</v>
      </c>
      <c r="Z3268">
        <v>115.333333</v>
      </c>
      <c r="AA3268">
        <v>8.2250820000000004</v>
      </c>
      <c r="AB3268">
        <v>-0.37586690300060932</v>
      </c>
    </row>
    <row r="3269" spans="4:28" x14ac:dyDescent="0.25">
      <c r="D3269" s="40">
        <v>54.347827000002404</v>
      </c>
      <c r="E3269" s="40">
        <v>18.367469907835677</v>
      </c>
      <c r="F3269" s="40">
        <v>54.333332999999982</v>
      </c>
      <c r="G3269" s="40">
        <v>15.914543228735294</v>
      </c>
      <c r="H3269" s="40">
        <v>54.333334000000008</v>
      </c>
      <c r="I3269" s="40">
        <v>12.409561175157682</v>
      </c>
      <c r="J3269" s="40">
        <v>54.333313636905203</v>
      </c>
      <c r="K3269" s="40">
        <v>11.478425482475521</v>
      </c>
      <c r="L3269" s="40"/>
      <c r="M3269" s="40"/>
      <c r="N3269" s="40"/>
      <c r="Y3269">
        <v>37.049999999999997</v>
      </c>
      <c r="Z3269">
        <v>115.35</v>
      </c>
      <c r="AA3269">
        <v>8.2250150000000009</v>
      </c>
      <c r="AB3269">
        <v>-0.37667842280277769</v>
      </c>
    </row>
    <row r="3270" spans="4:28" x14ac:dyDescent="0.25">
      <c r="D3270" s="40">
        <v>54.364493000002405</v>
      </c>
      <c r="E3270" s="40">
        <v>18.372170639996103</v>
      </c>
      <c r="F3270" s="40">
        <v>54.349999999999994</v>
      </c>
      <c r="G3270" s="40">
        <v>15.914543228735294</v>
      </c>
      <c r="H3270" s="40">
        <v>54.349999999999994</v>
      </c>
      <c r="I3270" s="40">
        <v>12.409561175157682</v>
      </c>
      <c r="J3270" s="40">
        <v>54.349980297619403</v>
      </c>
      <c r="K3270" s="40">
        <v>11.483276526184753</v>
      </c>
      <c r="L3270" s="40"/>
      <c r="M3270" s="40"/>
      <c r="N3270" s="40"/>
      <c r="Y3270">
        <v>37.06666700000001</v>
      </c>
      <c r="Z3270">
        <v>115.36666700000001</v>
      </c>
      <c r="AA3270">
        <v>8.2249479999999995</v>
      </c>
      <c r="AB3270">
        <v>-0.37748994260496754</v>
      </c>
    </row>
    <row r="3271" spans="4:28" x14ac:dyDescent="0.25">
      <c r="D3271" s="40">
        <v>54.381159000002405</v>
      </c>
      <c r="E3271" s="40">
        <v>18.377013818585649</v>
      </c>
      <c r="F3271" s="40">
        <v>54.366667000000007</v>
      </c>
      <c r="G3271" s="40">
        <v>15.914543228735294</v>
      </c>
      <c r="H3271" s="40">
        <v>54.366667000000007</v>
      </c>
      <c r="I3271" s="40">
        <v>12.41291391130094</v>
      </c>
      <c r="J3271" s="40">
        <v>54.366646958333703</v>
      </c>
      <c r="K3271" s="40">
        <v>11.483276526184753</v>
      </c>
      <c r="L3271" s="40"/>
      <c r="M3271" s="40"/>
      <c r="N3271" s="40"/>
      <c r="Y3271">
        <v>37.083332999999996</v>
      </c>
      <c r="Z3271">
        <v>115.38333299999999</v>
      </c>
      <c r="AA3271">
        <v>8.2249140000000001</v>
      </c>
      <c r="AB3271">
        <v>-0.3779017586239739</v>
      </c>
    </row>
    <row r="3272" spans="4:28" x14ac:dyDescent="0.25">
      <c r="D3272" s="40">
        <v>54.397825000002406</v>
      </c>
      <c r="E3272" s="40">
        <v>18.377013818585649</v>
      </c>
      <c r="F3272" s="40">
        <v>54.383332999999993</v>
      </c>
      <c r="G3272" s="40">
        <v>15.919298472825393</v>
      </c>
      <c r="H3272" s="40">
        <v>54.383334000000019</v>
      </c>
      <c r="I3272" s="40">
        <v>12.41291391130094</v>
      </c>
      <c r="J3272" s="40">
        <v>54.383313619048003</v>
      </c>
      <c r="K3272" s="40">
        <v>11.483276526184753</v>
      </c>
      <c r="L3272" s="40"/>
      <c r="M3272" s="40"/>
      <c r="N3272" s="40"/>
      <c r="Y3272">
        <v>37.100000000000009</v>
      </c>
      <c r="Z3272">
        <v>115.4</v>
      </c>
      <c r="AA3272">
        <v>8.2248470000000005</v>
      </c>
      <c r="AB3272">
        <v>-0.37871327842614227</v>
      </c>
    </row>
    <row r="3273" spans="4:28" x14ac:dyDescent="0.25">
      <c r="D3273" s="40">
        <v>54.414491000002407</v>
      </c>
      <c r="E3273" s="40">
        <v>18.38185699717507</v>
      </c>
      <c r="F3273" s="40">
        <v>54.400000000000006</v>
      </c>
      <c r="G3273" s="40">
        <v>15.919298472825393</v>
      </c>
      <c r="H3273" s="40">
        <v>54.400000000000006</v>
      </c>
      <c r="I3273" s="40">
        <v>12.416168037557703</v>
      </c>
      <c r="J3273" s="40">
        <v>54.399980279762303</v>
      </c>
      <c r="K3273" s="40">
        <v>11.487984892137685</v>
      </c>
      <c r="L3273" s="40"/>
      <c r="M3273" s="40"/>
      <c r="N3273" s="40"/>
      <c r="Y3273">
        <v>37.116667000000007</v>
      </c>
      <c r="Z3273">
        <v>115.416667</v>
      </c>
      <c r="AA3273">
        <v>8.2248129999999993</v>
      </c>
      <c r="AB3273">
        <v>-0.37912509444517006</v>
      </c>
    </row>
    <row r="3274" spans="4:28" x14ac:dyDescent="0.25">
      <c r="D3274" s="40">
        <v>54.431157000002408</v>
      </c>
      <c r="E3274" s="40">
        <v>18.38185699717507</v>
      </c>
      <c r="F3274" s="40">
        <v>54.41666699999999</v>
      </c>
      <c r="G3274" s="40">
        <v>15.923913856795293</v>
      </c>
      <c r="H3274" s="40">
        <v>54.416667000000018</v>
      </c>
      <c r="I3274" s="40">
        <v>12.419520773700961</v>
      </c>
      <c r="J3274" s="40">
        <v>54.416646940476603</v>
      </c>
      <c r="K3274" s="40">
        <v>11.487984892137685</v>
      </c>
      <c r="L3274" s="40"/>
      <c r="M3274" s="40"/>
      <c r="N3274" s="40"/>
      <c r="Y3274">
        <v>37.133333000000007</v>
      </c>
      <c r="Z3274">
        <v>115.433333</v>
      </c>
      <c r="AA3274">
        <v>8.2247459999999997</v>
      </c>
      <c r="AB3274">
        <v>-0.37993661424733849</v>
      </c>
    </row>
    <row r="3275" spans="4:28" x14ac:dyDescent="0.25">
      <c r="D3275" s="40">
        <v>54.447823000002408</v>
      </c>
      <c r="E3275" s="40">
        <v>18.386557729335497</v>
      </c>
      <c r="F3275" s="40">
        <v>54.433333000000005</v>
      </c>
      <c r="G3275" s="40">
        <v>15.928669100885511</v>
      </c>
      <c r="H3275" s="40">
        <v>54.433334000000002</v>
      </c>
      <c r="I3275" s="40">
        <v>12.419520773700961</v>
      </c>
      <c r="J3275" s="40">
        <v>54.433313601190903</v>
      </c>
      <c r="K3275" s="40">
        <v>11.487984892137685</v>
      </c>
      <c r="L3275" s="40"/>
      <c r="M3275" s="40"/>
      <c r="N3275" s="40"/>
      <c r="Y3275">
        <v>37.150000000000006</v>
      </c>
      <c r="Z3275">
        <v>115.45</v>
      </c>
      <c r="AA3275">
        <v>8.2247120000000002</v>
      </c>
      <c r="AB3275">
        <v>-0.38034843026634479</v>
      </c>
    </row>
    <row r="3276" spans="4:28" x14ac:dyDescent="0.25">
      <c r="D3276" s="40">
        <v>54.464489000002409</v>
      </c>
      <c r="E3276" s="40">
        <v>18.391400907925046</v>
      </c>
      <c r="F3276" s="40">
        <v>54.449999999999989</v>
      </c>
      <c r="G3276" s="40">
        <v>15.928669100885511</v>
      </c>
      <c r="H3276" s="40">
        <v>54.450000000000017</v>
      </c>
      <c r="I3276" s="40">
        <v>12.422873509844392</v>
      </c>
      <c r="J3276" s="40">
        <v>54.449980261905203</v>
      </c>
      <c r="K3276" s="40">
        <v>11.487984892137685</v>
      </c>
      <c r="L3276" s="40"/>
      <c r="M3276" s="40"/>
      <c r="N3276" s="40"/>
      <c r="Y3276">
        <v>37.166667000000004</v>
      </c>
      <c r="Z3276">
        <v>115.466667</v>
      </c>
      <c r="AA3276">
        <v>8.2246780000000008</v>
      </c>
      <c r="AB3276">
        <v>-0.3807602462853511</v>
      </c>
    </row>
    <row r="3277" spans="4:28" x14ac:dyDescent="0.25">
      <c r="D3277" s="40">
        <v>54.48115500000241</v>
      </c>
      <c r="E3277" s="40">
        <v>18.391400907925046</v>
      </c>
      <c r="F3277" s="40">
        <v>54.466667000000001</v>
      </c>
      <c r="G3277" s="40">
        <v>15.93342434497573</v>
      </c>
      <c r="H3277" s="40">
        <v>54.466667000000001</v>
      </c>
      <c r="I3277" s="40">
        <v>12.422873509844392</v>
      </c>
      <c r="J3277" s="40">
        <v>54.466646922619397</v>
      </c>
      <c r="K3277" s="40">
        <v>11.492835935846919</v>
      </c>
      <c r="L3277" s="40"/>
      <c r="M3277" s="40"/>
      <c r="N3277" s="40"/>
      <c r="Y3277">
        <v>37.183333000000005</v>
      </c>
      <c r="Z3277">
        <v>115.483333</v>
      </c>
      <c r="AA3277">
        <v>8.2246109999999994</v>
      </c>
      <c r="AB3277">
        <v>-0.38157176608754101</v>
      </c>
    </row>
    <row r="3278" spans="4:28" x14ac:dyDescent="0.25">
      <c r="D3278" s="40">
        <v>54.497821000002411</v>
      </c>
      <c r="E3278" s="40">
        <v>18.396244086514468</v>
      </c>
      <c r="F3278" s="40">
        <v>54.483332999999988</v>
      </c>
      <c r="G3278" s="40">
        <v>15.93342434497573</v>
      </c>
      <c r="H3278" s="40">
        <v>54.483334000000013</v>
      </c>
      <c r="I3278" s="40">
        <v>12.426127636101155</v>
      </c>
      <c r="J3278" s="40">
        <v>54.483313583333697</v>
      </c>
      <c r="K3278" s="40">
        <v>11.492835935846919</v>
      </c>
      <c r="L3278" s="40"/>
      <c r="M3278" s="40"/>
      <c r="N3278" s="40"/>
      <c r="Y3278">
        <v>37.200000000000003</v>
      </c>
      <c r="Z3278">
        <v>115.5</v>
      </c>
      <c r="AA3278">
        <v>8.224577</v>
      </c>
      <c r="AB3278">
        <v>-0.38198358210654731</v>
      </c>
    </row>
    <row r="3279" spans="4:28" x14ac:dyDescent="0.25">
      <c r="D3279" s="40">
        <v>54.514487000002411</v>
      </c>
      <c r="E3279" s="40">
        <v>18.396244086514468</v>
      </c>
      <c r="F3279" s="40">
        <v>54.5</v>
      </c>
      <c r="G3279" s="40">
        <v>15.938039728945506</v>
      </c>
      <c r="H3279" s="40">
        <v>54.5</v>
      </c>
      <c r="I3279" s="40">
        <v>12.429480372244413</v>
      </c>
      <c r="J3279" s="40">
        <v>54.499980244047997</v>
      </c>
      <c r="K3279" s="40">
        <v>11.492835935846919</v>
      </c>
      <c r="L3279" s="40"/>
      <c r="M3279" s="40"/>
      <c r="N3279" s="40"/>
      <c r="Y3279">
        <v>37.216667000000001</v>
      </c>
      <c r="Z3279">
        <v>115.516667</v>
      </c>
      <c r="AA3279">
        <v>8.2245439999999999</v>
      </c>
      <c r="AB3279">
        <v>-0.38238328588970938</v>
      </c>
    </row>
    <row r="3280" spans="4:28" x14ac:dyDescent="0.25">
      <c r="D3280" s="40">
        <v>54.531153000002412</v>
      </c>
      <c r="E3280" s="40">
        <v>18.396244086514468</v>
      </c>
      <c r="F3280" s="40">
        <v>54.516666999999984</v>
      </c>
      <c r="G3280" s="40">
        <v>15.938039728945506</v>
      </c>
      <c r="H3280" s="40">
        <v>54.516667000000012</v>
      </c>
      <c r="I3280" s="40">
        <v>12.429480372244413</v>
      </c>
      <c r="J3280" s="40">
        <v>54.516646904762297</v>
      </c>
      <c r="K3280" s="40">
        <v>11.497686979556152</v>
      </c>
      <c r="L3280" s="40"/>
      <c r="M3280" s="40"/>
      <c r="N3280" s="40"/>
      <c r="Y3280">
        <v>37.233333000000002</v>
      </c>
      <c r="Z3280">
        <v>115.533333</v>
      </c>
      <c r="AA3280">
        <v>8.2244759999999992</v>
      </c>
      <c r="AB3280">
        <v>-0.38320691792774353</v>
      </c>
    </row>
    <row r="3281" spans="4:28" x14ac:dyDescent="0.25">
      <c r="D3281" s="40">
        <v>54.547819000002413</v>
      </c>
      <c r="E3281" s="40">
        <v>18.400944818674894</v>
      </c>
      <c r="F3281" s="40">
        <v>54.533332999999999</v>
      </c>
      <c r="G3281" s="40">
        <v>15.942794973035724</v>
      </c>
      <c r="H3281" s="40">
        <v>54.533333999999996</v>
      </c>
      <c r="I3281" s="40">
        <v>12.432833108387669</v>
      </c>
      <c r="J3281" s="40">
        <v>54.533313565476597</v>
      </c>
      <c r="K3281" s="40">
        <v>11.497686979556152</v>
      </c>
      <c r="L3281" s="40"/>
      <c r="M3281" s="40"/>
      <c r="N3281" s="40"/>
      <c r="Y3281">
        <v>37.25</v>
      </c>
      <c r="Z3281">
        <v>115.55</v>
      </c>
      <c r="AA3281">
        <v>8.2244430000000008</v>
      </c>
      <c r="AB3281">
        <v>-0.38360662171088405</v>
      </c>
    </row>
    <row r="3282" spans="4:28" x14ac:dyDescent="0.25">
      <c r="D3282" s="40">
        <v>54.564485000002414</v>
      </c>
      <c r="E3282" s="40">
        <v>18.400944818674894</v>
      </c>
      <c r="F3282" s="40">
        <v>54.549999999999983</v>
      </c>
      <c r="G3282" s="40">
        <v>15.947550217125944</v>
      </c>
      <c r="H3282" s="40">
        <v>54.550000000000011</v>
      </c>
      <c r="I3282" s="40">
        <v>12.436087234644432</v>
      </c>
      <c r="J3282" s="40">
        <v>54.549980226190897</v>
      </c>
      <c r="K3282" s="40">
        <v>11.497686979556152</v>
      </c>
      <c r="L3282" s="40"/>
      <c r="M3282" s="40"/>
      <c r="N3282" s="40"/>
      <c r="Y3282">
        <v>37.266666999999998</v>
      </c>
      <c r="Z3282">
        <v>115.566667</v>
      </c>
      <c r="AA3282">
        <v>8.2244089999999996</v>
      </c>
      <c r="AB3282">
        <v>-0.3840184377299119</v>
      </c>
    </row>
    <row r="3283" spans="4:28" x14ac:dyDescent="0.25">
      <c r="D3283" s="40">
        <v>54.581151000002414</v>
      </c>
      <c r="E3283" s="40">
        <v>18.40578799726444</v>
      </c>
      <c r="F3283" s="40">
        <v>54.566666999999995</v>
      </c>
      <c r="G3283" s="40">
        <v>15.947550217125944</v>
      </c>
      <c r="H3283" s="40">
        <v>54.566666999999995</v>
      </c>
      <c r="I3283" s="40">
        <v>12.436087234644432</v>
      </c>
      <c r="J3283" s="40">
        <v>54.566646886905197</v>
      </c>
      <c r="K3283" s="40">
        <v>11.502395345509211</v>
      </c>
      <c r="L3283" s="40"/>
      <c r="M3283" s="40"/>
      <c r="N3283" s="40"/>
      <c r="Y3283">
        <v>37.283332999999999</v>
      </c>
      <c r="Z3283">
        <v>115.583333</v>
      </c>
      <c r="AA3283">
        <v>8.2243759999999995</v>
      </c>
      <c r="AB3283">
        <v>-0.38441814151307396</v>
      </c>
    </row>
    <row r="3284" spans="4:28" x14ac:dyDescent="0.25">
      <c r="D3284" s="40">
        <v>54.597817000002415</v>
      </c>
      <c r="E3284" s="40">
        <v>18.410631175853862</v>
      </c>
      <c r="F3284" s="40">
        <v>54.583332999999982</v>
      </c>
      <c r="G3284" s="40">
        <v>15.95216560109572</v>
      </c>
      <c r="H3284" s="40">
        <v>54.583334000000008</v>
      </c>
      <c r="I3284" s="40">
        <v>12.43943997078769</v>
      </c>
      <c r="J3284" s="40">
        <v>54.583313547619397</v>
      </c>
      <c r="K3284" s="40">
        <v>11.502395345509211</v>
      </c>
      <c r="L3284" s="40"/>
      <c r="M3284" s="40"/>
      <c r="N3284" s="40"/>
      <c r="Y3284">
        <v>37.299999999999997</v>
      </c>
      <c r="Z3284">
        <v>115.6</v>
      </c>
      <c r="AA3284">
        <v>8.224342</v>
      </c>
      <c r="AB3284">
        <v>-0.38482995753208027</v>
      </c>
    </row>
    <row r="3285" spans="4:28" x14ac:dyDescent="0.25">
      <c r="D3285" s="40">
        <v>54.614483000002416</v>
      </c>
      <c r="E3285" s="40">
        <v>18.410631175853862</v>
      </c>
      <c r="F3285" s="40">
        <v>54.599999999999994</v>
      </c>
      <c r="G3285" s="40">
        <v>15.956920845185937</v>
      </c>
      <c r="H3285" s="40">
        <v>54.599999999999994</v>
      </c>
      <c r="I3285" s="40">
        <v>12.442792706931122</v>
      </c>
      <c r="J3285" s="40">
        <v>54.599980208333697</v>
      </c>
      <c r="K3285" s="40">
        <v>11.507246389218317</v>
      </c>
      <c r="L3285" s="40"/>
      <c r="M3285" s="40"/>
      <c r="N3285" s="40"/>
      <c r="Y3285">
        <v>37.31666700000001</v>
      </c>
      <c r="Z3285">
        <v>115.61666700000001</v>
      </c>
      <c r="AA3285">
        <v>8.2243080000000006</v>
      </c>
      <c r="AB3285">
        <v>-0.38524177355108657</v>
      </c>
    </row>
    <row r="3286" spans="4:28" x14ac:dyDescent="0.25">
      <c r="D3286" s="40">
        <v>54.631149000002416</v>
      </c>
      <c r="E3286" s="40">
        <v>18.415331908014288</v>
      </c>
      <c r="F3286" s="40">
        <v>54.616667000000007</v>
      </c>
      <c r="G3286" s="40">
        <v>15.956920845185937</v>
      </c>
      <c r="H3286" s="40">
        <v>54.616667000000007</v>
      </c>
      <c r="I3286" s="40">
        <v>12.446046833187886</v>
      </c>
      <c r="J3286" s="40">
        <v>54.616646869047997</v>
      </c>
      <c r="K3286" s="40">
        <v>11.512097432927549</v>
      </c>
      <c r="L3286" s="40"/>
      <c r="M3286" s="40"/>
      <c r="N3286" s="40"/>
      <c r="Y3286">
        <v>37.333332999999996</v>
      </c>
      <c r="Z3286">
        <v>115.63333299999999</v>
      </c>
      <c r="AA3286">
        <v>8.2242409999999992</v>
      </c>
      <c r="AB3286">
        <v>-0.38605329335327648</v>
      </c>
    </row>
    <row r="3287" spans="4:28" x14ac:dyDescent="0.25">
      <c r="D3287" s="40">
        <v>54.647815000002417</v>
      </c>
      <c r="E3287" s="40">
        <v>18.420175086603837</v>
      </c>
      <c r="F3287" s="40">
        <v>54.633332999999993</v>
      </c>
      <c r="G3287" s="40">
        <v>15.961676089276157</v>
      </c>
      <c r="H3287" s="40">
        <v>54.633334000000019</v>
      </c>
      <c r="I3287" s="40">
        <v>12.446046833187886</v>
      </c>
      <c r="J3287" s="40">
        <v>54.633313529762297</v>
      </c>
      <c r="K3287" s="40">
        <v>11.512097432927549</v>
      </c>
      <c r="L3287" s="40"/>
      <c r="M3287" s="40"/>
      <c r="N3287" s="40"/>
      <c r="Y3287">
        <v>37.350000000000009</v>
      </c>
      <c r="Z3287">
        <v>115.65</v>
      </c>
      <c r="AA3287">
        <v>8.2242069999999998</v>
      </c>
      <c r="AB3287">
        <v>-0.38646510937228279</v>
      </c>
    </row>
    <row r="3288" spans="4:28" x14ac:dyDescent="0.25">
      <c r="D3288" s="40">
        <v>54.664481000002418</v>
      </c>
      <c r="E3288" s="40">
        <v>18.425018265193387</v>
      </c>
      <c r="F3288" s="40">
        <v>54.650000000000006</v>
      </c>
      <c r="G3288" s="40">
        <v>15.966291473246057</v>
      </c>
      <c r="H3288" s="40">
        <v>54.650000000000006</v>
      </c>
      <c r="I3288" s="40">
        <v>12.449399569331144</v>
      </c>
      <c r="J3288" s="40">
        <v>54.649980190476597</v>
      </c>
      <c r="K3288" s="40">
        <v>11.512097432927549</v>
      </c>
      <c r="L3288" s="40"/>
      <c r="M3288" s="40"/>
      <c r="N3288" s="40"/>
      <c r="Y3288">
        <v>37.366667000000007</v>
      </c>
      <c r="Z3288">
        <v>115.666667</v>
      </c>
      <c r="AA3288">
        <v>8.2241739999999997</v>
      </c>
      <c r="AB3288">
        <v>-0.38686481315544485</v>
      </c>
    </row>
    <row r="3289" spans="4:28" x14ac:dyDescent="0.25">
      <c r="D3289" s="40">
        <v>54.681147000002419</v>
      </c>
      <c r="E3289" s="40">
        <v>18.425018265193387</v>
      </c>
      <c r="F3289" s="40">
        <v>54.66666699999999</v>
      </c>
      <c r="G3289" s="40">
        <v>15.966291473246057</v>
      </c>
      <c r="H3289" s="40">
        <v>54.666667000000018</v>
      </c>
      <c r="I3289" s="40">
        <v>12.4527523054744</v>
      </c>
      <c r="J3289" s="40">
        <v>54.666646851190897</v>
      </c>
      <c r="K3289" s="40">
        <v>11.516805798880609</v>
      </c>
      <c r="L3289" s="40"/>
      <c r="M3289" s="40"/>
      <c r="N3289" s="40"/>
      <c r="Y3289">
        <v>37.383333000000007</v>
      </c>
      <c r="Z3289">
        <v>115.683333</v>
      </c>
      <c r="AA3289">
        <v>8.2241400000000002</v>
      </c>
      <c r="AB3289">
        <v>-0.38727662917445116</v>
      </c>
    </row>
    <row r="3290" spans="4:28" x14ac:dyDescent="0.25">
      <c r="D3290" s="40">
        <v>54.697813000002419</v>
      </c>
      <c r="E3290" s="40">
        <v>18.429718997353682</v>
      </c>
      <c r="F3290" s="40">
        <v>54.683333000000005</v>
      </c>
      <c r="G3290" s="40">
        <v>15.966291473246057</v>
      </c>
      <c r="H3290" s="40">
        <v>54.683334000000002</v>
      </c>
      <c r="I3290" s="40">
        <v>12.456006431731163</v>
      </c>
      <c r="J3290" s="40">
        <v>54.683313511905197</v>
      </c>
      <c r="K3290" s="40">
        <v>11.516805798880609</v>
      </c>
      <c r="L3290" s="40"/>
      <c r="M3290" s="40"/>
      <c r="N3290" s="40"/>
      <c r="Y3290">
        <v>37.400000000000006</v>
      </c>
      <c r="Z3290">
        <v>115.7</v>
      </c>
      <c r="AA3290">
        <v>8.2241060000000008</v>
      </c>
      <c r="AB3290">
        <v>-0.38768844519345746</v>
      </c>
    </row>
    <row r="3291" spans="4:28" x14ac:dyDescent="0.25">
      <c r="D3291" s="40">
        <v>54.71447900000242</v>
      </c>
      <c r="E3291" s="40">
        <v>18.429718997353682</v>
      </c>
      <c r="F3291" s="40">
        <v>54.699999999999989</v>
      </c>
      <c r="G3291" s="40">
        <v>15.971046717336154</v>
      </c>
      <c r="H3291" s="40">
        <v>54.700000000000017</v>
      </c>
      <c r="I3291" s="40">
        <v>12.459359167874595</v>
      </c>
      <c r="J3291" s="40">
        <v>54.699980172619398</v>
      </c>
      <c r="K3291" s="40">
        <v>11.521656842589714</v>
      </c>
      <c r="L3291" s="40"/>
      <c r="M3291" s="40"/>
      <c r="N3291" s="40"/>
      <c r="Y3291">
        <v>37.416667000000004</v>
      </c>
      <c r="Z3291">
        <v>115.716667</v>
      </c>
      <c r="AA3291">
        <v>8.2240730000000006</v>
      </c>
      <c r="AB3291">
        <v>-0.38808814897661953</v>
      </c>
    </row>
    <row r="3292" spans="4:28" x14ac:dyDescent="0.25">
      <c r="D3292" s="40">
        <v>54.731145000002421</v>
      </c>
      <c r="E3292" s="40">
        <v>18.434562175943235</v>
      </c>
      <c r="F3292" s="40">
        <v>54.716667000000001</v>
      </c>
      <c r="G3292" s="40">
        <v>15.971046717336154</v>
      </c>
      <c r="H3292" s="40">
        <v>54.716667000000001</v>
      </c>
      <c r="I3292" s="40">
        <v>12.459359167874595</v>
      </c>
      <c r="J3292" s="40">
        <v>54.716646833333698</v>
      </c>
      <c r="K3292" s="40">
        <v>11.521656842589714</v>
      </c>
      <c r="L3292" s="40"/>
      <c r="M3292" s="40"/>
      <c r="N3292" s="40"/>
      <c r="Y3292">
        <v>37.433333000000005</v>
      </c>
      <c r="Z3292">
        <v>115.733333</v>
      </c>
      <c r="AA3292">
        <v>8.2240389999999994</v>
      </c>
      <c r="AB3292">
        <v>-0.38849996499564737</v>
      </c>
    </row>
    <row r="3293" spans="4:28" x14ac:dyDescent="0.25">
      <c r="D3293" s="40">
        <v>54.747811000002422</v>
      </c>
      <c r="E3293" s="40">
        <v>18.434562175943235</v>
      </c>
      <c r="F3293" s="40">
        <v>54.733332999999988</v>
      </c>
      <c r="G3293" s="40">
        <v>15.975801961426374</v>
      </c>
      <c r="H3293" s="40">
        <v>54.733334000000013</v>
      </c>
      <c r="I3293" s="40">
        <v>12.462711904017853</v>
      </c>
      <c r="J3293" s="40">
        <v>54.733313494047998</v>
      </c>
      <c r="K3293" s="40">
        <v>11.521656842589714</v>
      </c>
      <c r="L3293" s="40"/>
      <c r="M3293" s="40"/>
      <c r="N3293" s="40"/>
      <c r="Y3293">
        <v>37.450000000000003</v>
      </c>
      <c r="Z3293">
        <v>115.75</v>
      </c>
      <c r="AA3293">
        <v>8.224005</v>
      </c>
      <c r="AB3293">
        <v>-0.38891178101465368</v>
      </c>
    </row>
    <row r="3294" spans="4:28" x14ac:dyDescent="0.25">
      <c r="D3294" s="40">
        <v>54.764477000002422</v>
      </c>
      <c r="E3294" s="40">
        <v>18.434562175943235</v>
      </c>
      <c r="F3294" s="40">
        <v>54.75</v>
      </c>
      <c r="G3294" s="40">
        <v>15.975801961426374</v>
      </c>
      <c r="H3294" s="40">
        <v>54.75</v>
      </c>
      <c r="I3294" s="40">
        <v>12.465966030274615</v>
      </c>
      <c r="J3294" s="40">
        <v>54.749980154762298</v>
      </c>
      <c r="K3294" s="40">
        <v>11.521656842589714</v>
      </c>
      <c r="L3294" s="40"/>
      <c r="M3294" s="40"/>
      <c r="N3294" s="40"/>
      <c r="Y3294">
        <v>37.466667000000001</v>
      </c>
      <c r="Z3294">
        <v>115.766667</v>
      </c>
      <c r="AA3294">
        <v>8.2239719999999998</v>
      </c>
      <c r="AB3294">
        <v>-0.38931148479781574</v>
      </c>
    </row>
    <row r="3295" spans="4:28" x14ac:dyDescent="0.25">
      <c r="D3295" s="40">
        <v>54.781143000002423</v>
      </c>
      <c r="E3295" s="40">
        <v>18.434562175943235</v>
      </c>
      <c r="F3295" s="40">
        <v>54.766666999999984</v>
      </c>
      <c r="G3295" s="40">
        <v>15.980417345396274</v>
      </c>
      <c r="H3295" s="40">
        <v>54.766667000000012</v>
      </c>
      <c r="I3295" s="40">
        <v>12.469318766417873</v>
      </c>
      <c r="J3295" s="40">
        <v>54.766646815476598</v>
      </c>
      <c r="K3295" s="40">
        <v>11.526507886298946</v>
      </c>
      <c r="L3295" s="40"/>
      <c r="M3295" s="40"/>
      <c r="N3295" s="40"/>
      <c r="Y3295">
        <v>37.483333000000002</v>
      </c>
      <c r="Z3295">
        <v>115.783333</v>
      </c>
      <c r="AA3295">
        <v>8.2239380000000004</v>
      </c>
      <c r="AB3295">
        <v>-0.38972330081682205</v>
      </c>
    </row>
    <row r="3296" spans="4:28" x14ac:dyDescent="0.25">
      <c r="D3296" s="40">
        <v>54.797809000002424</v>
      </c>
      <c r="E3296" s="40">
        <v>18.434562175943235</v>
      </c>
      <c r="F3296" s="40">
        <v>54.783332999999999</v>
      </c>
      <c r="G3296" s="40">
        <v>15.985172589486368</v>
      </c>
      <c r="H3296" s="40">
        <v>54.783333999999996</v>
      </c>
      <c r="I3296" s="40">
        <v>12.469318766417873</v>
      </c>
      <c r="J3296" s="40">
        <v>54.783313476190898</v>
      </c>
      <c r="K3296" s="40">
        <v>11.526507886298946</v>
      </c>
      <c r="L3296" s="40"/>
      <c r="M3296" s="40"/>
      <c r="N3296" s="40"/>
      <c r="Y3296">
        <v>37.5</v>
      </c>
      <c r="Z3296">
        <v>115.8</v>
      </c>
      <c r="AA3296">
        <v>8.2239039999999992</v>
      </c>
      <c r="AB3296">
        <v>-0.39013511683584989</v>
      </c>
    </row>
    <row r="3297" spans="4:28" x14ac:dyDescent="0.25">
      <c r="D3297" s="40">
        <v>54.814475000002425</v>
      </c>
      <c r="E3297" s="40">
        <v>18.434562175943235</v>
      </c>
      <c r="F3297" s="40">
        <v>54.799999999999983</v>
      </c>
      <c r="G3297" s="40">
        <v>15.985172589486368</v>
      </c>
      <c r="H3297" s="40">
        <v>54.800000000000011</v>
      </c>
      <c r="I3297" s="40">
        <v>12.472671502561129</v>
      </c>
      <c r="J3297" s="40">
        <v>54.799980136905198</v>
      </c>
      <c r="K3297" s="40">
        <v>11.526507886298946</v>
      </c>
      <c r="L3297" s="40"/>
      <c r="M3297" s="40"/>
      <c r="N3297" s="40"/>
      <c r="Y3297">
        <v>37.516666999999998</v>
      </c>
      <c r="Z3297">
        <v>115.816667</v>
      </c>
      <c r="AA3297">
        <v>8.2238710000000008</v>
      </c>
      <c r="AB3297">
        <v>-0.39053482061899042</v>
      </c>
    </row>
    <row r="3298" spans="4:28" x14ac:dyDescent="0.25">
      <c r="D3298" s="40">
        <v>54.831141000002425</v>
      </c>
      <c r="E3298" s="40">
        <v>18.439405354532781</v>
      </c>
      <c r="F3298" s="40">
        <v>54.816666999999995</v>
      </c>
      <c r="G3298" s="40">
        <v>15.989927833576587</v>
      </c>
      <c r="H3298" s="40">
        <v>54.816666999999995</v>
      </c>
      <c r="I3298" s="40">
        <v>12.475925628817892</v>
      </c>
      <c r="J3298" s="40">
        <v>54.816646797619399</v>
      </c>
      <c r="K3298" s="40">
        <v>11.531216252252007</v>
      </c>
      <c r="L3298" s="40"/>
      <c r="M3298" s="40"/>
      <c r="N3298" s="40"/>
      <c r="Y3298">
        <v>37.533332999999999</v>
      </c>
      <c r="Z3298">
        <v>115.833333</v>
      </c>
      <c r="AA3298">
        <v>8.2238369999999996</v>
      </c>
      <c r="AB3298">
        <v>-0.39094663663801826</v>
      </c>
    </row>
    <row r="3299" spans="4:28" x14ac:dyDescent="0.25">
      <c r="D3299" s="40">
        <v>54.847807000002426</v>
      </c>
      <c r="E3299" s="40">
        <v>18.439405354532781</v>
      </c>
      <c r="F3299" s="40">
        <v>54.833332999999982</v>
      </c>
      <c r="G3299" s="40">
        <v>15.994543217546488</v>
      </c>
      <c r="H3299" s="40">
        <v>54.833334000000008</v>
      </c>
      <c r="I3299" s="40">
        <v>12.479278364961324</v>
      </c>
      <c r="J3299" s="40">
        <v>54.833313458333699</v>
      </c>
      <c r="K3299" s="40">
        <v>11.531216252252007</v>
      </c>
      <c r="L3299" s="40"/>
      <c r="M3299" s="40"/>
      <c r="N3299" s="40"/>
      <c r="Y3299">
        <v>37.549999999999997</v>
      </c>
      <c r="Z3299">
        <v>115.85</v>
      </c>
      <c r="AA3299">
        <v>8.2238369999999996</v>
      </c>
      <c r="AB3299">
        <v>-0.39094663663801826</v>
      </c>
    </row>
    <row r="3300" spans="4:28" x14ac:dyDescent="0.25">
      <c r="D3300" s="40">
        <v>54.864473000002427</v>
      </c>
      <c r="E3300" s="40">
        <v>18.439405354532781</v>
      </c>
      <c r="F3300" s="40">
        <v>54.849999999999994</v>
      </c>
      <c r="G3300" s="40">
        <v>15.999298461636581</v>
      </c>
      <c r="H3300" s="40">
        <v>54.849999999999994</v>
      </c>
      <c r="I3300" s="40">
        <v>12.479278364961324</v>
      </c>
      <c r="J3300" s="40">
        <v>54.849980119047999</v>
      </c>
      <c r="K3300" s="40">
        <v>11.531216252252007</v>
      </c>
      <c r="L3300" s="40"/>
      <c r="M3300" s="40"/>
      <c r="N3300" s="40"/>
      <c r="Y3300">
        <v>37.56666700000001</v>
      </c>
      <c r="Z3300">
        <v>115.86666700000001</v>
      </c>
      <c r="AA3300">
        <v>8.2238030000000002</v>
      </c>
      <c r="AB3300">
        <v>-0.39135845265702462</v>
      </c>
    </row>
    <row r="3301" spans="4:28" x14ac:dyDescent="0.25">
      <c r="D3301" s="40">
        <v>54.881139000002428</v>
      </c>
      <c r="E3301" s="40">
        <v>18.439405354532781</v>
      </c>
      <c r="F3301" s="59">
        <v>54.866667000000007</v>
      </c>
      <c r="G3301" s="59">
        <v>16.0040537057268</v>
      </c>
      <c r="H3301" s="40">
        <v>54.866667000000007</v>
      </c>
      <c r="I3301" s="40">
        <v>12.482631101104582</v>
      </c>
      <c r="J3301" s="40">
        <v>54.866646779762299</v>
      </c>
      <c r="K3301" s="40">
        <v>11.531216252252007</v>
      </c>
      <c r="L3301" s="59"/>
      <c r="M3301" s="59"/>
      <c r="N3301" s="59"/>
      <c r="Y3301">
        <v>37.583332999999996</v>
      </c>
      <c r="Z3301">
        <v>115.88333299999999</v>
      </c>
      <c r="AA3301">
        <v>8.22377</v>
      </c>
      <c r="AB3301">
        <v>-0.39175815644018663</v>
      </c>
    </row>
    <row r="3302" spans="4:28" x14ac:dyDescent="0.25">
      <c r="D3302" s="40">
        <v>54.897805000002428</v>
      </c>
      <c r="E3302" s="40">
        <v>18.439405354532781</v>
      </c>
      <c r="F3302" s="40">
        <v>54.883332999999993</v>
      </c>
      <c r="G3302" s="40">
        <v>16.0040537057268</v>
      </c>
      <c r="H3302" s="40">
        <v>54.883334000000019</v>
      </c>
      <c r="I3302" s="40">
        <v>12.485885227361345</v>
      </c>
      <c r="J3302" s="40">
        <v>54.883313440476599</v>
      </c>
      <c r="K3302" s="40">
        <v>11.531216252252007</v>
      </c>
      <c r="L3302" s="40"/>
      <c r="M3302" s="40"/>
      <c r="N3302" s="40"/>
      <c r="Y3302">
        <v>37.600000000000009</v>
      </c>
      <c r="Z3302">
        <v>115.9</v>
      </c>
      <c r="AA3302">
        <v>8.2237360000000006</v>
      </c>
      <c r="AB3302">
        <v>-0.39216997245919299</v>
      </c>
    </row>
    <row r="3303" spans="4:28" x14ac:dyDescent="0.25">
      <c r="D3303" s="40">
        <v>54.914471000002429</v>
      </c>
      <c r="E3303" s="40">
        <v>18.439405354532781</v>
      </c>
      <c r="F3303" s="40">
        <v>54.900000000000006</v>
      </c>
      <c r="G3303" s="40">
        <v>16.008669089696703</v>
      </c>
      <c r="H3303" s="40">
        <v>54.900000000000006</v>
      </c>
      <c r="I3303" s="40">
        <v>12.489237963504603</v>
      </c>
      <c r="J3303" s="40">
        <v>54.899980101190899</v>
      </c>
      <c r="K3303" s="40">
        <v>11.531216252252007</v>
      </c>
      <c r="L3303" s="40"/>
      <c r="M3303" s="40"/>
      <c r="N3303" s="40"/>
      <c r="Y3303">
        <v>37.616667000000007</v>
      </c>
      <c r="Z3303">
        <v>115.916667</v>
      </c>
      <c r="AA3303">
        <v>8.2237019999999994</v>
      </c>
      <c r="AB3303">
        <v>-0.39258178847822073</v>
      </c>
    </row>
    <row r="3304" spans="4:28" x14ac:dyDescent="0.25">
      <c r="D3304" s="40">
        <v>54.93113700000243</v>
      </c>
      <c r="E3304" s="40">
        <v>18.439405354532781</v>
      </c>
      <c r="F3304" s="40">
        <v>54.91666699999999</v>
      </c>
      <c r="G3304" s="40">
        <v>16.013424333786922</v>
      </c>
      <c r="H3304" s="40">
        <v>54.916667000000018</v>
      </c>
      <c r="I3304" s="40">
        <v>12.492590699648035</v>
      </c>
      <c r="J3304" s="40">
        <v>54.916646761905199</v>
      </c>
      <c r="K3304" s="40">
        <v>11.531216252252007</v>
      </c>
      <c r="L3304" s="40"/>
      <c r="M3304" s="40"/>
      <c r="N3304" s="40"/>
      <c r="Y3304">
        <v>37.633333000000007</v>
      </c>
      <c r="Z3304">
        <v>115.933333</v>
      </c>
      <c r="AA3304">
        <v>8.2236689999999992</v>
      </c>
      <c r="AB3304">
        <v>-0.39298149226138285</v>
      </c>
    </row>
    <row r="3305" spans="4:28" x14ac:dyDescent="0.25">
      <c r="D3305" s="40">
        <v>54.94780300000243</v>
      </c>
      <c r="E3305" s="40">
        <v>18.439405354532781</v>
      </c>
      <c r="F3305" s="40">
        <v>54.933333000000005</v>
      </c>
      <c r="G3305" s="40">
        <v>16.018179577877017</v>
      </c>
      <c r="H3305" s="40">
        <v>54.933334000000002</v>
      </c>
      <c r="I3305" s="40">
        <v>12.495844825904623</v>
      </c>
      <c r="J3305" s="40">
        <v>54.933313422619499</v>
      </c>
      <c r="K3305" s="40">
        <v>11.531216252252007</v>
      </c>
      <c r="L3305" s="40"/>
      <c r="M3305" s="40"/>
      <c r="N3305" s="40"/>
      <c r="Y3305">
        <v>37.650000000000006</v>
      </c>
      <c r="Z3305">
        <v>115.95</v>
      </c>
      <c r="AA3305">
        <v>8.2236349999999998</v>
      </c>
      <c r="AB3305">
        <v>-0.39339330828038921</v>
      </c>
    </row>
    <row r="3306" spans="4:28" x14ac:dyDescent="0.25">
      <c r="D3306" s="40">
        <v>54.964469000002431</v>
      </c>
      <c r="E3306" s="40">
        <v>18.439405354532781</v>
      </c>
      <c r="F3306" s="40">
        <v>54.949999999999989</v>
      </c>
      <c r="G3306" s="40">
        <v>16.018179577877017</v>
      </c>
      <c r="H3306" s="40">
        <v>54.950000000000017</v>
      </c>
      <c r="I3306" s="40">
        <v>12.495844825904623</v>
      </c>
      <c r="J3306" s="40">
        <v>54.949980083333699</v>
      </c>
      <c r="K3306" s="40">
        <v>11.531216252252007</v>
      </c>
      <c r="L3306" s="40"/>
      <c r="M3306" s="40"/>
      <c r="N3306" s="40"/>
      <c r="Y3306">
        <v>37.666667000000004</v>
      </c>
      <c r="Z3306">
        <v>115.966667</v>
      </c>
      <c r="AA3306">
        <v>8.2236010000000004</v>
      </c>
      <c r="AB3306">
        <v>-0.39380512429939546</v>
      </c>
    </row>
    <row r="3307" spans="4:28" x14ac:dyDescent="0.25">
      <c r="D3307" s="40">
        <v>54.981135000002432</v>
      </c>
      <c r="E3307" s="40">
        <v>18.444106086693083</v>
      </c>
      <c r="F3307" s="40">
        <v>54.966667000000001</v>
      </c>
      <c r="G3307" s="40">
        <v>16.02279496184692</v>
      </c>
      <c r="H3307" s="40">
        <v>54.966667000000001</v>
      </c>
      <c r="I3307" s="40">
        <v>12.499197562048055</v>
      </c>
      <c r="J3307" s="40">
        <v>54.966646744047999</v>
      </c>
      <c r="K3307" s="40">
        <v>11.531216252252007</v>
      </c>
      <c r="L3307" s="40"/>
      <c r="M3307" s="40"/>
      <c r="N3307" s="40"/>
      <c r="Y3307">
        <v>37.683333000000005</v>
      </c>
      <c r="Z3307">
        <v>115.983333</v>
      </c>
      <c r="AA3307">
        <v>8.2236010000000004</v>
      </c>
      <c r="AB3307">
        <v>-0.39380512429939546</v>
      </c>
    </row>
    <row r="3308" spans="4:28" x14ac:dyDescent="0.25">
      <c r="D3308" s="40">
        <v>54.997801000002433</v>
      </c>
      <c r="E3308" s="40">
        <v>18.444106086693083</v>
      </c>
      <c r="F3308" s="40">
        <v>54.983332999999988</v>
      </c>
      <c r="G3308" s="40">
        <v>16.027550205937136</v>
      </c>
      <c r="H3308" s="40">
        <v>54.983334000000013</v>
      </c>
      <c r="I3308" s="40">
        <v>12.502550298191313</v>
      </c>
      <c r="J3308" s="40">
        <v>54.983313404762299</v>
      </c>
      <c r="K3308" s="40">
        <v>11.531216252252007</v>
      </c>
      <c r="L3308" s="40"/>
      <c r="M3308" s="40"/>
      <c r="N3308" s="40"/>
      <c r="Y3308">
        <v>37.700000000000003</v>
      </c>
      <c r="Z3308">
        <v>116</v>
      </c>
      <c r="AA3308">
        <v>8.2235680000000002</v>
      </c>
      <c r="AB3308">
        <v>-0.39420482808255758</v>
      </c>
    </row>
    <row r="3309" spans="4:28" x14ac:dyDescent="0.25">
      <c r="D3309" s="40">
        <v>55.014467000002433</v>
      </c>
      <c r="E3309" s="40">
        <v>18.444106086693083</v>
      </c>
      <c r="F3309" s="40">
        <v>55</v>
      </c>
      <c r="G3309" s="40">
        <v>16.032305450027231</v>
      </c>
      <c r="H3309" s="40">
        <v>55</v>
      </c>
      <c r="I3309" s="40">
        <v>12.502550298191313</v>
      </c>
      <c r="J3309" s="40">
        <v>54.999980065476599</v>
      </c>
      <c r="K3309" s="40">
        <v>11.526507886298946</v>
      </c>
      <c r="L3309" s="40"/>
      <c r="M3309" s="40"/>
      <c r="N3309" s="40"/>
      <c r="Y3309">
        <v>37.716667000000001</v>
      </c>
      <c r="Z3309">
        <v>116.016667</v>
      </c>
      <c r="AA3309">
        <v>8.2235340000000008</v>
      </c>
      <c r="AB3309">
        <v>-0.39461664410156383</v>
      </c>
    </row>
    <row r="3310" spans="4:28" x14ac:dyDescent="0.25">
      <c r="D3310" s="40">
        <v>55.031133000002434</v>
      </c>
      <c r="E3310" s="40">
        <v>18.448949265282629</v>
      </c>
      <c r="F3310" s="40">
        <v>55.016666999999984</v>
      </c>
      <c r="G3310" s="40">
        <v>16.032305450027231</v>
      </c>
      <c r="H3310" s="40">
        <v>55.016667000000012</v>
      </c>
      <c r="I3310" s="40">
        <v>12.505804424448076</v>
      </c>
      <c r="J3310" s="40">
        <v>55.016646726190899</v>
      </c>
      <c r="K3310" s="40">
        <v>11.526507886298946</v>
      </c>
      <c r="L3310" s="40"/>
      <c r="M3310" s="40"/>
      <c r="N3310" s="40"/>
      <c r="Y3310">
        <v>37.733333000000002</v>
      </c>
      <c r="Z3310">
        <v>116.033333</v>
      </c>
      <c r="AA3310">
        <v>8.2234999999999996</v>
      </c>
      <c r="AB3310">
        <v>-0.39502846012059167</v>
      </c>
    </row>
    <row r="3311" spans="4:28" x14ac:dyDescent="0.25">
      <c r="D3311" s="40">
        <v>55.047799000002435</v>
      </c>
      <c r="E3311" s="40">
        <v>18.448949265282629</v>
      </c>
      <c r="F3311" s="40">
        <v>55.033332999999999</v>
      </c>
      <c r="G3311" s="40">
        <v>16.036920833997133</v>
      </c>
      <c r="H3311" s="40">
        <v>55.033333999999996</v>
      </c>
      <c r="I3311" s="40">
        <v>12.509157160591332</v>
      </c>
      <c r="J3311" s="40">
        <v>55.033313386905199</v>
      </c>
      <c r="K3311" s="40">
        <v>11.526507886298946</v>
      </c>
      <c r="L3311" s="40"/>
      <c r="M3311" s="40"/>
      <c r="N3311" s="40"/>
      <c r="Y3311">
        <v>37.75</v>
      </c>
      <c r="Z3311">
        <v>116.05</v>
      </c>
      <c r="AA3311">
        <v>8.2234669999999994</v>
      </c>
      <c r="AB3311">
        <v>-0.39542816390375368</v>
      </c>
    </row>
    <row r="3312" spans="4:28" x14ac:dyDescent="0.25">
      <c r="D3312" s="40">
        <v>55.064465000002436</v>
      </c>
      <c r="E3312" s="40">
        <v>18.448949265282629</v>
      </c>
      <c r="F3312" s="40">
        <v>55.049999999999983</v>
      </c>
      <c r="G3312" s="40">
        <v>16.041676078087349</v>
      </c>
      <c r="H3312" s="40">
        <v>55.050000000000011</v>
      </c>
      <c r="I3312" s="40">
        <v>12.509157160591332</v>
      </c>
      <c r="J3312" s="40">
        <v>55.049980047619499</v>
      </c>
      <c r="K3312" s="40">
        <v>11.526507886298946</v>
      </c>
      <c r="L3312" s="40"/>
      <c r="M3312" s="40"/>
      <c r="N3312" s="40"/>
      <c r="Y3312">
        <v>37.766666999999998</v>
      </c>
      <c r="Z3312">
        <v>116.066667</v>
      </c>
      <c r="AA3312">
        <v>8.223433</v>
      </c>
      <c r="AB3312">
        <v>-0.39583997992276004</v>
      </c>
    </row>
    <row r="3313" spans="4:28" x14ac:dyDescent="0.25">
      <c r="D3313" s="40">
        <v>55.081131000002436</v>
      </c>
      <c r="E3313" s="40">
        <v>18.448949265282629</v>
      </c>
      <c r="F3313" s="40">
        <v>55.066666999999995</v>
      </c>
      <c r="G3313" s="40">
        <v>16.041676078087349</v>
      </c>
      <c r="H3313" s="40">
        <v>55.066666999999995</v>
      </c>
      <c r="I3313" s="40">
        <v>12.512509896734764</v>
      </c>
      <c r="J3313" s="40">
        <v>55.0666467083337</v>
      </c>
      <c r="K3313" s="40">
        <v>11.526507886298946</v>
      </c>
      <c r="L3313" s="40"/>
      <c r="M3313" s="40"/>
      <c r="N3313" s="40"/>
      <c r="Y3313">
        <v>37.783332999999999</v>
      </c>
      <c r="Z3313">
        <v>116.083333</v>
      </c>
      <c r="AA3313">
        <v>8.2233990000000006</v>
      </c>
      <c r="AB3313">
        <v>-0.3962517959417664</v>
      </c>
    </row>
    <row r="3314" spans="4:28" x14ac:dyDescent="0.25">
      <c r="D3314" s="40">
        <v>55.097797000002437</v>
      </c>
      <c r="E3314" s="40">
        <v>18.453792443872175</v>
      </c>
      <c r="F3314" s="40">
        <v>55.083332999999982</v>
      </c>
      <c r="G3314" s="40">
        <v>16.046431322177447</v>
      </c>
      <c r="H3314" s="40">
        <v>55.083334000000008</v>
      </c>
      <c r="I3314" s="40">
        <v>12.512509896734764</v>
      </c>
      <c r="J3314" s="40">
        <v>55.083313369048</v>
      </c>
      <c r="K3314" s="40">
        <v>11.531216252252007</v>
      </c>
      <c r="L3314" s="40"/>
      <c r="M3314" s="40"/>
      <c r="N3314" s="40"/>
      <c r="Y3314">
        <v>37.799999999999997</v>
      </c>
      <c r="Z3314">
        <v>116.1</v>
      </c>
      <c r="AA3314">
        <v>8.2233990000000006</v>
      </c>
      <c r="AB3314">
        <v>-0.3962517959417664</v>
      </c>
    </row>
    <row r="3315" spans="4:28" x14ac:dyDescent="0.25">
      <c r="D3315" s="40">
        <v>55.114463000002438</v>
      </c>
      <c r="E3315" s="40">
        <v>18.453792443872175</v>
      </c>
      <c r="F3315" s="40">
        <v>55.099999999999994</v>
      </c>
      <c r="G3315" s="40">
        <v>16.05104670614735</v>
      </c>
      <c r="H3315" s="40">
        <v>55.099999999999994</v>
      </c>
      <c r="I3315" s="40">
        <v>12.515862632878022</v>
      </c>
      <c r="J3315" s="40">
        <v>55.0999800297623</v>
      </c>
      <c r="K3315" s="40">
        <v>11.531216252252007</v>
      </c>
      <c r="L3315" s="40"/>
      <c r="M3315" s="40"/>
      <c r="N3315" s="40"/>
      <c r="Y3315">
        <v>37.81666700000001</v>
      </c>
      <c r="Z3315">
        <v>116.11666700000001</v>
      </c>
      <c r="AA3315">
        <v>8.2233660000000004</v>
      </c>
      <c r="AB3315">
        <v>-0.39665149972492841</v>
      </c>
    </row>
    <row r="3316" spans="4:28" x14ac:dyDescent="0.25">
      <c r="D3316" s="40">
        <v>55.131129000002439</v>
      </c>
      <c r="E3316" s="40">
        <v>18.458493176032601</v>
      </c>
      <c r="F3316" s="40">
        <v>55.116667000000007</v>
      </c>
      <c r="G3316" s="40">
        <v>16.055801950237566</v>
      </c>
      <c r="H3316" s="40">
        <v>55.116667000000007</v>
      </c>
      <c r="I3316" s="40">
        <v>12.515862632878022</v>
      </c>
      <c r="J3316" s="40">
        <v>55.1166466904766</v>
      </c>
      <c r="K3316" s="40">
        <v>11.531216252252007</v>
      </c>
      <c r="L3316" s="40"/>
      <c r="M3316" s="40"/>
      <c r="N3316" s="40"/>
      <c r="Y3316">
        <v>37.833332999999996</v>
      </c>
      <c r="Z3316">
        <v>116.13333299999999</v>
      </c>
      <c r="AA3316">
        <v>8.2233319999999992</v>
      </c>
      <c r="AB3316">
        <v>-0.39706331574395626</v>
      </c>
    </row>
    <row r="3317" spans="4:28" x14ac:dyDescent="0.25">
      <c r="D3317" s="40">
        <v>55.147795000002439</v>
      </c>
      <c r="E3317" s="40">
        <v>18.463336354622022</v>
      </c>
      <c r="F3317" s="40">
        <v>55.133332999999993</v>
      </c>
      <c r="G3317" s="40">
        <v>16.060557194327661</v>
      </c>
      <c r="H3317" s="40">
        <v>55.133334000000019</v>
      </c>
      <c r="I3317" s="40">
        <v>12.519116759134786</v>
      </c>
      <c r="J3317" s="40">
        <v>55.1333133511909</v>
      </c>
      <c r="K3317" s="40">
        <v>11.531216252252007</v>
      </c>
      <c r="L3317" s="40"/>
      <c r="M3317" s="40"/>
      <c r="N3317" s="40"/>
      <c r="Y3317">
        <v>37.850000000000009</v>
      </c>
      <c r="Z3317">
        <v>116.15</v>
      </c>
      <c r="AA3317">
        <v>8.2233319999999992</v>
      </c>
      <c r="AB3317">
        <v>-0.39706331574395626</v>
      </c>
    </row>
    <row r="3318" spans="4:28" x14ac:dyDescent="0.25">
      <c r="D3318" s="40">
        <v>55.16446100000244</v>
      </c>
      <c r="E3318" s="40">
        <v>18.468179533211572</v>
      </c>
      <c r="F3318" s="40">
        <v>55.150000000000006</v>
      </c>
      <c r="G3318" s="40">
        <v>16.065172578297563</v>
      </c>
      <c r="H3318" s="40">
        <v>55.150000000000006</v>
      </c>
      <c r="I3318" s="40">
        <v>12.522469495278042</v>
      </c>
      <c r="J3318" s="40">
        <v>55.1499800119052</v>
      </c>
      <c r="K3318" s="40">
        <v>11.536067295961113</v>
      </c>
      <c r="L3318" s="40"/>
      <c r="M3318" s="40"/>
      <c r="N3318" s="40"/>
      <c r="Y3318">
        <v>37.866667000000007</v>
      </c>
      <c r="Z3318">
        <v>116.166667</v>
      </c>
      <c r="AA3318">
        <v>8.2233319999999992</v>
      </c>
      <c r="AB3318">
        <v>-0.39706331574395626</v>
      </c>
    </row>
    <row r="3319" spans="4:28" x14ac:dyDescent="0.25">
      <c r="D3319" s="40">
        <v>55.181127000002441</v>
      </c>
      <c r="E3319" s="40">
        <v>18.472880265371998</v>
      </c>
      <c r="F3319" s="40">
        <v>55.16666699999999</v>
      </c>
      <c r="G3319" s="40">
        <v>16.069927822387779</v>
      </c>
      <c r="H3319" s="40">
        <v>55.166667000000018</v>
      </c>
      <c r="I3319" s="40">
        <v>12.522469495278042</v>
      </c>
      <c r="J3319" s="40">
        <v>55.1666466726195</v>
      </c>
      <c r="K3319" s="40">
        <v>11.536067295961113</v>
      </c>
      <c r="L3319" s="40"/>
      <c r="M3319" s="40"/>
      <c r="N3319" s="40"/>
      <c r="Y3319">
        <v>37.883333000000007</v>
      </c>
      <c r="Z3319">
        <v>116.183333</v>
      </c>
      <c r="AA3319">
        <v>8.2232979999999998</v>
      </c>
      <c r="AB3319">
        <v>-0.39747513176296262</v>
      </c>
    </row>
    <row r="3320" spans="4:28" x14ac:dyDescent="0.25">
      <c r="D3320" s="40">
        <v>55.197793000002441</v>
      </c>
      <c r="E3320" s="40">
        <v>18.47772344396142</v>
      </c>
      <c r="F3320" s="40">
        <v>55.183333000000005</v>
      </c>
      <c r="G3320" s="40">
        <v>16.074683066477998</v>
      </c>
      <c r="H3320" s="40">
        <v>55.183334000000002</v>
      </c>
      <c r="I3320" s="40">
        <v>12.522469495278042</v>
      </c>
      <c r="J3320" s="40">
        <v>55.1833133333337</v>
      </c>
      <c r="K3320" s="40">
        <v>11.536067295961113</v>
      </c>
      <c r="L3320" s="40"/>
      <c r="M3320" s="40"/>
      <c r="N3320" s="40"/>
      <c r="Y3320">
        <v>37.900000000000006</v>
      </c>
      <c r="Z3320">
        <v>116.2</v>
      </c>
      <c r="AA3320">
        <v>8.2232649999999996</v>
      </c>
      <c r="AB3320">
        <v>-0.39787483554612463</v>
      </c>
    </row>
    <row r="3321" spans="4:28" x14ac:dyDescent="0.25">
      <c r="D3321" s="40">
        <v>55.214459000002442</v>
      </c>
      <c r="E3321" s="40">
        <v>18.482566622550969</v>
      </c>
      <c r="F3321" s="40">
        <v>55.199999999999989</v>
      </c>
      <c r="G3321" s="40">
        <v>16.074683066477998</v>
      </c>
      <c r="H3321" s="40">
        <v>55.200000000000017</v>
      </c>
      <c r="I3321" s="40">
        <v>12.525822231421476</v>
      </c>
      <c r="J3321" s="40">
        <v>55.199979994048</v>
      </c>
      <c r="K3321" s="40">
        <v>11.536067295961113</v>
      </c>
      <c r="L3321" s="40"/>
      <c r="M3321" s="40"/>
      <c r="N3321" s="40"/>
      <c r="Y3321">
        <v>37.916667000000004</v>
      </c>
      <c r="Z3321">
        <v>116.216667</v>
      </c>
      <c r="AA3321">
        <v>8.2232649999999996</v>
      </c>
      <c r="AB3321">
        <v>-0.39787483554612463</v>
      </c>
    </row>
    <row r="3322" spans="4:28" x14ac:dyDescent="0.25">
      <c r="D3322" s="40">
        <v>55.231125000002443</v>
      </c>
      <c r="E3322" s="40">
        <v>18.482566622550969</v>
      </c>
      <c r="F3322" s="40">
        <v>55.216667000000001</v>
      </c>
      <c r="G3322" s="40">
        <v>16.079298450447777</v>
      </c>
      <c r="H3322" s="40">
        <v>55.216667000000001</v>
      </c>
      <c r="I3322" s="40">
        <v>12.525822231421476</v>
      </c>
      <c r="J3322" s="40">
        <v>55.2166466547623</v>
      </c>
      <c r="K3322" s="40">
        <v>11.536067295961113</v>
      </c>
      <c r="L3322" s="40"/>
      <c r="M3322" s="40"/>
      <c r="N3322" s="40"/>
      <c r="Y3322">
        <v>37.933333000000005</v>
      </c>
      <c r="Z3322">
        <v>116.233333</v>
      </c>
      <c r="AA3322">
        <v>8.2232310000000002</v>
      </c>
      <c r="AB3322">
        <v>-0.39828665156513099</v>
      </c>
    </row>
    <row r="3323" spans="4:28" x14ac:dyDescent="0.25">
      <c r="D3323" s="40">
        <v>55.247791000002444</v>
      </c>
      <c r="E3323" s="40">
        <v>18.487267354711395</v>
      </c>
      <c r="F3323" s="40">
        <v>55.233332999999988</v>
      </c>
      <c r="G3323" s="40">
        <v>16.084053694537992</v>
      </c>
      <c r="H3323" s="40">
        <v>55.233334000000013</v>
      </c>
      <c r="I3323" s="40">
        <v>12.529076357678063</v>
      </c>
      <c r="J3323" s="40">
        <v>55.2333133154766</v>
      </c>
      <c r="K3323" s="40">
        <v>11.536067295961113</v>
      </c>
      <c r="L3323" s="40"/>
      <c r="M3323" s="40"/>
      <c r="N3323" s="40"/>
      <c r="Y3323">
        <v>37.950000000000003</v>
      </c>
      <c r="Z3323">
        <v>116.25</v>
      </c>
      <c r="AA3323">
        <v>8.2232310000000002</v>
      </c>
      <c r="AB3323">
        <v>-0.39828665156513099</v>
      </c>
    </row>
    <row r="3324" spans="4:28" x14ac:dyDescent="0.25">
      <c r="D3324" s="40">
        <v>55.264457000002444</v>
      </c>
      <c r="E3324" s="40">
        <v>18.496953711890363</v>
      </c>
      <c r="F3324" s="40">
        <v>55.25</v>
      </c>
      <c r="G3324" s="40">
        <v>16.084053694537992</v>
      </c>
      <c r="H3324" s="40">
        <v>55.25</v>
      </c>
      <c r="I3324" s="40">
        <v>12.529076357678063</v>
      </c>
      <c r="J3324" s="40">
        <v>55.2499799761909</v>
      </c>
      <c r="K3324" s="40">
        <v>11.536067295961113</v>
      </c>
      <c r="L3324" s="40"/>
      <c r="M3324" s="40"/>
      <c r="N3324" s="40"/>
      <c r="Y3324">
        <v>37.966667000000001</v>
      </c>
      <c r="Z3324">
        <v>116.266667</v>
      </c>
      <c r="AA3324">
        <v>8.223198</v>
      </c>
      <c r="AB3324">
        <v>-0.398686355348293</v>
      </c>
    </row>
    <row r="3325" spans="4:28" x14ac:dyDescent="0.25">
      <c r="D3325" s="40">
        <v>55.281123000002445</v>
      </c>
      <c r="E3325" s="40">
        <v>18.496953711890363</v>
      </c>
      <c r="F3325" s="40">
        <v>55.266666999999984</v>
      </c>
      <c r="G3325" s="40">
        <v>16.088808938628212</v>
      </c>
      <c r="H3325" s="40">
        <v>55.266667000000012</v>
      </c>
      <c r="I3325" s="40">
        <v>12.532429093821495</v>
      </c>
      <c r="J3325" s="40">
        <v>55.2666466369052</v>
      </c>
      <c r="K3325" s="40">
        <v>11.536067295961113</v>
      </c>
      <c r="L3325" s="40"/>
      <c r="M3325" s="40"/>
      <c r="N3325" s="40"/>
      <c r="Y3325">
        <v>37.983333000000002</v>
      </c>
      <c r="Z3325">
        <v>116.283333</v>
      </c>
      <c r="AA3325">
        <v>8.2231640000000006</v>
      </c>
      <c r="AB3325">
        <v>-0.3990981713672993</v>
      </c>
    </row>
    <row r="3326" spans="4:28" x14ac:dyDescent="0.25">
      <c r="D3326" s="40">
        <v>55.297789000002446</v>
      </c>
      <c r="E3326" s="40">
        <v>18.501654444050789</v>
      </c>
      <c r="F3326" s="40">
        <v>55.283332999999999</v>
      </c>
      <c r="G3326" s="40">
        <v>16.088808938628212</v>
      </c>
      <c r="H3326" s="40">
        <v>55.283333999999996</v>
      </c>
      <c r="I3326" s="40">
        <v>12.532429093821495</v>
      </c>
      <c r="J3326" s="40">
        <v>55.2833132976195</v>
      </c>
      <c r="K3326" s="40">
        <v>11.536067295961113</v>
      </c>
      <c r="L3326" s="40"/>
      <c r="M3326" s="40"/>
      <c r="N3326" s="40"/>
      <c r="Y3326">
        <v>38</v>
      </c>
      <c r="Z3326">
        <v>116.3</v>
      </c>
      <c r="AA3326">
        <v>8.2231640000000006</v>
      </c>
      <c r="AB3326">
        <v>-0.3990981713672993</v>
      </c>
    </row>
    <row r="3327" spans="4:28" x14ac:dyDescent="0.25">
      <c r="D3327" s="40">
        <v>55.314455000002447</v>
      </c>
      <c r="E3327" s="40">
        <v>18.506497622640339</v>
      </c>
      <c r="F3327" s="40">
        <v>55.299999999999983</v>
      </c>
      <c r="G3327" s="40">
        <v>16.09356418271831</v>
      </c>
      <c r="H3327" s="40">
        <v>55.300000000000011</v>
      </c>
      <c r="I3327" s="40">
        <v>12.532429093821495</v>
      </c>
      <c r="J3327" s="40">
        <v>55.299979958333701</v>
      </c>
      <c r="K3327" s="40">
        <v>11.536067295961113</v>
      </c>
      <c r="L3327" s="40"/>
      <c r="M3327" s="40"/>
      <c r="N3327" s="40"/>
      <c r="Y3327">
        <v>38.016666999999998</v>
      </c>
      <c r="Z3327">
        <v>116.316667</v>
      </c>
      <c r="AA3327">
        <v>8.2231299999999994</v>
      </c>
      <c r="AB3327">
        <v>-0.3995099873863272</v>
      </c>
    </row>
    <row r="3328" spans="4:28" x14ac:dyDescent="0.25">
      <c r="D3328" s="40">
        <v>55.331121000002447</v>
      </c>
      <c r="E3328" s="40">
        <v>18.51134080122976</v>
      </c>
      <c r="F3328" s="40">
        <v>55.316666999999995</v>
      </c>
      <c r="G3328" s="40">
        <v>16.098179566688209</v>
      </c>
      <c r="H3328" s="40">
        <v>55.316666999999995</v>
      </c>
      <c r="I3328" s="40">
        <v>12.535781829964753</v>
      </c>
      <c r="J3328" s="40">
        <v>55.316646619048001</v>
      </c>
      <c r="K3328" s="40">
        <v>11.536067295961113</v>
      </c>
      <c r="L3328" s="40"/>
      <c r="M3328" s="40"/>
      <c r="N3328" s="40"/>
      <c r="Y3328">
        <v>38.033332999999999</v>
      </c>
      <c r="Z3328">
        <v>116.333333</v>
      </c>
      <c r="AA3328">
        <v>8.2230969999999992</v>
      </c>
      <c r="AB3328">
        <v>-0.39990969116948921</v>
      </c>
    </row>
    <row r="3329" spans="4:28" x14ac:dyDescent="0.25">
      <c r="D3329" s="40">
        <v>55.347787000002448</v>
      </c>
      <c r="E3329" s="40">
        <v>18.516041533390183</v>
      </c>
      <c r="F3329" s="40">
        <v>55.333332999999982</v>
      </c>
      <c r="G3329" s="40">
        <v>16.098179566688209</v>
      </c>
      <c r="H3329" s="40">
        <v>55.333334000000008</v>
      </c>
      <c r="I3329" s="40">
        <v>12.535781829964753</v>
      </c>
      <c r="J3329" s="40">
        <v>55.333313279762301</v>
      </c>
      <c r="K3329" s="40">
        <v>11.536067295961113</v>
      </c>
      <c r="L3329" s="40"/>
      <c r="M3329" s="40"/>
      <c r="N3329" s="40"/>
      <c r="Y3329">
        <v>38.049999999999997</v>
      </c>
      <c r="Z3329">
        <v>116.35</v>
      </c>
      <c r="AA3329">
        <v>8.2230969999999992</v>
      </c>
      <c r="AB3329">
        <v>-0.39990969116948921</v>
      </c>
    </row>
    <row r="3330" spans="4:28" x14ac:dyDescent="0.25">
      <c r="D3330" s="40">
        <v>55.364453000002449</v>
      </c>
      <c r="E3330" s="40">
        <v>18.516041533390183</v>
      </c>
      <c r="F3330" s="40">
        <v>55.349999999999994</v>
      </c>
      <c r="G3330" s="40">
        <v>16.102934810778429</v>
      </c>
      <c r="H3330" s="40">
        <v>55.349999999999994</v>
      </c>
      <c r="I3330" s="40">
        <v>12.535781829964753</v>
      </c>
      <c r="J3330" s="40">
        <v>55.349979940476601</v>
      </c>
      <c r="K3330" s="40">
        <v>11.540918339670345</v>
      </c>
      <c r="L3330" s="40"/>
      <c r="M3330" s="40"/>
      <c r="N3330" s="40"/>
      <c r="Y3330">
        <v>38.06666700000001</v>
      </c>
      <c r="Z3330">
        <v>116.36666700000001</v>
      </c>
      <c r="AA3330">
        <v>8.2230629999999998</v>
      </c>
      <c r="AB3330">
        <v>-0.40032150718849557</v>
      </c>
    </row>
    <row r="3331" spans="4:28" x14ac:dyDescent="0.25">
      <c r="D3331" s="40">
        <v>55.38111900000245</v>
      </c>
      <c r="E3331" s="40">
        <v>18.520884711979733</v>
      </c>
      <c r="F3331" s="40">
        <v>55.366667000000007</v>
      </c>
      <c r="G3331" s="40">
        <v>16.107690054868524</v>
      </c>
      <c r="H3331" s="40">
        <v>55.366667000000007</v>
      </c>
      <c r="I3331" s="40">
        <v>12.539035956221516</v>
      </c>
      <c r="J3331" s="40">
        <v>55.366646601190901</v>
      </c>
      <c r="K3331" s="40">
        <v>11.540918339670345</v>
      </c>
      <c r="L3331" s="40"/>
      <c r="M3331" s="40"/>
      <c r="N3331" s="40"/>
      <c r="Y3331">
        <v>38.083332999999996</v>
      </c>
      <c r="Z3331">
        <v>116.38333299999999</v>
      </c>
      <c r="AA3331">
        <v>8.2230629999999998</v>
      </c>
      <c r="AB3331">
        <v>-0.40032150718849557</v>
      </c>
    </row>
    <row r="3332" spans="4:28" x14ac:dyDescent="0.25">
      <c r="D3332" s="40">
        <v>55.39778500000245</v>
      </c>
      <c r="E3332" s="40">
        <v>18.520884711979733</v>
      </c>
      <c r="F3332" s="40">
        <v>55.383332999999993</v>
      </c>
      <c r="G3332" s="40">
        <v>16.112305438838423</v>
      </c>
      <c r="H3332" s="40">
        <v>55.383334000000019</v>
      </c>
      <c r="I3332" s="40">
        <v>12.539035956221516</v>
      </c>
      <c r="J3332" s="40">
        <v>55.383313261905201</v>
      </c>
      <c r="K3332" s="40">
        <v>11.545626705623404</v>
      </c>
      <c r="L3332" s="40"/>
      <c r="M3332" s="40"/>
      <c r="N3332" s="40"/>
      <c r="Y3332">
        <v>38.100000000000009</v>
      </c>
      <c r="Z3332">
        <v>116.4</v>
      </c>
      <c r="AA3332">
        <v>8.2230290000000004</v>
      </c>
      <c r="AB3332">
        <v>-0.40073332320750182</v>
      </c>
    </row>
    <row r="3333" spans="4:28" x14ac:dyDescent="0.25">
      <c r="D3333" s="40">
        <v>55.414451000002451</v>
      </c>
      <c r="E3333" s="40">
        <v>18.520884711979733</v>
      </c>
      <c r="F3333" s="40">
        <v>55.400000000000006</v>
      </c>
      <c r="G3333" s="40">
        <v>16.112305438838423</v>
      </c>
      <c r="H3333" s="40">
        <v>55.400000000000006</v>
      </c>
      <c r="I3333" s="40">
        <v>12.542388692364772</v>
      </c>
      <c r="J3333" s="40">
        <v>55.399979922619501</v>
      </c>
      <c r="K3333" s="40">
        <v>11.545626705623404</v>
      </c>
      <c r="L3333" s="40"/>
      <c r="M3333" s="40"/>
      <c r="N3333" s="40"/>
      <c r="Y3333">
        <v>38.116667000000007</v>
      </c>
      <c r="Z3333">
        <v>116.416667</v>
      </c>
      <c r="AA3333">
        <v>8.2229960000000002</v>
      </c>
      <c r="AB3333">
        <v>-0.40113302699066389</v>
      </c>
    </row>
    <row r="3334" spans="4:28" x14ac:dyDescent="0.25">
      <c r="D3334" s="40">
        <v>55.431117000002452</v>
      </c>
      <c r="E3334" s="40">
        <v>18.520884711979733</v>
      </c>
      <c r="F3334" s="40">
        <v>55.41666699999999</v>
      </c>
      <c r="G3334" s="40">
        <v>16.117060682928642</v>
      </c>
      <c r="H3334" s="40">
        <v>55.416667000000018</v>
      </c>
      <c r="I3334" s="40">
        <v>12.545741428508206</v>
      </c>
      <c r="J3334" s="40">
        <v>55.416646583333701</v>
      </c>
      <c r="K3334" s="40">
        <v>11.545626705623404</v>
      </c>
      <c r="L3334" s="40"/>
      <c r="M3334" s="40"/>
      <c r="N3334" s="40"/>
      <c r="Y3334">
        <v>38.133333000000007</v>
      </c>
      <c r="Z3334">
        <v>116.433333</v>
      </c>
      <c r="AA3334">
        <v>8.2229960000000002</v>
      </c>
      <c r="AB3334">
        <v>-0.40113302699066389</v>
      </c>
    </row>
    <row r="3335" spans="4:28" x14ac:dyDescent="0.25">
      <c r="D3335" s="40">
        <v>55.447783000002453</v>
      </c>
      <c r="E3335" s="40">
        <v>18.520884711979733</v>
      </c>
      <c r="F3335" s="40">
        <v>55.433333000000005</v>
      </c>
      <c r="G3335" s="40">
        <v>16.117060682928642</v>
      </c>
      <c r="H3335" s="40">
        <v>55.433334000000002</v>
      </c>
      <c r="I3335" s="40">
        <v>12.545741428508206</v>
      </c>
      <c r="J3335" s="40">
        <v>55.433313244048001</v>
      </c>
      <c r="K3335" s="40">
        <v>11.545626705623404</v>
      </c>
      <c r="L3335" s="40"/>
      <c r="M3335" s="40"/>
      <c r="N3335" s="40"/>
      <c r="Y3335">
        <v>38.150000000000006</v>
      </c>
      <c r="Z3335">
        <v>116.45</v>
      </c>
      <c r="AA3335">
        <v>8.2229620000000008</v>
      </c>
      <c r="AB3335">
        <v>-0.40154484300967019</v>
      </c>
    </row>
    <row r="3336" spans="4:28" x14ac:dyDescent="0.25">
      <c r="D3336" s="40">
        <v>55.464449000002453</v>
      </c>
      <c r="E3336" s="40">
        <v>18.525727890569154</v>
      </c>
      <c r="F3336" s="40">
        <v>55.449999999999989</v>
      </c>
      <c r="G3336" s="40">
        <v>16.121815927018861</v>
      </c>
      <c r="H3336" s="40">
        <v>55.450000000000017</v>
      </c>
      <c r="I3336" s="40">
        <v>12.548995554764968</v>
      </c>
      <c r="J3336" s="40">
        <v>55.449979904762301</v>
      </c>
      <c r="K3336" s="40">
        <v>11.550477749332636</v>
      </c>
      <c r="L3336" s="40"/>
      <c r="M3336" s="40"/>
      <c r="N3336" s="40"/>
      <c r="Y3336">
        <v>38.166667000000004</v>
      </c>
      <c r="Z3336">
        <v>116.466667</v>
      </c>
      <c r="AA3336">
        <v>8.2229620000000008</v>
      </c>
      <c r="AB3336">
        <v>-0.40154484300967019</v>
      </c>
    </row>
    <row r="3337" spans="4:28" x14ac:dyDescent="0.25">
      <c r="D3337" s="40">
        <v>55.481115000002454</v>
      </c>
      <c r="E3337" s="40">
        <v>18.525727890569154</v>
      </c>
      <c r="F3337" s="40">
        <v>55.466667000000001</v>
      </c>
      <c r="G3337" s="40">
        <v>16.126431310988639</v>
      </c>
      <c r="H3337" s="40">
        <v>55.466667000000001</v>
      </c>
      <c r="I3337" s="40">
        <v>12.548995554764968</v>
      </c>
      <c r="J3337" s="40">
        <v>55.466646565476601</v>
      </c>
      <c r="K3337" s="40">
        <v>11.550477749332636</v>
      </c>
      <c r="L3337" s="40"/>
      <c r="M3337" s="40"/>
      <c r="N3337" s="40"/>
      <c r="Y3337">
        <v>38.183333000000005</v>
      </c>
      <c r="Z3337">
        <v>116.483333</v>
      </c>
      <c r="AA3337">
        <v>8.2229279999999996</v>
      </c>
      <c r="AB3337">
        <v>-0.40195665902869804</v>
      </c>
    </row>
    <row r="3338" spans="4:28" x14ac:dyDescent="0.25">
      <c r="D3338" s="40">
        <v>55.497781000002455</v>
      </c>
      <c r="E3338" s="40">
        <v>18.525727890569154</v>
      </c>
      <c r="F3338" s="40">
        <v>55.483332999999988</v>
      </c>
      <c r="G3338" s="40">
        <v>16.126431310988639</v>
      </c>
      <c r="H3338" s="40">
        <v>55.483334000000013</v>
      </c>
      <c r="I3338" s="40">
        <v>12.552348290908224</v>
      </c>
      <c r="J3338" s="40">
        <v>55.483313226190901</v>
      </c>
      <c r="K3338" s="40">
        <v>11.550477749332636</v>
      </c>
      <c r="L3338" s="40"/>
      <c r="M3338" s="40"/>
      <c r="N3338" s="40"/>
      <c r="Y3338">
        <v>38.200000000000003</v>
      </c>
      <c r="Z3338">
        <v>116.5</v>
      </c>
      <c r="AA3338">
        <v>8.2228949999999994</v>
      </c>
      <c r="AB3338">
        <v>-0.40235636281186016</v>
      </c>
    </row>
    <row r="3339" spans="4:28" x14ac:dyDescent="0.25">
      <c r="D3339" s="40">
        <v>55.514447000002455</v>
      </c>
      <c r="E3339" s="40">
        <v>18.525727890569154</v>
      </c>
      <c r="F3339" s="40">
        <v>55.5</v>
      </c>
      <c r="G3339" s="40">
        <v>16.131186555078855</v>
      </c>
      <c r="H3339" s="40">
        <v>55.5</v>
      </c>
      <c r="I3339" s="40">
        <v>12.555701027051482</v>
      </c>
      <c r="J3339" s="40">
        <v>55.499979886905201</v>
      </c>
      <c r="K3339" s="40">
        <v>11.550477749332636</v>
      </c>
      <c r="L3339" s="40"/>
      <c r="M3339" s="40"/>
      <c r="N3339" s="40"/>
      <c r="Y3339">
        <v>38.216667000000001</v>
      </c>
      <c r="Z3339">
        <v>116.516667</v>
      </c>
      <c r="AA3339">
        <v>8.2228949999999994</v>
      </c>
      <c r="AB3339">
        <v>-0.40235636281186016</v>
      </c>
    </row>
    <row r="3340" spans="4:28" x14ac:dyDescent="0.25">
      <c r="D3340" s="40">
        <v>55.531113000002456</v>
      </c>
      <c r="E3340" s="40">
        <v>18.525727890569154</v>
      </c>
      <c r="F3340" s="40">
        <v>55.516666999999984</v>
      </c>
      <c r="G3340" s="40">
        <v>16.131186555078855</v>
      </c>
      <c r="H3340" s="40">
        <v>55.516667000000012</v>
      </c>
      <c r="I3340" s="40">
        <v>12.555701027051482</v>
      </c>
      <c r="J3340" s="40">
        <v>55.516646547619501</v>
      </c>
      <c r="K3340" s="40">
        <v>11.550477749332636</v>
      </c>
      <c r="L3340" s="40"/>
      <c r="M3340" s="40"/>
      <c r="N3340" s="40"/>
      <c r="Y3340">
        <v>38.233333000000002</v>
      </c>
      <c r="Z3340">
        <v>116.533333</v>
      </c>
      <c r="AA3340">
        <v>8.222861</v>
      </c>
      <c r="AB3340">
        <v>-0.40276817883086641</v>
      </c>
    </row>
    <row r="3341" spans="4:28" x14ac:dyDescent="0.25">
      <c r="D3341" s="40">
        <v>55.547779000002457</v>
      </c>
      <c r="E3341" s="40">
        <v>18.525727890569154</v>
      </c>
      <c r="F3341" s="40">
        <v>55.533332999999999</v>
      </c>
      <c r="G3341" s="40">
        <v>16.135941799169078</v>
      </c>
      <c r="H3341" s="40">
        <v>55.533333999999996</v>
      </c>
      <c r="I3341" s="40">
        <v>12.558955153308245</v>
      </c>
      <c r="J3341" s="40">
        <v>55.533313208333702</v>
      </c>
      <c r="K3341" s="40">
        <v>11.555328793041742</v>
      </c>
      <c r="L3341" s="40"/>
      <c r="M3341" s="40"/>
      <c r="N3341" s="40"/>
      <c r="Y3341">
        <v>38.25</v>
      </c>
      <c r="Z3341">
        <v>116.55</v>
      </c>
      <c r="AA3341">
        <v>8.2228270000000006</v>
      </c>
      <c r="AB3341">
        <v>-0.40317999484987277</v>
      </c>
    </row>
    <row r="3342" spans="4:28" x14ac:dyDescent="0.25">
      <c r="D3342" s="40">
        <v>55.564445000002458</v>
      </c>
      <c r="E3342" s="40">
        <v>18.525727890569154</v>
      </c>
      <c r="F3342" s="40">
        <v>55.549999999999983</v>
      </c>
      <c r="G3342" s="40">
        <v>16.140557183138856</v>
      </c>
      <c r="H3342" s="40">
        <v>55.550000000000011</v>
      </c>
      <c r="I3342" s="40">
        <v>12.562307889451501</v>
      </c>
      <c r="J3342" s="40">
        <v>55.549979869048002</v>
      </c>
      <c r="K3342" s="40">
        <v>11.555328793041742</v>
      </c>
      <c r="L3342" s="40"/>
      <c r="M3342" s="40"/>
      <c r="N3342" s="40"/>
      <c r="Y3342">
        <v>38.266666999999998</v>
      </c>
      <c r="Z3342">
        <v>116.566667</v>
      </c>
      <c r="AA3342">
        <v>8.2227940000000004</v>
      </c>
      <c r="AB3342">
        <v>-0.40357969863303478</v>
      </c>
    </row>
    <row r="3343" spans="4:28" x14ac:dyDescent="0.25">
      <c r="D3343" s="40">
        <v>55.581111000002458</v>
      </c>
      <c r="E3343" s="40">
        <v>18.525727890569154</v>
      </c>
      <c r="F3343" s="40">
        <v>55.566666999999995</v>
      </c>
      <c r="G3343" s="40">
        <v>16.140557183138856</v>
      </c>
      <c r="H3343" s="40">
        <v>55.566666999999995</v>
      </c>
      <c r="I3343" s="40">
        <v>12.562307889451501</v>
      </c>
      <c r="J3343" s="40">
        <v>55.566646529762302</v>
      </c>
      <c r="K3343" s="40">
        <v>11.555328793041742</v>
      </c>
      <c r="L3343" s="40"/>
      <c r="M3343" s="40"/>
      <c r="N3343" s="40"/>
      <c r="Y3343">
        <v>38.283332999999999</v>
      </c>
      <c r="Z3343">
        <v>116.583333</v>
      </c>
      <c r="AA3343">
        <v>8.2227599999999992</v>
      </c>
      <c r="AB3343">
        <v>-0.40399151465206262</v>
      </c>
    </row>
    <row r="3344" spans="4:28" x14ac:dyDescent="0.25">
      <c r="D3344" s="40">
        <v>55.597777000002459</v>
      </c>
      <c r="E3344" s="40">
        <v>18.525727890569154</v>
      </c>
      <c r="F3344" s="40">
        <v>55.583332999999982</v>
      </c>
      <c r="G3344" s="40">
        <v>16.145312427229072</v>
      </c>
      <c r="H3344" s="40">
        <v>55.583334000000008</v>
      </c>
      <c r="I3344" s="40">
        <v>12.565660625594935</v>
      </c>
      <c r="J3344" s="40">
        <v>55.583313190476602</v>
      </c>
      <c r="K3344" s="40">
        <v>11.555328793041742</v>
      </c>
      <c r="L3344" s="40"/>
      <c r="M3344" s="40"/>
      <c r="N3344" s="40"/>
      <c r="Y3344">
        <v>38.299999999999997</v>
      </c>
      <c r="Z3344">
        <v>116.6</v>
      </c>
      <c r="AA3344">
        <v>8.2227259999999998</v>
      </c>
      <c r="AB3344">
        <v>-0.40440333067106898</v>
      </c>
    </row>
    <row r="3345" spans="4:28" x14ac:dyDescent="0.25">
      <c r="D3345" s="40">
        <v>55.61444300000246</v>
      </c>
      <c r="E3345" s="40">
        <v>18.525727890569154</v>
      </c>
      <c r="F3345" s="40">
        <v>55.599999999999994</v>
      </c>
      <c r="G3345" s="40">
        <v>16.145312427229072</v>
      </c>
      <c r="H3345" s="40">
        <v>55.599999999999994</v>
      </c>
      <c r="I3345" s="40">
        <v>12.568914751851697</v>
      </c>
      <c r="J3345" s="40">
        <v>55.599979851190902</v>
      </c>
      <c r="K3345" s="40">
        <v>11.555328793041742</v>
      </c>
      <c r="L3345" s="40"/>
      <c r="M3345" s="40"/>
      <c r="N3345" s="40"/>
      <c r="Y3345">
        <v>38.31666700000001</v>
      </c>
      <c r="Z3345">
        <v>116.61666700000001</v>
      </c>
      <c r="AA3345">
        <v>8.2227259999999998</v>
      </c>
      <c r="AB3345">
        <v>-0.40440333067106898</v>
      </c>
    </row>
    <row r="3346" spans="4:28" x14ac:dyDescent="0.25">
      <c r="D3346" s="40">
        <v>55.631109000002461</v>
      </c>
      <c r="E3346" s="40">
        <v>18.525727890569154</v>
      </c>
      <c r="F3346" s="40">
        <v>55.616667000000007</v>
      </c>
      <c r="G3346" s="40">
        <v>16.150067671319292</v>
      </c>
      <c r="H3346" s="40">
        <v>55.616667000000007</v>
      </c>
      <c r="I3346" s="40">
        <v>12.572267487994955</v>
      </c>
      <c r="J3346" s="40">
        <v>55.616646511905202</v>
      </c>
      <c r="K3346" s="40">
        <v>11.555328793041742</v>
      </c>
      <c r="L3346" s="40"/>
      <c r="M3346" s="40"/>
      <c r="N3346" s="40"/>
      <c r="Y3346">
        <v>38.333332999999996</v>
      </c>
      <c r="Z3346">
        <v>116.63333299999999</v>
      </c>
      <c r="AA3346">
        <v>8.2226929999999996</v>
      </c>
      <c r="AB3346">
        <v>-0.40480303445423099</v>
      </c>
    </row>
    <row r="3347" spans="4:28" x14ac:dyDescent="0.25">
      <c r="D3347" s="40">
        <v>55.647775000002461</v>
      </c>
      <c r="E3347" s="40">
        <v>18.525727890569154</v>
      </c>
      <c r="F3347" s="40">
        <v>55.633332999999993</v>
      </c>
      <c r="G3347" s="40">
        <v>16.150067671319292</v>
      </c>
      <c r="H3347" s="40">
        <v>55.633334000000019</v>
      </c>
      <c r="I3347" s="40">
        <v>12.572267487994955</v>
      </c>
      <c r="J3347" s="40">
        <v>55.633313172619502</v>
      </c>
      <c r="K3347" s="40">
        <v>11.555328793041742</v>
      </c>
      <c r="L3347" s="40"/>
      <c r="M3347" s="40"/>
      <c r="N3347" s="40"/>
      <c r="Y3347">
        <v>38.350000000000009</v>
      </c>
      <c r="Z3347">
        <v>116.65</v>
      </c>
      <c r="AA3347">
        <v>8.2226590000000002</v>
      </c>
      <c r="AB3347">
        <v>-0.40521485047323735</v>
      </c>
    </row>
    <row r="3348" spans="4:28" x14ac:dyDescent="0.25">
      <c r="D3348" s="40">
        <v>55.664441000002462</v>
      </c>
      <c r="E3348" s="40">
        <v>18.525727890569154</v>
      </c>
      <c r="F3348" s="40">
        <v>55.650000000000006</v>
      </c>
      <c r="G3348" s="40">
        <v>16.154683055289194</v>
      </c>
      <c r="H3348" s="40">
        <v>55.650000000000006</v>
      </c>
      <c r="I3348" s="40">
        <v>12.575620224138213</v>
      </c>
      <c r="J3348" s="40">
        <v>55.649979833333703</v>
      </c>
      <c r="K3348" s="40">
        <v>11.560037158994803</v>
      </c>
      <c r="L3348" s="40"/>
      <c r="M3348" s="40"/>
      <c r="N3348" s="40"/>
      <c r="Y3348">
        <v>38.366667000000007</v>
      </c>
      <c r="Z3348">
        <v>116.666667</v>
      </c>
      <c r="AA3348">
        <v>8.2226250000000007</v>
      </c>
      <c r="AB3348">
        <v>-0.4056266664922436</v>
      </c>
    </row>
    <row r="3349" spans="4:28" x14ac:dyDescent="0.25">
      <c r="D3349" s="40">
        <v>55.681107000002463</v>
      </c>
      <c r="E3349" s="40">
        <v>18.525727890569154</v>
      </c>
      <c r="F3349" s="40">
        <v>55.66666699999999</v>
      </c>
      <c r="G3349" s="40">
        <v>16.159438299379286</v>
      </c>
      <c r="H3349" s="40">
        <v>55.666667000000018</v>
      </c>
      <c r="I3349" s="40">
        <v>12.578874350394976</v>
      </c>
      <c r="J3349" s="40">
        <v>55.666646494048003</v>
      </c>
      <c r="K3349" s="40">
        <v>11.564888202704035</v>
      </c>
      <c r="L3349" s="40"/>
      <c r="M3349" s="40"/>
      <c r="N3349" s="40"/>
      <c r="Y3349">
        <v>38.383333000000007</v>
      </c>
      <c r="Z3349">
        <v>116.683333</v>
      </c>
      <c r="AA3349">
        <v>8.2226250000000007</v>
      </c>
      <c r="AB3349">
        <v>-0.4056266664922436</v>
      </c>
    </row>
    <row r="3350" spans="4:28" x14ac:dyDescent="0.25">
      <c r="D3350" s="40">
        <v>55.697773000002464</v>
      </c>
      <c r="E3350" s="40">
        <v>18.525727890569154</v>
      </c>
      <c r="F3350" s="40">
        <v>55.683333000000005</v>
      </c>
      <c r="G3350" s="40">
        <v>16.164193543469505</v>
      </c>
      <c r="H3350" s="40">
        <v>55.683334000000002</v>
      </c>
      <c r="I3350" s="40">
        <v>12.578874350394976</v>
      </c>
      <c r="J3350" s="40">
        <v>55.683313154762303</v>
      </c>
      <c r="K3350" s="40">
        <v>11.564888202704035</v>
      </c>
      <c r="L3350" s="40"/>
      <c r="M3350" s="40"/>
      <c r="N3350" s="40"/>
      <c r="Y3350">
        <v>38.400000000000006</v>
      </c>
      <c r="Z3350">
        <v>116.7</v>
      </c>
      <c r="AA3350">
        <v>8.2225920000000006</v>
      </c>
      <c r="AB3350">
        <v>-0.40602637027540567</v>
      </c>
    </row>
    <row r="3351" spans="4:28" x14ac:dyDescent="0.25">
      <c r="D3351" s="40">
        <v>55.714439000002464</v>
      </c>
      <c r="E3351" s="40">
        <v>18.530571069158704</v>
      </c>
      <c r="F3351" s="40">
        <v>55.699999999999989</v>
      </c>
      <c r="G3351" s="40">
        <v>16.168808927439407</v>
      </c>
      <c r="H3351" s="40">
        <v>55.700000000000017</v>
      </c>
      <c r="I3351" s="40">
        <v>12.582227086538408</v>
      </c>
      <c r="J3351" s="40">
        <v>55.699979815476603</v>
      </c>
      <c r="K3351" s="40">
        <v>11.564888202704035</v>
      </c>
      <c r="L3351" s="40"/>
      <c r="M3351" s="40"/>
      <c r="N3351" s="40"/>
      <c r="Y3351">
        <v>38.416667000000004</v>
      </c>
      <c r="Z3351">
        <v>116.716667</v>
      </c>
      <c r="AA3351">
        <v>8.2225579999999994</v>
      </c>
      <c r="AB3351">
        <v>-0.40643818629443357</v>
      </c>
    </row>
    <row r="3352" spans="4:28" x14ac:dyDescent="0.25">
      <c r="D3352" s="40">
        <v>55.731105000002465</v>
      </c>
      <c r="E3352" s="40">
        <v>18.530571069158704</v>
      </c>
      <c r="F3352" s="40">
        <v>55.716667000000001</v>
      </c>
      <c r="G3352" s="40">
        <v>16.168808927439407</v>
      </c>
      <c r="H3352" s="40">
        <v>55.716667000000001</v>
      </c>
      <c r="I3352" s="40">
        <v>12.582227086538408</v>
      </c>
      <c r="J3352" s="40">
        <v>55.716646476190903</v>
      </c>
      <c r="K3352" s="40">
        <v>11.569739246413141</v>
      </c>
      <c r="L3352" s="40"/>
      <c r="M3352" s="40"/>
      <c r="N3352" s="40"/>
      <c r="Y3352">
        <v>38.433333000000005</v>
      </c>
      <c r="Z3352">
        <v>116.733333</v>
      </c>
      <c r="AA3352">
        <v>8.2225579999999994</v>
      </c>
      <c r="AB3352">
        <v>-0.40643818629443357</v>
      </c>
    </row>
    <row r="3353" spans="4:28" x14ac:dyDescent="0.25">
      <c r="D3353" s="40">
        <v>55.747771000002466</v>
      </c>
      <c r="E3353" s="40">
        <v>18.530571069158704</v>
      </c>
      <c r="F3353" s="40">
        <v>55.733332999999988</v>
      </c>
      <c r="G3353" s="40">
        <v>16.173564171529499</v>
      </c>
      <c r="H3353" s="40">
        <v>55.733334000000013</v>
      </c>
      <c r="I3353" s="40">
        <v>12.585579822681666</v>
      </c>
      <c r="J3353" s="40">
        <v>55.733313136905203</v>
      </c>
      <c r="K3353" s="40">
        <v>11.569739246413141</v>
      </c>
      <c r="L3353" s="40"/>
      <c r="M3353" s="40"/>
      <c r="N3353" s="40"/>
      <c r="Y3353">
        <v>38.450000000000003</v>
      </c>
      <c r="Z3353">
        <v>116.75</v>
      </c>
      <c r="AA3353">
        <v>8.2225239999999999</v>
      </c>
      <c r="AB3353">
        <v>-0.40685000231343982</v>
      </c>
    </row>
    <row r="3354" spans="4:28" x14ac:dyDescent="0.25">
      <c r="D3354" s="40">
        <v>55.764437000002467</v>
      </c>
      <c r="E3354" s="40">
        <v>18.530571069158704</v>
      </c>
      <c r="F3354" s="40">
        <v>55.75</v>
      </c>
      <c r="G3354" s="40">
        <v>16.173564171529499</v>
      </c>
      <c r="H3354" s="40">
        <v>55.75</v>
      </c>
      <c r="I3354" s="40">
        <v>12.588833948938429</v>
      </c>
      <c r="J3354" s="40">
        <v>55.749979797619503</v>
      </c>
      <c r="K3354" s="40">
        <v>11.569739246413141</v>
      </c>
      <c r="L3354" s="40"/>
      <c r="M3354" s="40"/>
      <c r="N3354" s="40"/>
      <c r="Y3354">
        <v>38.466667000000001</v>
      </c>
      <c r="Z3354">
        <v>116.766667</v>
      </c>
      <c r="AA3354">
        <v>8.2225239999999999</v>
      </c>
      <c r="AB3354">
        <v>-0.40685000231343982</v>
      </c>
    </row>
    <row r="3355" spans="4:28" x14ac:dyDescent="0.25">
      <c r="D3355" s="40">
        <v>55.781103000002467</v>
      </c>
      <c r="E3355" s="40">
        <v>18.535271801319126</v>
      </c>
      <c r="F3355" s="40">
        <v>55.766666999999984</v>
      </c>
      <c r="G3355" s="40">
        <v>16.178319415619722</v>
      </c>
      <c r="H3355" s="40">
        <v>55.766667000000012</v>
      </c>
      <c r="I3355" s="40">
        <v>12.592186685081685</v>
      </c>
      <c r="J3355" s="40">
        <v>55.766646458333703</v>
      </c>
      <c r="K3355" s="40">
        <v>11.569739246413141</v>
      </c>
      <c r="L3355" s="40"/>
      <c r="M3355" s="40"/>
      <c r="N3355" s="40"/>
      <c r="Y3355">
        <v>38.483333000000002</v>
      </c>
      <c r="Z3355">
        <v>116.783333</v>
      </c>
      <c r="AA3355">
        <v>8.2224909999999998</v>
      </c>
      <c r="AB3355">
        <v>-0.40724970609660194</v>
      </c>
    </row>
    <row r="3356" spans="4:28" x14ac:dyDescent="0.25">
      <c r="D3356" s="40">
        <v>55.797769000002468</v>
      </c>
      <c r="E3356" s="40">
        <v>18.535271801319126</v>
      </c>
      <c r="F3356" s="40">
        <v>55.783332999999999</v>
      </c>
      <c r="G3356" s="40">
        <v>16.182934799589624</v>
      </c>
      <c r="H3356" s="40">
        <v>55.783333999999996</v>
      </c>
      <c r="I3356" s="40">
        <v>12.595539421224942</v>
      </c>
      <c r="J3356" s="40">
        <v>55.783313119048003</v>
      </c>
      <c r="K3356" s="40">
        <v>11.569739246413141</v>
      </c>
      <c r="L3356" s="40"/>
      <c r="M3356" s="40"/>
      <c r="N3356" s="40"/>
      <c r="Y3356">
        <v>38.5</v>
      </c>
      <c r="Z3356">
        <v>116.8</v>
      </c>
      <c r="AA3356">
        <v>8.2224909999999998</v>
      </c>
      <c r="AB3356">
        <v>-0.40724970609660194</v>
      </c>
    </row>
    <row r="3357" spans="4:28" x14ac:dyDescent="0.25">
      <c r="D3357" s="40">
        <v>55.814435000002469</v>
      </c>
      <c r="E3357" s="40">
        <v>18.540114979908552</v>
      </c>
      <c r="F3357" s="40">
        <v>55.799999999999983</v>
      </c>
      <c r="G3357" s="40">
        <v>16.182934799589624</v>
      </c>
      <c r="H3357" s="40">
        <v>55.800000000000011</v>
      </c>
      <c r="I3357" s="40">
        <v>12.598793547481705</v>
      </c>
      <c r="J3357" s="40">
        <v>55.799979779762303</v>
      </c>
      <c r="K3357" s="40">
        <v>11.569739246413141</v>
      </c>
      <c r="L3357" s="40"/>
      <c r="M3357" s="40"/>
      <c r="N3357" s="40"/>
      <c r="Y3357">
        <v>38.516666999999998</v>
      </c>
      <c r="Z3357">
        <v>116.816667</v>
      </c>
      <c r="AA3357">
        <v>8.2224570000000003</v>
      </c>
      <c r="AB3357">
        <v>-0.40766152211560819</v>
      </c>
    </row>
    <row r="3358" spans="4:28" x14ac:dyDescent="0.25">
      <c r="D3358" s="40">
        <v>55.831101000002469</v>
      </c>
      <c r="E3358" s="40">
        <v>18.544958158498101</v>
      </c>
      <c r="F3358" s="40">
        <v>55.816666999999995</v>
      </c>
      <c r="G3358" s="40">
        <v>16.187690043679716</v>
      </c>
      <c r="H3358" s="40">
        <v>55.816666999999995</v>
      </c>
      <c r="I3358" s="40">
        <v>12.602146283625137</v>
      </c>
      <c r="J3358" s="40">
        <v>55.816646440476603</v>
      </c>
      <c r="K3358" s="40">
        <v>11.569739246413141</v>
      </c>
      <c r="L3358" s="40"/>
      <c r="M3358" s="40"/>
      <c r="N3358" s="40"/>
      <c r="Y3358">
        <v>38.533332999999999</v>
      </c>
      <c r="Z3358">
        <v>116.833333</v>
      </c>
      <c r="AA3358">
        <v>8.2224570000000003</v>
      </c>
      <c r="AB3358">
        <v>-0.40766152211560819</v>
      </c>
    </row>
    <row r="3359" spans="4:28" x14ac:dyDescent="0.25">
      <c r="D3359" s="40">
        <v>55.84776700000247</v>
      </c>
      <c r="E3359" s="40">
        <v>18.544958158498101</v>
      </c>
      <c r="F3359" s="40">
        <v>55.833332999999982</v>
      </c>
      <c r="G3359" s="40">
        <v>16.192445287769935</v>
      </c>
      <c r="H3359" s="40">
        <v>55.833334000000008</v>
      </c>
      <c r="I3359" s="40">
        <v>12.602146283625137</v>
      </c>
      <c r="J3359" s="40">
        <v>55.833313101190903</v>
      </c>
      <c r="K3359" s="40">
        <v>11.5744476123662</v>
      </c>
      <c r="L3359" s="40"/>
      <c r="M3359" s="40"/>
      <c r="N3359" s="40"/>
      <c r="Y3359">
        <v>38.549999999999997</v>
      </c>
      <c r="Z3359">
        <v>116.85</v>
      </c>
      <c r="AA3359">
        <v>8.2224229999999991</v>
      </c>
      <c r="AB3359">
        <v>-0.40807333813463603</v>
      </c>
    </row>
    <row r="3360" spans="4:28" x14ac:dyDescent="0.25">
      <c r="D3360" s="40">
        <v>55.864433000002471</v>
      </c>
      <c r="E3360" s="40">
        <v>18.549658890658527</v>
      </c>
      <c r="F3360" s="40">
        <v>55.849999999999994</v>
      </c>
      <c r="G3360" s="40">
        <v>16.197060671739838</v>
      </c>
      <c r="H3360" s="40">
        <v>55.849999999999994</v>
      </c>
      <c r="I3360" s="40">
        <v>12.605499019768395</v>
      </c>
      <c r="J3360" s="40">
        <v>55.849979761905203</v>
      </c>
      <c r="K3360" s="40">
        <v>11.5744476123662</v>
      </c>
      <c r="L3360" s="40"/>
      <c r="M3360" s="40"/>
      <c r="N3360" s="40"/>
      <c r="Y3360">
        <v>38.56666700000001</v>
      </c>
      <c r="Z3360">
        <v>116.86666700000001</v>
      </c>
      <c r="AA3360">
        <v>8.2223900000000008</v>
      </c>
      <c r="AB3360">
        <v>-0.40847304191777656</v>
      </c>
    </row>
    <row r="3361" spans="4:28" x14ac:dyDescent="0.25">
      <c r="D3361" s="40">
        <v>55.881099000002472</v>
      </c>
      <c r="E3361" s="40">
        <v>18.549658890658527</v>
      </c>
      <c r="F3361" s="40">
        <v>55.866667000000007</v>
      </c>
      <c r="G3361" s="40">
        <v>16.201815915830057</v>
      </c>
      <c r="H3361" s="40">
        <v>55.866667000000007</v>
      </c>
      <c r="I3361" s="40">
        <v>12.608753146025158</v>
      </c>
      <c r="J3361" s="40">
        <v>55.866646422619503</v>
      </c>
      <c r="K3361" s="40">
        <v>11.579298656075432</v>
      </c>
      <c r="L3361" s="40"/>
      <c r="M3361" s="40"/>
      <c r="N3361" s="40"/>
      <c r="Y3361">
        <v>38.583332999999996</v>
      </c>
      <c r="Z3361">
        <v>116.88333299999999</v>
      </c>
      <c r="AA3361">
        <v>8.2223900000000008</v>
      </c>
      <c r="AB3361">
        <v>-0.40847304191777656</v>
      </c>
    </row>
    <row r="3362" spans="4:28" x14ac:dyDescent="0.25">
      <c r="D3362" s="40">
        <v>55.897765000002472</v>
      </c>
      <c r="E3362" s="40">
        <v>18.554502069248073</v>
      </c>
      <c r="F3362" s="40">
        <v>55.883332999999993</v>
      </c>
      <c r="G3362" s="40">
        <v>16.201815915830057</v>
      </c>
      <c r="H3362" s="40">
        <v>55.883334000000019</v>
      </c>
      <c r="I3362" s="40">
        <v>12.608753146025158</v>
      </c>
      <c r="J3362" s="40">
        <v>55.883313083333697</v>
      </c>
      <c r="K3362" s="40">
        <v>11.579298656075432</v>
      </c>
      <c r="L3362" s="40"/>
      <c r="M3362" s="40"/>
      <c r="N3362" s="40"/>
      <c r="Y3362">
        <v>38.600000000000009</v>
      </c>
      <c r="Z3362">
        <v>116.9</v>
      </c>
      <c r="AA3362">
        <v>8.2223900000000008</v>
      </c>
      <c r="AB3362">
        <v>-0.40847304191777656</v>
      </c>
    </row>
    <row r="3363" spans="4:28" x14ac:dyDescent="0.25">
      <c r="D3363" s="40">
        <v>55.914431000002473</v>
      </c>
      <c r="E3363" s="40">
        <v>18.559345247837495</v>
      </c>
      <c r="F3363" s="40">
        <v>55.900000000000006</v>
      </c>
      <c r="G3363" s="40">
        <v>16.206571159920149</v>
      </c>
      <c r="H3363" s="40">
        <v>55.900000000000006</v>
      </c>
      <c r="I3363" s="40">
        <v>12.612105882168414</v>
      </c>
      <c r="J3363" s="40">
        <v>55.899979744047997</v>
      </c>
      <c r="K3363" s="40">
        <v>11.584149699784538</v>
      </c>
      <c r="L3363" s="40"/>
      <c r="M3363" s="40"/>
      <c r="N3363" s="40"/>
      <c r="Y3363">
        <v>38.616667000000007</v>
      </c>
      <c r="Z3363">
        <v>116.916667</v>
      </c>
      <c r="AA3363">
        <v>8.2223559999999996</v>
      </c>
      <c r="AB3363">
        <v>-0.4088848579368044</v>
      </c>
    </row>
    <row r="3364" spans="4:28" x14ac:dyDescent="0.25">
      <c r="D3364" s="40">
        <v>55.931097000002474</v>
      </c>
      <c r="E3364" s="40">
        <v>18.564045979997921</v>
      </c>
      <c r="F3364" s="40">
        <v>55.91666699999999</v>
      </c>
      <c r="G3364" s="40">
        <v>16.211186543890051</v>
      </c>
      <c r="H3364" s="40">
        <v>55.916667000000018</v>
      </c>
      <c r="I3364" s="40">
        <v>12.615458618311672</v>
      </c>
      <c r="J3364" s="40">
        <v>55.916646404762297</v>
      </c>
      <c r="K3364" s="40">
        <v>11.584149699784538</v>
      </c>
      <c r="L3364" s="40"/>
      <c r="M3364" s="40"/>
      <c r="N3364" s="40"/>
      <c r="Y3364">
        <v>38.633333000000007</v>
      </c>
      <c r="Z3364">
        <v>116.933333</v>
      </c>
      <c r="AA3364">
        <v>8.2223559999999996</v>
      </c>
      <c r="AB3364">
        <v>-0.4088848579368044</v>
      </c>
    </row>
    <row r="3365" spans="4:28" x14ac:dyDescent="0.25">
      <c r="D3365" s="40">
        <v>55.947763000002475</v>
      </c>
      <c r="E3365" s="40">
        <v>18.568889158587467</v>
      </c>
      <c r="F3365" s="40">
        <v>55.933333000000005</v>
      </c>
      <c r="G3365" s="40">
        <v>16.211186543890051</v>
      </c>
      <c r="H3365" s="40">
        <v>55.933334000000002</v>
      </c>
      <c r="I3365" s="40">
        <v>12.615458618311672</v>
      </c>
      <c r="J3365" s="40">
        <v>55.933313065476597</v>
      </c>
      <c r="K3365" s="40">
        <v>11.584149699784538</v>
      </c>
      <c r="L3365" s="40"/>
      <c r="M3365" s="40"/>
      <c r="N3365" s="40"/>
      <c r="Y3365">
        <v>38.650000000000006</v>
      </c>
      <c r="Z3365">
        <v>116.95</v>
      </c>
      <c r="AA3365">
        <v>8.2223220000000001</v>
      </c>
      <c r="AB3365">
        <v>-0.40929667395581076</v>
      </c>
    </row>
    <row r="3366" spans="4:28" x14ac:dyDescent="0.25">
      <c r="D3366" s="40">
        <v>55.964429000002475</v>
      </c>
      <c r="E3366" s="40">
        <v>18.573732337176889</v>
      </c>
      <c r="F3366" s="40">
        <v>55.949999999999989</v>
      </c>
      <c r="G3366" s="40">
        <v>16.21594178798027</v>
      </c>
      <c r="H3366" s="40">
        <v>55.950000000000017</v>
      </c>
      <c r="I3366" s="40">
        <v>12.618712744568436</v>
      </c>
      <c r="J3366" s="40">
        <v>55.949979726190897</v>
      </c>
      <c r="K3366" s="40">
        <v>11.579298656075432</v>
      </c>
      <c r="L3366" s="40"/>
      <c r="M3366" s="40"/>
      <c r="N3366" s="40"/>
      <c r="Y3366">
        <v>38.666667000000004</v>
      </c>
      <c r="Z3366">
        <v>116.966667</v>
      </c>
      <c r="AA3366">
        <v>8.2223220000000001</v>
      </c>
      <c r="AB3366">
        <v>-0.40929667395581076</v>
      </c>
    </row>
    <row r="3367" spans="4:28" x14ac:dyDescent="0.25">
      <c r="D3367" s="40">
        <v>55.981095000002476</v>
      </c>
      <c r="E3367" s="40">
        <v>18.578433069337315</v>
      </c>
      <c r="F3367" s="40">
        <v>55.966667000000001</v>
      </c>
      <c r="G3367" s="40">
        <v>16.220697032070365</v>
      </c>
      <c r="H3367" s="40">
        <v>55.966667000000001</v>
      </c>
      <c r="I3367" s="40">
        <v>12.618712744568436</v>
      </c>
      <c r="J3367" s="40">
        <v>55.966646386905197</v>
      </c>
      <c r="K3367" s="40">
        <v>11.579298656075432</v>
      </c>
      <c r="L3367" s="40"/>
      <c r="M3367" s="40"/>
      <c r="N3367" s="40"/>
      <c r="X3367">
        <v>-100</v>
      </c>
      <c r="Y3367">
        <v>38.683333000000005</v>
      </c>
      <c r="Z3367">
        <v>116.983333</v>
      </c>
      <c r="AA3367">
        <v>8.222289</v>
      </c>
      <c r="AB3367">
        <v>-0.40969637773897277</v>
      </c>
    </row>
    <row r="3368" spans="4:28" x14ac:dyDescent="0.25">
      <c r="D3368" s="40">
        <v>55.997761000002477</v>
      </c>
      <c r="E3368" s="40">
        <v>18.583276247926864</v>
      </c>
      <c r="F3368" s="40">
        <v>55.983332999999988</v>
      </c>
      <c r="G3368" s="40">
        <v>16.220697032070365</v>
      </c>
      <c r="H3368" s="40">
        <v>55.983334000000013</v>
      </c>
      <c r="I3368" s="40">
        <v>12.622065480711868</v>
      </c>
      <c r="J3368" s="40">
        <v>55.983313047619497</v>
      </c>
      <c r="K3368" s="40">
        <v>11.579298656075432</v>
      </c>
      <c r="L3368" s="40"/>
      <c r="M3368" s="40"/>
      <c r="N3368" s="40"/>
      <c r="X3368">
        <v>-100</v>
      </c>
      <c r="Y3368">
        <v>38.700000000000003</v>
      </c>
      <c r="Z3368">
        <v>117</v>
      </c>
      <c r="AA3368">
        <v>8.222289</v>
      </c>
      <c r="AB3368">
        <v>-0.40969637773897277</v>
      </c>
    </row>
    <row r="3369" spans="4:28" x14ac:dyDescent="0.25">
      <c r="D3369" s="40">
        <v>56.014427000002478</v>
      </c>
      <c r="E3369" s="40">
        <v>18.588119426516286</v>
      </c>
      <c r="F3369" s="40">
        <v>56</v>
      </c>
      <c r="G3369" s="40">
        <v>16.225312416040268</v>
      </c>
      <c r="H3369" s="40">
        <v>56</v>
      </c>
      <c r="I3369" s="40">
        <v>12.625418216855126</v>
      </c>
      <c r="J3369" s="40">
        <v>55.999979708333697</v>
      </c>
      <c r="K3369" s="40">
        <v>11.584149699784538</v>
      </c>
      <c r="L3369" s="40"/>
      <c r="M3369" s="40"/>
      <c r="N3369" s="40"/>
      <c r="X3369">
        <v>-100</v>
      </c>
      <c r="Y3369">
        <v>38.716667000000001</v>
      </c>
      <c r="Z3369">
        <v>117.016667</v>
      </c>
      <c r="AA3369">
        <v>8.222289</v>
      </c>
      <c r="AB3369">
        <v>-0.40969637773897277</v>
      </c>
    </row>
    <row r="3370" spans="4:28" x14ac:dyDescent="0.25">
      <c r="D3370" s="40">
        <v>56.031093000002478</v>
      </c>
      <c r="E3370" s="40">
        <v>18.588119426516286</v>
      </c>
      <c r="F3370" s="40">
        <v>56.016666999999984</v>
      </c>
      <c r="G3370" s="40">
        <v>16.230067660130487</v>
      </c>
      <c r="H3370" s="40">
        <v>56.016667000000012</v>
      </c>
      <c r="I3370" s="40">
        <v>12.625418216855126</v>
      </c>
      <c r="J3370" s="40">
        <v>56.016646369047997</v>
      </c>
      <c r="K3370" s="40">
        <v>11.584149699784538</v>
      </c>
      <c r="L3370" s="40"/>
      <c r="M3370" s="40"/>
      <c r="N3370" s="40"/>
      <c r="X3370">
        <v>-100</v>
      </c>
      <c r="Y3370">
        <v>38.733333000000002</v>
      </c>
      <c r="Z3370">
        <v>117.033333</v>
      </c>
      <c r="AA3370">
        <v>8.2222550000000005</v>
      </c>
      <c r="AB3370">
        <v>-0.41010819375797913</v>
      </c>
    </row>
    <row r="3371" spans="4:28" x14ac:dyDescent="0.25">
      <c r="D3371" s="40">
        <v>56.047759000002479</v>
      </c>
      <c r="E3371" s="40">
        <v>18.592820158676709</v>
      </c>
      <c r="F3371" s="40">
        <v>56.033332999999999</v>
      </c>
      <c r="G3371" s="40">
        <v>16.230067660130487</v>
      </c>
      <c r="H3371" s="40">
        <v>56.033333999999996</v>
      </c>
      <c r="I3371" s="40">
        <v>12.628672343111889</v>
      </c>
      <c r="J3371" s="40">
        <v>56.033313029762297</v>
      </c>
      <c r="K3371" s="40">
        <v>11.584149699784538</v>
      </c>
      <c r="L3371" s="40"/>
      <c r="M3371" s="40"/>
      <c r="N3371" s="40"/>
      <c r="X3371">
        <v>-100</v>
      </c>
      <c r="Y3371">
        <v>38.75</v>
      </c>
      <c r="Z3371">
        <v>117.05</v>
      </c>
      <c r="AA3371">
        <v>8.2222550000000005</v>
      </c>
      <c r="AB3371">
        <v>-0.41010819375797913</v>
      </c>
    </row>
    <row r="3372" spans="4:28" x14ac:dyDescent="0.25">
      <c r="D3372" s="40">
        <v>56.06442500000248</v>
      </c>
      <c r="E3372" s="40">
        <v>18.597663337266262</v>
      </c>
      <c r="F3372" s="40">
        <v>56.049999999999983</v>
      </c>
      <c r="G3372" s="40">
        <v>16.234822904220579</v>
      </c>
      <c r="H3372" s="40">
        <v>56.050000000000011</v>
      </c>
      <c r="I3372" s="40">
        <v>12.632025079255145</v>
      </c>
      <c r="J3372" s="40">
        <v>56.049979690476597</v>
      </c>
      <c r="K3372" s="40">
        <v>11.584149699784538</v>
      </c>
      <c r="L3372" s="40"/>
      <c r="M3372" s="40"/>
      <c r="N3372" s="40"/>
      <c r="X3372">
        <v>-100</v>
      </c>
      <c r="Y3372">
        <v>38.766666999999998</v>
      </c>
      <c r="Z3372">
        <v>117.066667</v>
      </c>
      <c r="AA3372">
        <v>8.2222209999999993</v>
      </c>
      <c r="AB3372">
        <v>-0.41052000977700698</v>
      </c>
    </row>
    <row r="3373" spans="4:28" x14ac:dyDescent="0.25">
      <c r="D3373" s="40">
        <v>56.08109100000248</v>
      </c>
      <c r="E3373" s="40">
        <v>18.597663337266262</v>
      </c>
      <c r="F3373" s="40">
        <v>56.066666999999995</v>
      </c>
      <c r="G3373" s="40">
        <v>16.239438288190481</v>
      </c>
      <c r="H3373" s="40">
        <v>56.066666999999995</v>
      </c>
      <c r="I3373" s="40">
        <v>12.635377815398579</v>
      </c>
      <c r="J3373" s="40">
        <v>56.066646351190897</v>
      </c>
      <c r="K3373" s="40">
        <v>11.584149699784538</v>
      </c>
      <c r="L3373" s="40"/>
      <c r="M3373" s="40"/>
      <c r="N3373" s="40"/>
      <c r="X3373">
        <v>-100</v>
      </c>
      <c r="Y3373">
        <v>38.783332999999999</v>
      </c>
      <c r="Z3373">
        <v>117.083333</v>
      </c>
      <c r="AA3373">
        <v>8.2222209999999993</v>
      </c>
      <c r="AB3373">
        <v>-0.41052000977700698</v>
      </c>
    </row>
    <row r="3374" spans="4:28" x14ac:dyDescent="0.25">
      <c r="D3374" s="40">
        <v>56.097757000002481</v>
      </c>
      <c r="E3374" s="40">
        <v>18.602506515855683</v>
      </c>
      <c r="F3374" s="40">
        <v>56.083332999999982</v>
      </c>
      <c r="G3374" s="40">
        <v>16.239438288190481</v>
      </c>
      <c r="H3374" s="40">
        <v>56.083334000000008</v>
      </c>
      <c r="I3374" s="40">
        <v>12.635377815398579</v>
      </c>
      <c r="J3374" s="40">
        <v>56.083313011905197</v>
      </c>
      <c r="K3374" s="40">
        <v>11.584149699784538</v>
      </c>
      <c r="L3374" s="40"/>
      <c r="M3374" s="40"/>
      <c r="N3374" s="40"/>
      <c r="X3374">
        <v>-100</v>
      </c>
      <c r="Y3374">
        <v>38.799999999999997</v>
      </c>
      <c r="Z3374">
        <v>117.1</v>
      </c>
      <c r="AA3374">
        <v>8.2222209999999993</v>
      </c>
      <c r="AB3374">
        <v>-0.41052000977700698</v>
      </c>
    </row>
    <row r="3375" spans="4:28" x14ac:dyDescent="0.25">
      <c r="D3375" s="40">
        <v>56.114423000002482</v>
      </c>
      <c r="E3375" s="40">
        <v>18.60720724801611</v>
      </c>
      <c r="F3375" s="40">
        <v>56.099999999999994</v>
      </c>
      <c r="G3375" s="40">
        <v>16.244193532280701</v>
      </c>
      <c r="H3375" s="40">
        <v>56.099999999999994</v>
      </c>
      <c r="I3375" s="40">
        <v>12.638730551541833</v>
      </c>
      <c r="J3375" s="40">
        <v>56.099979672619497</v>
      </c>
      <c r="K3375" s="40">
        <v>11.584149699784538</v>
      </c>
      <c r="L3375" s="40"/>
      <c r="M3375" s="40"/>
      <c r="N3375" s="40"/>
      <c r="X3375">
        <v>-100</v>
      </c>
      <c r="Y3375">
        <v>38.81666700000001</v>
      </c>
      <c r="Z3375">
        <v>117.11666700000001</v>
      </c>
      <c r="AA3375">
        <v>8.2221879999999992</v>
      </c>
      <c r="AB3375">
        <v>-0.41091971356016899</v>
      </c>
    </row>
    <row r="3376" spans="4:28" x14ac:dyDescent="0.25">
      <c r="D3376" s="40">
        <v>56.131089000002483</v>
      </c>
      <c r="E3376" s="40">
        <v>18.60720724801611</v>
      </c>
      <c r="F3376" s="40">
        <v>56.116667000000007</v>
      </c>
      <c r="G3376" s="40">
        <v>16.244193532280701</v>
      </c>
      <c r="H3376" s="40">
        <v>56.116667000000007</v>
      </c>
      <c r="I3376" s="40">
        <v>12.641984677798597</v>
      </c>
      <c r="J3376" s="40">
        <v>56.116646333333698</v>
      </c>
      <c r="K3376" s="40">
        <v>11.584149699784538</v>
      </c>
      <c r="L3376" s="40"/>
      <c r="M3376" s="40"/>
      <c r="N3376" s="40"/>
      <c r="X3376">
        <v>-100</v>
      </c>
      <c r="Y3376">
        <v>38.833332999999996</v>
      </c>
      <c r="Z3376">
        <v>117.13333299999999</v>
      </c>
      <c r="AA3376">
        <v>8.2221879999999992</v>
      </c>
      <c r="AB3376">
        <v>-0.41091971356016899</v>
      </c>
    </row>
    <row r="3377" spans="4:28" x14ac:dyDescent="0.25">
      <c r="D3377" s="40">
        <v>56.147755000002483</v>
      </c>
      <c r="E3377" s="40">
        <v>18.612050426605656</v>
      </c>
      <c r="F3377" s="40">
        <v>56.133332999999993</v>
      </c>
      <c r="G3377" s="40">
        <v>16.248948776370792</v>
      </c>
      <c r="H3377" s="40">
        <v>56.133334000000019</v>
      </c>
      <c r="I3377" s="40">
        <v>12.645337413941855</v>
      </c>
      <c r="J3377" s="40">
        <v>56.133312994047998</v>
      </c>
      <c r="K3377" s="40">
        <v>11.584149699784538</v>
      </c>
      <c r="L3377" s="40"/>
      <c r="M3377" s="40"/>
      <c r="N3377" s="40"/>
      <c r="X3377">
        <v>-100</v>
      </c>
      <c r="Y3377">
        <v>38.850000000000009</v>
      </c>
      <c r="Z3377">
        <v>117.15</v>
      </c>
      <c r="AA3377">
        <v>8.2221539999999997</v>
      </c>
      <c r="AB3377">
        <v>-0.41133152957917535</v>
      </c>
    </row>
    <row r="3378" spans="4:28" x14ac:dyDescent="0.25">
      <c r="D3378" s="40">
        <v>56.164421000002484</v>
      </c>
      <c r="E3378" s="40">
        <v>18.612050426605656</v>
      </c>
      <c r="F3378" s="40">
        <v>56.150000000000006</v>
      </c>
      <c r="G3378" s="40">
        <v>16.248948776370792</v>
      </c>
      <c r="H3378" s="40">
        <v>56.150000000000006</v>
      </c>
      <c r="I3378" s="40">
        <v>12.645337413941855</v>
      </c>
      <c r="J3378" s="40">
        <v>56.149979654762298</v>
      </c>
      <c r="K3378" s="40">
        <v>11.584149699784538</v>
      </c>
      <c r="L3378" s="40"/>
      <c r="M3378" s="40"/>
      <c r="N3378" s="40"/>
      <c r="X3378">
        <v>-100</v>
      </c>
      <c r="Y3378">
        <v>38.866667000000007</v>
      </c>
      <c r="Z3378">
        <v>117.166667</v>
      </c>
      <c r="AA3378">
        <v>8.2221539999999997</v>
      </c>
      <c r="AB3378">
        <v>-0.41133152957917535</v>
      </c>
    </row>
    <row r="3379" spans="4:28" x14ac:dyDescent="0.25">
      <c r="D3379" s="40">
        <v>56.181087000002485</v>
      </c>
      <c r="E3379" s="40">
        <v>18.612050426605656</v>
      </c>
      <c r="F3379" s="40">
        <v>56.16666699999999</v>
      </c>
      <c r="G3379" s="40">
        <v>16.253564160340694</v>
      </c>
      <c r="H3379" s="40">
        <v>56.166667000000018</v>
      </c>
      <c r="I3379" s="40">
        <v>12.648690150085111</v>
      </c>
      <c r="J3379" s="40">
        <v>56.166646315476598</v>
      </c>
      <c r="K3379" s="40">
        <v>11.588858065737599</v>
      </c>
      <c r="L3379" s="40"/>
      <c r="M3379" s="40"/>
      <c r="N3379" s="40"/>
      <c r="X3379">
        <v>-100</v>
      </c>
      <c r="Y3379">
        <v>38.883333000000007</v>
      </c>
      <c r="Z3379">
        <v>117.183333</v>
      </c>
      <c r="AA3379">
        <v>8.2221209999999996</v>
      </c>
      <c r="AB3379">
        <v>-0.41173123336233736</v>
      </c>
    </row>
    <row r="3380" spans="4:28" x14ac:dyDescent="0.25">
      <c r="D3380" s="40">
        <v>56.197753000002486</v>
      </c>
      <c r="E3380" s="40">
        <v>18.616893605195205</v>
      </c>
      <c r="F3380" s="40">
        <v>56.183333000000005</v>
      </c>
      <c r="G3380" s="40">
        <v>16.258319404430914</v>
      </c>
      <c r="H3380" s="40">
        <v>56.183334000000002</v>
      </c>
      <c r="I3380" s="40">
        <v>12.651944276341874</v>
      </c>
      <c r="J3380" s="40">
        <v>56.183312976190898</v>
      </c>
      <c r="K3380" s="40">
        <v>11.588858065737599</v>
      </c>
      <c r="L3380" s="40"/>
      <c r="M3380" s="40"/>
      <c r="N3380" s="40"/>
      <c r="X3380">
        <v>-100</v>
      </c>
      <c r="Y3380">
        <v>38.900000000000006</v>
      </c>
      <c r="Z3380">
        <v>117.2</v>
      </c>
      <c r="AA3380">
        <v>8.2221209999999996</v>
      </c>
      <c r="AB3380">
        <v>-0.41173123336233736</v>
      </c>
    </row>
    <row r="3381" spans="4:28" x14ac:dyDescent="0.25">
      <c r="D3381" s="40">
        <v>56.214419000002486</v>
      </c>
      <c r="E3381" s="40">
        <v>18.616893605195205</v>
      </c>
      <c r="F3381" s="40">
        <v>56.199999999999989</v>
      </c>
      <c r="G3381" s="40">
        <v>16.258319404430914</v>
      </c>
      <c r="H3381" s="40">
        <v>56.200000000000017</v>
      </c>
      <c r="I3381" s="40">
        <v>12.651944276341874</v>
      </c>
      <c r="J3381" s="40">
        <v>56.199979636905198</v>
      </c>
      <c r="K3381" s="40">
        <v>11.593709109446831</v>
      </c>
      <c r="L3381" s="40"/>
      <c r="M3381" s="40"/>
      <c r="N3381" s="40"/>
      <c r="X3381">
        <v>-100</v>
      </c>
      <c r="Y3381">
        <v>38.916667000000004</v>
      </c>
      <c r="Z3381">
        <v>117.216667</v>
      </c>
      <c r="AA3381">
        <v>8.2221209999999996</v>
      </c>
      <c r="AB3381">
        <v>-0.41173123336233736</v>
      </c>
    </row>
    <row r="3382" spans="4:28" x14ac:dyDescent="0.25">
      <c r="D3382" s="40">
        <v>56.231085000002487</v>
      </c>
      <c r="E3382" s="40">
        <v>18.621594337355504</v>
      </c>
      <c r="F3382" s="40">
        <v>56.216667000000001</v>
      </c>
      <c r="G3382" s="40">
        <v>16.263074648521133</v>
      </c>
      <c r="H3382" s="40">
        <v>56.216667000000001</v>
      </c>
      <c r="I3382" s="40">
        <v>12.655297012485308</v>
      </c>
      <c r="J3382" s="40">
        <v>56.216646297619498</v>
      </c>
      <c r="K3382" s="40">
        <v>11.593709109446831</v>
      </c>
      <c r="L3382" s="40"/>
      <c r="M3382" s="40"/>
      <c r="N3382" s="40"/>
      <c r="X3382">
        <v>-100</v>
      </c>
      <c r="Y3382">
        <v>38.933333000000005</v>
      </c>
      <c r="Z3382">
        <v>117.233333</v>
      </c>
      <c r="AA3382">
        <v>8.2220870000000001</v>
      </c>
      <c r="AB3382">
        <v>-0.41214304938134372</v>
      </c>
    </row>
    <row r="3383" spans="4:28" x14ac:dyDescent="0.25">
      <c r="D3383" s="40">
        <v>56.247751000002488</v>
      </c>
      <c r="E3383" s="40">
        <v>18.621594337355504</v>
      </c>
      <c r="F3383" s="40">
        <v>56.233332999999988</v>
      </c>
      <c r="G3383" s="40">
        <v>16.263074648521133</v>
      </c>
      <c r="H3383" s="40">
        <v>56.233334000000013</v>
      </c>
      <c r="I3383" s="40">
        <v>12.655297012485308</v>
      </c>
      <c r="J3383" s="40">
        <v>56.233312958333698</v>
      </c>
      <c r="K3383" s="40">
        <v>11.593709109446831</v>
      </c>
      <c r="L3383" s="40"/>
      <c r="M3383" s="40"/>
      <c r="N3383" s="40"/>
      <c r="X3383">
        <v>-100</v>
      </c>
      <c r="Y3383">
        <v>38.950000000000003</v>
      </c>
      <c r="Z3383">
        <v>117.25</v>
      </c>
      <c r="AA3383">
        <v>8.2220870000000001</v>
      </c>
      <c r="AB3383">
        <v>-0.41214304938134372</v>
      </c>
    </row>
    <row r="3384" spans="4:28" x14ac:dyDescent="0.25">
      <c r="D3384" s="40">
        <v>56.264417000002489</v>
      </c>
      <c r="E3384" s="40">
        <v>18.621594337355504</v>
      </c>
      <c r="F3384" s="40">
        <v>56.25</v>
      </c>
      <c r="G3384" s="40">
        <v>16.267829892611228</v>
      </c>
      <c r="H3384" s="40">
        <v>56.25</v>
      </c>
      <c r="I3384" s="40">
        <v>12.655297012485308</v>
      </c>
      <c r="J3384" s="40">
        <v>56.249979619047998</v>
      </c>
      <c r="K3384" s="40">
        <v>11.593709109446831</v>
      </c>
      <c r="L3384" s="40"/>
      <c r="M3384" s="40"/>
      <c r="N3384" s="40"/>
      <c r="X3384">
        <v>-100</v>
      </c>
      <c r="Y3384">
        <v>38.966667000000001</v>
      </c>
      <c r="Z3384">
        <v>117.266667</v>
      </c>
      <c r="AA3384">
        <v>8.2220530000000007</v>
      </c>
      <c r="AB3384">
        <v>-0.41255486540035002</v>
      </c>
    </row>
    <row r="3385" spans="4:28" x14ac:dyDescent="0.25">
      <c r="D3385" s="40">
        <v>56.281083000002489</v>
      </c>
      <c r="E3385" s="40">
        <v>18.626437515945049</v>
      </c>
      <c r="F3385" s="40">
        <v>56.266666999999984</v>
      </c>
      <c r="G3385" s="40">
        <v>16.267829892611228</v>
      </c>
      <c r="H3385" s="40">
        <v>56.266667000000012</v>
      </c>
      <c r="I3385" s="40">
        <v>12.658649748628564</v>
      </c>
      <c r="J3385" s="40">
        <v>56.266646279762298</v>
      </c>
      <c r="K3385" s="40">
        <v>11.593709109446831</v>
      </c>
      <c r="L3385" s="40"/>
      <c r="M3385" s="40"/>
      <c r="N3385" s="40"/>
      <c r="X3385">
        <v>-100</v>
      </c>
      <c r="Y3385">
        <v>38.983333000000002</v>
      </c>
      <c r="Z3385">
        <v>117.283333</v>
      </c>
      <c r="AA3385">
        <v>8.2220530000000007</v>
      </c>
      <c r="AB3385">
        <v>-0.41255486540035002</v>
      </c>
    </row>
    <row r="3386" spans="4:28" x14ac:dyDescent="0.25">
      <c r="D3386" s="40">
        <v>56.29774900000249</v>
      </c>
      <c r="E3386" s="40">
        <v>18.631280694534599</v>
      </c>
      <c r="F3386" s="40">
        <v>56.283332999999999</v>
      </c>
      <c r="G3386" s="40">
        <v>16.272445276581131</v>
      </c>
      <c r="H3386" s="40">
        <v>56.283333999999996</v>
      </c>
      <c r="I3386" s="40">
        <v>12.658649748628564</v>
      </c>
      <c r="J3386" s="40">
        <v>56.283312940476598</v>
      </c>
      <c r="K3386" s="40">
        <v>11.593709109446831</v>
      </c>
      <c r="L3386" s="40"/>
      <c r="M3386" s="40"/>
      <c r="N3386" s="40"/>
      <c r="X3386">
        <v>-100</v>
      </c>
      <c r="Y3386">
        <v>39</v>
      </c>
      <c r="Z3386">
        <v>117.3</v>
      </c>
      <c r="AA3386">
        <v>8.2220200000000006</v>
      </c>
      <c r="AB3386">
        <v>-0.41295456918351203</v>
      </c>
    </row>
    <row r="3387" spans="4:28" x14ac:dyDescent="0.25">
      <c r="D3387" s="40">
        <v>56.314415000002491</v>
      </c>
      <c r="E3387" s="40">
        <v>18.631280694534599</v>
      </c>
      <c r="F3387" s="40">
        <v>56.299999999999983</v>
      </c>
      <c r="G3387" s="40">
        <v>16.272445276581131</v>
      </c>
      <c r="H3387" s="40">
        <v>56.300000000000011</v>
      </c>
      <c r="I3387" s="40">
        <v>12.661903874885327</v>
      </c>
      <c r="J3387" s="40">
        <v>56.299979601190898</v>
      </c>
      <c r="K3387" s="40">
        <v>11.593709109446831</v>
      </c>
      <c r="L3387" s="40"/>
      <c r="M3387" s="40"/>
      <c r="N3387" s="40"/>
      <c r="X3387">
        <v>-100</v>
      </c>
      <c r="Y3387">
        <v>39.016666999999998</v>
      </c>
      <c r="Z3387">
        <v>117.316667</v>
      </c>
      <c r="AA3387">
        <v>8.2220200000000006</v>
      </c>
      <c r="AB3387">
        <v>-0.41295456918351203</v>
      </c>
    </row>
    <row r="3388" spans="4:28" x14ac:dyDescent="0.25">
      <c r="D3388" s="40">
        <v>56.331081000002492</v>
      </c>
      <c r="E3388" s="40">
        <v>18.635981426694897</v>
      </c>
      <c r="F3388" s="40">
        <v>56.316666999999995</v>
      </c>
      <c r="G3388" s="40">
        <v>16.27720052067135</v>
      </c>
      <c r="H3388" s="40">
        <v>56.316666999999995</v>
      </c>
      <c r="I3388" s="40">
        <v>12.665256611028585</v>
      </c>
      <c r="J3388" s="40">
        <v>56.316646261905198</v>
      </c>
      <c r="K3388" s="40">
        <v>11.593709109446831</v>
      </c>
      <c r="L3388" s="40"/>
      <c r="M3388" s="40"/>
      <c r="N3388" s="40"/>
      <c r="X3388">
        <v>-100</v>
      </c>
      <c r="Y3388">
        <v>39.033332999999999</v>
      </c>
      <c r="Z3388">
        <v>117.333333</v>
      </c>
      <c r="AA3388">
        <v>8.2220200000000006</v>
      </c>
      <c r="AB3388">
        <v>-0.41295456918351203</v>
      </c>
    </row>
    <row r="3389" spans="4:28" x14ac:dyDescent="0.25">
      <c r="D3389" s="40">
        <v>56.347747000002492</v>
      </c>
      <c r="E3389" s="40">
        <v>18.635981426694897</v>
      </c>
      <c r="F3389" s="40">
        <v>56.333332999999982</v>
      </c>
      <c r="G3389" s="40">
        <v>16.27720052067135</v>
      </c>
      <c r="H3389" s="40">
        <v>56.333334000000008</v>
      </c>
      <c r="I3389" s="40">
        <v>12.665256611028585</v>
      </c>
      <c r="J3389" s="40">
        <v>56.333312922619498</v>
      </c>
      <c r="K3389" s="40">
        <v>11.593709109446831</v>
      </c>
      <c r="L3389" s="40"/>
      <c r="M3389" s="40"/>
      <c r="N3389" s="40"/>
      <c r="X3389">
        <v>-100</v>
      </c>
      <c r="Y3389">
        <v>39.049999999999997</v>
      </c>
      <c r="Z3389">
        <v>117.35</v>
      </c>
      <c r="AA3389">
        <v>8.2219859999999994</v>
      </c>
      <c r="AB3389">
        <v>-0.41336638520253993</v>
      </c>
    </row>
    <row r="3390" spans="4:28" x14ac:dyDescent="0.25">
      <c r="D3390" s="40">
        <v>56.364413000002493</v>
      </c>
      <c r="E3390" s="40">
        <v>18.635981426694897</v>
      </c>
      <c r="F3390" s="40">
        <v>56.349999999999994</v>
      </c>
      <c r="G3390" s="40">
        <v>16.281955764761442</v>
      </c>
      <c r="H3390" s="40">
        <v>56.349999999999994</v>
      </c>
      <c r="I3390" s="40">
        <v>12.668609347172017</v>
      </c>
      <c r="J3390" s="40">
        <v>56.349979583333699</v>
      </c>
      <c r="K3390" s="40">
        <v>11.598560153156061</v>
      </c>
      <c r="L3390" s="40"/>
      <c r="M3390" s="40"/>
      <c r="N3390" s="40"/>
      <c r="X3390">
        <v>-100</v>
      </c>
      <c r="Y3390">
        <v>39.06666700000001</v>
      </c>
      <c r="Z3390">
        <v>117.36666700000001</v>
      </c>
      <c r="AA3390">
        <v>8.2219519999999999</v>
      </c>
      <c r="AB3390">
        <v>-0.41377820122154618</v>
      </c>
    </row>
    <row r="3391" spans="4:28" x14ac:dyDescent="0.25">
      <c r="D3391" s="40">
        <v>56.381079000002494</v>
      </c>
      <c r="E3391" s="40">
        <v>18.635981426694897</v>
      </c>
      <c r="F3391" s="40">
        <v>56.366667000000007</v>
      </c>
      <c r="G3391" s="40">
        <v>16.286571148731344</v>
      </c>
      <c r="H3391" s="40">
        <v>56.366667000000007</v>
      </c>
      <c r="I3391" s="40">
        <v>12.671863473428605</v>
      </c>
      <c r="J3391" s="40">
        <v>56.366646244047999</v>
      </c>
      <c r="K3391" s="40">
        <v>11.598560153156061</v>
      </c>
      <c r="L3391" s="40"/>
      <c r="M3391" s="40"/>
      <c r="N3391" s="40"/>
      <c r="X3391">
        <v>-100</v>
      </c>
      <c r="Y3391">
        <v>39.083332999999996</v>
      </c>
      <c r="Z3391">
        <v>117.38333299999999</v>
      </c>
      <c r="AA3391">
        <v>8.2219519999999999</v>
      </c>
      <c r="AB3391">
        <v>-0.41377820122154618</v>
      </c>
    </row>
    <row r="3392" spans="4:28" x14ac:dyDescent="0.25">
      <c r="D3392" s="40">
        <v>56.397745000002494</v>
      </c>
      <c r="E3392" s="40">
        <v>18.635981426694897</v>
      </c>
      <c r="F3392" s="40">
        <v>56.383332999999993</v>
      </c>
      <c r="G3392" s="40">
        <v>16.286571148731344</v>
      </c>
      <c r="H3392" s="40">
        <v>56.383334000000019</v>
      </c>
      <c r="I3392" s="40">
        <v>12.675216209572039</v>
      </c>
      <c r="J3392" s="40">
        <v>56.383312904762299</v>
      </c>
      <c r="K3392" s="40">
        <v>11.598560153156061</v>
      </c>
      <c r="L3392" s="40"/>
      <c r="M3392" s="40"/>
      <c r="N3392" s="40"/>
      <c r="X3392">
        <v>-100</v>
      </c>
      <c r="Y3392">
        <v>39.100000000000009</v>
      </c>
      <c r="Z3392">
        <v>117.4</v>
      </c>
      <c r="AA3392">
        <v>8.2219189999999998</v>
      </c>
      <c r="AB3392">
        <v>-0.4141779050047083</v>
      </c>
    </row>
    <row r="3393" spans="4:28" x14ac:dyDescent="0.25">
      <c r="D3393" s="40">
        <v>56.414411000002495</v>
      </c>
      <c r="E3393" s="40">
        <v>18.640824605284447</v>
      </c>
      <c r="F3393" s="40">
        <v>56.400000000000006</v>
      </c>
      <c r="G3393" s="40">
        <v>16.291326392821563</v>
      </c>
      <c r="H3393" s="40">
        <v>56.400000000000006</v>
      </c>
      <c r="I3393" s="40">
        <v>12.678568945715295</v>
      </c>
      <c r="J3393" s="40">
        <v>56.399979565476599</v>
      </c>
      <c r="K3393" s="40">
        <v>11.603268519108996</v>
      </c>
      <c r="L3393" s="40"/>
      <c r="M3393" s="40"/>
      <c r="N3393" s="40"/>
      <c r="X3393">
        <v>-100</v>
      </c>
      <c r="Y3393">
        <v>39.116667000000007</v>
      </c>
      <c r="Z3393">
        <v>117.416667</v>
      </c>
      <c r="AA3393">
        <v>8.2219189999999998</v>
      </c>
      <c r="AB3393">
        <v>-0.4141779050047083</v>
      </c>
    </row>
    <row r="3394" spans="4:28" x14ac:dyDescent="0.25">
      <c r="D3394" s="40">
        <v>56.431077000002496</v>
      </c>
      <c r="E3394" s="40">
        <v>18.640824605284447</v>
      </c>
      <c r="F3394" s="40">
        <v>56.41666699999999</v>
      </c>
      <c r="G3394" s="40">
        <v>16.291326392821563</v>
      </c>
      <c r="H3394" s="40">
        <v>56.416667000000018</v>
      </c>
      <c r="I3394" s="40">
        <v>12.678568945715295</v>
      </c>
      <c r="J3394" s="40">
        <v>56.416646226190899</v>
      </c>
      <c r="K3394" s="40">
        <v>11.603268519108996</v>
      </c>
      <c r="L3394" s="40"/>
      <c r="M3394" s="40"/>
      <c r="N3394" s="40"/>
      <c r="X3394">
        <v>-100</v>
      </c>
      <c r="Y3394">
        <v>39.133333000000007</v>
      </c>
      <c r="Z3394">
        <v>117.433333</v>
      </c>
      <c r="AA3394">
        <v>8.2218850000000003</v>
      </c>
      <c r="AB3394">
        <v>-0.41458972102371455</v>
      </c>
    </row>
    <row r="3395" spans="4:28" x14ac:dyDescent="0.25">
      <c r="D3395" s="40">
        <v>56.447743000002497</v>
      </c>
      <c r="E3395" s="40">
        <v>18.640824605284447</v>
      </c>
      <c r="F3395" s="40">
        <v>56.433333000000005</v>
      </c>
      <c r="G3395" s="40">
        <v>16.291326392821563</v>
      </c>
      <c r="H3395" s="40">
        <v>56.433334000000002</v>
      </c>
      <c r="I3395" s="40">
        <v>12.681823071972056</v>
      </c>
      <c r="J3395" s="40">
        <v>56.433312886905199</v>
      </c>
      <c r="K3395" s="40">
        <v>11.603268519108996</v>
      </c>
      <c r="L3395" s="40"/>
      <c r="M3395" s="40"/>
      <c r="N3395" s="40"/>
      <c r="X3395">
        <v>-100</v>
      </c>
      <c r="Y3395">
        <v>39.150000000000006</v>
      </c>
      <c r="Z3395">
        <v>117.45</v>
      </c>
      <c r="AA3395">
        <v>8.2218850000000003</v>
      </c>
      <c r="AB3395">
        <v>-0.41458972102371455</v>
      </c>
    </row>
    <row r="3396" spans="4:28" x14ac:dyDescent="0.25">
      <c r="D3396" s="40">
        <v>56.464409000002497</v>
      </c>
      <c r="E3396" s="40">
        <v>18.640824605284447</v>
      </c>
      <c r="F3396" s="40">
        <v>56.449999999999989</v>
      </c>
      <c r="G3396" s="40">
        <v>16.296081636911655</v>
      </c>
      <c r="H3396" s="40">
        <v>56.450000000000017</v>
      </c>
      <c r="I3396" s="40">
        <v>12.681823071972056</v>
      </c>
      <c r="J3396" s="40">
        <v>56.449979547619499</v>
      </c>
      <c r="K3396" s="40">
        <v>11.608119562818228</v>
      </c>
      <c r="L3396" s="40"/>
      <c r="M3396" s="40"/>
      <c r="N3396" s="40"/>
      <c r="X3396">
        <v>-100</v>
      </c>
      <c r="Y3396">
        <v>39.166667000000004</v>
      </c>
      <c r="Z3396">
        <v>117.466667</v>
      </c>
      <c r="AA3396">
        <v>8.2218509999999991</v>
      </c>
      <c r="AB3396">
        <v>-0.4150015370427424</v>
      </c>
    </row>
    <row r="3397" spans="4:28" x14ac:dyDescent="0.25">
      <c r="D3397" s="40">
        <v>56.481075000002498</v>
      </c>
      <c r="E3397" s="40">
        <v>18.645667783873996</v>
      </c>
      <c r="F3397" s="40">
        <v>56.466667000000001</v>
      </c>
      <c r="G3397" s="40">
        <v>16.300697020881557</v>
      </c>
      <c r="H3397" s="40">
        <v>56.466667000000001</v>
      </c>
      <c r="I3397" s="40">
        <v>12.685175808115314</v>
      </c>
      <c r="J3397" s="40">
        <v>56.4666462083337</v>
      </c>
      <c r="K3397" s="40">
        <v>11.608119562818228</v>
      </c>
      <c r="L3397" s="40"/>
      <c r="M3397" s="40"/>
      <c r="N3397" s="40"/>
      <c r="X3397">
        <v>-100</v>
      </c>
      <c r="Y3397">
        <v>39.183333000000005</v>
      </c>
      <c r="Z3397">
        <v>117.483333</v>
      </c>
      <c r="AA3397">
        <v>8.2218509999999991</v>
      </c>
      <c r="AB3397">
        <v>-0.4150015370427424</v>
      </c>
    </row>
    <row r="3398" spans="4:28" x14ac:dyDescent="0.25">
      <c r="D3398" s="40">
        <v>56.497741000002499</v>
      </c>
      <c r="E3398" s="40">
        <v>18.645667783873996</v>
      </c>
      <c r="F3398" s="40">
        <v>56.483332999999988</v>
      </c>
      <c r="G3398" s="40">
        <v>16.300697020881557</v>
      </c>
      <c r="H3398" s="40">
        <v>56.483334000000013</v>
      </c>
      <c r="I3398" s="40">
        <v>12.688528544258746</v>
      </c>
      <c r="J3398" s="40">
        <v>56.483312869048</v>
      </c>
      <c r="K3398" s="40">
        <v>11.608119562818228</v>
      </c>
      <c r="L3398" s="40"/>
      <c r="M3398" s="40"/>
      <c r="N3398" s="40"/>
      <c r="X3398">
        <v>-100</v>
      </c>
      <c r="Y3398">
        <v>39.200000000000003</v>
      </c>
      <c r="Z3398">
        <v>117.5</v>
      </c>
      <c r="AA3398">
        <v>8.2218180000000007</v>
      </c>
      <c r="AB3398">
        <v>-0.41540124082588298</v>
      </c>
    </row>
    <row r="3399" spans="4:28" x14ac:dyDescent="0.25">
      <c r="D3399" s="40">
        <v>56.5144070000025</v>
      </c>
      <c r="E3399" s="40">
        <v>18.645667783873996</v>
      </c>
      <c r="F3399" s="40">
        <v>56.5</v>
      </c>
      <c r="G3399" s="40">
        <v>16.30545226497178</v>
      </c>
      <c r="H3399" s="40">
        <v>56.5</v>
      </c>
      <c r="I3399" s="40">
        <v>12.688528544258746</v>
      </c>
      <c r="J3399" s="40">
        <v>56.4999795297623</v>
      </c>
      <c r="K3399" s="40">
        <v>11.608119562818228</v>
      </c>
      <c r="L3399" s="40"/>
      <c r="M3399" s="40"/>
      <c r="N3399" s="40"/>
      <c r="X3399">
        <v>-100</v>
      </c>
      <c r="Y3399">
        <v>39.216667000000001</v>
      </c>
      <c r="Z3399">
        <v>117.516667</v>
      </c>
      <c r="AA3399">
        <v>8.2218180000000007</v>
      </c>
      <c r="AB3399">
        <v>-0.41540124082588298</v>
      </c>
    </row>
    <row r="3400" spans="4:28" x14ac:dyDescent="0.25">
      <c r="D3400" s="40">
        <v>56.5310730000025</v>
      </c>
      <c r="E3400" s="40">
        <v>18.650368516034419</v>
      </c>
      <c r="F3400" s="40">
        <v>56.516666999999984</v>
      </c>
      <c r="G3400" s="40">
        <v>16.30545226497178</v>
      </c>
      <c r="H3400" s="40">
        <v>56.516667000000012</v>
      </c>
      <c r="I3400" s="40">
        <v>12.69178267051551</v>
      </c>
      <c r="J3400" s="40">
        <v>56.5166461904766</v>
      </c>
      <c r="K3400" s="40">
        <v>11.61297060652746</v>
      </c>
      <c r="L3400" s="40"/>
      <c r="M3400" s="40"/>
      <c r="N3400" s="40"/>
      <c r="X3400">
        <v>-100</v>
      </c>
      <c r="Y3400">
        <v>39.233333000000002</v>
      </c>
      <c r="Z3400">
        <v>117.533333</v>
      </c>
      <c r="AA3400">
        <v>8.2217839999999995</v>
      </c>
      <c r="AB3400">
        <v>-0.41581305684491077</v>
      </c>
    </row>
    <row r="3401" spans="4:28" x14ac:dyDescent="0.25">
      <c r="D3401" s="40">
        <v>56.547739000002501</v>
      </c>
      <c r="E3401" s="40">
        <v>18.650368516034419</v>
      </c>
      <c r="F3401" s="40">
        <v>56.533332999999999</v>
      </c>
      <c r="G3401" s="40">
        <v>16.310207509061996</v>
      </c>
      <c r="H3401" s="40">
        <v>56.533333999999996</v>
      </c>
      <c r="I3401" s="40">
        <v>12.695135406658768</v>
      </c>
      <c r="J3401" s="40">
        <v>56.5333128511909</v>
      </c>
      <c r="K3401" s="40">
        <v>11.61297060652746</v>
      </c>
      <c r="L3401" s="40"/>
      <c r="M3401" s="40"/>
      <c r="N3401" s="40"/>
      <c r="X3401">
        <v>-100</v>
      </c>
      <c r="Y3401">
        <v>39.25</v>
      </c>
      <c r="Z3401">
        <v>117.55</v>
      </c>
      <c r="AA3401">
        <v>8.2217839999999995</v>
      </c>
      <c r="AB3401">
        <v>-0.41581305684491077</v>
      </c>
    </row>
    <row r="3402" spans="4:28" x14ac:dyDescent="0.25">
      <c r="D3402" s="40">
        <v>56.564405000002502</v>
      </c>
      <c r="E3402" s="40">
        <v>18.650368516034419</v>
      </c>
      <c r="F3402" s="40">
        <v>56.549999999999983</v>
      </c>
      <c r="G3402" s="40">
        <v>16.314822893031774</v>
      </c>
      <c r="H3402" s="40">
        <v>56.550000000000011</v>
      </c>
      <c r="I3402" s="40">
        <v>12.695135406658768</v>
      </c>
      <c r="J3402" s="40">
        <v>56.5499795119052</v>
      </c>
      <c r="K3402" s="40">
        <v>11.61297060652746</v>
      </c>
      <c r="L3402" s="40"/>
      <c r="M3402" s="40"/>
      <c r="N3402" s="40"/>
      <c r="X3402">
        <v>-100</v>
      </c>
      <c r="Y3402">
        <v>39.266666999999998</v>
      </c>
      <c r="Z3402">
        <v>117.566667</v>
      </c>
      <c r="AA3402">
        <v>8.2217839999999995</v>
      </c>
      <c r="AB3402">
        <v>-0.41581305684491077</v>
      </c>
    </row>
    <row r="3403" spans="4:28" x14ac:dyDescent="0.25">
      <c r="D3403" s="40">
        <v>56.581071000002503</v>
      </c>
      <c r="E3403" s="40">
        <v>18.655211694623844</v>
      </c>
      <c r="F3403" s="40">
        <v>56.566666999999995</v>
      </c>
      <c r="G3403" s="40">
        <v>16.319578137121994</v>
      </c>
      <c r="H3403" s="40">
        <v>56.566666999999995</v>
      </c>
      <c r="I3403" s="40">
        <v>12.698488142802024</v>
      </c>
      <c r="J3403" s="40">
        <v>56.5666461726195</v>
      </c>
      <c r="K3403" s="40">
        <v>11.617821650236566</v>
      </c>
      <c r="L3403" s="40"/>
      <c r="M3403" s="40"/>
      <c r="N3403" s="40"/>
      <c r="X3403">
        <v>-100</v>
      </c>
      <c r="Y3403">
        <v>39.283332999999999</v>
      </c>
      <c r="Z3403">
        <v>117.583333</v>
      </c>
      <c r="AA3403">
        <v>8.2217500000000001</v>
      </c>
      <c r="AB3403">
        <v>-0.41622487286391713</v>
      </c>
    </row>
    <row r="3404" spans="4:28" x14ac:dyDescent="0.25">
      <c r="D3404" s="40">
        <v>56.597737000002503</v>
      </c>
      <c r="E3404" s="40">
        <v>18.655211694623844</v>
      </c>
      <c r="F3404" s="40">
        <v>56.583332999999982</v>
      </c>
      <c r="G3404" s="40">
        <v>16.32433338121221</v>
      </c>
      <c r="H3404" s="40">
        <v>56.583334000000008</v>
      </c>
      <c r="I3404" s="40">
        <v>12.698488142802024</v>
      </c>
      <c r="J3404" s="40">
        <v>56.5833128333337</v>
      </c>
      <c r="K3404" s="40">
        <v>11.617821650236566</v>
      </c>
      <c r="L3404" s="40"/>
      <c r="M3404" s="40"/>
      <c r="N3404" s="40"/>
      <c r="X3404">
        <v>-100</v>
      </c>
      <c r="Y3404">
        <v>39.299999999999997</v>
      </c>
      <c r="Z3404">
        <v>117.6</v>
      </c>
      <c r="AA3404">
        <v>8.2217500000000001</v>
      </c>
      <c r="AB3404">
        <v>-0.41622487286391713</v>
      </c>
    </row>
    <row r="3405" spans="4:28" x14ac:dyDescent="0.25">
      <c r="D3405" s="40">
        <v>56.614403000002504</v>
      </c>
      <c r="E3405" s="40">
        <v>18.655211694623844</v>
      </c>
      <c r="F3405" s="40">
        <v>56.599999999999994</v>
      </c>
      <c r="G3405" s="40">
        <v>16.333704009272207</v>
      </c>
      <c r="H3405" s="40">
        <v>56.599999999999994</v>
      </c>
      <c r="I3405" s="40">
        <v>12.701742269058787</v>
      </c>
      <c r="J3405" s="40">
        <v>56.599979494048</v>
      </c>
      <c r="K3405" s="40">
        <v>11.622530016189625</v>
      </c>
      <c r="L3405" s="40"/>
      <c r="M3405" s="40"/>
      <c r="N3405" s="40"/>
      <c r="X3405">
        <v>-100</v>
      </c>
      <c r="Y3405">
        <v>39.31666700000001</v>
      </c>
      <c r="Z3405">
        <v>117.61666700000001</v>
      </c>
      <c r="AA3405">
        <v>8.2217169999999999</v>
      </c>
      <c r="AB3405">
        <v>-0.41662457664707914</v>
      </c>
    </row>
    <row r="3406" spans="4:28" x14ac:dyDescent="0.25">
      <c r="D3406" s="40">
        <v>56.631069000002505</v>
      </c>
      <c r="E3406" s="40">
        <v>18.66005487321339</v>
      </c>
      <c r="F3406" s="40">
        <v>56.616667000000007</v>
      </c>
      <c r="G3406" s="40">
        <v>16.338459253362423</v>
      </c>
      <c r="H3406" s="40">
        <v>56.616667000000007</v>
      </c>
      <c r="I3406" s="40">
        <v>12.701742269058787</v>
      </c>
      <c r="J3406" s="40">
        <v>56.6166461547623</v>
      </c>
      <c r="K3406" s="40">
        <v>11.622530016189625</v>
      </c>
      <c r="L3406" s="40"/>
      <c r="M3406" s="40"/>
      <c r="N3406" s="40"/>
      <c r="X3406">
        <v>-100</v>
      </c>
      <c r="Y3406">
        <v>39.333332999999996</v>
      </c>
      <c r="Z3406">
        <v>117.63333299999999</v>
      </c>
      <c r="AA3406">
        <v>8.2217169999999999</v>
      </c>
      <c r="AB3406">
        <v>-0.41662457664707914</v>
      </c>
    </row>
    <row r="3407" spans="4:28" x14ac:dyDescent="0.25">
      <c r="D3407" s="40">
        <v>56.647735000002506</v>
      </c>
      <c r="E3407" s="40">
        <v>18.66005487321339</v>
      </c>
      <c r="F3407" s="40">
        <v>56.633332999999993</v>
      </c>
      <c r="G3407" s="40">
        <v>16.343074637332325</v>
      </c>
      <c r="H3407" s="40">
        <v>56.633334000000019</v>
      </c>
      <c r="I3407" s="40">
        <v>12.705095005202045</v>
      </c>
      <c r="J3407" s="40">
        <v>56.6333128154766</v>
      </c>
      <c r="K3407" s="40">
        <v>11.622530016189625</v>
      </c>
      <c r="L3407" s="40"/>
      <c r="M3407" s="40"/>
      <c r="N3407" s="40"/>
      <c r="X3407">
        <v>-100</v>
      </c>
      <c r="Y3407">
        <v>39.350000000000009</v>
      </c>
      <c r="Z3407">
        <v>117.65</v>
      </c>
      <c r="AA3407">
        <v>8.2217169999999999</v>
      </c>
      <c r="AB3407">
        <v>-0.41662457664707914</v>
      </c>
    </row>
    <row r="3408" spans="4:28" x14ac:dyDescent="0.25">
      <c r="D3408" s="40">
        <v>56.664401000002506</v>
      </c>
      <c r="E3408" s="40">
        <v>18.664755605373816</v>
      </c>
      <c r="F3408" s="40">
        <v>56.650000000000006</v>
      </c>
      <c r="G3408" s="40">
        <v>16.347829881422424</v>
      </c>
      <c r="H3408" s="40">
        <v>56.650000000000006</v>
      </c>
      <c r="I3408" s="40">
        <v>12.705095005202045</v>
      </c>
      <c r="J3408" s="40">
        <v>56.6499794761909</v>
      </c>
      <c r="K3408" s="40">
        <v>11.622530016189625</v>
      </c>
      <c r="L3408" s="40"/>
      <c r="M3408" s="40"/>
      <c r="N3408" s="40"/>
      <c r="X3408">
        <v>-100</v>
      </c>
      <c r="Y3408">
        <v>39.366667000000007</v>
      </c>
      <c r="Z3408">
        <v>117.666667</v>
      </c>
      <c r="AA3408">
        <v>8.2216830000000005</v>
      </c>
      <c r="AB3408">
        <v>-0.41703639266608544</v>
      </c>
    </row>
    <row r="3409" spans="4:28" x14ac:dyDescent="0.25">
      <c r="D3409" s="40">
        <v>56.681067000002507</v>
      </c>
      <c r="E3409" s="40">
        <v>18.664755605373816</v>
      </c>
      <c r="F3409" s="40">
        <v>56.66666699999999</v>
      </c>
      <c r="G3409" s="40">
        <v>16.347829881422424</v>
      </c>
      <c r="H3409" s="40">
        <v>56.666667000000018</v>
      </c>
      <c r="I3409" s="40">
        <v>12.708447741345477</v>
      </c>
      <c r="J3409" s="40">
        <v>56.6666461369052</v>
      </c>
      <c r="K3409" s="40">
        <v>11.627381059898857</v>
      </c>
      <c r="L3409" s="40"/>
      <c r="M3409" s="40"/>
      <c r="N3409" s="40"/>
      <c r="X3409">
        <v>-100</v>
      </c>
      <c r="Y3409">
        <v>39.383333000000007</v>
      </c>
      <c r="Z3409">
        <v>117.683333</v>
      </c>
      <c r="AA3409">
        <v>8.2216830000000005</v>
      </c>
      <c r="AB3409">
        <v>-0.41703639266608544</v>
      </c>
    </row>
    <row r="3410" spans="4:28" x14ac:dyDescent="0.25">
      <c r="D3410" s="40">
        <v>56.697733000002508</v>
      </c>
      <c r="E3410" s="40">
        <v>18.669598783963238</v>
      </c>
      <c r="F3410" s="40">
        <v>56.683333000000005</v>
      </c>
      <c r="G3410" s="40">
        <v>16.35258512551264</v>
      </c>
      <c r="H3410" s="40">
        <v>56.683334000000002</v>
      </c>
      <c r="I3410" s="40">
        <v>12.71170186760224</v>
      </c>
      <c r="J3410" s="40">
        <v>56.6833127976195</v>
      </c>
      <c r="K3410" s="40">
        <v>11.627381059898857</v>
      </c>
      <c r="L3410" s="40"/>
      <c r="M3410" s="40"/>
      <c r="N3410" s="40"/>
      <c r="X3410">
        <v>-100</v>
      </c>
      <c r="Y3410">
        <v>39.400000000000006</v>
      </c>
      <c r="Z3410">
        <v>117.7</v>
      </c>
      <c r="AA3410">
        <v>8.2216830000000005</v>
      </c>
      <c r="AB3410">
        <v>-0.41703639266608544</v>
      </c>
    </row>
    <row r="3411" spans="4:28" x14ac:dyDescent="0.25">
      <c r="D3411" s="40">
        <v>56.714399000002508</v>
      </c>
      <c r="E3411" s="40">
        <v>18.669598783963238</v>
      </c>
      <c r="F3411" s="40">
        <v>56.699999999999989</v>
      </c>
      <c r="G3411" s="40">
        <v>16.357200509482542</v>
      </c>
      <c r="H3411" s="40">
        <v>56.700000000000017</v>
      </c>
      <c r="I3411" s="40">
        <v>12.71170186760224</v>
      </c>
      <c r="J3411" s="40">
        <v>56.699979458333701</v>
      </c>
      <c r="K3411" s="40">
        <v>11.627381059898857</v>
      </c>
      <c r="L3411" s="40"/>
      <c r="M3411" s="40"/>
      <c r="N3411" s="40"/>
      <c r="X3411">
        <v>-100</v>
      </c>
      <c r="Y3411">
        <v>39.416667000000004</v>
      </c>
      <c r="Z3411">
        <v>117.716667</v>
      </c>
      <c r="AA3411">
        <v>8.2216489999999993</v>
      </c>
      <c r="AB3411">
        <v>-0.41744820868511334</v>
      </c>
    </row>
    <row r="3412" spans="4:28" x14ac:dyDescent="0.25">
      <c r="D3412" s="40">
        <v>56.731065000002509</v>
      </c>
      <c r="E3412" s="40">
        <v>18.669598783963238</v>
      </c>
      <c r="F3412" s="40">
        <v>56.716667000000001</v>
      </c>
      <c r="G3412" s="40">
        <v>16.361955753572637</v>
      </c>
      <c r="H3412" s="40">
        <v>56.716667000000001</v>
      </c>
      <c r="I3412" s="40">
        <v>12.715054603745498</v>
      </c>
      <c r="J3412" s="40">
        <v>56.716646119048001</v>
      </c>
      <c r="K3412" s="40">
        <v>11.627381059898857</v>
      </c>
      <c r="L3412" s="40"/>
      <c r="M3412" s="40"/>
      <c r="N3412" s="40"/>
      <c r="X3412">
        <v>-100</v>
      </c>
      <c r="Y3412">
        <v>39.433333000000005</v>
      </c>
      <c r="Z3412">
        <v>117.733333</v>
      </c>
      <c r="AA3412">
        <v>8.2216489999999993</v>
      </c>
      <c r="AB3412">
        <v>-0.41744820868511334</v>
      </c>
    </row>
    <row r="3413" spans="4:28" x14ac:dyDescent="0.25">
      <c r="D3413" s="40">
        <v>56.74773100000251</v>
      </c>
      <c r="E3413" s="40">
        <v>18.674441962552788</v>
      </c>
      <c r="F3413" s="40">
        <v>56.733332999999988</v>
      </c>
      <c r="G3413" s="40">
        <v>16.361955753572637</v>
      </c>
      <c r="H3413" s="40">
        <v>56.733334000000013</v>
      </c>
      <c r="I3413" s="40">
        <v>12.718407339888754</v>
      </c>
      <c r="J3413" s="40">
        <v>56.733312779762301</v>
      </c>
      <c r="K3413" s="40">
        <v>11.632232103607963</v>
      </c>
      <c r="L3413" s="40"/>
      <c r="M3413" s="40"/>
      <c r="N3413" s="40"/>
      <c r="X3413">
        <v>-100</v>
      </c>
      <c r="Y3413">
        <v>39.450000000000003</v>
      </c>
      <c r="Z3413">
        <v>117.75</v>
      </c>
      <c r="AA3413">
        <v>8.2216489999999993</v>
      </c>
      <c r="AB3413">
        <v>-0.41744820868511334</v>
      </c>
    </row>
    <row r="3414" spans="4:28" x14ac:dyDescent="0.25">
      <c r="D3414" s="40">
        <v>56.764397000002511</v>
      </c>
      <c r="E3414" s="40">
        <v>18.674441962552788</v>
      </c>
      <c r="F3414" s="40">
        <v>56.75</v>
      </c>
      <c r="G3414" s="40">
        <v>16.366710997662853</v>
      </c>
      <c r="H3414" s="40">
        <v>56.75</v>
      </c>
      <c r="I3414" s="40">
        <v>12.718407339888754</v>
      </c>
      <c r="J3414" s="40">
        <v>56.749979440476601</v>
      </c>
      <c r="K3414" s="40">
        <v>11.632232103607963</v>
      </c>
      <c r="L3414" s="40"/>
      <c r="M3414" s="40"/>
      <c r="N3414" s="40"/>
      <c r="X3414">
        <v>-100</v>
      </c>
      <c r="Y3414">
        <v>39.466667000000001</v>
      </c>
      <c r="Z3414">
        <v>117.766667</v>
      </c>
      <c r="AA3414">
        <v>8.2216159999999991</v>
      </c>
      <c r="AB3414">
        <v>-0.41784791246827535</v>
      </c>
    </row>
    <row r="3415" spans="4:28" x14ac:dyDescent="0.25">
      <c r="D3415" s="40">
        <v>56.781063000002511</v>
      </c>
      <c r="E3415" s="40">
        <v>18.679142694713214</v>
      </c>
      <c r="F3415" s="40">
        <v>56.766666999999984</v>
      </c>
      <c r="G3415" s="40">
        <v>16.371326381632755</v>
      </c>
      <c r="H3415" s="40">
        <v>56.766667000000012</v>
      </c>
      <c r="I3415" s="40">
        <v>12.718407339888754</v>
      </c>
      <c r="J3415" s="40">
        <v>56.766646101190901</v>
      </c>
      <c r="K3415" s="40">
        <v>11.632232103607963</v>
      </c>
      <c r="L3415" s="40"/>
      <c r="M3415" s="40"/>
      <c r="N3415" s="40"/>
      <c r="X3415">
        <v>-100</v>
      </c>
      <c r="Y3415">
        <v>39.483333000000002</v>
      </c>
      <c r="Z3415">
        <v>117.783333</v>
      </c>
      <c r="AA3415">
        <v>8.2216159999999991</v>
      </c>
      <c r="AB3415">
        <v>-0.41784791246827535</v>
      </c>
    </row>
    <row r="3416" spans="4:28" x14ac:dyDescent="0.25">
      <c r="D3416" s="40">
        <v>56.797729000002512</v>
      </c>
      <c r="E3416" s="40">
        <v>18.679142694713214</v>
      </c>
      <c r="F3416" s="40">
        <v>56.783332999999999</v>
      </c>
      <c r="G3416" s="40">
        <v>16.376081625722851</v>
      </c>
      <c r="H3416" s="40">
        <v>56.783333999999996</v>
      </c>
      <c r="I3416" s="40">
        <v>12.721661466145518</v>
      </c>
      <c r="J3416" s="40">
        <v>56.783312761905201</v>
      </c>
      <c r="K3416" s="40">
        <v>11.636940469561024</v>
      </c>
      <c r="L3416" s="40"/>
      <c r="M3416" s="40"/>
      <c r="N3416" s="40"/>
      <c r="X3416">
        <v>-100</v>
      </c>
      <c r="Y3416">
        <v>39.5</v>
      </c>
      <c r="Z3416">
        <v>117.8</v>
      </c>
      <c r="AA3416">
        <v>8.2216159999999991</v>
      </c>
      <c r="AB3416">
        <v>-0.41784791246827535</v>
      </c>
    </row>
    <row r="3417" spans="4:28" x14ac:dyDescent="0.25">
      <c r="D3417" s="40">
        <v>56.814395000002513</v>
      </c>
      <c r="E3417" s="40">
        <v>18.683985873302635</v>
      </c>
      <c r="F3417" s="40">
        <v>56.799999999999983</v>
      </c>
      <c r="G3417" s="40">
        <v>16.380836869813066</v>
      </c>
      <c r="H3417" s="40">
        <v>56.800000000000011</v>
      </c>
      <c r="I3417" s="40">
        <v>12.72501420228895</v>
      </c>
      <c r="J3417" s="40">
        <v>56.799979422619501</v>
      </c>
      <c r="K3417" s="40">
        <v>11.636940469561024</v>
      </c>
      <c r="L3417" s="40"/>
      <c r="M3417" s="40"/>
      <c r="N3417" s="40"/>
      <c r="X3417">
        <v>-100</v>
      </c>
      <c r="Y3417">
        <v>39.516666999999998</v>
      </c>
      <c r="Z3417">
        <v>117.816667</v>
      </c>
      <c r="AA3417">
        <v>8.2216159999999991</v>
      </c>
      <c r="AB3417">
        <v>-0.41784791246827535</v>
      </c>
    </row>
    <row r="3418" spans="4:28" x14ac:dyDescent="0.25">
      <c r="D3418" s="40">
        <v>56.831061000002514</v>
      </c>
      <c r="E3418" s="40">
        <v>18.683985873302635</v>
      </c>
      <c r="F3418" s="40">
        <v>56.816666999999995</v>
      </c>
      <c r="G3418" s="40">
        <v>16.380836869813066</v>
      </c>
      <c r="H3418" s="40">
        <v>56.816666999999995</v>
      </c>
      <c r="I3418" s="40">
        <v>12.72501420228895</v>
      </c>
      <c r="J3418" s="40">
        <v>56.816646083333701</v>
      </c>
      <c r="K3418" s="40">
        <v>11.636940469561024</v>
      </c>
      <c r="L3418" s="40"/>
      <c r="M3418" s="40"/>
      <c r="N3418" s="40"/>
      <c r="X3418">
        <v>-100</v>
      </c>
      <c r="Y3418">
        <v>39.533332999999999</v>
      </c>
      <c r="Z3418">
        <v>117.833333</v>
      </c>
      <c r="AA3418">
        <v>8.2215819999999997</v>
      </c>
      <c r="AB3418">
        <v>-0.41825972848728171</v>
      </c>
    </row>
    <row r="3419" spans="4:28" x14ac:dyDescent="0.25">
      <c r="D3419" s="40">
        <v>56.847727000002514</v>
      </c>
      <c r="E3419" s="40">
        <v>18.688829051892181</v>
      </c>
      <c r="F3419" s="40">
        <v>56.833332999999982</v>
      </c>
      <c r="G3419" s="40">
        <v>16.385452253782969</v>
      </c>
      <c r="H3419" s="40">
        <v>56.833334000000008</v>
      </c>
      <c r="I3419" s="40">
        <v>12.728366938432206</v>
      </c>
      <c r="J3419" s="40">
        <v>56.833312744048001</v>
      </c>
      <c r="K3419" s="40">
        <v>11.636940469561024</v>
      </c>
      <c r="L3419" s="40"/>
      <c r="M3419" s="40"/>
      <c r="N3419" s="40"/>
      <c r="X3419">
        <v>-100</v>
      </c>
      <c r="Y3419">
        <v>39.549999999999997</v>
      </c>
      <c r="Z3419">
        <v>117.85</v>
      </c>
      <c r="AA3419">
        <v>8.2215819999999997</v>
      </c>
      <c r="AB3419">
        <v>-0.41825972848728171</v>
      </c>
    </row>
    <row r="3420" spans="4:28" x14ac:dyDescent="0.25">
      <c r="D3420" s="40">
        <v>56.864393000002515</v>
      </c>
      <c r="E3420" s="40">
        <v>18.688829051892181</v>
      </c>
      <c r="F3420" s="40">
        <v>56.849999999999994</v>
      </c>
      <c r="G3420" s="40">
        <v>16.390207497873188</v>
      </c>
      <c r="H3420" s="40">
        <v>56.849999999999994</v>
      </c>
      <c r="I3420" s="40">
        <v>12.731621064688969</v>
      </c>
      <c r="J3420" s="40">
        <v>56.849979404762301</v>
      </c>
      <c r="K3420" s="40">
        <v>11.636940469561024</v>
      </c>
      <c r="L3420" s="40"/>
      <c r="M3420" s="40"/>
      <c r="N3420" s="40"/>
      <c r="X3420">
        <v>-100</v>
      </c>
      <c r="Y3420">
        <v>39.56666700000001</v>
      </c>
      <c r="Z3420">
        <v>117.86666700000001</v>
      </c>
      <c r="AA3420">
        <v>8.2215819999999997</v>
      </c>
      <c r="AB3420">
        <v>-0.41825972848728171</v>
      </c>
    </row>
    <row r="3421" spans="4:28" x14ac:dyDescent="0.25">
      <c r="D3421" s="40">
        <v>56.881059000002516</v>
      </c>
      <c r="E3421" s="40">
        <v>18.693529784052608</v>
      </c>
      <c r="F3421" s="40">
        <v>56.866667000000007</v>
      </c>
      <c r="G3421" s="40">
        <v>16.394962741963283</v>
      </c>
      <c r="H3421" s="40">
        <v>56.866667000000007</v>
      </c>
      <c r="I3421" s="40">
        <v>12.734973800832227</v>
      </c>
      <c r="J3421" s="40">
        <v>56.866646065476601</v>
      </c>
      <c r="K3421" s="40">
        <v>11.641791513270256</v>
      </c>
      <c r="L3421" s="40"/>
      <c r="M3421" s="40"/>
      <c r="N3421" s="40"/>
      <c r="X3421">
        <v>-100</v>
      </c>
      <c r="Y3421">
        <v>39.583332999999996</v>
      </c>
      <c r="Z3421">
        <v>117.88333299999999</v>
      </c>
      <c r="AA3421">
        <v>8.2215819999999997</v>
      </c>
      <c r="AB3421">
        <v>-0.41825972848728171</v>
      </c>
    </row>
    <row r="3422" spans="4:28" x14ac:dyDescent="0.25">
      <c r="D3422" s="40">
        <v>56.897725000002517</v>
      </c>
      <c r="E3422" s="40">
        <v>18.693529784052608</v>
      </c>
      <c r="F3422" s="40">
        <v>56.883332999999993</v>
      </c>
      <c r="G3422" s="40">
        <v>16.394962741963283</v>
      </c>
      <c r="H3422" s="40">
        <v>56.883334000000019</v>
      </c>
      <c r="I3422" s="40">
        <v>12.734973800832227</v>
      </c>
      <c r="J3422" s="40">
        <v>56.883312726190901</v>
      </c>
      <c r="K3422" s="40">
        <v>11.641791513270256</v>
      </c>
      <c r="L3422" s="40"/>
      <c r="M3422" s="40"/>
      <c r="N3422" s="40"/>
      <c r="X3422">
        <v>-100</v>
      </c>
      <c r="Y3422">
        <v>39.600000000000009</v>
      </c>
      <c r="Z3422">
        <v>117.9</v>
      </c>
      <c r="AA3422">
        <v>8.2215480000000003</v>
      </c>
      <c r="AB3422">
        <v>-0.41867154450628802</v>
      </c>
    </row>
    <row r="3423" spans="4:28" x14ac:dyDescent="0.25">
      <c r="D3423" s="40">
        <v>56.914391000002517</v>
      </c>
      <c r="E3423" s="40">
        <v>18.698372962642154</v>
      </c>
      <c r="F3423" s="40">
        <v>56.900000000000006</v>
      </c>
      <c r="G3423" s="40">
        <v>16.399578125933186</v>
      </c>
      <c r="H3423" s="40">
        <v>56.900000000000006</v>
      </c>
      <c r="I3423" s="40">
        <v>12.738326536975485</v>
      </c>
      <c r="J3423" s="40">
        <v>56.899979386905201</v>
      </c>
      <c r="K3423" s="40">
        <v>11.641791513270256</v>
      </c>
      <c r="L3423" s="40"/>
      <c r="M3423" s="40"/>
      <c r="N3423" s="40"/>
      <c r="X3423">
        <v>-100</v>
      </c>
      <c r="Y3423">
        <v>39.616667000000007</v>
      </c>
      <c r="Z3423">
        <v>117.916667</v>
      </c>
      <c r="AA3423">
        <v>8.2215480000000003</v>
      </c>
      <c r="AB3423">
        <v>-0.41867154450628802</v>
      </c>
    </row>
    <row r="3424" spans="4:28" x14ac:dyDescent="0.25">
      <c r="D3424" s="40">
        <v>56.931057000002518</v>
      </c>
      <c r="E3424" s="40">
        <v>18.698372962642154</v>
      </c>
      <c r="F3424" s="40">
        <v>56.91666699999999</v>
      </c>
      <c r="G3424" s="40">
        <v>16.404333370023405</v>
      </c>
      <c r="H3424" s="40">
        <v>56.916667000000018</v>
      </c>
      <c r="I3424" s="40">
        <v>12.741580663232247</v>
      </c>
      <c r="J3424" s="40">
        <v>56.916646047619501</v>
      </c>
      <c r="K3424" s="40">
        <v>11.646642556979362</v>
      </c>
      <c r="L3424" s="40"/>
      <c r="M3424" s="40"/>
      <c r="N3424" s="40"/>
      <c r="X3424">
        <v>-100</v>
      </c>
      <c r="Y3424">
        <v>39.633333000000007</v>
      </c>
      <c r="Z3424">
        <v>117.933333</v>
      </c>
      <c r="AA3424">
        <v>8.2215480000000003</v>
      </c>
      <c r="AB3424">
        <v>-0.41867154450628802</v>
      </c>
    </row>
    <row r="3425" spans="4:28" x14ac:dyDescent="0.25">
      <c r="D3425" s="40">
        <v>56.947723000002519</v>
      </c>
      <c r="E3425" s="40">
        <v>18.703216141231575</v>
      </c>
      <c r="F3425" s="40">
        <v>56.933333000000005</v>
      </c>
      <c r="G3425" s="40">
        <v>16.404333370023405</v>
      </c>
      <c r="H3425" s="40">
        <v>56.933334000000002</v>
      </c>
      <c r="I3425" s="40">
        <v>12.744933399375681</v>
      </c>
      <c r="J3425" s="40">
        <v>56.933312708333702</v>
      </c>
      <c r="K3425" s="40">
        <v>11.646642556979362</v>
      </c>
      <c r="L3425" s="40"/>
      <c r="M3425" s="40"/>
      <c r="N3425" s="40"/>
      <c r="X3425">
        <v>-100</v>
      </c>
      <c r="Y3425">
        <v>39.650000000000006</v>
      </c>
      <c r="Z3425">
        <v>117.95</v>
      </c>
      <c r="AA3425">
        <v>8.2215150000000001</v>
      </c>
      <c r="AB3425">
        <v>-0.41907124828945003</v>
      </c>
    </row>
    <row r="3426" spans="4:28" x14ac:dyDescent="0.25">
      <c r="D3426" s="40">
        <v>56.964389000002519</v>
      </c>
      <c r="E3426" s="40">
        <v>18.707916873392001</v>
      </c>
      <c r="F3426" s="40">
        <v>56.949999999999989</v>
      </c>
      <c r="G3426" s="40">
        <v>16.4090886141135</v>
      </c>
      <c r="H3426" s="40">
        <v>56.950000000000017</v>
      </c>
      <c r="I3426" s="40">
        <v>12.744933399375681</v>
      </c>
      <c r="J3426" s="40">
        <v>56.949979369048002</v>
      </c>
      <c r="K3426" s="40">
        <v>11.646642556979362</v>
      </c>
      <c r="L3426" s="40"/>
      <c r="M3426" s="40"/>
      <c r="N3426" s="40"/>
      <c r="X3426">
        <v>-100</v>
      </c>
      <c r="Y3426">
        <v>39.666667000000004</v>
      </c>
      <c r="Z3426">
        <v>117.966667</v>
      </c>
      <c r="AA3426">
        <v>8.2215150000000001</v>
      </c>
      <c r="AB3426">
        <v>-0.41907124828945003</v>
      </c>
    </row>
    <row r="3427" spans="4:28" x14ac:dyDescent="0.25">
      <c r="D3427" s="40">
        <v>56.98105500000252</v>
      </c>
      <c r="E3427" s="40">
        <v>18.707916873392001</v>
      </c>
      <c r="F3427" s="40">
        <v>56.966667000000001</v>
      </c>
      <c r="G3427" s="40">
        <v>16.413703998083399</v>
      </c>
      <c r="H3427" s="40">
        <v>56.966667000000001</v>
      </c>
      <c r="I3427" s="40">
        <v>12.748286135518937</v>
      </c>
      <c r="J3427" s="40">
        <v>56.966646029762302</v>
      </c>
      <c r="K3427" s="40">
        <v>11.646642556979362</v>
      </c>
      <c r="L3427" s="40"/>
      <c r="M3427" s="40"/>
      <c r="N3427" s="40"/>
      <c r="X3427">
        <v>-100</v>
      </c>
      <c r="Y3427">
        <v>39.683333000000005</v>
      </c>
      <c r="Z3427">
        <v>117.983333</v>
      </c>
      <c r="AA3427">
        <v>8.2215150000000001</v>
      </c>
      <c r="AB3427">
        <v>-0.41907124828945003</v>
      </c>
    </row>
    <row r="3428" spans="4:28" x14ac:dyDescent="0.25">
      <c r="D3428" s="40">
        <v>56.997721000002521</v>
      </c>
      <c r="E3428" s="40">
        <v>18.712760051981554</v>
      </c>
      <c r="F3428" s="40">
        <v>56.983332999999988</v>
      </c>
      <c r="G3428" s="40">
        <v>16.413703998083399</v>
      </c>
      <c r="H3428" s="40">
        <v>56.983334000000013</v>
      </c>
      <c r="I3428" s="40">
        <v>12.7515402617757</v>
      </c>
      <c r="J3428" s="40">
        <v>56.983312690476602</v>
      </c>
      <c r="K3428" s="40">
        <v>11.651350922932421</v>
      </c>
      <c r="L3428" s="40"/>
      <c r="M3428" s="40"/>
      <c r="N3428" s="40"/>
      <c r="X3428">
        <v>-100</v>
      </c>
      <c r="Y3428">
        <v>39.700000000000003</v>
      </c>
      <c r="Z3428">
        <v>118</v>
      </c>
      <c r="AA3428">
        <v>8.2214810000000007</v>
      </c>
      <c r="AB3428">
        <v>-0.41948306430845639</v>
      </c>
    </row>
    <row r="3429" spans="4:28" x14ac:dyDescent="0.25">
      <c r="D3429" s="40">
        <v>57.014387000002522</v>
      </c>
      <c r="E3429" s="40">
        <v>18.712760051981554</v>
      </c>
      <c r="F3429" s="40">
        <v>57</v>
      </c>
      <c r="G3429" s="40">
        <v>16.413703998083399</v>
      </c>
      <c r="H3429" s="40">
        <v>57</v>
      </c>
      <c r="I3429" s="40">
        <v>12.754892997918958</v>
      </c>
      <c r="J3429" s="40">
        <v>56.999979351190902</v>
      </c>
      <c r="K3429" s="40">
        <v>11.651350922932421</v>
      </c>
      <c r="L3429" s="40"/>
      <c r="M3429" s="40"/>
      <c r="N3429" s="40"/>
      <c r="X3429">
        <v>-100</v>
      </c>
      <c r="Y3429">
        <v>39.716667000000001</v>
      </c>
      <c r="Z3429">
        <v>118.016667</v>
      </c>
      <c r="AA3429">
        <v>8.2214810000000007</v>
      </c>
      <c r="AB3429">
        <v>-0.41948306430845639</v>
      </c>
    </row>
    <row r="3430" spans="4:28" x14ac:dyDescent="0.25">
      <c r="D3430" s="40">
        <v>57.031053000002522</v>
      </c>
      <c r="E3430" s="40">
        <v>18.712760051981554</v>
      </c>
      <c r="F3430" s="40">
        <v>57.016666999999984</v>
      </c>
      <c r="G3430" s="40">
        <v>16.413703998083399</v>
      </c>
      <c r="H3430" s="40">
        <v>57.016667000000012</v>
      </c>
      <c r="I3430" s="40">
        <v>12.754892997918958</v>
      </c>
      <c r="J3430" s="40">
        <v>57.016646011905202</v>
      </c>
      <c r="K3430" s="40">
        <v>11.651350922932421</v>
      </c>
      <c r="L3430" s="40"/>
      <c r="M3430" s="40"/>
      <c r="N3430" s="40"/>
      <c r="X3430">
        <v>-100</v>
      </c>
      <c r="Y3430">
        <v>39.733333000000002</v>
      </c>
      <c r="Z3430">
        <v>118.033333</v>
      </c>
      <c r="AA3430">
        <v>8.2214810000000007</v>
      </c>
      <c r="AB3430">
        <v>-0.41948306430845639</v>
      </c>
    </row>
    <row r="3431" spans="4:28" x14ac:dyDescent="0.25">
      <c r="D3431" s="40">
        <v>57.047719000002523</v>
      </c>
      <c r="E3431" s="40">
        <v>18.717603230570976</v>
      </c>
      <c r="F3431" s="40">
        <v>57.033332999999999</v>
      </c>
      <c r="G3431" s="40">
        <v>16.413703998083399</v>
      </c>
      <c r="H3431" s="40">
        <v>57.033333999999996</v>
      </c>
      <c r="I3431" s="40">
        <v>12.75824573406239</v>
      </c>
      <c r="J3431" s="40">
        <v>57.033312672619502</v>
      </c>
      <c r="K3431" s="40">
        <v>11.651350922932421</v>
      </c>
      <c r="L3431" s="40"/>
      <c r="M3431" s="40"/>
      <c r="N3431" s="40"/>
      <c r="X3431">
        <v>-100</v>
      </c>
      <c r="Y3431">
        <v>39.75</v>
      </c>
      <c r="Z3431">
        <v>118.05</v>
      </c>
      <c r="AA3431">
        <v>8.2214469999999995</v>
      </c>
      <c r="AB3431">
        <v>-0.41989488032748418</v>
      </c>
    </row>
    <row r="3432" spans="4:28" x14ac:dyDescent="0.25">
      <c r="D3432" s="40">
        <v>57.064385000002524</v>
      </c>
      <c r="E3432" s="40">
        <v>18.717603230570976</v>
      </c>
      <c r="F3432" s="40">
        <v>57.049999999999983</v>
      </c>
      <c r="G3432" s="40">
        <v>16.413703998083399</v>
      </c>
      <c r="H3432" s="40">
        <v>57.050000000000011</v>
      </c>
      <c r="I3432" s="40">
        <v>12.761499860318978</v>
      </c>
      <c r="J3432" s="40">
        <v>57.049979333333702</v>
      </c>
      <c r="K3432" s="40">
        <v>11.651350922932421</v>
      </c>
      <c r="L3432" s="40"/>
      <c r="M3432" s="40"/>
      <c r="N3432" s="40"/>
      <c r="X3432">
        <v>-100</v>
      </c>
      <c r="Y3432">
        <v>39.766666999999998</v>
      </c>
      <c r="Z3432">
        <v>118.066667</v>
      </c>
      <c r="AA3432">
        <v>8.2214469999999995</v>
      </c>
      <c r="AB3432">
        <v>-0.41989488032748418</v>
      </c>
    </row>
    <row r="3433" spans="4:28" x14ac:dyDescent="0.25">
      <c r="D3433" s="40">
        <v>57.081051000002525</v>
      </c>
      <c r="E3433" s="40">
        <v>18.717603230570976</v>
      </c>
      <c r="F3433" s="40">
        <v>57.066666999999995</v>
      </c>
      <c r="G3433" s="40">
        <v>16.413703998083399</v>
      </c>
      <c r="H3433" s="40">
        <v>57.066666999999995</v>
      </c>
      <c r="I3433" s="40">
        <v>12.764852596462411</v>
      </c>
      <c r="J3433" s="40">
        <v>57.066645994048002</v>
      </c>
      <c r="K3433" s="40">
        <v>11.651350922932421</v>
      </c>
      <c r="L3433" s="40"/>
      <c r="M3433" s="40"/>
      <c r="N3433" s="40"/>
      <c r="X3433">
        <v>-100</v>
      </c>
      <c r="Y3433">
        <v>39.783332999999999</v>
      </c>
      <c r="Z3433">
        <v>118.083333</v>
      </c>
      <c r="AA3433">
        <v>8.2214139999999993</v>
      </c>
      <c r="AB3433">
        <v>-0.4202945841106463</v>
      </c>
    </row>
    <row r="3434" spans="4:28" x14ac:dyDescent="0.25">
      <c r="D3434" s="40">
        <v>57.097717000002525</v>
      </c>
      <c r="E3434" s="40">
        <v>18.717603230570976</v>
      </c>
      <c r="F3434" s="40">
        <v>57.083332999999982</v>
      </c>
      <c r="G3434" s="40">
        <v>16.418459242173618</v>
      </c>
      <c r="H3434" s="40">
        <v>57.083334000000008</v>
      </c>
      <c r="I3434" s="40">
        <v>12.768205332605666</v>
      </c>
      <c r="J3434" s="40">
        <v>57.083312654762302</v>
      </c>
      <c r="K3434" s="40">
        <v>11.651350922932421</v>
      </c>
      <c r="L3434" s="40"/>
      <c r="M3434" s="40"/>
      <c r="N3434" s="40"/>
      <c r="X3434">
        <v>-100</v>
      </c>
      <c r="Y3434">
        <v>39.799999999999997</v>
      </c>
      <c r="Z3434">
        <v>118.1</v>
      </c>
      <c r="AA3434">
        <v>8.2214139999999993</v>
      </c>
      <c r="AB3434">
        <v>-0.4202945841106463</v>
      </c>
    </row>
    <row r="3435" spans="4:28" x14ac:dyDescent="0.25">
      <c r="D3435" s="40">
        <v>57.114383000002526</v>
      </c>
      <c r="E3435" s="40">
        <v>18.722446409160522</v>
      </c>
      <c r="F3435" s="40">
        <v>57.099999999999994</v>
      </c>
      <c r="G3435" s="40">
        <v>16.418459242173618</v>
      </c>
      <c r="H3435" s="40">
        <v>57.099999999999994</v>
      </c>
      <c r="I3435" s="40">
        <v>12.771558068748924</v>
      </c>
      <c r="J3435" s="40">
        <v>57.099979315476602</v>
      </c>
      <c r="K3435" s="40">
        <v>11.651350922932421</v>
      </c>
      <c r="L3435" s="40"/>
      <c r="M3435" s="40"/>
      <c r="N3435" s="40"/>
      <c r="X3435">
        <v>-100</v>
      </c>
      <c r="Y3435">
        <v>39.81666700000001</v>
      </c>
      <c r="Z3435">
        <v>118.11666700000001</v>
      </c>
      <c r="AA3435">
        <v>8.2214139999999993</v>
      </c>
      <c r="AB3435">
        <v>-0.4202945841106463</v>
      </c>
    </row>
    <row r="3436" spans="4:28" x14ac:dyDescent="0.25">
      <c r="D3436" s="40">
        <v>57.131049000002527</v>
      </c>
      <c r="E3436" s="40">
        <v>18.722446409160522</v>
      </c>
      <c r="F3436" s="40">
        <v>57.116667000000007</v>
      </c>
      <c r="G3436" s="40">
        <v>16.423214486263713</v>
      </c>
      <c r="H3436" s="40">
        <v>57.116667000000007</v>
      </c>
      <c r="I3436" s="40">
        <v>12.771558068748924</v>
      </c>
      <c r="J3436" s="40">
        <v>57.116645976190902</v>
      </c>
      <c r="K3436" s="40">
        <v>11.651350922932421</v>
      </c>
      <c r="L3436" s="40"/>
      <c r="M3436" s="40"/>
      <c r="N3436" s="40"/>
      <c r="X3436">
        <v>-100</v>
      </c>
      <c r="Y3436">
        <v>39.833332999999996</v>
      </c>
      <c r="Z3436">
        <v>118.13333299999999</v>
      </c>
      <c r="AA3436">
        <v>8.2213799999999999</v>
      </c>
      <c r="AB3436">
        <v>-0.42070640012965255</v>
      </c>
    </row>
    <row r="3437" spans="4:28" x14ac:dyDescent="0.25">
      <c r="D3437" s="40">
        <v>57.147715000002528</v>
      </c>
      <c r="E3437" s="40">
        <v>18.722446409160522</v>
      </c>
      <c r="F3437" s="40">
        <v>57.133332999999993</v>
      </c>
      <c r="G3437" s="40">
        <v>16.423214486263713</v>
      </c>
      <c r="H3437" s="40">
        <v>57.133334000000019</v>
      </c>
      <c r="I3437" s="40">
        <v>12.774812195005687</v>
      </c>
      <c r="J3437" s="40">
        <v>57.133312636905202</v>
      </c>
      <c r="K3437" s="40">
        <v>11.651350922932421</v>
      </c>
      <c r="L3437" s="40"/>
      <c r="M3437" s="40"/>
      <c r="N3437" s="40"/>
      <c r="X3437">
        <v>-100</v>
      </c>
      <c r="Y3437">
        <v>39.850000000000009</v>
      </c>
      <c r="Z3437">
        <v>118.15</v>
      </c>
      <c r="AA3437">
        <v>8.2213799999999999</v>
      </c>
      <c r="AB3437">
        <v>-0.42070640012965255</v>
      </c>
    </row>
    <row r="3438" spans="4:28" x14ac:dyDescent="0.25">
      <c r="D3438" s="40">
        <v>57.164381000002528</v>
      </c>
      <c r="E3438" s="40">
        <v>18.722446409160522</v>
      </c>
      <c r="F3438" s="40">
        <v>57.150000000000006</v>
      </c>
      <c r="G3438" s="40">
        <v>16.427829870233612</v>
      </c>
      <c r="H3438" s="40">
        <v>57.150000000000006</v>
      </c>
      <c r="I3438" s="40">
        <v>12.778164931149119</v>
      </c>
      <c r="J3438" s="40">
        <v>57.149979297619502</v>
      </c>
      <c r="K3438" s="40">
        <v>11.651350922932421</v>
      </c>
      <c r="L3438" s="40"/>
      <c r="M3438" s="40"/>
      <c r="N3438" s="40"/>
      <c r="X3438">
        <v>-100</v>
      </c>
      <c r="Y3438">
        <v>39.866667000000007</v>
      </c>
      <c r="Z3438">
        <v>118.166667</v>
      </c>
      <c r="AA3438">
        <v>8.2213799999999999</v>
      </c>
      <c r="AB3438">
        <v>-0.42070640012965255</v>
      </c>
    </row>
    <row r="3439" spans="4:28" x14ac:dyDescent="0.25">
      <c r="D3439" s="40">
        <v>57.181047000002529</v>
      </c>
      <c r="E3439" s="40">
        <v>18.727147141320948</v>
      </c>
      <c r="F3439" s="40">
        <v>57.16666699999999</v>
      </c>
      <c r="G3439" s="40">
        <v>16.427829870233612</v>
      </c>
      <c r="H3439" s="40">
        <v>57.166667000000018</v>
      </c>
      <c r="I3439" s="40">
        <v>12.778164931149119</v>
      </c>
      <c r="J3439" s="40">
        <v>57.166645958333703</v>
      </c>
      <c r="K3439" s="40">
        <v>11.656201966641653</v>
      </c>
      <c r="L3439" s="40"/>
      <c r="M3439" s="40"/>
      <c r="N3439" s="40"/>
      <c r="X3439">
        <v>-100</v>
      </c>
      <c r="Y3439">
        <v>39.883333000000007</v>
      </c>
      <c r="Z3439">
        <v>118.183333</v>
      </c>
      <c r="AA3439">
        <v>8.2213460000000005</v>
      </c>
      <c r="AB3439">
        <v>-0.42111821614865885</v>
      </c>
    </row>
    <row r="3440" spans="4:28" x14ac:dyDescent="0.25">
      <c r="D3440" s="40">
        <v>57.19771300000253</v>
      </c>
      <c r="E3440" s="40">
        <v>18.727147141320948</v>
      </c>
      <c r="F3440" s="40">
        <v>57.183333000000005</v>
      </c>
      <c r="G3440" s="40">
        <v>16.432585114323835</v>
      </c>
      <c r="H3440" s="40">
        <v>57.183334000000002</v>
      </c>
      <c r="I3440" s="40">
        <v>12.781517667292377</v>
      </c>
      <c r="J3440" s="40">
        <v>57.183312619048003</v>
      </c>
      <c r="K3440" s="40">
        <v>11.656201966641653</v>
      </c>
      <c r="L3440" s="40"/>
      <c r="M3440" s="40"/>
      <c r="N3440" s="40"/>
      <c r="X3440">
        <v>-100</v>
      </c>
      <c r="Y3440">
        <v>39.900000000000006</v>
      </c>
      <c r="Z3440">
        <v>118.2</v>
      </c>
      <c r="AA3440">
        <v>8.2213460000000005</v>
      </c>
      <c r="AB3440">
        <v>-0.42111821614865885</v>
      </c>
    </row>
    <row r="3441" spans="4:28" x14ac:dyDescent="0.25">
      <c r="D3441" s="40">
        <v>57.214379000002531</v>
      </c>
      <c r="E3441" s="40">
        <v>18.73199031991037</v>
      </c>
      <c r="F3441" s="40">
        <v>57.199999999999989</v>
      </c>
      <c r="G3441" s="40">
        <v>16.432585114323835</v>
      </c>
      <c r="H3441" s="40">
        <v>57.200000000000017</v>
      </c>
      <c r="I3441" s="40">
        <v>12.78477179354914</v>
      </c>
      <c r="J3441" s="40">
        <v>57.199979279762303</v>
      </c>
      <c r="K3441" s="40">
        <v>11.656201966641653</v>
      </c>
      <c r="L3441" s="40"/>
      <c r="M3441" s="40"/>
      <c r="N3441" s="40"/>
      <c r="X3441">
        <v>-100</v>
      </c>
      <c r="Y3441">
        <v>39.916667000000004</v>
      </c>
      <c r="Z3441">
        <v>118.216667</v>
      </c>
      <c r="AA3441">
        <v>8.2213460000000005</v>
      </c>
      <c r="AB3441">
        <v>-0.42111821614865885</v>
      </c>
    </row>
    <row r="3442" spans="4:28" x14ac:dyDescent="0.25">
      <c r="D3442" s="40">
        <v>57.231045000002531</v>
      </c>
      <c r="E3442" s="40">
        <v>18.73199031991037</v>
      </c>
      <c r="F3442" s="40">
        <v>57.216667000000001</v>
      </c>
      <c r="G3442" s="40">
        <v>16.437340358414055</v>
      </c>
      <c r="H3442" s="40">
        <v>57.216667000000001</v>
      </c>
      <c r="I3442" s="40">
        <v>12.78477179354914</v>
      </c>
      <c r="J3442" s="40">
        <v>57.216645940476603</v>
      </c>
      <c r="K3442" s="40">
        <v>11.656201966641653</v>
      </c>
      <c r="L3442" s="40"/>
      <c r="M3442" s="40"/>
      <c r="N3442" s="40"/>
      <c r="X3442">
        <v>-100</v>
      </c>
      <c r="Y3442">
        <v>39.933333000000005</v>
      </c>
      <c r="Z3442">
        <v>118.233333</v>
      </c>
      <c r="AA3442">
        <v>8.2213130000000003</v>
      </c>
      <c r="AB3442">
        <v>-0.42151791993182097</v>
      </c>
    </row>
    <row r="3443" spans="4:28" x14ac:dyDescent="0.25">
      <c r="D3443" s="40">
        <v>57.247711000002532</v>
      </c>
      <c r="E3443" s="40">
        <v>18.73199031991037</v>
      </c>
      <c r="F3443" s="40">
        <v>57.233332999999988</v>
      </c>
      <c r="G3443" s="40">
        <v>16.437340358414055</v>
      </c>
      <c r="H3443" s="40">
        <v>57.233334000000013</v>
      </c>
      <c r="I3443" s="40">
        <v>12.788124529692396</v>
      </c>
      <c r="J3443" s="40">
        <v>57.233312601190903</v>
      </c>
      <c r="K3443" s="40">
        <v>11.661053010350885</v>
      </c>
      <c r="L3443" s="40"/>
      <c r="M3443" s="40"/>
      <c r="N3443" s="40"/>
      <c r="X3443">
        <v>-100</v>
      </c>
      <c r="Y3443">
        <v>39.950000000000003</v>
      </c>
      <c r="Z3443">
        <v>118.25</v>
      </c>
      <c r="AA3443">
        <v>8.2213130000000003</v>
      </c>
      <c r="AB3443">
        <v>-0.42151791993182097</v>
      </c>
    </row>
    <row r="3444" spans="4:28" x14ac:dyDescent="0.25">
      <c r="D3444" s="40">
        <v>57.264377000002533</v>
      </c>
      <c r="E3444" s="40">
        <v>18.736833498499916</v>
      </c>
      <c r="F3444" s="40">
        <v>57.25</v>
      </c>
      <c r="G3444" s="40">
        <v>16.441955742383829</v>
      </c>
      <c r="H3444" s="40">
        <v>57.25</v>
      </c>
      <c r="I3444" s="40">
        <v>12.79147726583583</v>
      </c>
      <c r="J3444" s="40">
        <v>57.249979261905203</v>
      </c>
      <c r="K3444" s="40">
        <v>11.661053010350885</v>
      </c>
      <c r="L3444" s="40"/>
      <c r="M3444" s="40"/>
      <c r="N3444" s="40"/>
      <c r="X3444">
        <v>-100</v>
      </c>
      <c r="Y3444">
        <v>39.966667000000001</v>
      </c>
      <c r="Z3444">
        <v>118.266667</v>
      </c>
      <c r="AA3444">
        <v>8.2213130000000003</v>
      </c>
      <c r="AB3444">
        <v>-0.42151791993182097</v>
      </c>
    </row>
    <row r="3445" spans="4:28" x14ac:dyDescent="0.25">
      <c r="D3445" s="40">
        <v>57.281043000002533</v>
      </c>
      <c r="E3445" s="40">
        <v>18.736833498499916</v>
      </c>
      <c r="F3445" s="40">
        <v>57.266666999999984</v>
      </c>
      <c r="G3445" s="40">
        <v>16.446710986474049</v>
      </c>
      <c r="H3445" s="40">
        <v>57.266667000000012</v>
      </c>
      <c r="I3445" s="40">
        <v>12.79147726583583</v>
      </c>
      <c r="J3445" s="40">
        <v>57.266645922619503</v>
      </c>
      <c r="K3445" s="40">
        <v>11.661053010350885</v>
      </c>
      <c r="L3445" s="40"/>
      <c r="M3445" s="40"/>
      <c r="N3445" s="40"/>
      <c r="X3445">
        <v>-100</v>
      </c>
      <c r="Y3445">
        <v>39.983333000000002</v>
      </c>
      <c r="Z3445">
        <v>118.283333</v>
      </c>
      <c r="AA3445">
        <v>8.2212789999999991</v>
      </c>
      <c r="AB3445">
        <v>-0.42192973595084876</v>
      </c>
    </row>
    <row r="3446" spans="4:28" x14ac:dyDescent="0.25">
      <c r="D3446" s="40">
        <v>57.297709000002534</v>
      </c>
      <c r="E3446" s="40">
        <v>18.741534230660342</v>
      </c>
      <c r="F3446" s="40">
        <v>57.283332999999999</v>
      </c>
      <c r="G3446" s="40">
        <v>16.446710986474049</v>
      </c>
      <c r="H3446" s="40">
        <v>57.283333999999996</v>
      </c>
      <c r="I3446" s="40">
        <v>12.794731392092418</v>
      </c>
      <c r="J3446" s="40">
        <v>57.283312583333696</v>
      </c>
      <c r="K3446" s="40">
        <v>11.661053010350885</v>
      </c>
      <c r="L3446" s="40"/>
      <c r="M3446" s="40"/>
      <c r="N3446" s="40"/>
      <c r="X3446">
        <v>-100</v>
      </c>
      <c r="Y3446">
        <v>40</v>
      </c>
      <c r="Z3446">
        <v>118.3</v>
      </c>
      <c r="AA3446">
        <v>8.2212789999999991</v>
      </c>
      <c r="AB3446">
        <v>-0.42192973595084876</v>
      </c>
    </row>
    <row r="3447" spans="4:28" x14ac:dyDescent="0.25">
      <c r="D3447" s="40">
        <v>57.314375000002535</v>
      </c>
      <c r="E3447" s="40">
        <v>18.741534230660342</v>
      </c>
      <c r="F3447" s="40">
        <v>57.299999999999983</v>
      </c>
      <c r="G3447" s="40">
        <v>16.451466230564268</v>
      </c>
      <c r="H3447" s="40">
        <v>57.300000000000011</v>
      </c>
      <c r="I3447" s="40">
        <v>12.794731392092418</v>
      </c>
      <c r="J3447" s="40">
        <v>57.299979244047996</v>
      </c>
      <c r="K3447" s="40">
        <v>11.661053010350885</v>
      </c>
      <c r="L3447" s="40"/>
      <c r="M3447" s="40"/>
      <c r="N3447" s="40"/>
      <c r="X3447">
        <v>-100</v>
      </c>
      <c r="Y3447">
        <v>40.016666999999998</v>
      </c>
      <c r="Z3447">
        <v>118.316667</v>
      </c>
      <c r="AA3447">
        <v>8.2212449999999997</v>
      </c>
      <c r="AB3447">
        <v>-0.42234155196985512</v>
      </c>
    </row>
    <row r="3448" spans="4:28" x14ac:dyDescent="0.25">
      <c r="D3448" s="40">
        <v>57.331041000002536</v>
      </c>
      <c r="E3448" s="40">
        <v>18.741534230660342</v>
      </c>
      <c r="F3448" s="40">
        <v>57.316666999999995</v>
      </c>
      <c r="G3448" s="40">
        <v>16.45622147465436</v>
      </c>
      <c r="H3448" s="40">
        <v>57.316666999999995</v>
      </c>
      <c r="I3448" s="40">
        <v>12.79808412823585</v>
      </c>
      <c r="J3448" s="40">
        <v>57.316645904762296</v>
      </c>
      <c r="K3448" s="40">
        <v>11.661053010350885</v>
      </c>
      <c r="L3448" s="40"/>
      <c r="M3448" s="40"/>
      <c r="N3448" s="40"/>
      <c r="X3448">
        <v>-100</v>
      </c>
      <c r="Y3448">
        <v>40.033332999999999</v>
      </c>
      <c r="Z3448">
        <v>118.333333</v>
      </c>
      <c r="AA3448">
        <v>8.2212449999999997</v>
      </c>
      <c r="AB3448">
        <v>-0.42234155196985512</v>
      </c>
    </row>
    <row r="3449" spans="4:28" x14ac:dyDescent="0.25">
      <c r="D3449" s="40">
        <v>57.347707000002536</v>
      </c>
      <c r="E3449" s="40">
        <v>18.746377409249892</v>
      </c>
      <c r="F3449" s="40">
        <v>57.333332999999982</v>
      </c>
      <c r="G3449" s="40">
        <v>16.45622147465436</v>
      </c>
      <c r="H3449" s="40">
        <v>57.333334000000008</v>
      </c>
      <c r="I3449" s="40">
        <v>12.79808412823585</v>
      </c>
      <c r="J3449" s="40">
        <v>57.333312565476596</v>
      </c>
      <c r="K3449" s="40">
        <v>11.661053010350885</v>
      </c>
      <c r="L3449" s="40"/>
      <c r="M3449" s="40"/>
      <c r="N3449" s="40"/>
      <c r="X3449">
        <v>-100</v>
      </c>
      <c r="Y3449">
        <v>40.049999999999997</v>
      </c>
      <c r="Z3449">
        <v>118.35</v>
      </c>
      <c r="AA3449">
        <v>8.2212119999999995</v>
      </c>
      <c r="AB3449">
        <v>-0.42274125575301713</v>
      </c>
    </row>
    <row r="3450" spans="4:28" x14ac:dyDescent="0.25">
      <c r="D3450" s="40">
        <v>57.364373000002537</v>
      </c>
      <c r="E3450" s="40">
        <v>18.746377409249892</v>
      </c>
      <c r="F3450" s="40">
        <v>57.349999999999994</v>
      </c>
      <c r="G3450" s="40">
        <v>16.460836858624262</v>
      </c>
      <c r="H3450" s="40">
        <v>57.349999999999994</v>
      </c>
      <c r="I3450" s="40">
        <v>12.801436864379108</v>
      </c>
      <c r="J3450" s="40">
        <v>57.349979226190896</v>
      </c>
      <c r="K3450" s="40">
        <v>11.661053010350885</v>
      </c>
      <c r="L3450" s="40"/>
      <c r="M3450" s="40"/>
      <c r="N3450" s="40"/>
      <c r="X3450">
        <v>-100</v>
      </c>
      <c r="Y3450">
        <v>40.06666700000001</v>
      </c>
      <c r="Z3450">
        <v>118.36666700000001</v>
      </c>
      <c r="AA3450">
        <v>8.2212119999999995</v>
      </c>
      <c r="AB3450">
        <v>-0.42274125575301713</v>
      </c>
    </row>
    <row r="3451" spans="4:28" x14ac:dyDescent="0.25">
      <c r="D3451" s="40">
        <v>57.381039000002538</v>
      </c>
      <c r="E3451" s="40">
        <v>18.746377409249892</v>
      </c>
      <c r="F3451" s="40">
        <v>57.366667000000007</v>
      </c>
      <c r="G3451" s="40">
        <v>16.460836858624262</v>
      </c>
      <c r="H3451" s="40">
        <v>57.366667000000007</v>
      </c>
      <c r="I3451" s="40">
        <v>12.804690990635871</v>
      </c>
      <c r="J3451" s="40">
        <v>57.366645886905197</v>
      </c>
      <c r="K3451" s="40">
        <v>11.661053010350885</v>
      </c>
      <c r="L3451" s="40"/>
      <c r="M3451" s="40"/>
      <c r="N3451" s="40"/>
      <c r="X3451">
        <v>-100</v>
      </c>
      <c r="Y3451">
        <v>40.083332999999996</v>
      </c>
      <c r="Z3451">
        <v>118.38333299999999</v>
      </c>
      <c r="AA3451">
        <v>8.2212119999999995</v>
      </c>
      <c r="AB3451">
        <v>-0.42274125575301713</v>
      </c>
    </row>
    <row r="3452" spans="4:28" x14ac:dyDescent="0.25">
      <c r="D3452" s="40">
        <v>57.397705000002539</v>
      </c>
      <c r="E3452" s="40">
        <v>18.751220587839313</v>
      </c>
      <c r="F3452" s="40">
        <v>57.383332999999993</v>
      </c>
      <c r="G3452" s="40">
        <v>16.465592102714481</v>
      </c>
      <c r="H3452" s="40">
        <v>57.383334000000019</v>
      </c>
      <c r="I3452" s="40">
        <v>12.804690990635871</v>
      </c>
      <c r="J3452" s="40">
        <v>57.383312547619497</v>
      </c>
      <c r="K3452" s="40">
        <v>11.661053010350885</v>
      </c>
      <c r="L3452" s="40"/>
      <c r="M3452" s="40"/>
      <c r="N3452" s="40"/>
      <c r="X3452">
        <v>-100</v>
      </c>
      <c r="Y3452">
        <v>40.100000000000009</v>
      </c>
      <c r="Z3452">
        <v>118.4</v>
      </c>
      <c r="AA3452">
        <v>8.2211780000000001</v>
      </c>
      <c r="AB3452">
        <v>-0.42315307177202344</v>
      </c>
    </row>
    <row r="3453" spans="4:28" x14ac:dyDescent="0.25">
      <c r="D3453" s="40">
        <v>57.414371000002539</v>
      </c>
      <c r="E3453" s="40">
        <v>18.751220587839313</v>
      </c>
      <c r="F3453" s="40">
        <v>57.400000000000006</v>
      </c>
      <c r="G3453" s="40">
        <v>16.465592102714481</v>
      </c>
      <c r="H3453" s="40">
        <v>57.400000000000006</v>
      </c>
      <c r="I3453" s="40">
        <v>12.808043726779129</v>
      </c>
      <c r="J3453" s="40">
        <v>57.399979208333797</v>
      </c>
      <c r="K3453" s="40">
        <v>11.661053010350885</v>
      </c>
      <c r="L3453" s="40"/>
      <c r="M3453" s="40"/>
      <c r="N3453" s="40"/>
      <c r="X3453">
        <v>-100</v>
      </c>
      <c r="Y3453">
        <v>40.116667000000007</v>
      </c>
      <c r="Z3453">
        <v>118.416667</v>
      </c>
      <c r="AA3453">
        <v>8.2211780000000001</v>
      </c>
      <c r="AB3453">
        <v>-0.42315307177202344</v>
      </c>
    </row>
    <row r="3454" spans="4:28" x14ac:dyDescent="0.25">
      <c r="D3454" s="40">
        <v>57.43103700000254</v>
      </c>
      <c r="E3454" s="40">
        <v>18.755921319999739</v>
      </c>
      <c r="F3454" s="40">
        <v>57.41666699999999</v>
      </c>
      <c r="G3454" s="40">
        <v>16.470347346804576</v>
      </c>
      <c r="H3454" s="40">
        <v>57.416667000000018</v>
      </c>
      <c r="I3454" s="40">
        <v>12.808043726779129</v>
      </c>
      <c r="J3454" s="40">
        <v>57.416645869047997</v>
      </c>
      <c r="K3454" s="40">
        <v>11.661053010350885</v>
      </c>
      <c r="L3454" s="40"/>
      <c r="M3454" s="40"/>
      <c r="N3454" s="40"/>
      <c r="X3454">
        <v>-100</v>
      </c>
      <c r="Y3454">
        <v>40.133333000000007</v>
      </c>
      <c r="Z3454">
        <v>118.433333</v>
      </c>
      <c r="AA3454">
        <v>8.2211780000000001</v>
      </c>
      <c r="AB3454">
        <v>-0.42315307177202344</v>
      </c>
    </row>
    <row r="3455" spans="4:28" x14ac:dyDescent="0.25">
      <c r="D3455" s="40">
        <v>57.447703000002541</v>
      </c>
      <c r="E3455" s="40">
        <v>18.760764498589285</v>
      </c>
      <c r="F3455" s="40">
        <v>57.433333000000005</v>
      </c>
      <c r="G3455" s="40">
        <v>16.474962730774479</v>
      </c>
      <c r="H3455" s="40">
        <v>57.433334000000002</v>
      </c>
      <c r="I3455" s="40">
        <v>12.811396462922559</v>
      </c>
      <c r="J3455" s="40">
        <v>57.433312529762297</v>
      </c>
      <c r="K3455" s="40">
        <v>11.66576137630382</v>
      </c>
      <c r="L3455" s="40"/>
      <c r="M3455" s="40"/>
      <c r="N3455" s="40"/>
      <c r="X3455">
        <v>-100</v>
      </c>
      <c r="Y3455">
        <v>40.150000000000006</v>
      </c>
      <c r="Z3455">
        <v>118.45</v>
      </c>
      <c r="AA3455">
        <v>8.2211440000000007</v>
      </c>
      <c r="AB3455">
        <v>-0.4235648877910298</v>
      </c>
    </row>
    <row r="3456" spans="4:28" x14ac:dyDescent="0.25">
      <c r="D3456" s="40">
        <v>57.464369000002542</v>
      </c>
      <c r="E3456" s="40">
        <v>18.760764498589285</v>
      </c>
      <c r="F3456" s="40">
        <v>57.449999999999989</v>
      </c>
      <c r="G3456" s="40">
        <v>16.474962730774479</v>
      </c>
      <c r="H3456" s="40">
        <v>57.450000000000017</v>
      </c>
      <c r="I3456" s="40">
        <v>12.814650589179323</v>
      </c>
      <c r="J3456" s="40">
        <v>57.449979190476597</v>
      </c>
      <c r="K3456" s="40">
        <v>11.66576137630382</v>
      </c>
      <c r="L3456" s="40"/>
      <c r="M3456" s="40"/>
      <c r="N3456" s="40"/>
      <c r="X3456">
        <v>-100</v>
      </c>
      <c r="Y3456">
        <v>40.166667000000004</v>
      </c>
      <c r="Z3456">
        <v>118.466667</v>
      </c>
      <c r="AA3456">
        <v>8.2211440000000007</v>
      </c>
      <c r="AB3456">
        <v>-0.4235648877910298</v>
      </c>
    </row>
    <row r="3457" spans="4:28" x14ac:dyDescent="0.25">
      <c r="D3457" s="40">
        <v>57.481035000002542</v>
      </c>
      <c r="E3457" s="40">
        <v>18.765607677178711</v>
      </c>
      <c r="F3457" s="40">
        <v>57.466667000000001</v>
      </c>
      <c r="G3457" s="40">
        <v>16.479717974864698</v>
      </c>
      <c r="H3457" s="40">
        <v>57.466667000000001</v>
      </c>
      <c r="I3457" s="40">
        <v>12.814650589179323</v>
      </c>
      <c r="J3457" s="40">
        <v>57.466645851190897</v>
      </c>
      <c r="K3457" s="40">
        <v>11.66576137630382</v>
      </c>
      <c r="L3457" s="40"/>
      <c r="M3457" s="40"/>
      <c r="N3457" s="40"/>
      <c r="X3457">
        <v>-100</v>
      </c>
      <c r="Y3457">
        <v>40.183333000000005</v>
      </c>
      <c r="Z3457">
        <v>118.483333</v>
      </c>
      <c r="AA3457">
        <v>8.2211440000000007</v>
      </c>
      <c r="AB3457">
        <v>-0.4235648877910298</v>
      </c>
    </row>
    <row r="3458" spans="4:28" x14ac:dyDescent="0.25">
      <c r="D3458" s="40">
        <v>57.497701000002543</v>
      </c>
      <c r="E3458" s="40">
        <v>18.770308409339133</v>
      </c>
      <c r="F3458" s="40">
        <v>57.483332999999988</v>
      </c>
      <c r="G3458" s="40">
        <v>16.48447321895479</v>
      </c>
      <c r="H3458" s="40">
        <v>57.483334000000013</v>
      </c>
      <c r="I3458" s="40">
        <v>12.818003325322579</v>
      </c>
      <c r="J3458" s="40">
        <v>57.483312511905197</v>
      </c>
      <c r="K3458" s="40">
        <v>11.66576137630382</v>
      </c>
      <c r="L3458" s="40"/>
      <c r="M3458" s="40"/>
      <c r="N3458" s="40"/>
      <c r="X3458">
        <v>-100</v>
      </c>
      <c r="Y3458">
        <v>40.200000000000003</v>
      </c>
      <c r="Z3458">
        <v>118.5</v>
      </c>
      <c r="AA3458">
        <v>8.2211110000000005</v>
      </c>
      <c r="AB3458">
        <v>-0.42396459157419181</v>
      </c>
    </row>
    <row r="3459" spans="4:28" x14ac:dyDescent="0.25">
      <c r="D3459" s="40">
        <v>57.514367000002544</v>
      </c>
      <c r="E3459" s="40">
        <v>18.770308409339133</v>
      </c>
      <c r="F3459" s="40">
        <v>57.5</v>
      </c>
      <c r="G3459" s="40">
        <v>16.489088602924692</v>
      </c>
      <c r="H3459" s="40">
        <v>57.5</v>
      </c>
      <c r="I3459" s="40">
        <v>12.818003325322579</v>
      </c>
      <c r="J3459" s="40">
        <v>57.499979172619497</v>
      </c>
      <c r="K3459" s="40">
        <v>11.66576137630382</v>
      </c>
      <c r="L3459" s="40"/>
      <c r="M3459" s="40"/>
      <c r="N3459" s="40"/>
      <c r="X3459">
        <v>-100</v>
      </c>
      <c r="Y3459">
        <v>40.216667000000001</v>
      </c>
      <c r="Z3459">
        <v>118.516667</v>
      </c>
      <c r="AA3459">
        <v>8.2211110000000005</v>
      </c>
      <c r="AB3459">
        <v>-0.42396459157419181</v>
      </c>
    </row>
    <row r="3460" spans="4:28" x14ac:dyDescent="0.25">
      <c r="D3460" s="40">
        <v>57.531033000002544</v>
      </c>
      <c r="E3460" s="40">
        <v>18.775151587928683</v>
      </c>
      <c r="F3460" s="40">
        <v>57.516666999999984</v>
      </c>
      <c r="G3460" s="40">
        <v>16.489088602924692</v>
      </c>
      <c r="H3460" s="40">
        <v>57.516667000000012</v>
      </c>
      <c r="I3460" s="40">
        <v>12.821356061465837</v>
      </c>
      <c r="J3460" s="40">
        <v>57.516645833333797</v>
      </c>
      <c r="K3460" s="40">
        <v>11.66576137630382</v>
      </c>
      <c r="L3460" s="40"/>
      <c r="M3460" s="40"/>
      <c r="N3460" s="40"/>
      <c r="X3460">
        <v>-100</v>
      </c>
      <c r="Y3460">
        <v>40.233333000000002</v>
      </c>
      <c r="Z3460">
        <v>118.533333</v>
      </c>
      <c r="AA3460">
        <v>8.2211110000000005</v>
      </c>
      <c r="AB3460">
        <v>-0.42396459157419181</v>
      </c>
    </row>
    <row r="3461" spans="4:28" x14ac:dyDescent="0.25">
      <c r="D3461" s="40">
        <v>57.547699000002545</v>
      </c>
      <c r="E3461" s="40">
        <v>18.775151587928683</v>
      </c>
      <c r="F3461" s="40">
        <v>57.533332999999999</v>
      </c>
      <c r="G3461" s="40">
        <v>16.493843847014912</v>
      </c>
      <c r="H3461" s="40">
        <v>57.533333999999996</v>
      </c>
      <c r="I3461" s="40">
        <v>12.8246101877226</v>
      </c>
      <c r="J3461" s="40">
        <v>57.533312494047998</v>
      </c>
      <c r="K3461" s="40">
        <v>11.66576137630382</v>
      </c>
      <c r="L3461" s="40"/>
      <c r="M3461" s="40"/>
      <c r="N3461" s="40"/>
      <c r="X3461">
        <v>-100</v>
      </c>
      <c r="Y3461">
        <v>40.25</v>
      </c>
      <c r="Z3461">
        <v>118.55</v>
      </c>
      <c r="AA3461">
        <v>8.2210769999999993</v>
      </c>
      <c r="AB3461">
        <v>-0.42437640759321971</v>
      </c>
    </row>
    <row r="3462" spans="4:28" x14ac:dyDescent="0.25">
      <c r="D3462" s="40">
        <v>57.564365000002546</v>
      </c>
      <c r="E3462" s="40">
        <v>18.779994766518104</v>
      </c>
      <c r="F3462" s="40">
        <v>57.549999999999983</v>
      </c>
      <c r="G3462" s="40">
        <v>16.493843847014912</v>
      </c>
      <c r="H3462" s="40">
        <v>57.550000000000011</v>
      </c>
      <c r="I3462" s="40">
        <v>12.8246101877226</v>
      </c>
      <c r="J3462" s="40">
        <v>57.549979154762298</v>
      </c>
      <c r="K3462" s="40">
        <v>11.66576137630382</v>
      </c>
      <c r="L3462" s="40"/>
      <c r="M3462" s="40"/>
      <c r="N3462" s="40"/>
      <c r="X3462">
        <v>-100</v>
      </c>
      <c r="Y3462">
        <v>40.266666999999998</v>
      </c>
      <c r="Z3462">
        <v>118.566667</v>
      </c>
      <c r="AA3462">
        <v>8.2210769999999993</v>
      </c>
      <c r="AB3462">
        <v>-0.42437640759321971</v>
      </c>
    </row>
    <row r="3463" spans="4:28" x14ac:dyDescent="0.25">
      <c r="D3463" s="40">
        <v>57.581031000002547</v>
      </c>
      <c r="E3463" s="40">
        <v>18.779994766518104</v>
      </c>
      <c r="F3463" s="40">
        <v>57.566666999999995</v>
      </c>
      <c r="G3463" s="40">
        <v>16.498599091105131</v>
      </c>
      <c r="H3463" s="40">
        <v>57.566666999999995</v>
      </c>
      <c r="I3463" s="40">
        <v>12.827962923865858</v>
      </c>
      <c r="J3463" s="40">
        <v>57.566645815476598</v>
      </c>
      <c r="K3463" s="40">
        <v>11.66576137630382</v>
      </c>
      <c r="L3463" s="40"/>
      <c r="M3463" s="40"/>
      <c r="N3463" s="40"/>
      <c r="X3463">
        <v>-100</v>
      </c>
      <c r="Y3463">
        <v>40.283332999999999</v>
      </c>
      <c r="Z3463">
        <v>118.583333</v>
      </c>
      <c r="AA3463">
        <v>8.2210769999999993</v>
      </c>
      <c r="AB3463">
        <v>-0.42437640759321971</v>
      </c>
    </row>
    <row r="3464" spans="4:28" x14ac:dyDescent="0.25">
      <c r="D3464" s="40">
        <v>57.597697000002547</v>
      </c>
      <c r="E3464" s="40">
        <v>18.784695498678531</v>
      </c>
      <c r="F3464" s="40">
        <v>57.583332999999982</v>
      </c>
      <c r="G3464" s="40">
        <v>16.503214475074905</v>
      </c>
      <c r="H3464" s="40">
        <v>57.583334000000008</v>
      </c>
      <c r="I3464" s="40">
        <v>12.83131566000929</v>
      </c>
      <c r="J3464" s="40">
        <v>57.583312476190898</v>
      </c>
      <c r="K3464" s="40">
        <v>11.66576137630382</v>
      </c>
      <c r="L3464" s="40"/>
      <c r="M3464" s="40"/>
      <c r="N3464" s="40"/>
      <c r="X3464">
        <v>-100</v>
      </c>
      <c r="Y3464">
        <v>40.299999999999997</v>
      </c>
      <c r="Z3464">
        <v>118.6</v>
      </c>
      <c r="AA3464">
        <v>8.2210769999999993</v>
      </c>
      <c r="AB3464">
        <v>-0.42437640759321971</v>
      </c>
    </row>
    <row r="3465" spans="4:28" x14ac:dyDescent="0.25">
      <c r="D3465" s="40">
        <v>57.614363000002548</v>
      </c>
      <c r="E3465" s="40">
        <v>18.784695498678531</v>
      </c>
      <c r="F3465" s="40">
        <v>57.599999999999994</v>
      </c>
      <c r="G3465" s="40">
        <v>16.507969719165125</v>
      </c>
      <c r="H3465" s="40">
        <v>57.599999999999994</v>
      </c>
      <c r="I3465" s="40">
        <v>12.83131566000929</v>
      </c>
      <c r="J3465" s="40">
        <v>57.599979136905198</v>
      </c>
      <c r="K3465" s="40">
        <v>11.66576137630382</v>
      </c>
      <c r="L3465" s="40"/>
      <c r="M3465" s="40"/>
      <c r="N3465" s="40"/>
      <c r="X3465">
        <v>-100</v>
      </c>
      <c r="Y3465">
        <v>40.31666700000001</v>
      </c>
      <c r="Z3465">
        <v>118.61666700000001</v>
      </c>
      <c r="AA3465">
        <v>8.2210769999999993</v>
      </c>
      <c r="AB3465">
        <v>-0.42437640759321971</v>
      </c>
    </row>
    <row r="3466" spans="4:28" x14ac:dyDescent="0.25">
      <c r="D3466" s="40">
        <v>57.631029000002549</v>
      </c>
      <c r="E3466" s="40">
        <v>18.78953867726808</v>
      </c>
      <c r="F3466" s="40">
        <v>57.616667000000007</v>
      </c>
      <c r="G3466" s="40">
        <v>16.507969719165125</v>
      </c>
      <c r="H3466" s="40">
        <v>57.616667000000007</v>
      </c>
      <c r="I3466" s="40">
        <v>12.834569786266053</v>
      </c>
      <c r="J3466" s="40">
        <v>57.616645797619498</v>
      </c>
      <c r="K3466" s="40">
        <v>11.66576137630382</v>
      </c>
      <c r="L3466" s="40"/>
      <c r="M3466" s="40"/>
      <c r="N3466" s="40"/>
      <c r="X3466">
        <v>-100</v>
      </c>
      <c r="Y3466">
        <v>40.333332999999996</v>
      </c>
      <c r="Z3466">
        <v>118.63333299999999</v>
      </c>
      <c r="AA3466">
        <v>8.2210429999999999</v>
      </c>
      <c r="AB3466">
        <v>-0.42478822361222596</v>
      </c>
    </row>
    <row r="3467" spans="4:28" x14ac:dyDescent="0.25">
      <c r="D3467" s="40">
        <v>57.64769500000255</v>
      </c>
      <c r="E3467" s="40">
        <v>18.78953867726808</v>
      </c>
      <c r="F3467" s="40">
        <v>57.633332999999993</v>
      </c>
      <c r="G3467" s="40">
        <v>16.512724963255344</v>
      </c>
      <c r="H3467" s="40">
        <v>57.633334000000019</v>
      </c>
      <c r="I3467" s="40">
        <v>12.837922522409309</v>
      </c>
      <c r="J3467" s="40">
        <v>57.633312458333798</v>
      </c>
      <c r="K3467" s="40">
        <v>11.66576137630382</v>
      </c>
      <c r="L3467" s="40"/>
      <c r="M3467" s="40"/>
      <c r="N3467" s="40"/>
      <c r="X3467">
        <v>-100</v>
      </c>
      <c r="Y3467">
        <v>40.350000000000009</v>
      </c>
      <c r="Z3467">
        <v>118.65</v>
      </c>
      <c r="AA3467">
        <v>8.2210429999999999</v>
      </c>
      <c r="AB3467">
        <v>-0.42478822361222596</v>
      </c>
    </row>
    <row r="3468" spans="4:28" x14ac:dyDescent="0.25">
      <c r="D3468" s="40">
        <v>57.66436100000255</v>
      </c>
      <c r="E3468" s="40">
        <v>18.794381855857502</v>
      </c>
      <c r="F3468" s="40">
        <v>57.650000000000006</v>
      </c>
      <c r="G3468" s="40">
        <v>16.517340347225122</v>
      </c>
      <c r="H3468" s="40">
        <v>57.650000000000006</v>
      </c>
      <c r="I3468" s="40">
        <v>12.841275258552567</v>
      </c>
      <c r="J3468" s="40">
        <v>57.649979119047998</v>
      </c>
      <c r="K3468" s="40">
        <v>11.66576137630382</v>
      </c>
      <c r="L3468" s="40"/>
      <c r="M3468" s="40"/>
      <c r="N3468" s="40"/>
      <c r="X3468">
        <v>-100</v>
      </c>
      <c r="Y3468">
        <v>40.366667000000007</v>
      </c>
      <c r="Z3468">
        <v>118.666667</v>
      </c>
      <c r="AA3468">
        <v>8.2210429999999999</v>
      </c>
      <c r="AB3468">
        <v>-0.42478822361222596</v>
      </c>
    </row>
    <row r="3469" spans="4:28" x14ac:dyDescent="0.25">
      <c r="D3469" s="40">
        <v>57.681027000002551</v>
      </c>
      <c r="E3469" s="40">
        <v>18.794381855857502</v>
      </c>
      <c r="F3469" s="40">
        <v>57.66666699999999</v>
      </c>
      <c r="G3469" s="40">
        <v>16.522095591315342</v>
      </c>
      <c r="H3469" s="40">
        <v>57.666667000000018</v>
      </c>
      <c r="I3469" s="40">
        <v>12.844529384809331</v>
      </c>
      <c r="J3469" s="40">
        <v>57.666645779762298</v>
      </c>
      <c r="K3469" s="40">
        <v>11.66576137630382</v>
      </c>
      <c r="L3469" s="40"/>
      <c r="M3469" s="40"/>
      <c r="N3469" s="40"/>
      <c r="X3469">
        <v>-100</v>
      </c>
      <c r="Y3469">
        <v>40.383333000000007</v>
      </c>
      <c r="Z3469">
        <v>118.683333</v>
      </c>
      <c r="AA3469">
        <v>8.2210429999999999</v>
      </c>
      <c r="AB3469">
        <v>-0.42478822361222596</v>
      </c>
    </row>
    <row r="3470" spans="4:28" x14ac:dyDescent="0.25">
      <c r="D3470" s="40">
        <v>57.697693000002552</v>
      </c>
      <c r="E3470" s="40">
        <v>18.799082588017924</v>
      </c>
      <c r="F3470" s="40">
        <v>57.683333000000005</v>
      </c>
      <c r="G3470" s="40">
        <v>16.526850835405561</v>
      </c>
      <c r="H3470" s="40">
        <v>57.683334000000002</v>
      </c>
      <c r="I3470" s="40">
        <v>12.844529384809331</v>
      </c>
      <c r="J3470" s="40">
        <v>57.683312440476598</v>
      </c>
      <c r="K3470" s="40">
        <v>11.66576137630382</v>
      </c>
      <c r="L3470" s="40"/>
      <c r="M3470" s="40"/>
      <c r="N3470" s="40"/>
      <c r="X3470">
        <v>-100</v>
      </c>
      <c r="Y3470">
        <v>40.400000000000006</v>
      </c>
      <c r="Z3470">
        <v>118.7</v>
      </c>
      <c r="AA3470">
        <v>8.2210429999999999</v>
      </c>
      <c r="AB3470">
        <v>-0.42478822361222596</v>
      </c>
    </row>
    <row r="3471" spans="4:28" x14ac:dyDescent="0.25">
      <c r="D3471" s="40">
        <v>57.714359000002553</v>
      </c>
      <c r="E3471" s="40">
        <v>18.799082588017924</v>
      </c>
      <c r="F3471" s="40">
        <v>57.699999999999989</v>
      </c>
      <c r="G3471" s="40">
        <v>16.526850835405561</v>
      </c>
      <c r="H3471" s="40">
        <v>57.700000000000017</v>
      </c>
      <c r="I3471" s="40">
        <v>12.847882120952763</v>
      </c>
      <c r="J3471" s="40">
        <v>57.699979101190898</v>
      </c>
      <c r="K3471" s="40">
        <v>11.66576137630382</v>
      </c>
      <c r="L3471" s="40"/>
      <c r="M3471" s="40"/>
      <c r="N3471" s="40"/>
      <c r="X3471">
        <v>-100</v>
      </c>
      <c r="Y3471">
        <v>40.416667000000004</v>
      </c>
      <c r="Z3471">
        <v>118.716667</v>
      </c>
      <c r="AA3471">
        <v>8.2210429999999999</v>
      </c>
      <c r="AB3471">
        <v>-0.42478822361222596</v>
      </c>
    </row>
    <row r="3472" spans="4:28" x14ac:dyDescent="0.25">
      <c r="D3472" s="40">
        <v>57.731025000002553</v>
      </c>
      <c r="E3472" s="40">
        <v>18.799082588017924</v>
      </c>
      <c r="F3472" s="40">
        <v>57.716667000000001</v>
      </c>
      <c r="G3472" s="40">
        <v>16.526850835405561</v>
      </c>
      <c r="H3472" s="40">
        <v>57.716667000000001</v>
      </c>
      <c r="I3472" s="40">
        <v>12.851234857096021</v>
      </c>
      <c r="J3472" s="40">
        <v>57.716645761905198</v>
      </c>
      <c r="K3472" s="40">
        <v>11.670612420013052</v>
      </c>
      <c r="L3472" s="40"/>
      <c r="M3472" s="40"/>
      <c r="N3472" s="40"/>
      <c r="X3472">
        <v>-100</v>
      </c>
      <c r="Y3472">
        <v>40.433333000000005</v>
      </c>
      <c r="Z3472">
        <v>118.733333</v>
      </c>
      <c r="AA3472">
        <v>8.2210429999999999</v>
      </c>
      <c r="AB3472">
        <v>-0.42478822361222596</v>
      </c>
    </row>
    <row r="3473" spans="4:28" x14ac:dyDescent="0.25">
      <c r="D3473" s="40">
        <v>57.747691000002554</v>
      </c>
      <c r="E3473" s="40">
        <v>18.803925766607474</v>
      </c>
      <c r="F3473" s="40">
        <v>57.733332999999988</v>
      </c>
      <c r="G3473" s="40">
        <v>16.53146621937546</v>
      </c>
      <c r="H3473" s="40">
        <v>57.733334000000013</v>
      </c>
      <c r="I3473" s="40">
        <v>12.854488983352782</v>
      </c>
      <c r="J3473" s="40">
        <v>57.733312422619498</v>
      </c>
      <c r="K3473" s="40">
        <v>11.670612420013052</v>
      </c>
      <c r="L3473" s="40"/>
      <c r="M3473" s="40"/>
      <c r="N3473" s="40"/>
      <c r="X3473">
        <v>-100</v>
      </c>
      <c r="Y3473">
        <v>40.450000000000003</v>
      </c>
      <c r="Z3473">
        <v>118.75</v>
      </c>
      <c r="AA3473">
        <v>8.2210099999999997</v>
      </c>
      <c r="AB3473">
        <v>-0.42518792739538802</v>
      </c>
    </row>
    <row r="3474" spans="4:28" x14ac:dyDescent="0.25">
      <c r="D3474" s="40">
        <v>57.764357000002555</v>
      </c>
      <c r="E3474" s="40">
        <v>18.80876894519702</v>
      </c>
      <c r="F3474" s="40">
        <v>57.75</v>
      </c>
      <c r="G3474" s="40">
        <v>16.536221463465555</v>
      </c>
      <c r="H3474" s="40">
        <v>57.75</v>
      </c>
      <c r="I3474" s="40">
        <v>12.857841719496038</v>
      </c>
      <c r="J3474" s="40">
        <v>57.749979083333798</v>
      </c>
      <c r="K3474" s="40">
        <v>11.675463463722282</v>
      </c>
      <c r="L3474" s="40"/>
      <c r="M3474" s="40"/>
      <c r="N3474" s="40"/>
      <c r="X3474">
        <v>-100</v>
      </c>
      <c r="Y3474">
        <v>40.466667000000001</v>
      </c>
      <c r="Z3474">
        <v>118.766667</v>
      </c>
      <c r="AA3474">
        <v>8.2210099999999997</v>
      </c>
      <c r="AB3474">
        <v>-0.42518792739538802</v>
      </c>
    </row>
    <row r="3475" spans="4:28" x14ac:dyDescent="0.25">
      <c r="D3475" s="40">
        <v>57.781023000002556</v>
      </c>
      <c r="E3475" s="40">
        <v>18.80876894519702</v>
      </c>
      <c r="F3475" s="40">
        <v>57.766666999999984</v>
      </c>
      <c r="G3475" s="40">
        <v>16.536221463465555</v>
      </c>
      <c r="H3475" s="40">
        <v>57.766667000000012</v>
      </c>
      <c r="I3475" s="40">
        <v>12.861194455639296</v>
      </c>
      <c r="J3475" s="40">
        <v>57.766645744047999</v>
      </c>
      <c r="K3475" s="40">
        <v>11.675463463722282</v>
      </c>
      <c r="L3475" s="40"/>
      <c r="M3475" s="40"/>
      <c r="N3475" s="40"/>
      <c r="X3475">
        <v>-100</v>
      </c>
      <c r="Y3475">
        <v>40.483333000000002</v>
      </c>
      <c r="Z3475">
        <v>118.783333</v>
      </c>
      <c r="AA3475">
        <v>8.2210429999999999</v>
      </c>
      <c r="AB3475">
        <v>-0.42478822361222596</v>
      </c>
    </row>
    <row r="3476" spans="4:28" x14ac:dyDescent="0.25">
      <c r="D3476" s="40">
        <v>57.797689000002556</v>
      </c>
      <c r="E3476" s="40">
        <v>18.813469677357322</v>
      </c>
      <c r="F3476" s="40">
        <v>57.783332999999999</v>
      </c>
      <c r="G3476" s="40">
        <v>16.540976707555775</v>
      </c>
      <c r="H3476" s="40">
        <v>57.783333999999996</v>
      </c>
      <c r="I3476" s="40">
        <v>12.86444858189606</v>
      </c>
      <c r="J3476" s="40">
        <v>57.783312404762299</v>
      </c>
      <c r="K3476" s="40">
        <v>11.675463463722282</v>
      </c>
      <c r="L3476" s="40"/>
      <c r="M3476" s="40"/>
      <c r="N3476" s="40"/>
      <c r="X3476">
        <v>-100</v>
      </c>
      <c r="Y3476">
        <v>40.5</v>
      </c>
      <c r="Z3476">
        <v>118.8</v>
      </c>
      <c r="AA3476">
        <v>8.2210429999999999</v>
      </c>
      <c r="AB3476">
        <v>-0.42478822361222596</v>
      </c>
    </row>
    <row r="3477" spans="4:28" x14ac:dyDescent="0.25">
      <c r="D3477" s="40">
        <v>57.814355000002557</v>
      </c>
      <c r="E3477" s="40">
        <v>18.813469677357322</v>
      </c>
      <c r="F3477" s="40">
        <v>57.799999999999983</v>
      </c>
      <c r="G3477" s="40">
        <v>16.545592091525673</v>
      </c>
      <c r="H3477" s="40">
        <v>57.800000000000011</v>
      </c>
      <c r="I3477" s="40">
        <v>12.86444858189606</v>
      </c>
      <c r="J3477" s="40">
        <v>57.799979065476599</v>
      </c>
      <c r="K3477" s="40">
        <v>11.680171829675343</v>
      </c>
      <c r="L3477" s="40"/>
      <c r="M3477" s="40"/>
      <c r="N3477" s="40"/>
      <c r="X3477">
        <v>-100</v>
      </c>
      <c r="Y3477">
        <v>40.516666999999998</v>
      </c>
      <c r="Z3477">
        <v>118.816667</v>
      </c>
      <c r="AA3477">
        <v>8.2210429999999999</v>
      </c>
      <c r="AB3477">
        <v>-0.42478822361222596</v>
      </c>
    </row>
    <row r="3478" spans="4:28" x14ac:dyDescent="0.25">
      <c r="D3478" s="40">
        <v>57.831021000002558</v>
      </c>
      <c r="E3478" s="40">
        <v>18.818312855946868</v>
      </c>
      <c r="F3478" s="40">
        <v>57.816666999999995</v>
      </c>
      <c r="G3478" s="40">
        <v>16.550347335615768</v>
      </c>
      <c r="H3478" s="40">
        <v>57.816666999999995</v>
      </c>
      <c r="I3478" s="40">
        <v>12.867801318039492</v>
      </c>
      <c r="J3478" s="40">
        <v>57.816645726190899</v>
      </c>
      <c r="K3478" s="40">
        <v>11.680171829675343</v>
      </c>
      <c r="L3478" s="40"/>
      <c r="M3478" s="40"/>
      <c r="N3478" s="40"/>
      <c r="X3478">
        <v>-100</v>
      </c>
      <c r="Y3478">
        <v>40.533332999999999</v>
      </c>
      <c r="Z3478">
        <v>118.833333</v>
      </c>
      <c r="AA3478">
        <v>8.2210429999999999</v>
      </c>
      <c r="AB3478">
        <v>-0.42478822361222596</v>
      </c>
    </row>
    <row r="3479" spans="4:28" x14ac:dyDescent="0.25">
      <c r="D3479" s="40">
        <v>57.847687000002558</v>
      </c>
      <c r="E3479" s="40">
        <v>18.818312855946868</v>
      </c>
      <c r="F3479" s="40">
        <v>57.833332999999982</v>
      </c>
      <c r="G3479" s="40">
        <v>16.550347335615768</v>
      </c>
      <c r="H3479" s="40">
        <v>57.833334000000008</v>
      </c>
      <c r="I3479" s="40">
        <v>12.87115405418275</v>
      </c>
      <c r="J3479" s="40">
        <v>57.833312386905199</v>
      </c>
      <c r="K3479" s="40">
        <v>11.685022873384449</v>
      </c>
      <c r="L3479" s="40"/>
      <c r="M3479" s="40"/>
      <c r="N3479" s="40"/>
      <c r="X3479">
        <v>-100</v>
      </c>
      <c r="Y3479">
        <v>40.549999999999997</v>
      </c>
      <c r="Z3479">
        <v>118.85</v>
      </c>
      <c r="AA3479">
        <v>8.2210429999999999</v>
      </c>
      <c r="AB3479">
        <v>-0.42478822361222596</v>
      </c>
    </row>
    <row r="3480" spans="4:28" x14ac:dyDescent="0.25">
      <c r="D3480" s="40">
        <v>57.864353000002559</v>
      </c>
      <c r="E3480" s="40">
        <v>18.823156034536421</v>
      </c>
      <c r="F3480" s="40">
        <v>57.849999999999994</v>
      </c>
      <c r="G3480" s="40">
        <v>16.555102579705991</v>
      </c>
      <c r="H3480" s="40">
        <v>57.849999999999994</v>
      </c>
      <c r="I3480" s="40">
        <v>12.874408180439513</v>
      </c>
      <c r="J3480" s="40">
        <v>57.849979047619499</v>
      </c>
      <c r="K3480" s="40">
        <v>11.685022873384449</v>
      </c>
      <c r="L3480" s="40"/>
      <c r="M3480" s="40"/>
      <c r="N3480" s="40"/>
      <c r="X3480">
        <v>-100</v>
      </c>
      <c r="Y3480">
        <v>40.56666700000001</v>
      </c>
      <c r="Z3480">
        <v>118.86666700000001</v>
      </c>
      <c r="AA3480">
        <v>8.2210429999999999</v>
      </c>
      <c r="AB3480">
        <v>-0.42478822361222596</v>
      </c>
    </row>
    <row r="3481" spans="4:28" x14ac:dyDescent="0.25">
      <c r="D3481" s="40">
        <v>57.88101900000256</v>
      </c>
      <c r="E3481" s="40">
        <v>18.823156034536421</v>
      </c>
      <c r="F3481" s="40">
        <v>57.866667000000007</v>
      </c>
      <c r="G3481" s="40">
        <v>16.559717963675887</v>
      </c>
      <c r="H3481" s="40">
        <v>57.866667000000007</v>
      </c>
      <c r="I3481" s="40">
        <v>12.874408180439513</v>
      </c>
      <c r="J3481" s="40">
        <v>57.866645708333799</v>
      </c>
      <c r="K3481" s="40">
        <v>11.689873917093681</v>
      </c>
      <c r="L3481" s="40"/>
      <c r="M3481" s="40"/>
      <c r="N3481" s="40"/>
      <c r="X3481">
        <v>-100</v>
      </c>
      <c r="Y3481">
        <v>40.583332999999996</v>
      </c>
      <c r="Z3481">
        <v>118.88333299999999</v>
      </c>
      <c r="AA3481">
        <v>8.2210099999999997</v>
      </c>
      <c r="AB3481">
        <v>-0.42518792739538802</v>
      </c>
    </row>
    <row r="3482" spans="4:28" x14ac:dyDescent="0.25">
      <c r="D3482" s="40">
        <v>57.897685000002561</v>
      </c>
      <c r="E3482" s="40">
        <v>18.827856766696847</v>
      </c>
      <c r="F3482" s="40">
        <v>57.883332999999993</v>
      </c>
      <c r="G3482" s="40">
        <v>16.559717963675887</v>
      </c>
      <c r="H3482" s="40">
        <v>57.883334000000019</v>
      </c>
      <c r="I3482" s="40">
        <v>12.877760916582769</v>
      </c>
      <c r="J3482" s="40">
        <v>57.883312369047999</v>
      </c>
      <c r="K3482" s="40">
        <v>11.689873917093681</v>
      </c>
      <c r="L3482" s="40"/>
      <c r="M3482" s="40"/>
      <c r="N3482" s="40"/>
      <c r="X3482">
        <v>-100</v>
      </c>
      <c r="Y3482">
        <v>40.600000000000009</v>
      </c>
      <c r="Z3482">
        <v>118.9</v>
      </c>
      <c r="AA3482">
        <v>8.2210099999999997</v>
      </c>
      <c r="AB3482">
        <v>-0.42518792739538802</v>
      </c>
    </row>
    <row r="3483" spans="4:28" x14ac:dyDescent="0.25">
      <c r="D3483" s="40">
        <v>57.914351000002561</v>
      </c>
      <c r="E3483" s="40">
        <v>18.827856766696847</v>
      </c>
      <c r="F3483" s="40">
        <v>57.900000000000006</v>
      </c>
      <c r="G3483" s="40">
        <v>16.564473207765985</v>
      </c>
      <c r="H3483" s="40">
        <v>57.900000000000006</v>
      </c>
      <c r="I3483" s="40">
        <v>12.881113652726027</v>
      </c>
      <c r="J3483" s="40">
        <v>57.899979029762299</v>
      </c>
      <c r="K3483" s="40">
        <v>11.694582283046742</v>
      </c>
      <c r="L3483" s="40"/>
      <c r="M3483" s="40"/>
      <c r="N3483" s="40"/>
      <c r="X3483">
        <v>-100</v>
      </c>
      <c r="Y3483">
        <v>40.616667000000007</v>
      </c>
      <c r="Z3483">
        <v>118.916667</v>
      </c>
      <c r="AA3483">
        <v>8.2210099999999997</v>
      </c>
      <c r="AB3483">
        <v>-0.42518792739538802</v>
      </c>
    </row>
    <row r="3484" spans="4:28" x14ac:dyDescent="0.25">
      <c r="D3484" s="40">
        <v>57.931017000002562</v>
      </c>
      <c r="E3484" s="40">
        <v>18.832699945286265</v>
      </c>
      <c r="F3484" s="40">
        <v>57.91666699999999</v>
      </c>
      <c r="G3484" s="40">
        <v>16.564473207765985</v>
      </c>
      <c r="H3484" s="40">
        <v>57.916667000000018</v>
      </c>
      <c r="I3484" s="40">
        <v>12.881113652726027</v>
      </c>
      <c r="J3484" s="40">
        <v>57.916645690476599</v>
      </c>
      <c r="K3484" s="40">
        <v>11.694582283046742</v>
      </c>
      <c r="L3484" s="40"/>
      <c r="M3484" s="40"/>
      <c r="N3484" s="40"/>
      <c r="X3484">
        <v>-100</v>
      </c>
      <c r="Y3484">
        <v>40.633333000000007</v>
      </c>
      <c r="Z3484">
        <v>118.933333</v>
      </c>
      <c r="AA3484">
        <v>8.2210099999999997</v>
      </c>
      <c r="AB3484">
        <v>-0.42518792739538802</v>
      </c>
    </row>
    <row r="3485" spans="4:28" x14ac:dyDescent="0.25">
      <c r="D3485" s="40">
        <v>57.947683000002563</v>
      </c>
      <c r="E3485" s="40">
        <v>18.832699945286265</v>
      </c>
      <c r="F3485" s="40">
        <v>57.933333000000005</v>
      </c>
      <c r="G3485" s="40">
        <v>16.569228451856205</v>
      </c>
      <c r="H3485" s="40">
        <v>57.933334000000002</v>
      </c>
      <c r="I3485" s="40">
        <v>12.88436777898279</v>
      </c>
      <c r="J3485" s="40">
        <v>57.933312351190899</v>
      </c>
      <c r="K3485" s="40">
        <v>11.694582283046742</v>
      </c>
      <c r="L3485" s="40"/>
      <c r="M3485" s="40"/>
      <c r="N3485" s="40"/>
      <c r="X3485">
        <v>-100</v>
      </c>
      <c r="Y3485">
        <v>40.650000000000006</v>
      </c>
      <c r="Z3485">
        <v>118.95</v>
      </c>
      <c r="AA3485">
        <v>8.2209760000000003</v>
      </c>
      <c r="AB3485">
        <v>-0.42559974341439438</v>
      </c>
    </row>
    <row r="3486" spans="4:28" x14ac:dyDescent="0.25">
      <c r="D3486" s="40">
        <v>57.964349000002564</v>
      </c>
      <c r="E3486" s="40">
        <v>18.837543123875815</v>
      </c>
      <c r="F3486" s="40">
        <v>57.949999999999989</v>
      </c>
      <c r="G3486" s="40">
        <v>16.569228451856205</v>
      </c>
      <c r="H3486" s="40">
        <v>57.950000000000017</v>
      </c>
      <c r="I3486" s="40">
        <v>12.887720515126222</v>
      </c>
      <c r="J3486" s="40">
        <v>57.949979011905199</v>
      </c>
      <c r="K3486" s="40">
        <v>11.699433326755846</v>
      </c>
      <c r="L3486" s="40"/>
      <c r="M3486" s="40"/>
      <c r="N3486" s="40"/>
      <c r="X3486">
        <v>-100</v>
      </c>
      <c r="Y3486">
        <v>40.666667000000004</v>
      </c>
      <c r="Z3486">
        <v>118.966667</v>
      </c>
      <c r="AA3486">
        <v>8.2209760000000003</v>
      </c>
      <c r="AB3486">
        <v>-0.42559974341439438</v>
      </c>
    </row>
    <row r="3487" spans="4:28" x14ac:dyDescent="0.25">
      <c r="D3487" s="40">
        <v>57.981015000002564</v>
      </c>
      <c r="E3487" s="40">
        <v>18.837543123875815</v>
      </c>
      <c r="F3487" s="40">
        <v>57.966667000000001</v>
      </c>
      <c r="G3487" s="40">
        <v>16.573843835826104</v>
      </c>
      <c r="H3487" s="40">
        <v>57.966667000000001</v>
      </c>
      <c r="I3487" s="40">
        <v>12.887720515126222</v>
      </c>
      <c r="J3487" s="40">
        <v>57.966645672619499</v>
      </c>
      <c r="K3487" s="40">
        <v>11.704284370465079</v>
      </c>
      <c r="L3487" s="40"/>
      <c r="M3487" s="40"/>
      <c r="N3487" s="40"/>
      <c r="X3487">
        <v>-100</v>
      </c>
      <c r="Y3487">
        <v>40.683333000000005</v>
      </c>
      <c r="Z3487">
        <v>118.983333</v>
      </c>
      <c r="AA3487">
        <v>8.2209760000000003</v>
      </c>
      <c r="AB3487">
        <v>-0.42559974341439438</v>
      </c>
    </row>
    <row r="3488" spans="4:28" x14ac:dyDescent="0.25">
      <c r="D3488" s="40">
        <v>57.997681000002565</v>
      </c>
      <c r="E3488" s="40">
        <v>18.842243856036241</v>
      </c>
      <c r="F3488" s="40">
        <v>57.983332999999988</v>
      </c>
      <c r="G3488" s="40">
        <v>16.573843835826104</v>
      </c>
      <c r="H3488" s="40">
        <v>57.983334000000013</v>
      </c>
      <c r="I3488" s="40">
        <v>12.89107325126948</v>
      </c>
      <c r="J3488" s="40">
        <v>57.983312333333799</v>
      </c>
      <c r="K3488" s="40">
        <v>11.704284370465079</v>
      </c>
      <c r="L3488" s="40"/>
      <c r="M3488" s="40"/>
      <c r="N3488" s="40"/>
      <c r="X3488">
        <v>-100</v>
      </c>
      <c r="Y3488">
        <v>40.700000000000003</v>
      </c>
      <c r="Z3488">
        <v>119</v>
      </c>
      <c r="AA3488">
        <v>8.2209760000000003</v>
      </c>
      <c r="AB3488">
        <v>-0.42559974341439438</v>
      </c>
    </row>
    <row r="3489" spans="4:28" x14ac:dyDescent="0.25">
      <c r="D3489" s="40">
        <v>58.014347000002566</v>
      </c>
      <c r="E3489" s="40">
        <v>18.842243856036241</v>
      </c>
      <c r="F3489" s="40">
        <v>58</v>
      </c>
      <c r="G3489" s="40">
        <v>16.578599079916323</v>
      </c>
      <c r="H3489" s="40">
        <v>58</v>
      </c>
      <c r="I3489" s="40">
        <v>12.894425987412738</v>
      </c>
      <c r="J3489" s="40">
        <v>57.999978994048</v>
      </c>
      <c r="K3489" s="40">
        <v>11.708992736418139</v>
      </c>
      <c r="L3489" s="40"/>
      <c r="M3489" s="40"/>
      <c r="N3489" s="40"/>
      <c r="X3489">
        <v>-100</v>
      </c>
      <c r="Y3489">
        <v>40.716667000000001</v>
      </c>
      <c r="Z3489">
        <v>119.016667</v>
      </c>
      <c r="AA3489">
        <v>8.2209430000000001</v>
      </c>
      <c r="AB3489">
        <v>-0.42599944719755639</v>
      </c>
    </row>
    <row r="3490" spans="4:28" x14ac:dyDescent="0.25">
      <c r="D3490" s="40">
        <v>58.031013000002567</v>
      </c>
      <c r="E3490" s="40">
        <v>18.847087034625662</v>
      </c>
      <c r="F3490" s="40">
        <v>58.016666999999984</v>
      </c>
      <c r="G3490" s="40">
        <v>16.578599079916323</v>
      </c>
      <c r="H3490" s="40">
        <v>58.016667000000012</v>
      </c>
      <c r="I3490" s="40">
        <v>12.8976801136695</v>
      </c>
      <c r="J3490" s="40">
        <v>58.0166456547623</v>
      </c>
      <c r="K3490" s="40">
        <v>11.708992736418139</v>
      </c>
      <c r="L3490" s="40"/>
      <c r="M3490" s="40"/>
      <c r="N3490" s="40"/>
      <c r="X3490">
        <v>-100</v>
      </c>
      <c r="Y3490">
        <v>40.733333000000002</v>
      </c>
      <c r="Z3490">
        <v>119.033333</v>
      </c>
      <c r="AA3490">
        <v>8.2209430000000001</v>
      </c>
      <c r="AB3490">
        <v>-0.42599944719755639</v>
      </c>
    </row>
    <row r="3491" spans="4:28" x14ac:dyDescent="0.25">
      <c r="D3491" s="40">
        <v>58.047679000002567</v>
      </c>
      <c r="E3491" s="40">
        <v>18.847087034625662</v>
      </c>
      <c r="F3491" s="40">
        <v>58.033332999999999</v>
      </c>
      <c r="G3491" s="40">
        <v>16.578599079916323</v>
      </c>
      <c r="H3491" s="40">
        <v>58.033333999999996</v>
      </c>
      <c r="I3491" s="40">
        <v>12.901032849812932</v>
      </c>
      <c r="J3491" s="40">
        <v>58.0333123154766</v>
      </c>
      <c r="K3491" s="40">
        <v>11.708992736418139</v>
      </c>
      <c r="L3491" s="40"/>
      <c r="M3491" s="40"/>
      <c r="N3491" s="40"/>
      <c r="X3491">
        <v>-100</v>
      </c>
      <c r="Y3491">
        <v>40.75</v>
      </c>
      <c r="Z3491">
        <v>119.05</v>
      </c>
      <c r="AA3491">
        <v>8.2209090000000007</v>
      </c>
      <c r="AB3491">
        <v>-0.42641126321656275</v>
      </c>
    </row>
    <row r="3492" spans="4:28" x14ac:dyDescent="0.25">
      <c r="D3492" s="40">
        <v>58.064345000002568</v>
      </c>
      <c r="E3492" s="40">
        <v>18.847087034625662</v>
      </c>
      <c r="F3492" s="40">
        <v>58.049999999999983</v>
      </c>
      <c r="G3492" s="40">
        <v>16.583354324006418</v>
      </c>
      <c r="H3492" s="40">
        <v>58.050000000000011</v>
      </c>
      <c r="I3492" s="40">
        <v>12.901032849812932</v>
      </c>
      <c r="J3492" s="40">
        <v>58.0499789761909</v>
      </c>
      <c r="K3492" s="40">
        <v>11.708992736418139</v>
      </c>
      <c r="L3492" s="40"/>
      <c r="M3492" s="40"/>
      <c r="N3492" s="40"/>
      <c r="X3492">
        <v>-100</v>
      </c>
      <c r="Y3492">
        <v>40.766666999999998</v>
      </c>
      <c r="Z3492">
        <v>119.066667</v>
      </c>
      <c r="AA3492">
        <v>8.2209090000000007</v>
      </c>
      <c r="AB3492">
        <v>-0.42641126321656275</v>
      </c>
    </row>
    <row r="3493" spans="4:28" x14ac:dyDescent="0.25">
      <c r="D3493" s="40">
        <v>58.081011000002569</v>
      </c>
      <c r="E3493" s="40">
        <v>18.851930213215208</v>
      </c>
      <c r="F3493" s="40">
        <v>58.066666999999995</v>
      </c>
      <c r="G3493" s="40">
        <v>16.583354324006418</v>
      </c>
      <c r="H3493" s="40">
        <v>58.066666999999995</v>
      </c>
      <c r="I3493" s="40">
        <v>12.90438558595619</v>
      </c>
      <c r="J3493" s="40">
        <v>58.0666456369052</v>
      </c>
      <c r="K3493" s="40">
        <v>11.708992736418139</v>
      </c>
      <c r="L3493" s="40"/>
      <c r="M3493" s="40"/>
      <c r="N3493" s="40"/>
      <c r="X3493">
        <v>-100</v>
      </c>
      <c r="Y3493">
        <v>40.783332999999999</v>
      </c>
      <c r="Z3493">
        <v>119.083333</v>
      </c>
      <c r="AA3493">
        <v>8.2209090000000007</v>
      </c>
      <c r="AB3493">
        <v>-0.42641126321656275</v>
      </c>
    </row>
    <row r="3494" spans="4:28" x14ac:dyDescent="0.25">
      <c r="D3494" s="40">
        <v>58.09767700000257</v>
      </c>
      <c r="E3494" s="40">
        <v>18.851930213215208</v>
      </c>
      <c r="F3494" s="40">
        <v>58.083332999999982</v>
      </c>
      <c r="G3494" s="40">
        <v>16.587969707976317</v>
      </c>
      <c r="H3494" s="40">
        <v>58.083334000000008</v>
      </c>
      <c r="I3494" s="40">
        <v>12.907639712212951</v>
      </c>
      <c r="J3494" s="40">
        <v>58.0833122976195</v>
      </c>
      <c r="K3494" s="40">
        <v>11.708992736418139</v>
      </c>
      <c r="L3494" s="40"/>
      <c r="M3494" s="40"/>
      <c r="N3494" s="40"/>
      <c r="X3494">
        <v>-100</v>
      </c>
      <c r="Y3494">
        <v>40.799999999999997</v>
      </c>
      <c r="Z3494">
        <v>119.1</v>
      </c>
      <c r="AA3494">
        <v>8.2208749999999995</v>
      </c>
      <c r="AB3494">
        <v>-0.42682307923559054</v>
      </c>
    </row>
    <row r="3495" spans="4:28" x14ac:dyDescent="0.25">
      <c r="D3495" s="40">
        <v>58.11434300000257</v>
      </c>
      <c r="E3495" s="40">
        <v>18.851930213215208</v>
      </c>
      <c r="F3495" s="40">
        <v>58.099999999999994</v>
      </c>
      <c r="G3495" s="40">
        <v>16.587969707976317</v>
      </c>
      <c r="H3495" s="40">
        <v>58.099999999999994</v>
      </c>
      <c r="I3495" s="40">
        <v>12.907639712212951</v>
      </c>
      <c r="J3495" s="40">
        <v>58.0999789583338</v>
      </c>
      <c r="K3495" s="40">
        <v>11.708992736418139</v>
      </c>
      <c r="L3495" s="40"/>
      <c r="M3495" s="40"/>
      <c r="N3495" s="40"/>
      <c r="X3495">
        <v>-100</v>
      </c>
      <c r="Y3495">
        <v>40.81666700000001</v>
      </c>
      <c r="Z3495">
        <v>119.11666700000001</v>
      </c>
      <c r="AA3495">
        <v>8.2208749999999995</v>
      </c>
      <c r="AB3495">
        <v>-0.42682307923559054</v>
      </c>
    </row>
    <row r="3496" spans="4:28" x14ac:dyDescent="0.25">
      <c r="D3496" s="40">
        <v>58.131009000002571</v>
      </c>
      <c r="E3496" s="40">
        <v>18.856630945375635</v>
      </c>
      <c r="F3496" s="40">
        <v>58.116667000000007</v>
      </c>
      <c r="G3496" s="40">
        <v>16.592724952066536</v>
      </c>
      <c r="H3496" s="40">
        <v>58.116667000000007</v>
      </c>
      <c r="I3496" s="40">
        <v>12.910992448356209</v>
      </c>
      <c r="J3496" s="40">
        <v>58.116645619048001</v>
      </c>
      <c r="K3496" s="40">
        <v>11.708992736418139</v>
      </c>
      <c r="L3496" s="40"/>
      <c r="M3496" s="40"/>
      <c r="N3496" s="40"/>
      <c r="X3496">
        <v>-100</v>
      </c>
      <c r="Y3496">
        <v>40.833332999999996</v>
      </c>
      <c r="Z3496">
        <v>119.13333299999999</v>
      </c>
      <c r="AA3496">
        <v>8.2208419999999993</v>
      </c>
      <c r="AB3496">
        <v>-0.42722278301875261</v>
      </c>
    </row>
    <row r="3497" spans="4:28" x14ac:dyDescent="0.25">
      <c r="D3497" s="40">
        <v>58.147675000002572</v>
      </c>
      <c r="E3497" s="40">
        <v>18.856630945375635</v>
      </c>
      <c r="F3497" s="40">
        <v>58.133332999999993</v>
      </c>
      <c r="G3497" s="40">
        <v>16.592724952066536</v>
      </c>
      <c r="H3497" s="40">
        <v>58.133334000000019</v>
      </c>
      <c r="I3497" s="40">
        <v>12.914345184499467</v>
      </c>
      <c r="J3497" s="40">
        <v>58.133312279762301</v>
      </c>
      <c r="K3497" s="40">
        <v>11.708992736418139</v>
      </c>
      <c r="L3497" s="40"/>
      <c r="M3497" s="40"/>
      <c r="N3497" s="40"/>
      <c r="X3497">
        <v>-100</v>
      </c>
      <c r="Y3497">
        <v>40.850000000000009</v>
      </c>
      <c r="Z3497">
        <v>119.15</v>
      </c>
      <c r="AA3497">
        <v>8.2208419999999993</v>
      </c>
      <c r="AB3497">
        <v>-0.42722278301875261</v>
      </c>
    </row>
    <row r="3498" spans="4:28" x14ac:dyDescent="0.25">
      <c r="D3498" s="40">
        <v>58.164341000002572</v>
      </c>
      <c r="E3498" s="40">
        <v>18.861474123965056</v>
      </c>
      <c r="F3498" s="40">
        <v>58.150000000000006</v>
      </c>
      <c r="G3498" s="40">
        <v>16.597480196156635</v>
      </c>
      <c r="H3498" s="40">
        <v>58.150000000000006</v>
      </c>
      <c r="I3498" s="40">
        <v>12.914345184499467</v>
      </c>
      <c r="J3498" s="40">
        <v>58.149978940476601</v>
      </c>
      <c r="K3498" s="40">
        <v>11.708992736418139</v>
      </c>
      <c r="L3498" s="40"/>
      <c r="M3498" s="40"/>
      <c r="N3498" s="40"/>
      <c r="X3498">
        <v>-100</v>
      </c>
      <c r="Y3498">
        <v>40.866667000000007</v>
      </c>
      <c r="Z3498">
        <v>119.166667</v>
      </c>
      <c r="AA3498">
        <v>8.2208419999999993</v>
      </c>
      <c r="AB3498">
        <v>-0.42722278301875261</v>
      </c>
    </row>
    <row r="3499" spans="4:28" x14ac:dyDescent="0.25">
      <c r="D3499" s="40">
        <v>58.181007000002573</v>
      </c>
      <c r="E3499" s="40">
        <v>18.861474123965056</v>
      </c>
      <c r="F3499" s="40">
        <v>58.16666699999999</v>
      </c>
      <c r="G3499" s="40">
        <v>16.602095580126534</v>
      </c>
      <c r="H3499" s="40">
        <v>58.166667000000018</v>
      </c>
      <c r="I3499" s="40">
        <v>12.917599310756231</v>
      </c>
      <c r="J3499" s="40">
        <v>58.166645601190901</v>
      </c>
      <c r="K3499" s="40">
        <v>11.708992736418139</v>
      </c>
      <c r="L3499" s="40"/>
      <c r="M3499" s="40"/>
      <c r="N3499" s="40"/>
      <c r="X3499">
        <v>-100</v>
      </c>
      <c r="Y3499">
        <v>40.883333000000007</v>
      </c>
      <c r="Z3499">
        <v>119.183333</v>
      </c>
      <c r="AA3499">
        <v>8.2208079999999999</v>
      </c>
      <c r="AB3499">
        <v>-0.42763459903775891</v>
      </c>
    </row>
    <row r="3500" spans="4:28" x14ac:dyDescent="0.25">
      <c r="D3500" s="40">
        <v>58.197673000002574</v>
      </c>
      <c r="E3500" s="40">
        <v>18.861474123965056</v>
      </c>
      <c r="F3500" s="40">
        <v>58.183333000000005</v>
      </c>
      <c r="G3500" s="40">
        <v>16.602095580126534</v>
      </c>
      <c r="H3500" s="40">
        <v>58.183334000000002</v>
      </c>
      <c r="I3500" s="40">
        <v>12.917599310756231</v>
      </c>
      <c r="J3500" s="40">
        <v>58.183312261905201</v>
      </c>
      <c r="K3500" s="40">
        <v>11.708992736418139</v>
      </c>
      <c r="L3500" s="40"/>
      <c r="M3500" s="40"/>
      <c r="N3500" s="40"/>
      <c r="X3500">
        <v>-100</v>
      </c>
      <c r="Y3500">
        <v>40.900000000000006</v>
      </c>
      <c r="Z3500">
        <v>119.2</v>
      </c>
      <c r="AA3500">
        <v>8.2208079999999999</v>
      </c>
      <c r="AB3500">
        <v>-0.42763459903775891</v>
      </c>
    </row>
    <row r="3501" spans="4:28" x14ac:dyDescent="0.25">
      <c r="D3501" s="40">
        <v>58.214339000002575</v>
      </c>
      <c r="E3501" s="40">
        <v>18.861474123965056</v>
      </c>
      <c r="F3501" s="40">
        <v>58.199999999999989</v>
      </c>
      <c r="G3501" s="40">
        <v>16.606850824216753</v>
      </c>
      <c r="H3501" s="40">
        <v>58.200000000000017</v>
      </c>
      <c r="I3501" s="40">
        <v>12.920952046899663</v>
      </c>
      <c r="J3501" s="40">
        <v>58.199978922619501</v>
      </c>
      <c r="K3501" s="40">
        <v>11.708992736418139</v>
      </c>
      <c r="L3501" s="40"/>
      <c r="M3501" s="40"/>
      <c r="N3501" s="40"/>
      <c r="X3501">
        <v>-100</v>
      </c>
      <c r="Y3501">
        <v>40.916667000000004</v>
      </c>
      <c r="Z3501">
        <v>119.216667</v>
      </c>
      <c r="AA3501">
        <v>8.2207740000000005</v>
      </c>
      <c r="AB3501">
        <v>-0.42804641505676522</v>
      </c>
    </row>
    <row r="3502" spans="4:28" x14ac:dyDescent="0.25">
      <c r="D3502" s="40">
        <v>58.231005000002575</v>
      </c>
      <c r="E3502" s="40">
        <v>18.866317302554606</v>
      </c>
      <c r="F3502" s="40">
        <v>58.216667000000001</v>
      </c>
      <c r="G3502" s="40">
        <v>16.611606068306848</v>
      </c>
      <c r="H3502" s="40">
        <v>58.216667000000001</v>
      </c>
      <c r="I3502" s="40">
        <v>12.920952046899663</v>
      </c>
      <c r="J3502" s="40">
        <v>58.216645583333801</v>
      </c>
      <c r="K3502" s="40">
        <v>11.708992736418139</v>
      </c>
      <c r="L3502" s="40"/>
      <c r="M3502" s="40"/>
      <c r="N3502" s="40"/>
      <c r="X3502">
        <v>-100</v>
      </c>
      <c r="Y3502">
        <v>40.933333000000005</v>
      </c>
      <c r="Z3502">
        <v>119.233333</v>
      </c>
      <c r="AA3502">
        <v>8.2207410000000003</v>
      </c>
      <c r="AB3502">
        <v>-0.42844611883992734</v>
      </c>
    </row>
    <row r="3503" spans="4:28" x14ac:dyDescent="0.25">
      <c r="D3503" s="40">
        <v>58.247671000002576</v>
      </c>
      <c r="E3503" s="40">
        <v>18.866317302554606</v>
      </c>
      <c r="F3503" s="40">
        <v>58.233332999999988</v>
      </c>
      <c r="G3503" s="40">
        <v>16.611606068306848</v>
      </c>
      <c r="H3503" s="40">
        <v>58.233334000000013</v>
      </c>
      <c r="I3503" s="40">
        <v>12.924304783042921</v>
      </c>
      <c r="J3503" s="40">
        <v>58.233312244048001</v>
      </c>
      <c r="K3503" s="40">
        <v>11.708992736418139</v>
      </c>
      <c r="L3503" s="40"/>
      <c r="M3503" s="40"/>
      <c r="N3503" s="40"/>
      <c r="X3503">
        <v>-100</v>
      </c>
      <c r="Y3503">
        <v>40.950000000000003</v>
      </c>
      <c r="Z3503">
        <v>119.25</v>
      </c>
      <c r="AA3503">
        <v>8.2207410000000003</v>
      </c>
      <c r="AB3503">
        <v>-0.42844611883992734</v>
      </c>
    </row>
    <row r="3504" spans="4:28" x14ac:dyDescent="0.25">
      <c r="D3504" s="40">
        <v>58.264337000002577</v>
      </c>
      <c r="E3504" s="40">
        <v>18.866317302554606</v>
      </c>
      <c r="F3504" s="40">
        <v>58.25</v>
      </c>
      <c r="G3504" s="40">
        <v>16.616221452276747</v>
      </c>
      <c r="H3504" s="40">
        <v>58.25</v>
      </c>
      <c r="I3504" s="40">
        <v>12.924304783042921</v>
      </c>
      <c r="J3504" s="40">
        <v>58.249978904762301</v>
      </c>
      <c r="K3504" s="40">
        <v>11.704284370465079</v>
      </c>
      <c r="L3504" s="40"/>
      <c r="M3504" s="40"/>
      <c r="N3504" s="40"/>
      <c r="X3504">
        <v>-100</v>
      </c>
      <c r="Y3504">
        <v>40.966667000000001</v>
      </c>
      <c r="Z3504">
        <v>119.266667</v>
      </c>
      <c r="AA3504">
        <v>8.2207070000000009</v>
      </c>
      <c r="AB3504">
        <v>-0.42885793485893359</v>
      </c>
    </row>
    <row r="3505" spans="4:28" x14ac:dyDescent="0.25">
      <c r="D3505" s="40">
        <v>58.281003000002578</v>
      </c>
      <c r="E3505" s="40">
        <v>18.866317302554606</v>
      </c>
      <c r="F3505" s="40">
        <v>58.266666999999984</v>
      </c>
      <c r="G3505" s="40">
        <v>16.616221452276747</v>
      </c>
      <c r="H3505" s="40">
        <v>58.266667000000012</v>
      </c>
      <c r="I3505" s="40">
        <v>12.927558909299682</v>
      </c>
      <c r="J3505" s="40">
        <v>58.266645565476601</v>
      </c>
      <c r="K3505" s="40">
        <v>11.704284370465079</v>
      </c>
      <c r="L3505" s="40"/>
      <c r="M3505" s="40"/>
      <c r="N3505" s="40"/>
      <c r="X3505">
        <v>-100</v>
      </c>
      <c r="Y3505">
        <v>40.983333000000002</v>
      </c>
      <c r="Z3505">
        <v>119.283333</v>
      </c>
      <c r="AA3505">
        <v>8.2207070000000009</v>
      </c>
      <c r="AB3505">
        <v>-0.42885793485893359</v>
      </c>
    </row>
    <row r="3506" spans="4:28" x14ac:dyDescent="0.25">
      <c r="D3506" s="40">
        <v>58.297669000002578</v>
      </c>
      <c r="E3506" s="40">
        <v>18.871018034715028</v>
      </c>
      <c r="F3506" s="40">
        <v>58.283332999999999</v>
      </c>
      <c r="G3506" s="40">
        <v>16.620976696366967</v>
      </c>
      <c r="H3506" s="40">
        <v>58.283333999999996</v>
      </c>
      <c r="I3506" s="40">
        <v>12.93091164544294</v>
      </c>
      <c r="J3506" s="40">
        <v>58.283312226190901</v>
      </c>
      <c r="K3506" s="40">
        <v>11.704284370465079</v>
      </c>
      <c r="L3506" s="40"/>
      <c r="M3506" s="40"/>
      <c r="N3506" s="40"/>
      <c r="X3506">
        <v>-100</v>
      </c>
      <c r="Y3506">
        <v>41</v>
      </c>
      <c r="Z3506">
        <v>119.3</v>
      </c>
      <c r="AA3506">
        <v>8.2207070000000009</v>
      </c>
      <c r="AB3506">
        <v>-0.42885793485893359</v>
      </c>
    </row>
    <row r="3507" spans="4:28" x14ac:dyDescent="0.25">
      <c r="D3507" s="40">
        <v>58.314335000002579</v>
      </c>
      <c r="E3507" s="59">
        <v>18.871018034715028</v>
      </c>
      <c r="F3507" s="40">
        <v>58.299999999999983</v>
      </c>
      <c r="G3507" s="40">
        <v>16.620976696366967</v>
      </c>
      <c r="H3507" s="40">
        <v>58.300000000000011</v>
      </c>
      <c r="I3507" s="40">
        <v>12.93091164544294</v>
      </c>
      <c r="J3507" s="40">
        <v>58.299978886905201</v>
      </c>
      <c r="K3507" s="40">
        <v>11.704284370465079</v>
      </c>
      <c r="L3507" s="40"/>
      <c r="M3507" s="40"/>
      <c r="N3507" s="40"/>
      <c r="X3507">
        <v>-100</v>
      </c>
      <c r="Y3507">
        <v>41.016666999999998</v>
      </c>
      <c r="Z3507">
        <v>119.316667</v>
      </c>
      <c r="AA3507">
        <v>8.2207070000000009</v>
      </c>
      <c r="AB3507">
        <v>-0.42885793485893359</v>
      </c>
    </row>
    <row r="3508" spans="4:28" x14ac:dyDescent="0.25">
      <c r="D3508" s="40">
        <v>58.33100100000258</v>
      </c>
      <c r="E3508" s="40">
        <v>18.871018034715028</v>
      </c>
      <c r="F3508" s="40">
        <v>58.316666999999995</v>
      </c>
      <c r="G3508" s="40">
        <v>16.625731940457186</v>
      </c>
      <c r="H3508" s="40">
        <v>58.316666999999995</v>
      </c>
      <c r="I3508" s="40">
        <v>12.934264381586372</v>
      </c>
      <c r="J3508" s="40">
        <v>58.316645547619501</v>
      </c>
      <c r="K3508" s="40">
        <v>11.704284370465079</v>
      </c>
      <c r="L3508" s="40"/>
      <c r="M3508" s="40"/>
      <c r="N3508" s="40"/>
      <c r="X3508">
        <v>-100</v>
      </c>
      <c r="Y3508">
        <v>41.033332999999999</v>
      </c>
      <c r="Z3508">
        <v>119.333333</v>
      </c>
      <c r="AA3508">
        <v>8.2206729999999997</v>
      </c>
      <c r="AB3508">
        <v>-0.42926975087796149</v>
      </c>
    </row>
    <row r="3509" spans="4:28" x14ac:dyDescent="0.25">
      <c r="D3509" s="40">
        <v>58.347667000002581</v>
      </c>
      <c r="E3509" s="40">
        <v>18.87586121330445</v>
      </c>
      <c r="F3509" s="40">
        <v>58.333332999999982</v>
      </c>
      <c r="G3509" s="40">
        <v>16.63034732442696</v>
      </c>
      <c r="H3509" s="40">
        <v>58.333334000000008</v>
      </c>
      <c r="I3509" s="40">
        <v>12.934264381586372</v>
      </c>
      <c r="J3509" s="40">
        <v>58.333312208333801</v>
      </c>
      <c r="K3509" s="40">
        <v>11.704284370465079</v>
      </c>
      <c r="L3509" s="40"/>
      <c r="M3509" s="40"/>
      <c r="N3509" s="40"/>
      <c r="X3509">
        <v>-100</v>
      </c>
      <c r="Y3509">
        <v>41.05</v>
      </c>
      <c r="Z3509">
        <v>119.35</v>
      </c>
      <c r="AA3509">
        <v>8.2206729999999997</v>
      </c>
      <c r="AB3509">
        <v>-0.42926975087796149</v>
      </c>
    </row>
    <row r="3510" spans="4:28" x14ac:dyDescent="0.25">
      <c r="D3510" s="40">
        <v>58.364333000002581</v>
      </c>
      <c r="E3510" s="40">
        <v>18.87586121330445</v>
      </c>
      <c r="F3510" s="40">
        <v>58.349999999999994</v>
      </c>
      <c r="G3510" s="40">
        <v>16.63034732442696</v>
      </c>
      <c r="H3510" s="40">
        <v>58.349999999999994</v>
      </c>
      <c r="I3510" s="40">
        <v>12.937518507842961</v>
      </c>
      <c r="J3510" s="40">
        <v>58.349978869048002</v>
      </c>
      <c r="K3510" s="40">
        <v>11.704284370465079</v>
      </c>
      <c r="L3510" s="40"/>
      <c r="M3510" s="40"/>
      <c r="N3510" s="40"/>
      <c r="X3510">
        <v>-100</v>
      </c>
      <c r="Y3510">
        <v>41.06666700000001</v>
      </c>
      <c r="Z3510">
        <v>119.36666700000001</v>
      </c>
      <c r="AA3510">
        <v>8.2206729999999997</v>
      </c>
      <c r="AB3510">
        <v>-0.42926975087796149</v>
      </c>
    </row>
    <row r="3511" spans="4:28" x14ac:dyDescent="0.25">
      <c r="D3511" s="40">
        <v>58.380999000002582</v>
      </c>
      <c r="E3511" s="40">
        <v>18.880704391894003</v>
      </c>
      <c r="F3511" s="40">
        <v>58.366667000000007</v>
      </c>
      <c r="G3511" s="40">
        <v>16.63510256851718</v>
      </c>
      <c r="H3511" s="40">
        <v>58.366667000000007</v>
      </c>
      <c r="I3511" s="40">
        <v>12.940871243986392</v>
      </c>
      <c r="J3511" s="40">
        <v>58.366645529762302</v>
      </c>
      <c r="K3511" s="40">
        <v>11.704284370465079</v>
      </c>
      <c r="L3511" s="40"/>
      <c r="M3511" s="40"/>
      <c r="N3511" s="40"/>
      <c r="X3511">
        <v>-100</v>
      </c>
      <c r="Y3511">
        <v>41.083332999999996</v>
      </c>
      <c r="Z3511">
        <v>119.38333299999999</v>
      </c>
      <c r="AA3511">
        <v>8.2206729999999997</v>
      </c>
      <c r="AB3511">
        <v>-0.42926975087796149</v>
      </c>
    </row>
    <row r="3512" spans="4:28" x14ac:dyDescent="0.25">
      <c r="D3512" s="40">
        <v>58.397665000002583</v>
      </c>
      <c r="E3512" s="40">
        <v>18.880704391894003</v>
      </c>
      <c r="F3512" s="40">
        <v>58.383332999999993</v>
      </c>
      <c r="G3512" s="40">
        <v>16.639857812607399</v>
      </c>
      <c r="H3512" s="40">
        <v>58.383334000000019</v>
      </c>
      <c r="I3512" s="40">
        <v>12.940871243986392</v>
      </c>
      <c r="J3512" s="40">
        <v>58.383312190476602</v>
      </c>
      <c r="K3512" s="40">
        <v>11.708992736418139</v>
      </c>
      <c r="L3512" s="40"/>
      <c r="M3512" s="40"/>
      <c r="N3512" s="40"/>
      <c r="X3512">
        <v>-100</v>
      </c>
      <c r="Y3512">
        <v>41.100000000000009</v>
      </c>
      <c r="Z3512">
        <v>119.4</v>
      </c>
      <c r="AA3512">
        <v>8.2206729999999997</v>
      </c>
      <c r="AB3512">
        <v>-0.42926975087796149</v>
      </c>
    </row>
    <row r="3513" spans="4:28" x14ac:dyDescent="0.25">
      <c r="D3513" s="40">
        <v>58.414331000002583</v>
      </c>
      <c r="E3513" s="40">
        <v>18.885405124054426</v>
      </c>
      <c r="F3513" s="40">
        <v>58.400000000000006</v>
      </c>
      <c r="G3513" s="40">
        <v>16.639857812607399</v>
      </c>
      <c r="H3513" s="40">
        <v>58.400000000000006</v>
      </c>
      <c r="I3513" s="40">
        <v>12.944223980129649</v>
      </c>
      <c r="J3513" s="40">
        <v>58.399978851190902</v>
      </c>
      <c r="K3513" s="40">
        <v>11.708992736418139</v>
      </c>
      <c r="L3513" s="40"/>
      <c r="M3513" s="40"/>
      <c r="N3513" s="40"/>
      <c r="X3513">
        <v>-100</v>
      </c>
      <c r="Y3513">
        <v>41.116667000000007</v>
      </c>
      <c r="Z3513">
        <v>119.416667</v>
      </c>
      <c r="AA3513">
        <v>8.2206399999999995</v>
      </c>
      <c r="AB3513">
        <v>-0.4296694546611235</v>
      </c>
    </row>
    <row r="3514" spans="4:28" x14ac:dyDescent="0.25">
      <c r="D3514" s="40">
        <v>58.430997000002584</v>
      </c>
      <c r="E3514" s="40">
        <v>18.885405124054426</v>
      </c>
      <c r="F3514" s="40">
        <v>58.41666699999999</v>
      </c>
      <c r="G3514" s="40">
        <v>16.644613056697498</v>
      </c>
      <c r="H3514" s="40">
        <v>58.416667000000018</v>
      </c>
      <c r="I3514" s="40">
        <v>12.944223980129649</v>
      </c>
      <c r="J3514" s="40">
        <v>58.416645511905202</v>
      </c>
      <c r="K3514" s="40">
        <v>11.708992736418139</v>
      </c>
      <c r="L3514" s="40"/>
      <c r="M3514" s="40"/>
      <c r="N3514" s="40"/>
      <c r="X3514">
        <v>-100</v>
      </c>
      <c r="Y3514">
        <v>41.133333000000007</v>
      </c>
      <c r="Z3514">
        <v>119.433333</v>
      </c>
      <c r="AA3514">
        <v>8.2206399999999995</v>
      </c>
      <c r="AB3514">
        <v>-0.4296694546611235</v>
      </c>
    </row>
    <row r="3515" spans="4:28" x14ac:dyDescent="0.25">
      <c r="D3515" s="40">
        <v>58.447663000002585</v>
      </c>
      <c r="E3515" s="40">
        <v>18.890248302643975</v>
      </c>
      <c r="F3515" s="40">
        <v>58.433333000000005</v>
      </c>
      <c r="G3515" s="40">
        <v>16.649228440667397</v>
      </c>
      <c r="H3515" s="40">
        <v>58.433334000000002</v>
      </c>
      <c r="I3515" s="40">
        <v>12.947478106386413</v>
      </c>
      <c r="J3515" s="40">
        <v>58.433312172619502</v>
      </c>
      <c r="K3515" s="40">
        <v>11.708992736418139</v>
      </c>
      <c r="L3515" s="40"/>
      <c r="M3515" s="40"/>
      <c r="N3515" s="40"/>
      <c r="X3515">
        <v>-100</v>
      </c>
      <c r="Y3515">
        <v>41.150000000000006</v>
      </c>
      <c r="Z3515">
        <v>119.45</v>
      </c>
      <c r="AA3515">
        <v>8.2206399999999995</v>
      </c>
      <c r="AB3515">
        <v>-0.4296694546611235</v>
      </c>
    </row>
    <row r="3516" spans="4:28" x14ac:dyDescent="0.25">
      <c r="D3516" s="40">
        <v>58.464329000002586</v>
      </c>
      <c r="E3516" s="40">
        <v>18.890248302643975</v>
      </c>
      <c r="F3516" s="40">
        <v>58.449999999999989</v>
      </c>
      <c r="G3516" s="40">
        <v>16.653983684757616</v>
      </c>
      <c r="H3516" s="40">
        <v>58.450000000000017</v>
      </c>
      <c r="I3516" s="40">
        <v>12.950830842529669</v>
      </c>
      <c r="J3516" s="40">
        <v>58.449978833333802</v>
      </c>
      <c r="K3516" s="40">
        <v>11.713843780127245</v>
      </c>
      <c r="L3516" s="40"/>
      <c r="M3516" s="40"/>
      <c r="N3516" s="40"/>
      <c r="X3516">
        <v>-100</v>
      </c>
      <c r="Y3516">
        <v>41.166667000000004</v>
      </c>
      <c r="Z3516">
        <v>119.466667</v>
      </c>
      <c r="AA3516">
        <v>8.2206399999999995</v>
      </c>
      <c r="AB3516">
        <v>-0.4296694546611235</v>
      </c>
    </row>
    <row r="3517" spans="4:28" x14ac:dyDescent="0.25">
      <c r="D3517" s="40">
        <v>58.480995000002586</v>
      </c>
      <c r="E3517" s="40">
        <v>18.895091481233397</v>
      </c>
      <c r="F3517" s="40">
        <v>58.466667000000001</v>
      </c>
      <c r="G3517" s="40">
        <v>16.658738928847711</v>
      </c>
      <c r="H3517" s="40">
        <v>58.466667000000001</v>
      </c>
      <c r="I3517" s="40">
        <v>12.950830842529669</v>
      </c>
      <c r="J3517" s="40">
        <v>58.466645494048002</v>
      </c>
      <c r="K3517" s="40">
        <v>11.713843780127245</v>
      </c>
      <c r="L3517" s="40"/>
      <c r="M3517" s="40"/>
      <c r="N3517" s="40"/>
      <c r="X3517">
        <v>-100</v>
      </c>
      <c r="Y3517">
        <v>41.183333000000005</v>
      </c>
      <c r="Z3517">
        <v>119.483333</v>
      </c>
      <c r="AA3517">
        <v>8.2206399999999995</v>
      </c>
      <c r="AB3517">
        <v>-0.4296694546611235</v>
      </c>
    </row>
    <row r="3518" spans="4:28" x14ac:dyDescent="0.25">
      <c r="D3518" s="40">
        <v>58.497661000002587</v>
      </c>
      <c r="E3518" s="40">
        <v>18.895091481233397</v>
      </c>
      <c r="F3518" s="40">
        <v>58.483332999999988</v>
      </c>
      <c r="G3518" s="40">
        <v>16.658738928847711</v>
      </c>
      <c r="H3518" s="40">
        <v>58.483334000000013</v>
      </c>
      <c r="I3518" s="40">
        <v>12.954183578673101</v>
      </c>
      <c r="J3518" s="40">
        <v>58.483312154762302</v>
      </c>
      <c r="K3518" s="40">
        <v>11.718694823836477</v>
      </c>
      <c r="L3518" s="40"/>
      <c r="M3518" s="40"/>
      <c r="N3518" s="40"/>
      <c r="X3518">
        <v>-100</v>
      </c>
      <c r="Y3518">
        <v>41.2</v>
      </c>
      <c r="Z3518">
        <v>119.5</v>
      </c>
      <c r="AA3518">
        <v>8.2206060000000001</v>
      </c>
      <c r="AB3518">
        <v>-0.4300812706801298</v>
      </c>
    </row>
    <row r="3519" spans="4:28" x14ac:dyDescent="0.25">
      <c r="D3519" s="40">
        <v>58.514327000002588</v>
      </c>
      <c r="E3519" s="40">
        <v>18.899934659822947</v>
      </c>
      <c r="F3519" s="40">
        <v>58.5</v>
      </c>
      <c r="G3519" s="40">
        <v>16.66335431281761</v>
      </c>
      <c r="H3519" s="40">
        <v>58.5</v>
      </c>
      <c r="I3519" s="40">
        <v>12.954183578673101</v>
      </c>
      <c r="J3519" s="40">
        <v>58.499978815476602</v>
      </c>
      <c r="K3519" s="40">
        <v>11.718694823836477</v>
      </c>
      <c r="L3519" s="40"/>
      <c r="M3519" s="40"/>
      <c r="N3519" s="40"/>
      <c r="X3519">
        <v>-100</v>
      </c>
      <c r="Y3519">
        <v>41.216667000000001</v>
      </c>
      <c r="Z3519">
        <v>119.516667</v>
      </c>
      <c r="AA3519">
        <v>8.2206060000000001</v>
      </c>
      <c r="AB3519">
        <v>-0.4300812706801298</v>
      </c>
    </row>
    <row r="3520" spans="4:28" x14ac:dyDescent="0.25">
      <c r="D3520" s="40">
        <v>58.530993000002589</v>
      </c>
      <c r="E3520" s="40">
        <v>18.899934659822947</v>
      </c>
      <c r="F3520" s="40">
        <v>58.516666999999984</v>
      </c>
      <c r="G3520" s="40">
        <v>16.668109556907829</v>
      </c>
      <c r="H3520" s="40">
        <v>58.516667000000012</v>
      </c>
      <c r="I3520" s="40">
        <v>12.957437704929864</v>
      </c>
      <c r="J3520" s="40">
        <v>58.516645476190902</v>
      </c>
      <c r="K3520" s="40">
        <v>11.723403189789536</v>
      </c>
      <c r="L3520" s="40"/>
      <c r="M3520" s="40"/>
      <c r="N3520" s="40"/>
      <c r="X3520">
        <v>-100</v>
      </c>
      <c r="Y3520">
        <v>41.233333000000002</v>
      </c>
      <c r="Z3520">
        <v>119.533333</v>
      </c>
      <c r="AA3520">
        <v>8.2206060000000001</v>
      </c>
      <c r="AB3520">
        <v>-0.4300812706801298</v>
      </c>
    </row>
    <row r="3521" spans="4:28" x14ac:dyDescent="0.25">
      <c r="D3521" s="40">
        <v>58.547659000002589</v>
      </c>
      <c r="E3521" s="40">
        <v>18.899934659822947</v>
      </c>
      <c r="F3521" s="40">
        <v>58.533332999999999</v>
      </c>
      <c r="G3521" s="40">
        <v>16.672864800997925</v>
      </c>
      <c r="H3521" s="40">
        <v>58.533333999999996</v>
      </c>
      <c r="I3521" s="40">
        <v>12.960790441073122</v>
      </c>
      <c r="J3521" s="40">
        <v>58.533312136905202</v>
      </c>
      <c r="K3521" s="40">
        <v>11.723403189789536</v>
      </c>
      <c r="L3521" s="40"/>
      <c r="M3521" s="40"/>
      <c r="N3521" s="40"/>
      <c r="X3521">
        <v>-100</v>
      </c>
      <c r="Y3521">
        <v>41.25</v>
      </c>
      <c r="Z3521">
        <v>119.55</v>
      </c>
      <c r="AA3521">
        <v>8.2206060000000001</v>
      </c>
      <c r="AB3521">
        <v>-0.4300812706801298</v>
      </c>
    </row>
    <row r="3522" spans="4:28" x14ac:dyDescent="0.25">
      <c r="D3522" s="40">
        <v>58.56432500000259</v>
      </c>
      <c r="E3522" s="40">
        <v>18.904635391983369</v>
      </c>
      <c r="F3522" s="40">
        <v>58.549999999999983</v>
      </c>
      <c r="G3522" s="40">
        <v>16.677480184967823</v>
      </c>
      <c r="H3522" s="40">
        <v>58.550000000000011</v>
      </c>
      <c r="I3522" s="40">
        <v>12.960790441073122</v>
      </c>
      <c r="J3522" s="40">
        <v>58.549978797619502</v>
      </c>
      <c r="K3522" s="40">
        <v>11.728254233498642</v>
      </c>
      <c r="L3522" s="40"/>
      <c r="M3522" s="40"/>
      <c r="N3522" s="40"/>
      <c r="X3522">
        <v>-100</v>
      </c>
      <c r="Y3522">
        <v>41.266666999999998</v>
      </c>
      <c r="Z3522">
        <v>119.566667</v>
      </c>
      <c r="AA3522">
        <v>8.2206060000000001</v>
      </c>
      <c r="AB3522">
        <v>-0.4300812706801298</v>
      </c>
    </row>
    <row r="3523" spans="4:28" x14ac:dyDescent="0.25">
      <c r="D3523" s="40">
        <v>58.580991000002591</v>
      </c>
      <c r="E3523" s="40">
        <v>18.909478570572791</v>
      </c>
      <c r="F3523" s="40">
        <v>58.566666999999995</v>
      </c>
      <c r="G3523" s="40">
        <v>16.677480184967823</v>
      </c>
      <c r="H3523" s="40">
        <v>58.566666999999995</v>
      </c>
      <c r="I3523" s="40">
        <v>12.96414317721638</v>
      </c>
      <c r="J3523" s="40">
        <v>58.566645458333802</v>
      </c>
      <c r="K3523" s="40">
        <v>11.728254233498642</v>
      </c>
      <c r="L3523" s="40"/>
      <c r="M3523" s="40"/>
      <c r="N3523" s="40"/>
      <c r="X3523">
        <v>-100</v>
      </c>
      <c r="Y3523">
        <v>41.283332999999999</v>
      </c>
      <c r="Z3523">
        <v>119.583333</v>
      </c>
      <c r="AA3523">
        <v>8.2206060000000001</v>
      </c>
      <c r="AB3523">
        <v>-0.4300812706801298</v>
      </c>
    </row>
    <row r="3524" spans="4:28" x14ac:dyDescent="0.25">
      <c r="D3524" s="40">
        <v>58.597657000002592</v>
      </c>
      <c r="E3524" s="40">
        <v>18.909478570572791</v>
      </c>
      <c r="F3524" s="40">
        <v>58.583332999999982</v>
      </c>
      <c r="G3524" s="40">
        <v>16.682235429058043</v>
      </c>
      <c r="H3524" s="40">
        <v>58.583334000000008</v>
      </c>
      <c r="I3524" s="40">
        <v>12.967397303473144</v>
      </c>
      <c r="J3524" s="40">
        <v>58.583312119048003</v>
      </c>
      <c r="K3524" s="40">
        <v>11.728254233498642</v>
      </c>
      <c r="L3524" s="40"/>
      <c r="M3524" s="40"/>
      <c r="N3524" s="40"/>
      <c r="X3524">
        <v>-100</v>
      </c>
      <c r="Y3524">
        <v>41.3</v>
      </c>
      <c r="Z3524">
        <v>119.6</v>
      </c>
      <c r="AA3524">
        <v>8.2206060000000001</v>
      </c>
      <c r="AB3524">
        <v>-0.4300812706801298</v>
      </c>
    </row>
    <row r="3525" spans="4:28" x14ac:dyDescent="0.25">
      <c r="D3525" s="40">
        <v>58.614323000002592</v>
      </c>
      <c r="E3525" s="40">
        <v>18.909478570572791</v>
      </c>
      <c r="F3525" s="40">
        <v>58.599999999999994</v>
      </c>
      <c r="G3525" s="40">
        <v>16.682235429058043</v>
      </c>
      <c r="H3525" s="40">
        <v>58.599999999999994</v>
      </c>
      <c r="I3525" s="40">
        <v>12.9707500396164</v>
      </c>
      <c r="J3525" s="40">
        <v>58.599978779762303</v>
      </c>
      <c r="K3525" s="40">
        <v>11.733105277207875</v>
      </c>
      <c r="L3525" s="40"/>
      <c r="M3525" s="40"/>
      <c r="N3525" s="40"/>
      <c r="X3525">
        <v>-100</v>
      </c>
      <c r="Y3525">
        <v>41.31666700000001</v>
      </c>
      <c r="Z3525">
        <v>119.61666700000001</v>
      </c>
      <c r="AA3525">
        <v>8.2206060000000001</v>
      </c>
      <c r="AB3525">
        <v>-0.4300812706801298</v>
      </c>
    </row>
    <row r="3526" spans="4:28" x14ac:dyDescent="0.25">
      <c r="D3526" s="40">
        <v>58.630989000002593</v>
      </c>
      <c r="E3526" s="40">
        <v>18.91432174916234</v>
      </c>
      <c r="F3526" s="40">
        <v>58.616667000000007</v>
      </c>
      <c r="G3526" s="40">
        <v>16.686990673148266</v>
      </c>
      <c r="H3526" s="40">
        <v>58.616667000000007</v>
      </c>
      <c r="I3526" s="40">
        <v>12.9707500396164</v>
      </c>
      <c r="J3526" s="40">
        <v>58.616645440476603</v>
      </c>
      <c r="K3526" s="40">
        <v>11.733105277207875</v>
      </c>
      <c r="L3526" s="40"/>
      <c r="M3526" s="40"/>
      <c r="N3526" s="40"/>
      <c r="X3526">
        <v>-100</v>
      </c>
      <c r="Y3526">
        <v>41.333332999999996</v>
      </c>
      <c r="Z3526">
        <v>119.63333299999999</v>
      </c>
      <c r="AA3526">
        <v>8.2206060000000001</v>
      </c>
      <c r="AB3526">
        <v>-0.4300812706801298</v>
      </c>
    </row>
    <row r="3527" spans="4:28" x14ac:dyDescent="0.25">
      <c r="D3527" s="40">
        <v>58.647655000002594</v>
      </c>
      <c r="E3527" s="40">
        <v>18.91432174916234</v>
      </c>
      <c r="F3527" s="40">
        <v>58.633332999999993</v>
      </c>
      <c r="G3527" s="40">
        <v>16.69160605711804</v>
      </c>
      <c r="H3527" s="40">
        <v>58.633334000000019</v>
      </c>
      <c r="I3527" s="40">
        <v>12.974102775759832</v>
      </c>
      <c r="J3527" s="40">
        <v>58.633312101190903</v>
      </c>
      <c r="K3527" s="40">
        <v>11.733105277207875</v>
      </c>
      <c r="L3527" s="40"/>
      <c r="M3527" s="40"/>
      <c r="N3527" s="40"/>
      <c r="X3527">
        <v>-100</v>
      </c>
      <c r="Y3527">
        <v>41.350000000000009</v>
      </c>
      <c r="Z3527">
        <v>119.65</v>
      </c>
      <c r="AA3527">
        <v>8.2206060000000001</v>
      </c>
      <c r="AB3527">
        <v>-0.4300812706801298</v>
      </c>
    </row>
    <row r="3528" spans="4:28" x14ac:dyDescent="0.25">
      <c r="D3528" s="40">
        <v>58.664321000002595</v>
      </c>
      <c r="E3528" s="40">
        <v>18.919022481322767</v>
      </c>
      <c r="F3528" s="40">
        <v>58.650000000000006</v>
      </c>
      <c r="G3528" s="40">
        <v>16.69160605711804</v>
      </c>
      <c r="H3528" s="40">
        <v>58.650000000000006</v>
      </c>
      <c r="I3528" s="40">
        <v>12.977356902016595</v>
      </c>
      <c r="J3528" s="40">
        <v>58.649978761905203</v>
      </c>
      <c r="K3528" s="40">
        <v>11.733105277207875</v>
      </c>
      <c r="L3528" s="40"/>
      <c r="M3528" s="40"/>
      <c r="N3528" s="40"/>
      <c r="X3528">
        <v>-100</v>
      </c>
      <c r="Y3528">
        <v>41.366667000000007</v>
      </c>
      <c r="Z3528">
        <v>119.666667</v>
      </c>
      <c r="AA3528">
        <v>8.2206060000000001</v>
      </c>
      <c r="AB3528">
        <v>-0.4300812706801298</v>
      </c>
    </row>
    <row r="3529" spans="4:28" x14ac:dyDescent="0.25">
      <c r="D3529" s="40">
        <v>58.680987000002595</v>
      </c>
      <c r="E3529" s="40">
        <v>18.919022481322767</v>
      </c>
      <c r="F3529" s="40">
        <v>58.66666699999999</v>
      </c>
      <c r="G3529" s="40">
        <v>16.69636130120826</v>
      </c>
      <c r="H3529" s="40">
        <v>58.666667000000018</v>
      </c>
      <c r="I3529" s="40">
        <v>12.977356902016595</v>
      </c>
      <c r="J3529" s="40">
        <v>58.666645422619503</v>
      </c>
      <c r="K3529" s="40">
        <v>11.737813643160935</v>
      </c>
      <c r="L3529" s="40"/>
      <c r="M3529" s="40"/>
      <c r="N3529" s="40"/>
      <c r="X3529">
        <v>-100</v>
      </c>
      <c r="Y3529">
        <v>41.383333000000007</v>
      </c>
      <c r="Z3529">
        <v>119.683333</v>
      </c>
      <c r="AA3529">
        <v>8.2205720000000007</v>
      </c>
      <c r="AB3529">
        <v>-0.43049308669913616</v>
      </c>
    </row>
    <row r="3530" spans="4:28" x14ac:dyDescent="0.25">
      <c r="D3530" s="40">
        <v>58.697653000002596</v>
      </c>
      <c r="E3530" s="40">
        <v>18.923865659912188</v>
      </c>
      <c r="F3530" s="40">
        <v>58.683333000000005</v>
      </c>
      <c r="G3530" s="40">
        <v>16.701116545298479</v>
      </c>
      <c r="H3530" s="40">
        <v>58.683334000000002</v>
      </c>
      <c r="I3530" s="40">
        <v>12.980709638159853</v>
      </c>
      <c r="J3530" s="40">
        <v>58.683312083333803</v>
      </c>
      <c r="K3530" s="40">
        <v>11.737813643160935</v>
      </c>
      <c r="L3530" s="40"/>
      <c r="M3530" s="40"/>
      <c r="N3530" s="40"/>
      <c r="X3530">
        <v>-100</v>
      </c>
      <c r="Y3530">
        <v>41.400000000000006</v>
      </c>
      <c r="Z3530">
        <v>119.7</v>
      </c>
      <c r="AA3530">
        <v>8.2205720000000007</v>
      </c>
      <c r="AB3530">
        <v>-0.43049308669913616</v>
      </c>
    </row>
    <row r="3531" spans="4:28" x14ac:dyDescent="0.25">
      <c r="D3531" s="40">
        <v>58.714319000002597</v>
      </c>
      <c r="E3531" s="40">
        <v>18.923865659912188</v>
      </c>
      <c r="F3531" s="40">
        <v>58.699999999999989</v>
      </c>
      <c r="G3531" s="40">
        <v>16.701116545298479</v>
      </c>
      <c r="H3531" s="40">
        <v>58.700000000000017</v>
      </c>
      <c r="I3531" s="40">
        <v>12.984062374303109</v>
      </c>
      <c r="J3531" s="40">
        <v>58.699978744048003</v>
      </c>
      <c r="K3531" s="40">
        <v>11.737813643160935</v>
      </c>
      <c r="L3531" s="40"/>
      <c r="M3531" s="40"/>
      <c r="N3531" s="40"/>
      <c r="X3531">
        <v>-100</v>
      </c>
      <c r="Y3531">
        <v>41.416667000000004</v>
      </c>
      <c r="Z3531">
        <v>119.716667</v>
      </c>
      <c r="AA3531">
        <v>8.2205720000000007</v>
      </c>
      <c r="AB3531">
        <v>-0.43049308669913616</v>
      </c>
    </row>
    <row r="3532" spans="4:28" x14ac:dyDescent="0.25">
      <c r="D3532" s="40">
        <v>58.730985000002597</v>
      </c>
      <c r="E3532" s="40">
        <v>18.923865659912188</v>
      </c>
      <c r="F3532" s="40">
        <v>58.716667000000001</v>
      </c>
      <c r="G3532" s="40">
        <v>16.705731929268378</v>
      </c>
      <c r="H3532" s="40">
        <v>58.716667000000001</v>
      </c>
      <c r="I3532" s="40">
        <v>12.987316500559873</v>
      </c>
      <c r="J3532" s="40">
        <v>58.716645404762303</v>
      </c>
      <c r="K3532" s="40">
        <v>11.737813643160935</v>
      </c>
      <c r="L3532" s="40"/>
      <c r="M3532" s="40"/>
      <c r="N3532" s="40"/>
      <c r="X3532">
        <v>-100</v>
      </c>
      <c r="Y3532">
        <v>41.433333000000005</v>
      </c>
      <c r="Z3532">
        <v>119.733333</v>
      </c>
      <c r="AA3532">
        <v>8.2205720000000007</v>
      </c>
      <c r="AB3532">
        <v>-0.43049308669913616</v>
      </c>
    </row>
    <row r="3533" spans="4:28" x14ac:dyDescent="0.25">
      <c r="D3533" s="40">
        <v>58.747651000002598</v>
      </c>
      <c r="E3533" s="40">
        <v>18.928708838501734</v>
      </c>
      <c r="F3533" s="40">
        <v>58.733332999999988</v>
      </c>
      <c r="G3533" s="40">
        <v>16.705731929268378</v>
      </c>
      <c r="H3533" s="40">
        <v>58.733334000000013</v>
      </c>
      <c r="I3533" s="40">
        <v>12.990669236703305</v>
      </c>
      <c r="J3533" s="40">
        <v>58.733312065476603</v>
      </c>
      <c r="K3533" s="40">
        <v>11.742664686870167</v>
      </c>
      <c r="L3533" s="40"/>
      <c r="M3533" s="40"/>
      <c r="N3533" s="40"/>
      <c r="X3533">
        <v>-100</v>
      </c>
      <c r="Y3533">
        <v>41.45</v>
      </c>
      <c r="Z3533">
        <v>119.75</v>
      </c>
      <c r="AA3533">
        <v>8.2205390000000005</v>
      </c>
      <c r="AB3533">
        <v>-0.43089279048229817</v>
      </c>
    </row>
    <row r="3534" spans="4:28" x14ac:dyDescent="0.25">
      <c r="D3534" s="40">
        <v>58.764317000002599</v>
      </c>
      <c r="E3534" s="40">
        <v>18.928708838501734</v>
      </c>
      <c r="F3534" s="40">
        <v>58.75</v>
      </c>
      <c r="G3534" s="40">
        <v>16.710487173358473</v>
      </c>
      <c r="H3534" s="40">
        <v>58.75</v>
      </c>
      <c r="I3534" s="40">
        <v>12.994021972846562</v>
      </c>
      <c r="J3534" s="40">
        <v>58.749978726190903</v>
      </c>
      <c r="K3534" s="40">
        <v>11.742664686870167</v>
      </c>
      <c r="L3534" s="40"/>
      <c r="M3534" s="40"/>
      <c r="N3534" s="40"/>
      <c r="X3534">
        <v>-100</v>
      </c>
      <c r="Y3534">
        <v>41.466667000000001</v>
      </c>
      <c r="Z3534">
        <v>119.766667</v>
      </c>
      <c r="AA3534">
        <v>8.2205390000000005</v>
      </c>
      <c r="AB3534">
        <v>-0.43089279048229817</v>
      </c>
    </row>
    <row r="3535" spans="4:28" x14ac:dyDescent="0.25">
      <c r="D3535" s="40">
        <v>58.7809830000026</v>
      </c>
      <c r="E3535" s="40">
        <v>18.928708838501734</v>
      </c>
      <c r="F3535" s="40">
        <v>58.766666999999984</v>
      </c>
      <c r="G3535" s="40">
        <v>16.715242417448692</v>
      </c>
      <c r="H3535" s="40">
        <v>58.766667000000012</v>
      </c>
      <c r="I3535" s="40">
        <v>12.994021972846562</v>
      </c>
      <c r="J3535" s="40">
        <v>58.766645386905203</v>
      </c>
      <c r="K3535" s="40">
        <v>11.742664686870167</v>
      </c>
      <c r="L3535" s="40"/>
      <c r="M3535" s="40"/>
      <c r="N3535" s="40"/>
      <c r="X3535">
        <v>-100</v>
      </c>
      <c r="Y3535">
        <v>41.483333000000002</v>
      </c>
      <c r="Z3535">
        <v>119.783333</v>
      </c>
      <c r="AA3535">
        <v>8.2205049999999993</v>
      </c>
      <c r="AB3535">
        <v>-0.43130460650132607</v>
      </c>
    </row>
    <row r="3536" spans="4:28" x14ac:dyDescent="0.25">
      <c r="D3536" s="40">
        <v>58.7976490000026</v>
      </c>
      <c r="E3536" s="40">
        <v>18.928708838501734</v>
      </c>
      <c r="F3536" s="40">
        <v>58.783332999999999</v>
      </c>
      <c r="G3536" s="40">
        <v>16.715242417448692</v>
      </c>
      <c r="H3536" s="40">
        <v>58.783333999999996</v>
      </c>
      <c r="I3536" s="40">
        <v>12.997276099103324</v>
      </c>
      <c r="J3536" s="40">
        <v>58.783312047619503</v>
      </c>
      <c r="K3536" s="40">
        <v>11.747515730579273</v>
      </c>
      <c r="L3536" s="40"/>
      <c r="M3536" s="40"/>
      <c r="N3536" s="40"/>
      <c r="X3536">
        <v>-100</v>
      </c>
      <c r="Y3536">
        <v>41.5</v>
      </c>
      <c r="Z3536">
        <v>119.8</v>
      </c>
      <c r="AA3536">
        <v>8.2205049999999993</v>
      </c>
      <c r="AB3536">
        <v>-0.43130460650132607</v>
      </c>
    </row>
    <row r="3537" spans="4:28" x14ac:dyDescent="0.25">
      <c r="D3537" s="40">
        <v>58.814315000002601</v>
      </c>
      <c r="E3537" s="40">
        <v>18.928708838501734</v>
      </c>
      <c r="F3537" s="40">
        <v>58.799999999999983</v>
      </c>
      <c r="G3537" s="40">
        <v>16.719857801418591</v>
      </c>
      <c r="H3537" s="59">
        <v>58.800000000000011</v>
      </c>
      <c r="I3537" s="59">
        <v>13.000628835246582</v>
      </c>
      <c r="J3537" s="40">
        <v>58.799978708333803</v>
      </c>
      <c r="K3537" s="40">
        <v>11.747515730579273</v>
      </c>
      <c r="L3537" s="40"/>
      <c r="M3537" s="40"/>
      <c r="N3537" s="40"/>
      <c r="X3537">
        <v>-100</v>
      </c>
      <c r="Y3537">
        <v>41.516666999999998</v>
      </c>
      <c r="Z3537">
        <v>119.816667</v>
      </c>
      <c r="AA3537">
        <v>8.2205049999999993</v>
      </c>
      <c r="AB3537">
        <v>-0.43130460650132607</v>
      </c>
    </row>
    <row r="3538" spans="4:28" x14ac:dyDescent="0.25">
      <c r="D3538" s="40">
        <v>58.830981000002602</v>
      </c>
      <c r="E3538" s="40">
        <v>18.93340957066216</v>
      </c>
      <c r="F3538" s="40">
        <v>58.816666999999995</v>
      </c>
      <c r="G3538" s="40">
        <v>16.72461304550869</v>
      </c>
      <c r="H3538" s="40">
        <v>58.816666999999995</v>
      </c>
      <c r="I3538" s="40">
        <v>13.00398157138984</v>
      </c>
      <c r="J3538" s="40">
        <v>58.816645369047997</v>
      </c>
      <c r="K3538" s="40">
        <v>11.747515730579273</v>
      </c>
      <c r="L3538" s="40"/>
      <c r="M3538" s="40"/>
      <c r="N3538" s="40"/>
      <c r="X3538">
        <v>-100</v>
      </c>
      <c r="Y3538">
        <v>41.533332999999999</v>
      </c>
      <c r="Z3538">
        <v>119.833333</v>
      </c>
      <c r="AA3538">
        <v>8.2205049999999993</v>
      </c>
      <c r="AB3538">
        <v>-0.43130460650132607</v>
      </c>
    </row>
    <row r="3539" spans="4:28" x14ac:dyDescent="0.25">
      <c r="D3539" s="40">
        <v>58.847647000002603</v>
      </c>
      <c r="E3539" s="40">
        <v>18.93340957066216</v>
      </c>
      <c r="F3539" s="40">
        <v>58.833332999999982</v>
      </c>
      <c r="G3539" s="40">
        <v>16.72461304550869</v>
      </c>
      <c r="H3539" s="40">
        <v>58.833334000000008</v>
      </c>
      <c r="I3539" s="40">
        <v>13.00398157138984</v>
      </c>
      <c r="J3539" s="40">
        <v>58.833312029762297</v>
      </c>
      <c r="K3539" s="40">
        <v>11.747515730579273</v>
      </c>
      <c r="L3539" s="40"/>
      <c r="M3539" s="40"/>
      <c r="N3539" s="40"/>
      <c r="X3539">
        <v>-100</v>
      </c>
      <c r="Y3539">
        <v>41.55</v>
      </c>
      <c r="Z3539">
        <v>119.85</v>
      </c>
      <c r="AA3539">
        <v>8.2204709999999999</v>
      </c>
      <c r="AB3539">
        <v>-0.43171642252033238</v>
      </c>
    </row>
    <row r="3540" spans="4:28" x14ac:dyDescent="0.25">
      <c r="D3540" s="40">
        <v>58.864313000002603</v>
      </c>
      <c r="E3540" s="40">
        <v>18.93340957066216</v>
      </c>
      <c r="F3540" s="40">
        <v>58.849999999999994</v>
      </c>
      <c r="G3540" s="40">
        <v>16.729368289598909</v>
      </c>
      <c r="H3540" s="40">
        <v>58.849999999999994</v>
      </c>
      <c r="I3540" s="40">
        <v>13.007235697646603</v>
      </c>
      <c r="J3540" s="40">
        <v>58.849978690476597</v>
      </c>
      <c r="K3540" s="40">
        <v>11.747515730579273</v>
      </c>
      <c r="L3540" s="40"/>
      <c r="M3540" s="40"/>
      <c r="N3540" s="40"/>
      <c r="X3540">
        <v>-100</v>
      </c>
      <c r="Y3540">
        <v>41.56666700000001</v>
      </c>
      <c r="Z3540">
        <v>119.86666700000001</v>
      </c>
      <c r="AA3540">
        <v>8.2204709999999999</v>
      </c>
      <c r="AB3540">
        <v>-0.43171642252033238</v>
      </c>
    </row>
    <row r="3541" spans="4:28" x14ac:dyDescent="0.25">
      <c r="D3541" s="40">
        <v>58.880979000002604</v>
      </c>
      <c r="E3541" s="40">
        <v>18.93340957066216</v>
      </c>
      <c r="F3541" s="40">
        <v>58.866667000000007</v>
      </c>
      <c r="G3541" s="40">
        <v>16.738738917658903</v>
      </c>
      <c r="H3541" s="40">
        <v>58.866667000000007</v>
      </c>
      <c r="I3541" s="40">
        <v>13.010588433790035</v>
      </c>
      <c r="J3541" s="40">
        <v>58.866645351190897</v>
      </c>
      <c r="K3541" s="40">
        <v>11.752224096532332</v>
      </c>
      <c r="L3541" s="40"/>
      <c r="M3541" s="40"/>
      <c r="N3541" s="40"/>
      <c r="X3541">
        <v>-100</v>
      </c>
      <c r="Y3541">
        <v>41.583332999999996</v>
      </c>
      <c r="Z3541">
        <v>119.88333299999999</v>
      </c>
      <c r="AA3541">
        <v>8.2204709999999999</v>
      </c>
      <c r="AB3541">
        <v>-0.43171642252033238</v>
      </c>
    </row>
    <row r="3542" spans="4:28" x14ac:dyDescent="0.25">
      <c r="D3542" s="40">
        <v>58.897645000002605</v>
      </c>
      <c r="E3542" s="40">
        <v>18.93825274925171</v>
      </c>
      <c r="F3542" s="40">
        <v>58.883332999999993</v>
      </c>
      <c r="G3542" s="40">
        <v>16.738738917658903</v>
      </c>
      <c r="H3542" s="40">
        <v>58.883334000000019</v>
      </c>
      <c r="I3542" s="40">
        <v>13.010588433790035</v>
      </c>
      <c r="J3542" s="40">
        <v>58.883312011905197</v>
      </c>
      <c r="K3542" s="40">
        <v>11.752224096532332</v>
      </c>
      <c r="L3542" s="40"/>
      <c r="M3542" s="40"/>
      <c r="N3542" s="40"/>
      <c r="X3542">
        <v>-100</v>
      </c>
      <c r="Y3542">
        <v>41.600000000000009</v>
      </c>
      <c r="Z3542">
        <v>119.9</v>
      </c>
      <c r="AA3542">
        <v>8.2204709999999999</v>
      </c>
      <c r="AB3542">
        <v>-0.43171642252033238</v>
      </c>
    </row>
    <row r="3543" spans="4:28" x14ac:dyDescent="0.25">
      <c r="D3543" s="40">
        <v>58.914311000002606</v>
      </c>
      <c r="E3543" s="40">
        <v>18.93825274925171</v>
      </c>
      <c r="F3543" s="40">
        <v>58.900000000000006</v>
      </c>
      <c r="G3543" s="40">
        <v>16.743494161749123</v>
      </c>
      <c r="H3543" s="40">
        <v>58.900000000000006</v>
      </c>
      <c r="I3543" s="40">
        <v>13.013941169933293</v>
      </c>
      <c r="J3543" s="40">
        <v>58.899978672619497</v>
      </c>
      <c r="K3543" s="40">
        <v>11.752224096532332</v>
      </c>
      <c r="L3543" s="40"/>
      <c r="M3543" s="40"/>
      <c r="N3543" s="40"/>
      <c r="X3543">
        <v>-100</v>
      </c>
      <c r="Y3543">
        <v>41.616667000000007</v>
      </c>
      <c r="Z3543">
        <v>119.916667</v>
      </c>
      <c r="AA3543">
        <v>8.2204709999999999</v>
      </c>
      <c r="AB3543">
        <v>-0.43171642252033238</v>
      </c>
    </row>
    <row r="3544" spans="4:28" x14ac:dyDescent="0.25">
      <c r="D3544" s="40">
        <v>58.930977000002606</v>
      </c>
      <c r="E3544" s="40">
        <v>18.93825274925171</v>
      </c>
      <c r="F3544" s="40">
        <v>58.91666699999999</v>
      </c>
      <c r="G3544" s="40">
        <v>16.748109545719021</v>
      </c>
      <c r="H3544" s="40">
        <v>58.916667000000018</v>
      </c>
      <c r="I3544" s="40">
        <v>13.017195296190055</v>
      </c>
      <c r="J3544" s="40">
        <v>58.916645333333797</v>
      </c>
      <c r="K3544" s="40">
        <v>11.752224096532332</v>
      </c>
      <c r="L3544" s="40"/>
      <c r="M3544" s="40"/>
      <c r="N3544" s="40"/>
      <c r="X3544">
        <v>-100</v>
      </c>
      <c r="Y3544">
        <v>41.633333000000007</v>
      </c>
      <c r="Z3544">
        <v>119.933333</v>
      </c>
      <c r="AA3544">
        <v>8.2204379999999997</v>
      </c>
      <c r="AB3544">
        <v>-0.43211612630349439</v>
      </c>
    </row>
    <row r="3545" spans="4:28" x14ac:dyDescent="0.25">
      <c r="D3545" s="40">
        <v>58.947643000002607</v>
      </c>
      <c r="E3545" s="40">
        <v>18.93825274925171</v>
      </c>
      <c r="F3545" s="40">
        <v>58.933333000000005</v>
      </c>
      <c r="G3545" s="40">
        <v>16.752864789809117</v>
      </c>
      <c r="H3545" s="40">
        <v>58.933334000000002</v>
      </c>
      <c r="I3545" s="40">
        <v>13.020548032333313</v>
      </c>
      <c r="J3545" s="40">
        <v>58.933311994047997</v>
      </c>
      <c r="K3545" s="40">
        <v>11.752224096532332</v>
      </c>
      <c r="L3545" s="40"/>
      <c r="M3545" s="40"/>
      <c r="N3545" s="40"/>
      <c r="X3545">
        <v>-100</v>
      </c>
      <c r="Y3545">
        <v>41.650000000000006</v>
      </c>
      <c r="Z3545">
        <v>119.95</v>
      </c>
      <c r="AA3545">
        <v>8.2204379999999997</v>
      </c>
      <c r="AB3545">
        <v>-0.43211612630349439</v>
      </c>
    </row>
    <row r="3546" spans="4:28" x14ac:dyDescent="0.25">
      <c r="D3546" s="40">
        <v>58.964309000002608</v>
      </c>
      <c r="E3546" s="40">
        <v>18.93825274925171</v>
      </c>
      <c r="F3546" s="40">
        <v>58.949999999999989</v>
      </c>
      <c r="G3546" s="40">
        <v>16.752864789809117</v>
      </c>
      <c r="H3546" s="40">
        <v>58.950000000000017</v>
      </c>
      <c r="I3546" s="40">
        <v>13.020548032333313</v>
      </c>
      <c r="J3546" s="40">
        <v>58.949978654762297</v>
      </c>
      <c r="K3546" s="40">
        <v>11.752224096532332</v>
      </c>
      <c r="L3546" s="40"/>
      <c r="M3546" s="40"/>
      <c r="N3546" s="40"/>
      <c r="X3546">
        <v>-100</v>
      </c>
      <c r="Y3546">
        <v>41.666667000000004</v>
      </c>
      <c r="Z3546">
        <v>119.966667</v>
      </c>
      <c r="AA3546">
        <v>8.2204379999999997</v>
      </c>
      <c r="AB3546">
        <v>-0.43211612630349439</v>
      </c>
    </row>
    <row r="3547" spans="4:28" x14ac:dyDescent="0.25">
      <c r="D3547" s="40">
        <v>58.980975000002609</v>
      </c>
      <c r="E3547" s="40">
        <v>18.93825274925171</v>
      </c>
      <c r="F3547" s="40">
        <v>58.966667000000001</v>
      </c>
      <c r="G3547" s="40">
        <v>16.757620033899336</v>
      </c>
      <c r="H3547" s="40">
        <v>58.966667000000001</v>
      </c>
      <c r="I3547" s="40">
        <v>13.023900768476743</v>
      </c>
      <c r="J3547" s="40">
        <v>58.966645315476597</v>
      </c>
      <c r="K3547" s="40">
        <v>11.757075140241565</v>
      </c>
      <c r="L3547" s="40"/>
      <c r="M3547" s="40"/>
      <c r="N3547" s="40"/>
      <c r="X3547">
        <v>-100</v>
      </c>
      <c r="Y3547">
        <v>41.683333000000005</v>
      </c>
      <c r="Z3547">
        <v>119.983333</v>
      </c>
      <c r="AA3547">
        <v>8.2204040000000003</v>
      </c>
      <c r="AB3547">
        <v>-0.43252794232250075</v>
      </c>
    </row>
    <row r="3548" spans="4:28" x14ac:dyDescent="0.25">
      <c r="D3548" s="40">
        <v>58.997641000002609</v>
      </c>
      <c r="E3548" s="40">
        <v>18.93825274925171</v>
      </c>
      <c r="F3548" s="40">
        <v>58.983332999999988</v>
      </c>
      <c r="G3548" s="40">
        <v>16.762235417869235</v>
      </c>
      <c r="H3548" s="40">
        <v>58.983334000000013</v>
      </c>
      <c r="I3548" s="40">
        <v>13.027253504620001</v>
      </c>
      <c r="J3548" s="40">
        <v>58.983311976190897</v>
      </c>
      <c r="K3548" s="40">
        <v>11.757075140241565</v>
      </c>
      <c r="L3548" s="40"/>
      <c r="M3548" s="40"/>
      <c r="N3548" s="40"/>
      <c r="X3548">
        <v>-100</v>
      </c>
      <c r="Y3548">
        <v>41.7</v>
      </c>
      <c r="Z3548">
        <v>120</v>
      </c>
      <c r="AA3548">
        <v>8.2204040000000003</v>
      </c>
      <c r="AB3548">
        <v>-0.43252794232250075</v>
      </c>
    </row>
    <row r="3549" spans="4:28" x14ac:dyDescent="0.25">
      <c r="D3549" s="40">
        <v>59.01430700000261</v>
      </c>
      <c r="E3549" s="40">
        <v>18.93825274925171</v>
      </c>
      <c r="F3549" s="40">
        <v>59</v>
      </c>
      <c r="G3549" s="40">
        <v>16.762235417869235</v>
      </c>
      <c r="H3549" s="40">
        <v>59</v>
      </c>
      <c r="I3549" s="40">
        <v>13.027253504620001</v>
      </c>
      <c r="J3549" s="40">
        <v>58.999978636905198</v>
      </c>
      <c r="K3549" s="40">
        <v>11.757075140241565</v>
      </c>
      <c r="L3549" s="40"/>
      <c r="M3549" s="40"/>
      <c r="N3549" s="40"/>
      <c r="X3549">
        <v>-100</v>
      </c>
      <c r="Y3549">
        <v>41.716667000000001</v>
      </c>
      <c r="Z3549">
        <v>120.016667</v>
      </c>
      <c r="AA3549">
        <v>8.2204040000000003</v>
      </c>
      <c r="AB3549">
        <v>-0.43252794232250075</v>
      </c>
    </row>
    <row r="3550" spans="4:28" x14ac:dyDescent="0.25">
      <c r="D3550" s="40">
        <v>59.030973000002611</v>
      </c>
      <c r="E3550" s="40">
        <v>18.93825274925171</v>
      </c>
      <c r="F3550" s="40">
        <v>59.016666999999984</v>
      </c>
      <c r="G3550" s="40">
        <v>16.766990661959454</v>
      </c>
      <c r="H3550" s="40">
        <v>59.016667000000012</v>
      </c>
      <c r="I3550" s="40">
        <v>13.030507630876764</v>
      </c>
      <c r="J3550" s="40">
        <v>59.016645297619498</v>
      </c>
      <c r="K3550" s="40">
        <v>11.757075140241565</v>
      </c>
      <c r="L3550" s="40"/>
      <c r="M3550" s="40"/>
      <c r="N3550" s="40"/>
      <c r="X3550">
        <v>-100</v>
      </c>
      <c r="Y3550">
        <v>41.733333000000002</v>
      </c>
      <c r="Z3550">
        <v>120.033333</v>
      </c>
      <c r="AA3550">
        <v>8.2203700000000008</v>
      </c>
      <c r="AB3550">
        <v>-0.432939758341507</v>
      </c>
    </row>
    <row r="3551" spans="4:28" x14ac:dyDescent="0.25">
      <c r="D3551" s="40">
        <v>59.047639000002611</v>
      </c>
      <c r="E3551" s="40">
        <v>18.93825274925171</v>
      </c>
      <c r="F3551" s="40">
        <v>59.033332999999999</v>
      </c>
      <c r="G3551" s="40">
        <v>16.766990661959454</v>
      </c>
      <c r="H3551" s="40">
        <v>59.033333999999996</v>
      </c>
      <c r="I3551" s="40">
        <v>13.030507630876764</v>
      </c>
      <c r="J3551" s="40">
        <v>59.033311958333798</v>
      </c>
      <c r="K3551" s="40">
        <v>11.761926183950671</v>
      </c>
      <c r="L3551" s="40"/>
      <c r="M3551" s="40"/>
      <c r="N3551" s="40"/>
      <c r="X3551">
        <v>-100</v>
      </c>
      <c r="Y3551">
        <v>41.75</v>
      </c>
      <c r="Z3551">
        <v>120.05</v>
      </c>
      <c r="AA3551">
        <v>8.2203700000000008</v>
      </c>
      <c r="AB3551">
        <v>-0.432939758341507</v>
      </c>
    </row>
    <row r="3552" spans="4:28" x14ac:dyDescent="0.25">
      <c r="D3552" s="40">
        <v>59.064305000002612</v>
      </c>
      <c r="E3552" s="40">
        <v>18.93825274925171</v>
      </c>
      <c r="F3552" s="40">
        <v>59.049999999999983</v>
      </c>
      <c r="G3552" s="40">
        <v>16.771745906049553</v>
      </c>
      <c r="H3552" s="40">
        <v>59.050000000000011</v>
      </c>
      <c r="I3552" s="40">
        <v>13.033860367020022</v>
      </c>
      <c r="J3552" s="40">
        <v>59.049978619047998</v>
      </c>
      <c r="K3552" s="40">
        <v>11.761926183950671</v>
      </c>
      <c r="L3552" s="40"/>
      <c r="M3552" s="40"/>
      <c r="N3552" s="40"/>
      <c r="X3552">
        <v>-100</v>
      </c>
      <c r="Y3552">
        <v>41.766666999999998</v>
      </c>
      <c r="Z3552">
        <v>120.066667</v>
      </c>
      <c r="AA3552">
        <v>8.2203370000000007</v>
      </c>
      <c r="AB3552">
        <v>-0.43333946212466912</v>
      </c>
    </row>
    <row r="3553" spans="4:28" x14ac:dyDescent="0.25">
      <c r="D3553" s="40">
        <v>59.080971000002613</v>
      </c>
      <c r="E3553" s="40">
        <v>18.943095927841131</v>
      </c>
      <c r="F3553" s="40">
        <v>59.066666999999995</v>
      </c>
      <c r="G3553" s="40">
        <v>16.771745906049553</v>
      </c>
      <c r="H3553" s="40">
        <v>59.066666999999995</v>
      </c>
      <c r="I3553" s="40">
        <v>13.037213103163278</v>
      </c>
      <c r="J3553" s="40">
        <v>59.066645279762298</v>
      </c>
      <c r="K3553" s="40">
        <v>11.761926183950671</v>
      </c>
      <c r="L3553" s="40"/>
      <c r="M3553" s="40"/>
      <c r="N3553" s="40"/>
      <c r="X3553">
        <v>-100</v>
      </c>
      <c r="Y3553">
        <v>41.783332999999999</v>
      </c>
      <c r="Z3553">
        <v>120.083333</v>
      </c>
      <c r="AA3553">
        <v>8.2203370000000007</v>
      </c>
      <c r="AB3553">
        <v>-0.43333946212466912</v>
      </c>
    </row>
    <row r="3554" spans="4:28" x14ac:dyDescent="0.25">
      <c r="D3554" s="40">
        <v>59.097637000002614</v>
      </c>
      <c r="E3554" s="40">
        <v>18.943095927841131</v>
      </c>
      <c r="F3554" s="40">
        <v>59.083332999999982</v>
      </c>
      <c r="G3554" s="40">
        <v>16.776361290019452</v>
      </c>
      <c r="H3554" s="40">
        <v>59.083334000000008</v>
      </c>
      <c r="I3554" s="40">
        <v>13.040467229420042</v>
      </c>
      <c r="J3554" s="40">
        <v>59.083311940476598</v>
      </c>
      <c r="K3554" s="40">
        <v>11.766634549903731</v>
      </c>
      <c r="L3554" s="40"/>
      <c r="M3554" s="40"/>
      <c r="N3554" s="40"/>
      <c r="X3554">
        <v>-100</v>
      </c>
      <c r="Y3554">
        <v>41.8</v>
      </c>
      <c r="Z3554">
        <v>120.1</v>
      </c>
      <c r="AA3554">
        <v>8.2203370000000007</v>
      </c>
      <c r="AB3554">
        <v>-0.43333946212466912</v>
      </c>
    </row>
    <row r="3555" spans="4:28" x14ac:dyDescent="0.25">
      <c r="D3555" s="40">
        <v>59.114303000002614</v>
      </c>
      <c r="E3555" s="40">
        <v>18.943095927841131</v>
      </c>
      <c r="F3555" s="40">
        <v>59.099999999999994</v>
      </c>
      <c r="G3555" s="40">
        <v>16.781116534109671</v>
      </c>
      <c r="H3555" s="40">
        <v>59.099999999999994</v>
      </c>
      <c r="I3555" s="40">
        <v>13.040467229420042</v>
      </c>
      <c r="J3555" s="40">
        <v>59.099978601190898</v>
      </c>
      <c r="K3555" s="40">
        <v>11.766634549903731</v>
      </c>
      <c r="L3555" s="40"/>
      <c r="M3555" s="40"/>
      <c r="N3555" s="40"/>
      <c r="X3555">
        <v>-100</v>
      </c>
      <c r="Y3555">
        <v>41.81666700000001</v>
      </c>
      <c r="Z3555">
        <v>120.11666700000001</v>
      </c>
      <c r="AA3555">
        <v>8.2203029999999995</v>
      </c>
      <c r="AB3555">
        <v>-0.43375127814369691</v>
      </c>
    </row>
    <row r="3556" spans="4:28" x14ac:dyDescent="0.25">
      <c r="D3556" s="40">
        <v>59.130969000002615</v>
      </c>
      <c r="E3556" s="40">
        <v>18.947796660001558</v>
      </c>
      <c r="F3556" s="40">
        <v>59.116667000000007</v>
      </c>
      <c r="G3556" s="40">
        <v>16.781116534109671</v>
      </c>
      <c r="H3556" s="40">
        <v>59.116667000000007</v>
      </c>
      <c r="I3556" s="40">
        <v>13.043819965563475</v>
      </c>
      <c r="J3556" s="40">
        <v>59.116645261905198</v>
      </c>
      <c r="K3556" s="40">
        <v>11.766634549903731</v>
      </c>
      <c r="L3556" s="40"/>
      <c r="M3556" s="40"/>
      <c r="N3556" s="40"/>
      <c r="X3556">
        <v>-100</v>
      </c>
      <c r="Y3556">
        <v>41.833332999999996</v>
      </c>
      <c r="Z3556">
        <v>120.13333299999999</v>
      </c>
      <c r="AA3556">
        <v>8.2203029999999995</v>
      </c>
      <c r="AB3556">
        <v>-0.43375127814369691</v>
      </c>
    </row>
    <row r="3557" spans="4:28" x14ac:dyDescent="0.25">
      <c r="D3557" s="40">
        <v>59.147635000002616</v>
      </c>
      <c r="E3557" s="40">
        <v>18.952639838591107</v>
      </c>
      <c r="F3557" s="40">
        <v>59.133332999999993</v>
      </c>
      <c r="G3557" s="40">
        <v>16.785871778199766</v>
      </c>
      <c r="H3557" s="40">
        <v>59.133334000000019</v>
      </c>
      <c r="I3557" s="40">
        <v>13.047172701706732</v>
      </c>
      <c r="J3557" s="40">
        <v>59.133311922619498</v>
      </c>
      <c r="K3557" s="40">
        <v>11.766634549903731</v>
      </c>
      <c r="L3557" s="40"/>
      <c r="M3557" s="40"/>
      <c r="N3557" s="40"/>
      <c r="X3557">
        <v>-100</v>
      </c>
      <c r="Y3557">
        <v>41.850000000000009</v>
      </c>
      <c r="Z3557">
        <v>120.15</v>
      </c>
      <c r="AA3557">
        <v>8.2203029999999995</v>
      </c>
      <c r="AB3557">
        <v>-0.43375127814369691</v>
      </c>
    </row>
    <row r="3558" spans="4:28" x14ac:dyDescent="0.25">
      <c r="D3558" s="40">
        <v>59.164301000002617</v>
      </c>
      <c r="E3558" s="40">
        <v>18.952639838591107</v>
      </c>
      <c r="F3558" s="40">
        <v>59.150000000000006</v>
      </c>
      <c r="G3558" s="40">
        <v>16.790487162169665</v>
      </c>
      <c r="H3558" s="40">
        <v>59.150000000000006</v>
      </c>
      <c r="I3558" s="40">
        <v>13.047172701706732</v>
      </c>
      <c r="J3558" s="40">
        <v>59.149978583333798</v>
      </c>
      <c r="K3558" s="40">
        <v>11.771485593612963</v>
      </c>
      <c r="L3558" s="40"/>
      <c r="M3558" s="40"/>
      <c r="N3558" s="40"/>
      <c r="X3558">
        <v>-100</v>
      </c>
      <c r="Y3558">
        <v>41.866667000000007</v>
      </c>
      <c r="Z3558">
        <v>120.166667</v>
      </c>
      <c r="AA3558">
        <v>8.2203029999999995</v>
      </c>
      <c r="AB3558">
        <v>-0.43375127814369691</v>
      </c>
    </row>
    <row r="3559" spans="4:28" x14ac:dyDescent="0.25">
      <c r="D3559" s="40">
        <v>59.180967000002617</v>
      </c>
      <c r="E3559" s="40">
        <v>18.957483017180529</v>
      </c>
      <c r="F3559" s="40">
        <v>59.16666699999999</v>
      </c>
      <c r="G3559" s="40">
        <v>16.790487162169665</v>
      </c>
      <c r="H3559" s="40">
        <v>59.166667000000018</v>
      </c>
      <c r="I3559" s="40">
        <v>13.050426827963495</v>
      </c>
      <c r="J3559" s="40">
        <v>59.166645244047999</v>
      </c>
      <c r="K3559" s="40">
        <v>11.771485593612963</v>
      </c>
      <c r="L3559" s="40"/>
      <c r="M3559" s="40"/>
      <c r="N3559" s="40"/>
      <c r="X3559">
        <v>-100</v>
      </c>
      <c r="Y3559">
        <v>41.883333000000007</v>
      </c>
      <c r="Z3559">
        <v>120.183333</v>
      </c>
      <c r="AA3559">
        <v>8.2203029999999995</v>
      </c>
      <c r="AB3559">
        <v>-0.43375127814369691</v>
      </c>
    </row>
    <row r="3560" spans="4:28" x14ac:dyDescent="0.25">
      <c r="D3560" s="40">
        <v>59.197633000002618</v>
      </c>
      <c r="E3560" s="40">
        <v>18.957483017180529</v>
      </c>
      <c r="F3560" s="40">
        <v>59.183333000000005</v>
      </c>
      <c r="G3560" s="40">
        <v>16.795242406259884</v>
      </c>
      <c r="H3560" s="40">
        <v>59.183334000000002</v>
      </c>
      <c r="I3560" s="40">
        <v>13.050426827963495</v>
      </c>
      <c r="J3560" s="40">
        <v>59.183311904762299</v>
      </c>
      <c r="K3560" s="40">
        <v>11.771485593612963</v>
      </c>
      <c r="L3560" s="40"/>
      <c r="M3560" s="40"/>
      <c r="N3560" s="40"/>
      <c r="X3560">
        <v>-100</v>
      </c>
      <c r="Y3560">
        <v>41.900000000000006</v>
      </c>
      <c r="Z3560">
        <v>120.2</v>
      </c>
      <c r="AA3560">
        <v>8.220269</v>
      </c>
      <c r="AB3560">
        <v>-0.43416309416270327</v>
      </c>
    </row>
    <row r="3561" spans="4:28" x14ac:dyDescent="0.25">
      <c r="D3561" s="40">
        <v>59.214299000002619</v>
      </c>
      <c r="E3561" s="40">
        <v>18.962183749340955</v>
      </c>
      <c r="F3561" s="40">
        <v>59.199999999999989</v>
      </c>
      <c r="G3561" s="40">
        <v>16.795242406259884</v>
      </c>
      <c r="H3561" s="40">
        <v>59.200000000000017</v>
      </c>
      <c r="I3561" s="40">
        <v>13.053779564106753</v>
      </c>
      <c r="J3561" s="40">
        <v>59.199978565476599</v>
      </c>
      <c r="K3561" s="40">
        <v>11.771485593612963</v>
      </c>
      <c r="L3561" s="40"/>
      <c r="M3561" s="40"/>
      <c r="N3561" s="40"/>
      <c r="X3561">
        <v>-100</v>
      </c>
      <c r="Y3561">
        <v>41.916667000000004</v>
      </c>
      <c r="Z3561">
        <v>120.216667</v>
      </c>
      <c r="AA3561">
        <v>8.220269</v>
      </c>
      <c r="AB3561">
        <v>-0.43416309416270327</v>
      </c>
    </row>
    <row r="3562" spans="4:28" x14ac:dyDescent="0.25">
      <c r="D3562" s="40">
        <v>59.23096500000262</v>
      </c>
      <c r="E3562" s="40">
        <v>18.962183749340955</v>
      </c>
      <c r="F3562" s="40">
        <v>59.216667000000001</v>
      </c>
      <c r="G3562" s="40">
        <v>16.799997650349979</v>
      </c>
      <c r="H3562" s="40">
        <v>59.216667000000001</v>
      </c>
      <c r="I3562" s="40">
        <v>13.057132300250185</v>
      </c>
      <c r="J3562" s="40">
        <v>59.216645226190899</v>
      </c>
      <c r="K3562" s="40">
        <v>11.771485593612963</v>
      </c>
      <c r="L3562" s="40"/>
      <c r="M3562" s="40"/>
      <c r="N3562" s="40"/>
      <c r="X3562">
        <v>-100</v>
      </c>
      <c r="Y3562">
        <v>41.933333000000005</v>
      </c>
      <c r="Z3562">
        <v>120.233333</v>
      </c>
      <c r="AA3562">
        <v>8.220269</v>
      </c>
      <c r="AB3562">
        <v>-0.43416309416270327</v>
      </c>
    </row>
    <row r="3563" spans="4:28" x14ac:dyDescent="0.25">
      <c r="D3563" s="40">
        <v>59.24763100000262</v>
      </c>
      <c r="E3563" s="40">
        <v>18.967026927930501</v>
      </c>
      <c r="F3563" s="40">
        <v>59.233332999999988</v>
      </c>
      <c r="G3563" s="40">
        <v>16.804613034319878</v>
      </c>
      <c r="H3563" s="40">
        <v>59.233334000000013</v>
      </c>
      <c r="I3563" s="40">
        <v>13.057132300250185</v>
      </c>
      <c r="J3563" s="40">
        <v>59.233311886905199</v>
      </c>
      <c r="K3563" s="40">
        <v>11.776336637322068</v>
      </c>
      <c r="L3563" s="40"/>
      <c r="M3563" s="40"/>
      <c r="N3563" s="40"/>
      <c r="X3563">
        <v>-100</v>
      </c>
      <c r="Y3563">
        <v>41.95</v>
      </c>
      <c r="Z3563">
        <v>120.25</v>
      </c>
      <c r="AA3563">
        <v>8.220269</v>
      </c>
      <c r="AB3563">
        <v>-0.43416309416270327</v>
      </c>
    </row>
    <row r="3564" spans="4:28" x14ac:dyDescent="0.25">
      <c r="D3564" s="40">
        <v>59.264297000002621</v>
      </c>
      <c r="E3564" s="40">
        <v>18.971870106519923</v>
      </c>
      <c r="F3564" s="40">
        <v>59.25</v>
      </c>
      <c r="G3564" s="40">
        <v>16.809368278410098</v>
      </c>
      <c r="H3564" s="40">
        <v>59.25</v>
      </c>
      <c r="I3564" s="40">
        <v>13.060386426506772</v>
      </c>
      <c r="J3564" s="40">
        <v>59.249978547619499</v>
      </c>
      <c r="K3564" s="40">
        <v>11.776336637322068</v>
      </c>
      <c r="L3564" s="40"/>
      <c r="M3564" s="40"/>
      <c r="N3564" s="40"/>
      <c r="X3564">
        <v>-100</v>
      </c>
      <c r="Y3564">
        <v>41.966667000000001</v>
      </c>
      <c r="Z3564">
        <v>120.266667</v>
      </c>
      <c r="AA3564">
        <v>8.220269</v>
      </c>
      <c r="AB3564">
        <v>-0.43416309416270327</v>
      </c>
    </row>
    <row r="3565" spans="4:28" x14ac:dyDescent="0.25">
      <c r="D3565" s="40">
        <v>59.280963000002622</v>
      </c>
      <c r="E3565" s="40">
        <v>18.976570838680349</v>
      </c>
      <c r="F3565" s="40">
        <v>59.266666999999984</v>
      </c>
      <c r="G3565" s="40">
        <v>16.809368278410098</v>
      </c>
      <c r="H3565" s="40">
        <v>59.266667000000012</v>
      </c>
      <c r="I3565" s="40">
        <v>13.063739162650206</v>
      </c>
      <c r="J3565" s="40">
        <v>59.266645208333799</v>
      </c>
      <c r="K3565" s="40">
        <v>11.776336637322068</v>
      </c>
      <c r="L3565" s="40"/>
      <c r="M3565" s="40"/>
      <c r="N3565" s="40"/>
      <c r="X3565">
        <v>-100</v>
      </c>
      <c r="Y3565">
        <v>41.983333000000002</v>
      </c>
      <c r="Z3565">
        <v>120.283333</v>
      </c>
      <c r="AA3565">
        <v>8.2202359999999999</v>
      </c>
      <c r="AB3565">
        <v>-0.43456279794586533</v>
      </c>
    </row>
    <row r="3566" spans="4:28" x14ac:dyDescent="0.25">
      <c r="D3566" s="40">
        <v>59.297629000002622</v>
      </c>
      <c r="E3566" s="40">
        <v>18.981414017269895</v>
      </c>
      <c r="F3566" s="40">
        <v>59.283332999999999</v>
      </c>
      <c r="G3566" s="40">
        <v>16.804613034319878</v>
      </c>
      <c r="H3566" s="40">
        <v>59.283333999999996</v>
      </c>
      <c r="I3566" s="40">
        <v>13.063739162650206</v>
      </c>
      <c r="J3566" s="40">
        <v>59.283311869048099</v>
      </c>
      <c r="K3566" s="40">
        <v>11.776336637322068</v>
      </c>
      <c r="L3566" s="40"/>
      <c r="M3566" s="40"/>
      <c r="N3566" s="40"/>
      <c r="X3566">
        <v>-100</v>
      </c>
      <c r="Y3566">
        <v>42</v>
      </c>
      <c r="Z3566">
        <v>120.3</v>
      </c>
      <c r="AA3566">
        <v>8.2202359999999999</v>
      </c>
      <c r="AB3566">
        <v>-0.43456279794586533</v>
      </c>
    </row>
    <row r="3567" spans="4:28" x14ac:dyDescent="0.25">
      <c r="D3567" s="40">
        <v>59.314295000002623</v>
      </c>
      <c r="E3567" s="40">
        <v>18.981414017269895</v>
      </c>
      <c r="F3567" s="40">
        <v>59.299999999999983</v>
      </c>
      <c r="G3567" s="40">
        <v>16.804613034319878</v>
      </c>
      <c r="H3567" s="40">
        <v>59.300000000000011</v>
      </c>
      <c r="I3567" s="40">
        <v>13.067091898793462</v>
      </c>
      <c r="J3567" s="40">
        <v>59.299978529762299</v>
      </c>
      <c r="K3567" s="40">
        <v>11.776336637322068</v>
      </c>
      <c r="L3567" s="40"/>
      <c r="M3567" s="40"/>
      <c r="N3567" s="40"/>
      <c r="X3567">
        <v>-100</v>
      </c>
      <c r="Y3567">
        <v>42.016666999999998</v>
      </c>
      <c r="Z3567">
        <v>120.316667</v>
      </c>
      <c r="AA3567">
        <v>8.2202359999999999</v>
      </c>
      <c r="AB3567">
        <v>-0.43456279794586533</v>
      </c>
    </row>
    <row r="3568" spans="4:28" x14ac:dyDescent="0.25">
      <c r="D3568" s="40">
        <v>59.330961000002624</v>
      </c>
      <c r="E3568" s="40">
        <v>18.986257195859444</v>
      </c>
      <c r="F3568" s="40">
        <v>59.316666999999995</v>
      </c>
      <c r="G3568" s="40">
        <v>16.809368278410098</v>
      </c>
      <c r="H3568" s="40">
        <v>59.316666999999995</v>
      </c>
      <c r="I3568" s="40">
        <v>13.067091898793462</v>
      </c>
      <c r="J3568" s="40">
        <v>59.316645190476599</v>
      </c>
      <c r="K3568" s="40">
        <v>11.776336637322068</v>
      </c>
      <c r="L3568" s="40"/>
      <c r="M3568" s="40"/>
      <c r="N3568" s="40"/>
      <c r="X3568">
        <v>-100</v>
      </c>
      <c r="Y3568">
        <v>42.033332999999999</v>
      </c>
      <c r="Z3568">
        <v>120.333333</v>
      </c>
      <c r="AA3568">
        <v>8.2202359999999999</v>
      </c>
      <c r="AB3568">
        <v>-0.43456279794586533</v>
      </c>
    </row>
    <row r="3569" spans="4:28" x14ac:dyDescent="0.25">
      <c r="D3569" s="40">
        <v>59.347627000002625</v>
      </c>
      <c r="E3569" s="40">
        <v>18.990957928019743</v>
      </c>
      <c r="F3569" s="40">
        <v>59.333332999999982</v>
      </c>
      <c r="G3569" s="40">
        <v>16.809368278410098</v>
      </c>
      <c r="H3569" s="40">
        <v>59.333334000000008</v>
      </c>
      <c r="I3569" s="40">
        <v>13.070346025050224</v>
      </c>
      <c r="J3569" s="40">
        <v>59.333311851190899</v>
      </c>
      <c r="K3569" s="40">
        <v>11.776336637322068</v>
      </c>
      <c r="L3569" s="40"/>
      <c r="M3569" s="40"/>
      <c r="N3569" s="40"/>
      <c r="X3569">
        <v>-100</v>
      </c>
      <c r="Y3569">
        <v>42.05</v>
      </c>
      <c r="Z3569">
        <v>120.35</v>
      </c>
      <c r="AA3569">
        <v>8.2202359999999999</v>
      </c>
      <c r="AB3569">
        <v>-0.43456279794586533</v>
      </c>
    </row>
    <row r="3570" spans="4:28" x14ac:dyDescent="0.25">
      <c r="D3570" s="40">
        <v>59.364293000002625</v>
      </c>
      <c r="E3570" s="40">
        <v>18.995801106609292</v>
      </c>
      <c r="F3570" s="40">
        <v>59.349999999999994</v>
      </c>
      <c r="G3570" s="40">
        <v>16.814123522500321</v>
      </c>
      <c r="H3570" s="40">
        <v>59.349999999999994</v>
      </c>
      <c r="I3570" s="40">
        <v>13.070346025050224</v>
      </c>
      <c r="J3570" s="40">
        <v>59.349978511905199</v>
      </c>
      <c r="K3570" s="40">
        <v>11.776336637322068</v>
      </c>
      <c r="L3570" s="40"/>
      <c r="M3570" s="40"/>
      <c r="N3570" s="40"/>
      <c r="X3570">
        <v>-100</v>
      </c>
      <c r="Y3570">
        <v>42.06666700000001</v>
      </c>
      <c r="Z3570">
        <v>120.36666700000001</v>
      </c>
      <c r="AA3570">
        <v>8.2202359999999999</v>
      </c>
      <c r="AB3570">
        <v>-0.43456279794586533</v>
      </c>
    </row>
    <row r="3571" spans="4:28" x14ac:dyDescent="0.25">
      <c r="D3571" s="40">
        <v>59.380959000002626</v>
      </c>
      <c r="E3571" s="40">
        <v>19.000644285198842</v>
      </c>
      <c r="F3571" s="40">
        <v>59.366667000000007</v>
      </c>
      <c r="G3571" s="40">
        <v>16.814123522500321</v>
      </c>
      <c r="H3571" s="40">
        <v>59.366667000000007</v>
      </c>
      <c r="I3571" s="40">
        <v>13.073698761193482</v>
      </c>
      <c r="J3571" s="40">
        <v>59.366645172619499</v>
      </c>
      <c r="K3571" s="40">
        <v>11.776336637322068</v>
      </c>
      <c r="L3571" s="40"/>
      <c r="M3571" s="40"/>
      <c r="N3571" s="40"/>
      <c r="X3571">
        <v>-100</v>
      </c>
      <c r="Y3571">
        <v>42.083332999999996</v>
      </c>
      <c r="Z3571">
        <v>120.38333299999999</v>
      </c>
      <c r="AA3571">
        <v>8.2202020000000005</v>
      </c>
      <c r="AB3571">
        <v>-0.43497461396487158</v>
      </c>
    </row>
    <row r="3572" spans="4:28" x14ac:dyDescent="0.25">
      <c r="D3572" s="40">
        <v>59.397625000002627</v>
      </c>
      <c r="E3572" s="40">
        <v>19.00534501735914</v>
      </c>
      <c r="F3572" s="40">
        <v>59.383332999999993</v>
      </c>
      <c r="G3572" s="40">
        <v>16.818878766590416</v>
      </c>
      <c r="H3572" s="40">
        <v>59.383334000000019</v>
      </c>
      <c r="I3572" s="40">
        <v>13.077051497336914</v>
      </c>
      <c r="J3572" s="40">
        <v>59.383311833333799</v>
      </c>
      <c r="K3572" s="40">
        <v>11.776336637322068</v>
      </c>
      <c r="L3572" s="40"/>
      <c r="M3572" s="40"/>
      <c r="N3572" s="40"/>
      <c r="X3572">
        <v>-100</v>
      </c>
      <c r="Y3572">
        <v>42.100000000000009</v>
      </c>
      <c r="Z3572">
        <v>120.4</v>
      </c>
      <c r="AA3572">
        <v>8.2202020000000005</v>
      </c>
      <c r="AB3572">
        <v>-0.43497461396487158</v>
      </c>
    </row>
    <row r="3573" spans="4:28" x14ac:dyDescent="0.25">
      <c r="D3573" s="40">
        <v>59.414291000002628</v>
      </c>
      <c r="E3573" s="40">
        <v>19.01018819594869</v>
      </c>
      <c r="F3573" s="40">
        <v>59.400000000000006</v>
      </c>
      <c r="G3573" s="40">
        <v>16.823494150560315</v>
      </c>
      <c r="H3573" s="40">
        <v>59.400000000000006</v>
      </c>
      <c r="I3573" s="40">
        <v>13.080305623593677</v>
      </c>
      <c r="J3573" s="40">
        <v>59.399978494048099</v>
      </c>
      <c r="K3573" s="40">
        <v>11.776336637322068</v>
      </c>
      <c r="L3573" s="40"/>
      <c r="M3573" s="40"/>
      <c r="N3573" s="40"/>
      <c r="X3573">
        <v>-100</v>
      </c>
      <c r="Y3573">
        <v>42.116667000000007</v>
      </c>
      <c r="Z3573">
        <v>120.416667</v>
      </c>
      <c r="AA3573">
        <v>8.2202020000000005</v>
      </c>
      <c r="AB3573">
        <v>-0.43497461396487158</v>
      </c>
    </row>
    <row r="3574" spans="4:28" x14ac:dyDescent="0.25">
      <c r="D3574" s="40">
        <v>59.430957000002628</v>
      </c>
      <c r="E3574" s="40">
        <v>19.015031374538236</v>
      </c>
      <c r="F3574" s="40">
        <v>59.41666699999999</v>
      </c>
      <c r="G3574" s="40">
        <v>16.823494150560315</v>
      </c>
      <c r="H3574" s="40">
        <v>59.416667000000018</v>
      </c>
      <c r="I3574" s="40">
        <v>13.080305623593677</v>
      </c>
      <c r="J3574" s="40">
        <v>59.4166451547623</v>
      </c>
      <c r="K3574" s="40">
        <v>11.781045003275128</v>
      </c>
      <c r="L3574" s="40"/>
      <c r="M3574" s="40"/>
      <c r="N3574" s="40"/>
      <c r="X3574">
        <v>-100</v>
      </c>
      <c r="Y3574">
        <v>42.133333000000007</v>
      </c>
      <c r="Z3574">
        <v>120.433333</v>
      </c>
      <c r="AA3574">
        <v>8.2202020000000005</v>
      </c>
      <c r="AB3574">
        <v>-0.43497461396487158</v>
      </c>
    </row>
    <row r="3575" spans="4:28" x14ac:dyDescent="0.25">
      <c r="D3575" s="40">
        <v>59.447623000002629</v>
      </c>
      <c r="E3575" s="40">
        <v>19.019732106698662</v>
      </c>
      <c r="F3575" s="40">
        <v>59.433333000000005</v>
      </c>
      <c r="G3575" s="40">
        <v>16.828249394650534</v>
      </c>
      <c r="H3575" s="40">
        <v>59.433334000000002</v>
      </c>
      <c r="I3575" s="40">
        <v>13.083658359736935</v>
      </c>
      <c r="J3575" s="40">
        <v>59.4333118154766</v>
      </c>
      <c r="K3575" s="40">
        <v>11.781045003275128</v>
      </c>
      <c r="L3575" s="40"/>
      <c r="M3575" s="40"/>
      <c r="N3575" s="40"/>
      <c r="X3575">
        <v>-100</v>
      </c>
      <c r="Y3575">
        <v>42.150000000000006</v>
      </c>
      <c r="Z3575">
        <v>120.45</v>
      </c>
      <c r="AA3575">
        <v>8.2201679999999993</v>
      </c>
      <c r="AB3575">
        <v>-0.43538642998389948</v>
      </c>
    </row>
    <row r="3576" spans="4:28" x14ac:dyDescent="0.25">
      <c r="D3576" s="40">
        <v>59.46428900000263</v>
      </c>
      <c r="E3576" s="40">
        <v>19.024575285288083</v>
      </c>
      <c r="F3576" s="40">
        <v>59.449999999999989</v>
      </c>
      <c r="G3576" s="40">
        <v>16.833004638740629</v>
      </c>
      <c r="H3576" s="40">
        <v>59.450000000000017</v>
      </c>
      <c r="I3576" s="40">
        <v>13.083658359736935</v>
      </c>
      <c r="J3576" s="40">
        <v>59.4499784761909</v>
      </c>
      <c r="K3576" s="40">
        <v>11.776336637322068</v>
      </c>
      <c r="L3576" s="40"/>
      <c r="M3576" s="40"/>
      <c r="N3576" s="40"/>
      <c r="X3576">
        <v>-100</v>
      </c>
      <c r="Y3576">
        <v>42.166667000000004</v>
      </c>
      <c r="Z3576">
        <v>120.466667</v>
      </c>
      <c r="AA3576">
        <v>8.2201679999999993</v>
      </c>
      <c r="AB3576">
        <v>-0.43538642998389948</v>
      </c>
    </row>
    <row r="3577" spans="4:28" x14ac:dyDescent="0.25">
      <c r="D3577" s="40">
        <v>59.480955000002631</v>
      </c>
      <c r="E3577" s="40">
        <v>19.024575285288083</v>
      </c>
      <c r="F3577" s="40">
        <v>59.466667000000001</v>
      </c>
      <c r="G3577" s="40">
        <v>16.833004638740629</v>
      </c>
      <c r="H3577" s="40">
        <v>59.466667000000001</v>
      </c>
      <c r="I3577" s="40">
        <v>13.087011095880191</v>
      </c>
      <c r="J3577" s="40">
        <v>59.4666451369052</v>
      </c>
      <c r="K3577" s="40">
        <v>11.776336637322068</v>
      </c>
      <c r="L3577" s="40"/>
      <c r="M3577" s="40"/>
      <c r="N3577" s="40"/>
      <c r="X3577">
        <v>-100</v>
      </c>
      <c r="Y3577">
        <v>42.183333000000005</v>
      </c>
      <c r="Z3577">
        <v>120.483333</v>
      </c>
      <c r="AA3577">
        <v>8.2201679999999993</v>
      </c>
      <c r="AB3577">
        <v>-0.43538642998389948</v>
      </c>
    </row>
    <row r="3578" spans="4:28" x14ac:dyDescent="0.25">
      <c r="D3578" s="40">
        <v>59.497621000002631</v>
      </c>
      <c r="E3578" s="40">
        <v>19.029418463877633</v>
      </c>
      <c r="F3578" s="40">
        <v>59.483332999999988</v>
      </c>
      <c r="G3578" s="40">
        <v>16.837620022710528</v>
      </c>
      <c r="H3578" s="40">
        <v>59.483334000000013</v>
      </c>
      <c r="I3578" s="40">
        <v>13.090265222136955</v>
      </c>
      <c r="J3578" s="40">
        <v>59.4833117976195</v>
      </c>
      <c r="K3578" s="40">
        <v>11.776336637322068</v>
      </c>
      <c r="L3578" s="40"/>
      <c r="M3578" s="40"/>
      <c r="N3578" s="40"/>
      <c r="X3578">
        <v>-100</v>
      </c>
      <c r="Y3578">
        <v>42.2</v>
      </c>
      <c r="Z3578">
        <v>120.5</v>
      </c>
      <c r="AA3578">
        <v>8.2201679999999993</v>
      </c>
      <c r="AB3578">
        <v>-0.43538642998389948</v>
      </c>
    </row>
    <row r="3579" spans="4:28" x14ac:dyDescent="0.25">
      <c r="D3579" s="40">
        <v>59.514287000002632</v>
      </c>
      <c r="E3579" s="40">
        <v>19.029418463877633</v>
      </c>
      <c r="F3579" s="40">
        <v>59.5</v>
      </c>
      <c r="G3579" s="40">
        <v>16.837620022710528</v>
      </c>
      <c r="H3579" s="40">
        <v>59.5</v>
      </c>
      <c r="I3579" s="40">
        <v>13.093617958280213</v>
      </c>
      <c r="J3579" s="40">
        <v>59.4999784583338</v>
      </c>
      <c r="K3579" s="40">
        <v>11.776336637322068</v>
      </c>
      <c r="L3579" s="40"/>
      <c r="M3579" s="40"/>
      <c r="N3579" s="40"/>
      <c r="X3579">
        <v>-100</v>
      </c>
      <c r="Y3579">
        <v>42.216667000000001</v>
      </c>
      <c r="Z3579">
        <v>120.516667</v>
      </c>
      <c r="AA3579">
        <v>8.2202020000000005</v>
      </c>
      <c r="AB3579">
        <v>-0.43497461396487158</v>
      </c>
    </row>
    <row r="3580" spans="4:28" x14ac:dyDescent="0.25">
      <c r="D3580" s="40">
        <v>59.530953000002633</v>
      </c>
      <c r="E3580" s="40">
        <v>19.029418463877633</v>
      </c>
      <c r="F3580" s="40">
        <v>59.516666999999984</v>
      </c>
      <c r="G3580" s="40">
        <v>16.842375266800747</v>
      </c>
      <c r="H3580" s="40">
        <v>59.516667000000012</v>
      </c>
      <c r="I3580" s="40">
        <v>13.093617958280213</v>
      </c>
      <c r="J3580" s="40">
        <v>59.5166451190481</v>
      </c>
      <c r="K3580" s="40">
        <v>11.781045003275128</v>
      </c>
      <c r="L3580" s="40"/>
      <c r="M3580" s="40"/>
      <c r="N3580" s="40"/>
      <c r="X3580">
        <v>-100</v>
      </c>
      <c r="Y3580">
        <v>42.233333000000002</v>
      </c>
      <c r="Z3580">
        <v>120.533333</v>
      </c>
      <c r="AA3580">
        <v>8.2202020000000005</v>
      </c>
      <c r="AB3580">
        <v>-0.43497461396487158</v>
      </c>
    </row>
    <row r="3581" spans="4:28" x14ac:dyDescent="0.25">
      <c r="D3581" s="40">
        <v>59.547619000002634</v>
      </c>
      <c r="E3581" s="40">
        <v>19.029418463877633</v>
      </c>
      <c r="F3581" s="40">
        <v>59.533332999999999</v>
      </c>
      <c r="G3581" s="40">
        <v>16.842375266800747</v>
      </c>
      <c r="H3581" s="40">
        <v>59.533333999999996</v>
      </c>
      <c r="I3581" s="40">
        <v>13.096970694423645</v>
      </c>
      <c r="J3581" s="40">
        <v>59.5333117797623</v>
      </c>
      <c r="K3581" s="40">
        <v>11.781045003275128</v>
      </c>
      <c r="L3581" s="40"/>
      <c r="M3581" s="40"/>
      <c r="N3581" s="40"/>
      <c r="X3581">
        <v>-100</v>
      </c>
      <c r="Y3581">
        <v>42.25</v>
      </c>
      <c r="Z3581">
        <v>120.55</v>
      </c>
      <c r="AA3581">
        <v>8.2202020000000005</v>
      </c>
      <c r="AB3581">
        <v>-0.43497461396487158</v>
      </c>
    </row>
    <row r="3582" spans="4:28" x14ac:dyDescent="0.25">
      <c r="D3582" s="40">
        <v>59.564285000002634</v>
      </c>
      <c r="E3582" s="40">
        <v>19.024575285288083</v>
      </c>
      <c r="F3582" s="40">
        <v>59.549999999999983</v>
      </c>
      <c r="G3582" s="40">
        <v>16.847130510890846</v>
      </c>
      <c r="H3582" s="40">
        <v>59.550000000000011</v>
      </c>
      <c r="I3582" s="40">
        <v>13.100224820680408</v>
      </c>
      <c r="J3582" s="40">
        <v>59.5499784404766</v>
      </c>
      <c r="K3582" s="40">
        <v>11.781045003275128</v>
      </c>
      <c r="L3582" s="40"/>
      <c r="M3582" s="40"/>
      <c r="N3582" s="40"/>
      <c r="X3582">
        <v>-100</v>
      </c>
      <c r="Y3582">
        <v>42.266666999999998</v>
      </c>
      <c r="Z3582">
        <v>120.566667</v>
      </c>
      <c r="AA3582">
        <v>8.2202020000000005</v>
      </c>
      <c r="AB3582">
        <v>-0.43497461396487158</v>
      </c>
    </row>
    <row r="3583" spans="4:28" x14ac:dyDescent="0.25">
      <c r="D3583" s="40">
        <v>59.580951000002635</v>
      </c>
      <c r="E3583" s="40">
        <v>19.024575285288083</v>
      </c>
      <c r="F3583" s="40">
        <v>59.566666999999995</v>
      </c>
      <c r="G3583" s="40">
        <v>16.847130510890846</v>
      </c>
      <c r="H3583" s="40">
        <v>59.566666999999995</v>
      </c>
      <c r="I3583" s="40">
        <v>13.100224820680408</v>
      </c>
      <c r="J3583" s="40">
        <v>59.5666451011909</v>
      </c>
      <c r="K3583" s="40">
        <v>11.781045003275128</v>
      </c>
      <c r="L3583" s="40"/>
      <c r="M3583" s="40"/>
      <c r="N3583" s="40"/>
      <c r="X3583">
        <v>-100</v>
      </c>
      <c r="Y3583">
        <v>42.283332999999999</v>
      </c>
      <c r="Z3583">
        <v>120.583333</v>
      </c>
      <c r="AA3583">
        <v>8.2202020000000005</v>
      </c>
      <c r="AB3583">
        <v>-0.43497461396487158</v>
      </c>
    </row>
    <row r="3584" spans="4:28" x14ac:dyDescent="0.25">
      <c r="D3584" s="40">
        <v>59.597617000002636</v>
      </c>
      <c r="E3584" s="40">
        <v>19.024575285288083</v>
      </c>
      <c r="F3584" s="40">
        <v>59.583332999999982</v>
      </c>
      <c r="G3584" s="40">
        <v>16.851745894860741</v>
      </c>
      <c r="H3584" s="40">
        <v>59.583334000000008</v>
      </c>
      <c r="I3584" s="40">
        <v>13.103577556823666</v>
      </c>
      <c r="J3584" s="40">
        <v>59.5833117619052</v>
      </c>
      <c r="K3584" s="40">
        <v>11.785896046984361</v>
      </c>
      <c r="L3584" s="40"/>
      <c r="M3584" s="40"/>
      <c r="N3584" s="40"/>
      <c r="X3584">
        <v>-100</v>
      </c>
      <c r="Y3584">
        <v>42.3</v>
      </c>
      <c r="Z3584">
        <v>120.6</v>
      </c>
      <c r="AA3584">
        <v>8.2201679999999993</v>
      </c>
      <c r="AB3584">
        <v>-0.43538642998389948</v>
      </c>
    </row>
    <row r="3585" spans="4:28" x14ac:dyDescent="0.25">
      <c r="D3585" s="40">
        <v>59.614283000002636</v>
      </c>
      <c r="E3585" s="40">
        <v>19.029418463877633</v>
      </c>
      <c r="F3585" s="40">
        <v>59.599999999999994</v>
      </c>
      <c r="G3585" s="40">
        <v>16.851745894860741</v>
      </c>
      <c r="H3585" s="40">
        <v>59.599999999999994</v>
      </c>
      <c r="I3585" s="40">
        <v>13.106930292966922</v>
      </c>
      <c r="J3585" s="40">
        <v>59.5999784226195</v>
      </c>
      <c r="K3585" s="40">
        <v>11.785896046984361</v>
      </c>
      <c r="L3585" s="40"/>
      <c r="M3585" s="40"/>
      <c r="N3585" s="40"/>
      <c r="X3585">
        <v>-100</v>
      </c>
      <c r="Y3585">
        <v>42.31666700000001</v>
      </c>
      <c r="Z3585">
        <v>120.61666700000001</v>
      </c>
      <c r="AA3585">
        <v>8.2201679999999993</v>
      </c>
      <c r="AB3585">
        <v>-0.43538642998389948</v>
      </c>
    </row>
    <row r="3586" spans="4:28" x14ac:dyDescent="0.25">
      <c r="D3586" s="40">
        <v>59.630949000002637</v>
      </c>
      <c r="E3586" s="40">
        <v>19.029418463877633</v>
      </c>
      <c r="F3586" s="40">
        <v>59.616667000000007</v>
      </c>
      <c r="G3586" s="40">
        <v>16.856501138950964</v>
      </c>
      <c r="H3586" s="40">
        <v>59.616667000000007</v>
      </c>
      <c r="I3586" s="40">
        <v>13.106930292966922</v>
      </c>
      <c r="J3586" s="40">
        <v>59.6166450833338</v>
      </c>
      <c r="K3586" s="40">
        <v>11.785896046984361</v>
      </c>
      <c r="L3586" s="40"/>
      <c r="M3586" s="40"/>
      <c r="N3586" s="40"/>
      <c r="X3586">
        <v>-100</v>
      </c>
      <c r="Y3586">
        <v>42.333332999999996</v>
      </c>
      <c r="Z3586">
        <v>120.63333299999999</v>
      </c>
      <c r="AA3586">
        <v>8.2201679999999993</v>
      </c>
      <c r="AB3586">
        <v>-0.43538642998389948</v>
      </c>
    </row>
    <row r="3587" spans="4:28" x14ac:dyDescent="0.25">
      <c r="D3587" s="40">
        <v>59.647615000002638</v>
      </c>
      <c r="E3587" s="40">
        <v>19.029418463877633</v>
      </c>
      <c r="F3587" s="40">
        <v>59.633332999999993</v>
      </c>
      <c r="G3587" s="40">
        <v>16.856501138950964</v>
      </c>
      <c r="H3587" s="40">
        <v>59.633334000000019</v>
      </c>
      <c r="I3587" s="40">
        <v>13.110184419223684</v>
      </c>
      <c r="J3587" s="40">
        <v>59.6333117440481</v>
      </c>
      <c r="K3587" s="40">
        <v>11.785896046984361</v>
      </c>
      <c r="L3587" s="40"/>
      <c r="M3587" s="40"/>
      <c r="N3587" s="40"/>
      <c r="X3587">
        <v>-100</v>
      </c>
      <c r="Y3587">
        <v>42.350000000000009</v>
      </c>
      <c r="Z3587">
        <v>120.65</v>
      </c>
      <c r="AA3587">
        <v>8.2201679999999993</v>
      </c>
      <c r="AB3587">
        <v>-0.43538642998389948</v>
      </c>
    </row>
    <row r="3588" spans="4:28" x14ac:dyDescent="0.25">
      <c r="D3588" s="40">
        <v>59.664281000002639</v>
      </c>
      <c r="E3588" s="40">
        <v>19.029418463877633</v>
      </c>
      <c r="F3588" s="40">
        <v>59.650000000000006</v>
      </c>
      <c r="G3588" s="40">
        <v>16.861256383041184</v>
      </c>
      <c r="H3588" s="40">
        <v>59.650000000000006</v>
      </c>
      <c r="I3588" s="40">
        <v>13.113537155367116</v>
      </c>
      <c r="J3588" s="40">
        <v>59.649978404762301</v>
      </c>
      <c r="K3588" s="40">
        <v>11.785896046984361</v>
      </c>
      <c r="L3588" s="40"/>
      <c r="M3588" s="40"/>
      <c r="N3588" s="40"/>
      <c r="X3588">
        <v>-100</v>
      </c>
      <c r="Y3588">
        <v>42.366667000000007</v>
      </c>
      <c r="Z3588">
        <v>120.666667</v>
      </c>
      <c r="AA3588">
        <v>8.2201679999999993</v>
      </c>
      <c r="AB3588">
        <v>-0.43538642998389948</v>
      </c>
    </row>
    <row r="3589" spans="4:28" x14ac:dyDescent="0.25">
      <c r="D3589" s="40">
        <v>59.680947000002639</v>
      </c>
      <c r="E3589" s="40">
        <v>19.029418463877633</v>
      </c>
      <c r="F3589" s="40">
        <v>59.66666699999999</v>
      </c>
      <c r="G3589" s="40">
        <v>16.861256383041184</v>
      </c>
      <c r="H3589" s="40">
        <v>59.666667000000018</v>
      </c>
      <c r="I3589" s="40">
        <v>13.116889891510374</v>
      </c>
      <c r="J3589" s="40">
        <v>59.666645065476601</v>
      </c>
      <c r="K3589" s="40">
        <v>11.785896046984361</v>
      </c>
      <c r="L3589" s="40"/>
      <c r="M3589" s="40"/>
      <c r="N3589" s="40"/>
      <c r="X3589">
        <v>-100</v>
      </c>
      <c r="Y3589">
        <v>42.383333000000007</v>
      </c>
      <c r="Z3589">
        <v>120.683333</v>
      </c>
      <c r="AA3589">
        <v>8.2201679999999993</v>
      </c>
      <c r="AB3589">
        <v>-0.43538642998389948</v>
      </c>
    </row>
    <row r="3590" spans="4:28" x14ac:dyDescent="0.25">
      <c r="D3590" s="40">
        <v>59.69761300000264</v>
      </c>
      <c r="E3590" s="40">
        <v>19.029418463877633</v>
      </c>
      <c r="F3590" s="40">
        <v>59.683333000000005</v>
      </c>
      <c r="G3590" s="40">
        <v>16.865871767010958</v>
      </c>
      <c r="H3590" s="40">
        <v>59.683334000000002</v>
      </c>
      <c r="I3590" s="40">
        <v>13.120144017767137</v>
      </c>
      <c r="J3590" s="40">
        <v>59.683311726190901</v>
      </c>
      <c r="K3590" s="40">
        <v>11.785896046984361</v>
      </c>
      <c r="L3590" s="40"/>
      <c r="M3590" s="40"/>
      <c r="N3590" s="40"/>
      <c r="X3590">
        <v>-100</v>
      </c>
      <c r="Y3590">
        <v>42.400000000000006</v>
      </c>
      <c r="Z3590">
        <v>120.7</v>
      </c>
      <c r="AA3590">
        <v>8.2201350000000009</v>
      </c>
      <c r="AB3590">
        <v>-0.43578613376703995</v>
      </c>
    </row>
    <row r="3591" spans="4:28" x14ac:dyDescent="0.25">
      <c r="D3591" s="40">
        <v>59.714279000002641</v>
      </c>
      <c r="E3591" s="40">
        <v>19.029418463877633</v>
      </c>
      <c r="F3591" s="40">
        <v>59.699999999999989</v>
      </c>
      <c r="G3591" s="40">
        <v>16.865871767010958</v>
      </c>
      <c r="H3591" s="40">
        <v>59.700000000000017</v>
      </c>
      <c r="I3591" s="40">
        <v>13.120144017767137</v>
      </c>
      <c r="J3591" s="40">
        <v>59.699978386905201</v>
      </c>
      <c r="K3591" s="40">
        <v>11.785896046984361</v>
      </c>
      <c r="L3591" s="40"/>
      <c r="M3591" s="40"/>
      <c r="N3591" s="40"/>
      <c r="X3591">
        <v>-100</v>
      </c>
      <c r="Y3591">
        <v>42.416667000000004</v>
      </c>
      <c r="Z3591">
        <v>120.716667</v>
      </c>
      <c r="AA3591">
        <v>8.2201350000000009</v>
      </c>
      <c r="AB3591">
        <v>-0.43578613376703995</v>
      </c>
    </row>
    <row r="3592" spans="4:28" x14ac:dyDescent="0.25">
      <c r="D3592" s="40">
        <v>59.730945000002642</v>
      </c>
      <c r="E3592" s="40">
        <v>19.029418463877633</v>
      </c>
      <c r="F3592" s="40">
        <v>59.716667000000001</v>
      </c>
      <c r="G3592" s="40">
        <v>16.870627011101178</v>
      </c>
      <c r="H3592" s="40">
        <v>59.716667000000001</v>
      </c>
      <c r="I3592" s="40">
        <v>13.123496753910395</v>
      </c>
      <c r="J3592" s="40">
        <v>59.716645047619501</v>
      </c>
      <c r="K3592" s="40">
        <v>11.785896046984361</v>
      </c>
      <c r="L3592" s="40"/>
      <c r="M3592" s="40"/>
      <c r="N3592" s="40"/>
      <c r="X3592">
        <v>-100</v>
      </c>
      <c r="Y3592">
        <v>42.433333000000005</v>
      </c>
      <c r="Z3592">
        <v>120.733333</v>
      </c>
      <c r="AA3592">
        <v>8.2201350000000009</v>
      </c>
      <c r="AB3592">
        <v>-0.43578613376703995</v>
      </c>
    </row>
    <row r="3593" spans="4:28" x14ac:dyDescent="0.25">
      <c r="D3593" s="40">
        <v>59.747611000002642</v>
      </c>
      <c r="E3593" s="40">
        <v>19.024575285288083</v>
      </c>
      <c r="F3593" s="40">
        <v>59.733332999999988</v>
      </c>
      <c r="G3593" s="40">
        <v>16.875382255191397</v>
      </c>
      <c r="H3593" s="40">
        <v>59.733334000000013</v>
      </c>
      <c r="I3593" s="40">
        <v>13.126849490053651</v>
      </c>
      <c r="J3593" s="40">
        <v>59.733311708333801</v>
      </c>
      <c r="K3593" s="40">
        <v>11.785896046984361</v>
      </c>
      <c r="L3593" s="40"/>
      <c r="M3593" s="40"/>
      <c r="N3593" s="40"/>
      <c r="X3593">
        <v>-100</v>
      </c>
      <c r="Y3593">
        <v>42.45</v>
      </c>
      <c r="Z3593">
        <v>120.75</v>
      </c>
      <c r="AA3593">
        <v>8.2201009999999997</v>
      </c>
      <c r="AB3593">
        <v>-0.43619794978606785</v>
      </c>
    </row>
    <row r="3594" spans="4:28" x14ac:dyDescent="0.25">
      <c r="D3594" s="40">
        <v>59.764277000002643</v>
      </c>
      <c r="E3594" s="40">
        <v>19.024575285288083</v>
      </c>
      <c r="F3594" s="40">
        <v>59.75</v>
      </c>
      <c r="G3594" s="40">
        <v>16.875382255191397</v>
      </c>
      <c r="H3594" s="40">
        <v>59.75</v>
      </c>
      <c r="I3594" s="40">
        <v>13.130103616310414</v>
      </c>
      <c r="J3594" s="40">
        <v>59.749978369048101</v>
      </c>
      <c r="K3594" s="40">
        <v>11.790747090693595</v>
      </c>
      <c r="L3594" s="40"/>
      <c r="M3594" s="40"/>
      <c r="N3594" s="40"/>
      <c r="X3594">
        <v>-100</v>
      </c>
      <c r="Y3594">
        <v>42.466667000000001</v>
      </c>
      <c r="Z3594">
        <v>120.766667</v>
      </c>
      <c r="AA3594">
        <v>8.2201009999999997</v>
      </c>
      <c r="AB3594">
        <v>-0.43619794978606785</v>
      </c>
    </row>
    <row r="3595" spans="4:28" x14ac:dyDescent="0.25">
      <c r="D3595" s="40">
        <v>59.780943000002644</v>
      </c>
      <c r="E3595" s="40">
        <v>19.024575285288083</v>
      </c>
      <c r="F3595" s="40">
        <v>59.766666999999984</v>
      </c>
      <c r="G3595" s="40">
        <v>16.879997639161171</v>
      </c>
      <c r="H3595" s="40">
        <v>59.766667000000012</v>
      </c>
      <c r="I3595" s="40">
        <v>13.130103616310414</v>
      </c>
      <c r="J3595" s="40">
        <v>59.766645029762302</v>
      </c>
      <c r="K3595" s="40">
        <v>11.790747090693595</v>
      </c>
      <c r="L3595" s="40"/>
      <c r="M3595" s="40"/>
      <c r="N3595" s="40"/>
      <c r="X3595">
        <v>-100</v>
      </c>
      <c r="Y3595">
        <v>42.483333000000002</v>
      </c>
      <c r="Z3595">
        <v>120.783333</v>
      </c>
      <c r="AA3595">
        <v>8.2201009999999997</v>
      </c>
      <c r="AB3595">
        <v>-0.43619794978606785</v>
      </c>
    </row>
    <row r="3596" spans="4:28" x14ac:dyDescent="0.25">
      <c r="D3596" s="40">
        <v>59.797609000002645</v>
      </c>
      <c r="E3596" s="40">
        <v>19.024575285288083</v>
      </c>
      <c r="F3596" s="40">
        <v>59.783332999999999</v>
      </c>
      <c r="G3596" s="40">
        <v>16.879997639161171</v>
      </c>
      <c r="H3596" s="40">
        <v>59.783333999999996</v>
      </c>
      <c r="I3596" s="40">
        <v>13.133456352453848</v>
      </c>
      <c r="J3596" s="40">
        <v>59.783311690476602</v>
      </c>
      <c r="K3596" s="40">
        <v>11.790747090693595</v>
      </c>
      <c r="L3596" s="40"/>
      <c r="M3596" s="40"/>
      <c r="N3596" s="40"/>
      <c r="X3596">
        <v>-100</v>
      </c>
      <c r="Y3596">
        <v>42.5</v>
      </c>
      <c r="Z3596">
        <v>120.8</v>
      </c>
      <c r="AA3596">
        <v>8.2201009999999997</v>
      </c>
      <c r="AB3596">
        <v>-0.43619794978606785</v>
      </c>
    </row>
    <row r="3597" spans="4:28" x14ac:dyDescent="0.25">
      <c r="D3597" s="40">
        <v>59.814275000002645</v>
      </c>
      <c r="E3597" s="40">
        <v>19.019732106698662</v>
      </c>
      <c r="F3597" s="40">
        <v>59.799999999999983</v>
      </c>
      <c r="G3597" s="40">
        <v>16.884752883251391</v>
      </c>
      <c r="H3597" s="40">
        <v>59.800000000000011</v>
      </c>
      <c r="I3597" s="40">
        <v>13.136809088597104</v>
      </c>
      <c r="J3597" s="40">
        <v>59.799978351190902</v>
      </c>
      <c r="K3597" s="40">
        <v>11.790747090693595</v>
      </c>
      <c r="L3597" s="40"/>
      <c r="M3597" s="40"/>
      <c r="N3597" s="40"/>
      <c r="X3597">
        <v>-100</v>
      </c>
      <c r="Y3597">
        <v>42.516666999999998</v>
      </c>
      <c r="Z3597">
        <v>120.816667</v>
      </c>
      <c r="AA3597">
        <v>8.2200670000000002</v>
      </c>
      <c r="AB3597">
        <v>-0.43660976580507416</v>
      </c>
    </row>
    <row r="3598" spans="4:28" x14ac:dyDescent="0.25">
      <c r="D3598" s="40">
        <v>59.830941000002646</v>
      </c>
      <c r="E3598" s="40">
        <v>19.019732106698662</v>
      </c>
      <c r="F3598" s="40">
        <v>59.816666999999995</v>
      </c>
      <c r="G3598" s="40">
        <v>16.884752883251391</v>
      </c>
      <c r="H3598" s="40">
        <v>59.816666999999995</v>
      </c>
      <c r="I3598" s="40">
        <v>13.136809088597104</v>
      </c>
      <c r="J3598" s="40">
        <v>59.816645011905202</v>
      </c>
      <c r="K3598" s="40">
        <v>11.790747090693595</v>
      </c>
      <c r="L3598" s="40"/>
      <c r="M3598" s="40"/>
      <c r="N3598" s="40"/>
      <c r="X3598">
        <v>-100</v>
      </c>
      <c r="Y3598">
        <v>42.533332999999999</v>
      </c>
      <c r="Z3598">
        <v>120.833333</v>
      </c>
      <c r="AA3598">
        <v>8.2200670000000002</v>
      </c>
      <c r="AB3598">
        <v>-0.43660976580507416</v>
      </c>
    </row>
    <row r="3599" spans="4:28" x14ac:dyDescent="0.25">
      <c r="D3599" s="40">
        <v>59.847607000002647</v>
      </c>
      <c r="E3599" s="40">
        <v>19.019732106698662</v>
      </c>
      <c r="F3599" s="40">
        <v>59.833332999999982</v>
      </c>
      <c r="G3599" s="40">
        <v>16.88950812734161</v>
      </c>
      <c r="H3599" s="40">
        <v>59.833334000000008</v>
      </c>
      <c r="I3599" s="40">
        <v>13.140063214853868</v>
      </c>
      <c r="J3599" s="40">
        <v>59.833311672619502</v>
      </c>
      <c r="K3599" s="40">
        <v>11.790747090693595</v>
      </c>
      <c r="L3599" s="40"/>
      <c r="M3599" s="40"/>
      <c r="N3599" s="40"/>
      <c r="X3599">
        <v>-100</v>
      </c>
      <c r="Y3599">
        <v>42.55</v>
      </c>
      <c r="Z3599">
        <v>120.85</v>
      </c>
      <c r="AA3599">
        <v>8.2200670000000002</v>
      </c>
      <c r="AB3599">
        <v>-0.43660976580507416</v>
      </c>
    </row>
    <row r="3600" spans="4:28" x14ac:dyDescent="0.25">
      <c r="D3600" s="40">
        <v>59.864273000002648</v>
      </c>
      <c r="E3600" s="40">
        <v>19.019732106698662</v>
      </c>
      <c r="F3600" s="40">
        <v>59.849999999999994</v>
      </c>
      <c r="G3600" s="40">
        <v>16.894123511311513</v>
      </c>
      <c r="H3600" s="40">
        <v>59.849999999999994</v>
      </c>
      <c r="I3600" s="40">
        <v>13.143415950997126</v>
      </c>
      <c r="J3600" s="40">
        <v>59.849978333333802</v>
      </c>
      <c r="K3600" s="40">
        <v>11.790747090693595</v>
      </c>
      <c r="L3600" s="40"/>
      <c r="M3600" s="40"/>
      <c r="N3600" s="40"/>
      <c r="X3600">
        <v>-100</v>
      </c>
      <c r="Y3600">
        <v>42.56666700000001</v>
      </c>
      <c r="Z3600">
        <v>120.86666700000001</v>
      </c>
      <c r="AA3600">
        <v>8.2200670000000002</v>
      </c>
      <c r="AB3600">
        <v>-0.43660976580507416</v>
      </c>
    </row>
    <row r="3601" spans="4:28" x14ac:dyDescent="0.25">
      <c r="D3601" s="40">
        <v>59.880939000002648</v>
      </c>
      <c r="E3601" s="40">
        <v>19.024575285288083</v>
      </c>
      <c r="F3601" s="40">
        <v>59.866667000000007</v>
      </c>
      <c r="G3601" s="40">
        <v>16.898878755401608</v>
      </c>
      <c r="H3601" s="40">
        <v>59.866667000000007</v>
      </c>
      <c r="I3601" s="40">
        <v>13.143415950997126</v>
      </c>
      <c r="J3601" s="40">
        <v>59.866644994048102</v>
      </c>
      <c r="K3601" s="40">
        <v>11.790747090693595</v>
      </c>
      <c r="L3601" s="40"/>
      <c r="M3601" s="40"/>
      <c r="N3601" s="40"/>
      <c r="X3601">
        <v>-100</v>
      </c>
      <c r="Y3601">
        <v>42.583332999999996</v>
      </c>
      <c r="Z3601">
        <v>120.88333299999999</v>
      </c>
      <c r="AA3601">
        <v>8.2200670000000002</v>
      </c>
      <c r="AB3601">
        <v>-0.43660976580507416</v>
      </c>
    </row>
    <row r="3602" spans="4:28" x14ac:dyDescent="0.25">
      <c r="D3602" s="40">
        <v>59.897605000002649</v>
      </c>
      <c r="E3602" s="40">
        <v>19.024575285288083</v>
      </c>
      <c r="F3602" s="40">
        <v>59.883332999999993</v>
      </c>
      <c r="G3602" s="40">
        <v>16.898878755401608</v>
      </c>
      <c r="H3602" s="40">
        <v>59.883334000000019</v>
      </c>
      <c r="I3602" s="40">
        <v>13.146768687140558</v>
      </c>
      <c r="J3602" s="40">
        <v>59.883311654762302</v>
      </c>
      <c r="K3602" s="40">
        <v>11.795455456646526</v>
      </c>
      <c r="L3602" s="40"/>
      <c r="M3602" s="40"/>
      <c r="N3602" s="40"/>
      <c r="X3602">
        <v>-100</v>
      </c>
      <c r="Y3602">
        <v>42.600000000000009</v>
      </c>
      <c r="Z3602">
        <v>120.9</v>
      </c>
      <c r="AA3602">
        <v>8.2200340000000001</v>
      </c>
      <c r="AB3602">
        <v>-0.43700946958823617</v>
      </c>
    </row>
    <row r="3603" spans="4:28" x14ac:dyDescent="0.25">
      <c r="D3603" s="40">
        <v>59.91427100000265</v>
      </c>
      <c r="E3603" s="40">
        <v>19.024575285288083</v>
      </c>
      <c r="F3603" s="40">
        <v>59.900000000000006</v>
      </c>
      <c r="G3603" s="40">
        <v>16.903633999491827</v>
      </c>
      <c r="H3603" s="40">
        <v>59.900000000000006</v>
      </c>
      <c r="I3603" s="40">
        <v>13.146768687140558</v>
      </c>
      <c r="J3603" s="40">
        <v>59.899978315476602</v>
      </c>
      <c r="K3603" s="40">
        <v>11.795455456646526</v>
      </c>
      <c r="L3603" s="40"/>
      <c r="M3603" s="40"/>
      <c r="N3603" s="40"/>
      <c r="X3603">
        <v>-100</v>
      </c>
      <c r="Y3603">
        <v>42.616667000000007</v>
      </c>
      <c r="Z3603">
        <v>120.916667</v>
      </c>
      <c r="AA3603">
        <v>8.2200340000000001</v>
      </c>
      <c r="AB3603">
        <v>-0.43700946958823617</v>
      </c>
    </row>
    <row r="3604" spans="4:28" x14ac:dyDescent="0.25">
      <c r="D3604" s="40">
        <v>59.93093700000265</v>
      </c>
      <c r="E3604" s="40">
        <v>19.029418463877633</v>
      </c>
      <c r="F3604" s="40">
        <v>59.91666699999999</v>
      </c>
      <c r="G3604" s="40">
        <v>16.90824938346173</v>
      </c>
      <c r="H3604" s="40">
        <v>59.916667000000018</v>
      </c>
      <c r="I3604" s="40">
        <v>13.150121423283816</v>
      </c>
      <c r="J3604" s="40">
        <v>59.916644976190902</v>
      </c>
      <c r="K3604" s="40">
        <v>11.795455456646526</v>
      </c>
      <c r="L3604" s="40"/>
      <c r="M3604" s="40"/>
      <c r="N3604" s="40"/>
      <c r="X3604">
        <v>-100</v>
      </c>
      <c r="Y3604">
        <v>42.633333000000007</v>
      </c>
      <c r="Z3604">
        <v>120.933333</v>
      </c>
      <c r="AA3604">
        <v>8.2200000000000006</v>
      </c>
      <c r="AB3604">
        <v>-0.43742128560724253</v>
      </c>
    </row>
    <row r="3605" spans="4:28" x14ac:dyDescent="0.25">
      <c r="D3605" s="40">
        <v>59.947603000002651</v>
      </c>
      <c r="E3605" s="40">
        <v>19.034119196038059</v>
      </c>
      <c r="F3605" s="40">
        <v>59.933333000000005</v>
      </c>
      <c r="G3605" s="40">
        <v>16.913004627551821</v>
      </c>
      <c r="H3605" s="40">
        <v>59.933334000000002</v>
      </c>
      <c r="I3605" s="40">
        <v>13.153375549540577</v>
      </c>
      <c r="J3605" s="40">
        <v>59.933311636905202</v>
      </c>
      <c r="K3605" s="40">
        <v>11.795455456646526</v>
      </c>
      <c r="L3605" s="40"/>
      <c r="M3605" s="40"/>
      <c r="N3605" s="40"/>
      <c r="X3605">
        <v>-100</v>
      </c>
      <c r="Y3605">
        <v>42.650000000000006</v>
      </c>
      <c r="Z3605">
        <v>120.95</v>
      </c>
      <c r="AA3605">
        <v>8.2200000000000006</v>
      </c>
      <c r="AB3605">
        <v>-0.43742128560724253</v>
      </c>
    </row>
    <row r="3606" spans="4:28" x14ac:dyDescent="0.25">
      <c r="D3606" s="40">
        <v>59.964269000002652</v>
      </c>
      <c r="E3606" s="40">
        <v>19.038962374627481</v>
      </c>
      <c r="F3606" s="40">
        <v>59.949999999999989</v>
      </c>
      <c r="G3606" s="40">
        <v>16.917759871642041</v>
      </c>
      <c r="H3606" s="40">
        <v>59.950000000000017</v>
      </c>
      <c r="I3606" s="40">
        <v>13.153375549540577</v>
      </c>
      <c r="J3606" s="40">
        <v>59.949978297619502</v>
      </c>
      <c r="K3606" s="40">
        <v>11.795455456646526</v>
      </c>
      <c r="L3606" s="40"/>
      <c r="M3606" s="40"/>
      <c r="N3606" s="40"/>
      <c r="X3606">
        <v>-100</v>
      </c>
      <c r="Y3606">
        <v>42.666667000000004</v>
      </c>
      <c r="Z3606">
        <v>120.966667</v>
      </c>
      <c r="AA3606">
        <v>8.2199659999999994</v>
      </c>
      <c r="AB3606">
        <v>-0.43783310162627037</v>
      </c>
    </row>
    <row r="3607" spans="4:28" x14ac:dyDescent="0.25">
      <c r="D3607" s="40">
        <v>59.980935000002653</v>
      </c>
      <c r="E3607" s="40">
        <v>19.043805553217027</v>
      </c>
      <c r="F3607" s="40">
        <v>59.966667000000001</v>
      </c>
      <c r="G3607" s="40">
        <v>16.922375255611943</v>
      </c>
      <c r="H3607" s="40">
        <v>59.966667000000001</v>
      </c>
      <c r="I3607" s="40">
        <v>13.156728285683833</v>
      </c>
      <c r="J3607" s="40">
        <v>59.966644958333802</v>
      </c>
      <c r="K3607" s="40">
        <v>11.795455456646526</v>
      </c>
      <c r="L3607" s="40"/>
      <c r="M3607" s="40"/>
      <c r="N3607" s="40"/>
      <c r="X3607">
        <v>-100</v>
      </c>
      <c r="Y3607">
        <v>42.683333000000005</v>
      </c>
      <c r="Z3607">
        <v>120.983333</v>
      </c>
      <c r="AA3607">
        <v>8.2199659999999994</v>
      </c>
      <c r="AB3607">
        <v>-0.43783310162627037</v>
      </c>
    </row>
    <row r="3608" spans="4:28" x14ac:dyDescent="0.25">
      <c r="D3608" s="40">
        <v>59.997601000002653</v>
      </c>
      <c r="E3608" s="40">
        <v>19.043805553217027</v>
      </c>
      <c r="F3608" s="40">
        <v>59.983332999999988</v>
      </c>
      <c r="G3608" s="40">
        <v>16.927130499702034</v>
      </c>
      <c r="H3608" s="40">
        <v>59.983334000000013</v>
      </c>
      <c r="I3608" s="40">
        <v>13.160081021827091</v>
      </c>
      <c r="J3608" s="40">
        <v>59.983311619048102</v>
      </c>
      <c r="K3608" s="40">
        <v>11.800306500355758</v>
      </c>
      <c r="L3608" s="40"/>
      <c r="M3608" s="40"/>
      <c r="N3608" s="40"/>
      <c r="X3608">
        <v>-100</v>
      </c>
      <c r="Y3608">
        <v>42.7</v>
      </c>
      <c r="Z3608">
        <v>121</v>
      </c>
      <c r="AA3608">
        <v>8.2199659999999994</v>
      </c>
      <c r="AB3608">
        <v>-0.43783310162627037</v>
      </c>
    </row>
    <row r="3609" spans="4:28" x14ac:dyDescent="0.25">
      <c r="D3609" s="40">
        <v>60.014267000002654</v>
      </c>
      <c r="E3609" s="40">
        <v>19.048506285377453</v>
      </c>
      <c r="F3609" s="40">
        <v>60</v>
      </c>
      <c r="G3609" s="40">
        <v>16.931885743792254</v>
      </c>
      <c r="H3609" s="40">
        <v>60</v>
      </c>
      <c r="I3609" s="40">
        <v>13.160081021827091</v>
      </c>
      <c r="J3609" s="40">
        <v>59.999978279762303</v>
      </c>
      <c r="K3609" s="40">
        <v>11.800306500355758</v>
      </c>
      <c r="L3609" s="40"/>
      <c r="M3609" s="40"/>
      <c r="N3609" s="40"/>
      <c r="X3609">
        <v>-100</v>
      </c>
      <c r="Y3609">
        <v>42.716667000000001</v>
      </c>
      <c r="Z3609">
        <v>121.016667</v>
      </c>
      <c r="AA3609">
        <v>8.2199659999999994</v>
      </c>
      <c r="AB3609">
        <v>-0.43783310162627037</v>
      </c>
    </row>
    <row r="3610" spans="4:28" x14ac:dyDescent="0.25">
      <c r="D3610" s="40">
        <v>60.030933000002655</v>
      </c>
      <c r="E3610" s="40">
        <v>19.053349463966875</v>
      </c>
      <c r="F3610" s="40">
        <v>60.016666999999984</v>
      </c>
      <c r="G3610" s="40">
        <v>16.936501127762156</v>
      </c>
      <c r="H3610" s="40">
        <v>60.016667000000012</v>
      </c>
      <c r="I3610" s="40">
        <v>13.163335148083855</v>
      </c>
      <c r="J3610" s="40">
        <v>60.016644940476603</v>
      </c>
      <c r="K3610" s="40">
        <v>11.800306500355758</v>
      </c>
      <c r="L3610" s="40"/>
      <c r="M3610" s="40"/>
      <c r="N3610" s="40"/>
      <c r="X3610">
        <v>-100</v>
      </c>
      <c r="Y3610">
        <v>42.733333000000002</v>
      </c>
      <c r="Z3610">
        <v>121.033333</v>
      </c>
      <c r="AA3610">
        <v>8.2199329999999993</v>
      </c>
      <c r="AB3610">
        <v>-0.43823280540943244</v>
      </c>
    </row>
    <row r="3611" spans="4:28" x14ac:dyDescent="0.25">
      <c r="D3611" s="40">
        <v>60.047599000002656</v>
      </c>
      <c r="E3611" s="40">
        <v>19.058192642556424</v>
      </c>
      <c r="F3611" s="40">
        <v>60.033332999999999</v>
      </c>
      <c r="G3611" s="40">
        <v>16.941256371852251</v>
      </c>
      <c r="H3611" s="40">
        <v>60.033333999999996</v>
      </c>
      <c r="I3611" s="40">
        <v>13.166687884227287</v>
      </c>
      <c r="J3611" s="40">
        <v>60.033311601190903</v>
      </c>
      <c r="K3611" s="40">
        <v>11.800306500355758</v>
      </c>
      <c r="L3611" s="40"/>
      <c r="M3611" s="40"/>
      <c r="N3611" s="40"/>
      <c r="X3611">
        <v>-100</v>
      </c>
      <c r="Y3611">
        <v>42.75</v>
      </c>
      <c r="Z3611">
        <v>121.05</v>
      </c>
      <c r="AA3611">
        <v>8.2199329999999993</v>
      </c>
      <c r="AB3611">
        <v>-0.43823280540943244</v>
      </c>
    </row>
    <row r="3612" spans="4:28" x14ac:dyDescent="0.25">
      <c r="D3612" s="40">
        <v>60.064265000002656</v>
      </c>
      <c r="E3612" s="40">
        <v>19.06289337471685</v>
      </c>
      <c r="F3612" s="40">
        <v>60.049999999999983</v>
      </c>
      <c r="G3612" s="40">
        <v>16.946011615942471</v>
      </c>
      <c r="H3612" s="40">
        <v>60.050000000000011</v>
      </c>
      <c r="I3612" s="40">
        <v>13.170040620370544</v>
      </c>
      <c r="J3612" s="40">
        <v>60.049978261905203</v>
      </c>
      <c r="K3612" s="40">
        <v>11.800306500355758</v>
      </c>
      <c r="L3612" s="40"/>
      <c r="M3612" s="40"/>
      <c r="N3612" s="40"/>
      <c r="X3612">
        <v>-100</v>
      </c>
      <c r="Y3612">
        <v>42.766666999999998</v>
      </c>
      <c r="Z3612">
        <v>121.066667</v>
      </c>
      <c r="AA3612">
        <v>8.2199329999999993</v>
      </c>
      <c r="AB3612">
        <v>-0.43823280540943244</v>
      </c>
    </row>
    <row r="3613" spans="4:28" x14ac:dyDescent="0.25">
      <c r="D3613" s="40">
        <v>60.080931000002657</v>
      </c>
      <c r="E3613" s="40">
        <v>19.06289337471685</v>
      </c>
      <c r="F3613" s="40">
        <v>60.066666999999995</v>
      </c>
      <c r="G3613" s="40">
        <v>16.950626999912373</v>
      </c>
      <c r="H3613" s="40">
        <v>60.066666999999995</v>
      </c>
      <c r="I3613" s="40">
        <v>13.170040620370544</v>
      </c>
      <c r="J3613" s="40">
        <v>60.066644922619503</v>
      </c>
      <c r="K3613" s="40">
        <v>11.800306500355758</v>
      </c>
      <c r="L3613" s="40"/>
      <c r="M3613" s="40"/>
      <c r="N3613" s="40"/>
      <c r="X3613">
        <v>-100</v>
      </c>
      <c r="Y3613">
        <v>42.783332999999999</v>
      </c>
      <c r="Z3613">
        <v>121.083333</v>
      </c>
      <c r="AA3613">
        <v>8.2199329999999993</v>
      </c>
      <c r="AB3613">
        <v>-0.43823280540943244</v>
      </c>
    </row>
    <row r="3614" spans="4:28" x14ac:dyDescent="0.25">
      <c r="D3614" s="40">
        <v>60.097597000002658</v>
      </c>
      <c r="E3614" s="40">
        <v>19.06289337471685</v>
      </c>
      <c r="F3614" s="40">
        <v>60.083332999999982</v>
      </c>
      <c r="G3614" s="40">
        <v>16.950626999912373</v>
      </c>
      <c r="H3614" s="40">
        <v>60.083334000000008</v>
      </c>
      <c r="I3614" s="40">
        <v>13.173294746627308</v>
      </c>
      <c r="J3614" s="40">
        <v>60.083311583333803</v>
      </c>
      <c r="K3614" s="40">
        <v>11.805157544064992</v>
      </c>
      <c r="L3614" s="40"/>
      <c r="M3614" s="40"/>
      <c r="N3614" s="40"/>
      <c r="X3614">
        <v>-100</v>
      </c>
      <c r="Y3614">
        <v>42.8</v>
      </c>
      <c r="Z3614">
        <v>121.1</v>
      </c>
      <c r="AA3614">
        <v>8.2199329999999993</v>
      </c>
      <c r="AB3614">
        <v>-0.43823280540943244</v>
      </c>
    </row>
    <row r="3615" spans="4:28" x14ac:dyDescent="0.25">
      <c r="D3615" s="40">
        <v>60.114263000002659</v>
      </c>
      <c r="E3615" s="40">
        <v>19.067736553306272</v>
      </c>
      <c r="F3615" s="40">
        <v>60.099999999999994</v>
      </c>
      <c r="G3615" s="40">
        <v>16.955382244002589</v>
      </c>
      <c r="H3615" s="40">
        <v>60.099999999999994</v>
      </c>
      <c r="I3615" s="40">
        <v>13.173294746627308</v>
      </c>
      <c r="J3615" s="40">
        <v>60.099978244048103</v>
      </c>
      <c r="K3615" s="40">
        <v>11.805157544064992</v>
      </c>
      <c r="L3615" s="40"/>
      <c r="M3615" s="40"/>
      <c r="N3615" s="40"/>
      <c r="X3615">
        <v>-100</v>
      </c>
      <c r="Y3615">
        <v>42.81666700000001</v>
      </c>
      <c r="Z3615">
        <v>121.11666700000001</v>
      </c>
      <c r="AA3615">
        <v>8.2199329999999993</v>
      </c>
      <c r="AB3615">
        <v>-0.43823280540943244</v>
      </c>
    </row>
    <row r="3616" spans="4:28" x14ac:dyDescent="0.25">
      <c r="D3616" s="40">
        <v>60.130929000002659</v>
      </c>
      <c r="E3616" s="40">
        <v>19.067736553306272</v>
      </c>
      <c r="F3616" s="40">
        <v>60.116667000000007</v>
      </c>
      <c r="G3616" s="40">
        <v>16.960137488092684</v>
      </c>
      <c r="H3616" s="40">
        <v>60.116667000000007</v>
      </c>
      <c r="I3616" s="40">
        <v>13.176647482770564</v>
      </c>
      <c r="J3616" s="40">
        <v>60.116644904762303</v>
      </c>
      <c r="K3616" s="40">
        <v>11.805157544064992</v>
      </c>
      <c r="L3616" s="40"/>
      <c r="M3616" s="40"/>
      <c r="N3616" s="40"/>
      <c r="X3616">
        <v>-100</v>
      </c>
      <c r="Y3616">
        <v>42.833332999999996</v>
      </c>
      <c r="Z3616">
        <v>121.13333299999999</v>
      </c>
      <c r="AA3616">
        <v>8.2199329999999993</v>
      </c>
      <c r="AB3616">
        <v>-0.43823280540943244</v>
      </c>
    </row>
    <row r="3617" spans="4:28" x14ac:dyDescent="0.25">
      <c r="D3617" s="40">
        <v>60.14759500000266</v>
      </c>
      <c r="E3617" s="40">
        <v>19.072579731895821</v>
      </c>
      <c r="F3617" s="40">
        <v>60.133332999999993</v>
      </c>
      <c r="G3617" s="40">
        <v>16.960137488092684</v>
      </c>
      <c r="H3617" s="40">
        <v>60.133334000000019</v>
      </c>
      <c r="I3617" s="40">
        <v>13.180000218913822</v>
      </c>
      <c r="J3617" s="40">
        <v>60.133311565476603</v>
      </c>
      <c r="K3617" s="40">
        <v>11.805157544064992</v>
      </c>
      <c r="L3617" s="40"/>
      <c r="M3617" s="40"/>
      <c r="N3617" s="40"/>
      <c r="X3617">
        <v>-100</v>
      </c>
      <c r="Y3617">
        <v>42.850000000000009</v>
      </c>
      <c r="Z3617">
        <v>121.15</v>
      </c>
      <c r="AA3617">
        <v>8.2198989999999998</v>
      </c>
      <c r="AB3617">
        <v>-0.43864462142843874</v>
      </c>
    </row>
    <row r="3618" spans="4:28" x14ac:dyDescent="0.25">
      <c r="D3618" s="40">
        <v>60.164261000002661</v>
      </c>
      <c r="E3618" s="40">
        <v>19.077280464056244</v>
      </c>
      <c r="F3618" s="40">
        <v>60.150000000000006</v>
      </c>
      <c r="G3618" s="40">
        <v>16.964752872062586</v>
      </c>
      <c r="H3618" s="40">
        <v>60.150000000000006</v>
      </c>
      <c r="I3618" s="40">
        <v>13.180000218913822</v>
      </c>
      <c r="J3618" s="40">
        <v>60.149978226190903</v>
      </c>
      <c r="K3618" s="40">
        <v>11.805157544064992</v>
      </c>
      <c r="L3618" s="40"/>
      <c r="M3618" s="40"/>
      <c r="N3618" s="40"/>
      <c r="X3618">
        <v>-100</v>
      </c>
      <c r="Y3618">
        <v>42.866667000000007</v>
      </c>
      <c r="Z3618">
        <v>121.166667</v>
      </c>
      <c r="AA3618">
        <v>8.2198989999999998</v>
      </c>
      <c r="AB3618">
        <v>-0.43864462142843874</v>
      </c>
    </row>
    <row r="3619" spans="4:28" x14ac:dyDescent="0.25">
      <c r="D3619" s="40">
        <v>60.180927000002661</v>
      </c>
      <c r="E3619" s="40">
        <v>19.082123642645794</v>
      </c>
      <c r="F3619" s="40">
        <v>60.16666699999999</v>
      </c>
      <c r="G3619" s="40">
        <v>16.964752872062586</v>
      </c>
      <c r="H3619" s="40">
        <v>60.166667000000018</v>
      </c>
      <c r="I3619" s="40">
        <v>13.183254345170585</v>
      </c>
      <c r="J3619" s="40">
        <v>60.166644886905203</v>
      </c>
      <c r="K3619" s="40">
        <v>11.805157544064992</v>
      </c>
      <c r="L3619" s="40"/>
      <c r="M3619" s="40"/>
      <c r="N3619" s="40"/>
      <c r="X3619">
        <v>-100</v>
      </c>
      <c r="Y3619">
        <v>42.883333000000007</v>
      </c>
      <c r="Z3619">
        <v>121.183333</v>
      </c>
      <c r="AA3619">
        <v>8.2198989999999998</v>
      </c>
      <c r="AB3619">
        <v>-0.43864462142843874</v>
      </c>
    </row>
    <row r="3620" spans="4:28" x14ac:dyDescent="0.25">
      <c r="D3620" s="40">
        <v>60.197593000002662</v>
      </c>
      <c r="E3620" s="40">
        <v>19.086966821235215</v>
      </c>
      <c r="F3620" s="40">
        <v>60.183333000000005</v>
      </c>
      <c r="G3620" s="40">
        <v>16.969508116152802</v>
      </c>
      <c r="H3620" s="40">
        <v>60.183334000000002</v>
      </c>
      <c r="I3620" s="40">
        <v>13.186607081314017</v>
      </c>
      <c r="J3620" s="40">
        <v>60.183311547619503</v>
      </c>
      <c r="K3620" s="40">
        <v>11.810008587774098</v>
      </c>
      <c r="L3620" s="40"/>
      <c r="M3620" s="40"/>
      <c r="N3620" s="40"/>
      <c r="X3620">
        <v>-100</v>
      </c>
      <c r="Y3620">
        <v>42.900000000000006</v>
      </c>
      <c r="Z3620">
        <v>121.2</v>
      </c>
      <c r="AA3620">
        <v>8.2198989999999998</v>
      </c>
      <c r="AB3620">
        <v>-0.43864462142843874</v>
      </c>
    </row>
    <row r="3621" spans="4:28" x14ac:dyDescent="0.25">
      <c r="D3621" s="40">
        <v>60.214259000002663</v>
      </c>
      <c r="E3621" s="40">
        <v>19.086966821235215</v>
      </c>
      <c r="F3621" s="40">
        <v>60.199999999999989</v>
      </c>
      <c r="G3621" s="40">
        <v>16.969508116152802</v>
      </c>
      <c r="H3621" s="40">
        <v>60.200000000000017</v>
      </c>
      <c r="I3621" s="40">
        <v>13.186607081314017</v>
      </c>
      <c r="J3621" s="40">
        <v>60.199978208333803</v>
      </c>
      <c r="K3621" s="40">
        <v>11.810008587774098</v>
      </c>
      <c r="L3621" s="40"/>
      <c r="M3621" s="40"/>
      <c r="N3621" s="40"/>
      <c r="X3621">
        <v>-100</v>
      </c>
      <c r="Y3621">
        <v>42.916667000000004</v>
      </c>
      <c r="Z3621">
        <v>121.216667</v>
      </c>
      <c r="AA3621">
        <v>8.2198989999999998</v>
      </c>
      <c r="AB3621">
        <v>-0.43864462142843874</v>
      </c>
    </row>
    <row r="3622" spans="4:28" x14ac:dyDescent="0.25">
      <c r="D3622" s="40">
        <v>60.230925000002664</v>
      </c>
      <c r="E3622" s="40">
        <v>19.091809999824761</v>
      </c>
      <c r="F3622" s="40">
        <v>60.216667000000001</v>
      </c>
      <c r="G3622" s="40">
        <v>16.974263360242897</v>
      </c>
      <c r="H3622" s="40">
        <v>60.216667000000001</v>
      </c>
      <c r="I3622" s="40">
        <v>13.189959817457275</v>
      </c>
      <c r="J3622" s="40">
        <v>60.216644869048103</v>
      </c>
      <c r="K3622" s="40">
        <v>11.810008587774098</v>
      </c>
      <c r="L3622" s="40"/>
      <c r="M3622" s="40"/>
      <c r="N3622" s="40"/>
      <c r="X3622">
        <v>-100</v>
      </c>
      <c r="Y3622">
        <v>42.933333000000005</v>
      </c>
      <c r="Z3622">
        <v>121.233333</v>
      </c>
      <c r="AA3622">
        <v>8.2198989999999998</v>
      </c>
      <c r="AB3622">
        <v>-0.43864462142843874</v>
      </c>
    </row>
    <row r="3623" spans="4:28" x14ac:dyDescent="0.25">
      <c r="D3623" s="40">
        <v>60.247591000002664</v>
      </c>
      <c r="E3623" s="40">
        <v>19.096510731985187</v>
      </c>
      <c r="F3623" s="40">
        <v>60.233332999999988</v>
      </c>
      <c r="G3623" s="40">
        <v>16.9788787442128</v>
      </c>
      <c r="H3623" s="40">
        <v>60.233334000000013</v>
      </c>
      <c r="I3623" s="40">
        <v>13.193213943714039</v>
      </c>
      <c r="J3623" s="40">
        <v>60.233311529762297</v>
      </c>
      <c r="K3623" s="40">
        <v>11.814716953727157</v>
      </c>
      <c r="L3623" s="40"/>
      <c r="M3623" s="40"/>
      <c r="N3623" s="40"/>
      <c r="X3623">
        <v>-100</v>
      </c>
      <c r="Y3623">
        <v>42.95</v>
      </c>
      <c r="Z3623">
        <v>121.25</v>
      </c>
      <c r="AA3623">
        <v>8.2198989999999998</v>
      </c>
      <c r="AB3623">
        <v>-0.43864462142843874</v>
      </c>
    </row>
    <row r="3624" spans="4:28" x14ac:dyDescent="0.25">
      <c r="D3624" s="40">
        <v>60.264257000002665</v>
      </c>
      <c r="E3624" s="40">
        <v>19.101353910574609</v>
      </c>
      <c r="F3624" s="40">
        <v>60.25</v>
      </c>
      <c r="G3624" s="40">
        <v>16.9788787442128</v>
      </c>
      <c r="H3624" s="40">
        <v>60.25</v>
      </c>
      <c r="I3624" s="40">
        <v>13.193213943714039</v>
      </c>
      <c r="J3624" s="40">
        <v>60.249978190476597</v>
      </c>
      <c r="K3624" s="40">
        <v>11.814716953727157</v>
      </c>
      <c r="L3624" s="40"/>
      <c r="M3624" s="40"/>
      <c r="N3624" s="40"/>
      <c r="X3624">
        <v>-100</v>
      </c>
      <c r="Y3624">
        <v>42.966667000000001</v>
      </c>
      <c r="Z3624">
        <v>121.266667</v>
      </c>
      <c r="AA3624">
        <v>8.2198989999999998</v>
      </c>
      <c r="AB3624">
        <v>-0.43864462142843874</v>
      </c>
    </row>
    <row r="3625" spans="4:28" x14ac:dyDescent="0.25">
      <c r="D3625" s="40">
        <v>60.280923000002666</v>
      </c>
      <c r="E3625" s="40">
        <v>19.106197089164162</v>
      </c>
      <c r="F3625" s="40">
        <v>60.266666999999984</v>
      </c>
      <c r="G3625" s="40">
        <v>16.983633988303019</v>
      </c>
      <c r="H3625" s="40">
        <v>60.266667000000012</v>
      </c>
      <c r="I3625" s="40">
        <v>13.196566679857293</v>
      </c>
      <c r="J3625" s="40">
        <v>60.266644851190897</v>
      </c>
      <c r="K3625" s="40">
        <v>11.814716953727157</v>
      </c>
      <c r="L3625" s="40"/>
      <c r="M3625" s="40"/>
      <c r="N3625" s="40"/>
      <c r="X3625">
        <v>-100</v>
      </c>
      <c r="Y3625">
        <v>42.983333000000002</v>
      </c>
      <c r="Z3625">
        <v>121.283333</v>
      </c>
      <c r="AA3625">
        <v>8.2198659999999997</v>
      </c>
      <c r="AB3625">
        <v>-0.43904432521160075</v>
      </c>
    </row>
    <row r="3626" spans="4:28" x14ac:dyDescent="0.25">
      <c r="D3626" s="40">
        <v>60.297589000002667</v>
      </c>
      <c r="E3626" s="40">
        <v>19.106197089164162</v>
      </c>
      <c r="F3626" s="40">
        <v>60.283332999999999</v>
      </c>
      <c r="G3626" s="40">
        <v>16.983633988303019</v>
      </c>
      <c r="H3626" s="40">
        <v>60.283333999999996</v>
      </c>
      <c r="I3626" s="40">
        <v>13.199919416000727</v>
      </c>
      <c r="J3626" s="40">
        <v>60.283311511905197</v>
      </c>
      <c r="K3626" s="40">
        <v>11.819567997436391</v>
      </c>
      <c r="L3626" s="40"/>
      <c r="M3626" s="40"/>
      <c r="N3626" s="40"/>
      <c r="X3626">
        <v>-100</v>
      </c>
      <c r="Y3626">
        <v>43</v>
      </c>
      <c r="Z3626">
        <v>121.3</v>
      </c>
      <c r="AA3626">
        <v>8.2198659999999997</v>
      </c>
      <c r="AB3626">
        <v>-0.43904432521160075</v>
      </c>
    </row>
    <row r="3627" spans="4:28" x14ac:dyDescent="0.25">
      <c r="D3627" s="40">
        <v>60.314255000002667</v>
      </c>
      <c r="E3627" s="40">
        <v>19.110897821324585</v>
      </c>
      <c r="F3627" s="40">
        <v>60.299999999999983</v>
      </c>
      <c r="G3627" s="40">
        <v>16.988389232393114</v>
      </c>
      <c r="H3627" s="40">
        <v>60.300000000000011</v>
      </c>
      <c r="I3627" s="40">
        <v>13.20317354225749</v>
      </c>
      <c r="J3627" s="40">
        <v>60.299978172619497</v>
      </c>
      <c r="K3627" s="40">
        <v>11.819567997436391</v>
      </c>
      <c r="L3627" s="40"/>
      <c r="M3627" s="40"/>
      <c r="N3627" s="40"/>
      <c r="X3627">
        <v>-100</v>
      </c>
      <c r="Y3627">
        <v>43.016666999999998</v>
      </c>
      <c r="Z3627">
        <v>121.316667</v>
      </c>
      <c r="AA3627">
        <v>8.2198659999999997</v>
      </c>
      <c r="AB3627">
        <v>-0.43904432521160075</v>
      </c>
    </row>
    <row r="3628" spans="4:28" x14ac:dyDescent="0.25">
      <c r="D3628" s="40">
        <v>60.330921000002668</v>
      </c>
      <c r="E3628" s="40">
        <v>19.110897821324585</v>
      </c>
      <c r="F3628" s="40">
        <v>60.316666999999995</v>
      </c>
      <c r="G3628" s="40">
        <v>16.988389232393114</v>
      </c>
      <c r="H3628" s="40">
        <v>60.316666999999995</v>
      </c>
      <c r="I3628" s="40">
        <v>13.20317354225749</v>
      </c>
      <c r="J3628" s="40">
        <v>60.316644833333797</v>
      </c>
      <c r="K3628" s="40">
        <v>11.819567997436391</v>
      </c>
      <c r="L3628" s="40"/>
      <c r="M3628" s="40"/>
      <c r="N3628" s="40"/>
      <c r="X3628">
        <v>-100</v>
      </c>
      <c r="Y3628">
        <v>43.033332999999999</v>
      </c>
      <c r="Z3628">
        <v>121.333333</v>
      </c>
      <c r="AA3628">
        <v>8.2198659999999997</v>
      </c>
      <c r="AB3628">
        <v>-0.43904432521160075</v>
      </c>
    </row>
    <row r="3629" spans="4:28" x14ac:dyDescent="0.25">
      <c r="D3629" s="40">
        <v>60.347587000002669</v>
      </c>
      <c r="E3629" s="40">
        <v>19.110897821324585</v>
      </c>
      <c r="F3629" s="40">
        <v>60.333332999999982</v>
      </c>
      <c r="G3629" s="40">
        <v>16.993004616363017</v>
      </c>
      <c r="H3629" s="40">
        <v>60.333334000000008</v>
      </c>
      <c r="I3629" s="40">
        <v>13.206526278400746</v>
      </c>
      <c r="J3629" s="40">
        <v>60.333311494048097</v>
      </c>
      <c r="K3629" s="40">
        <v>11.819567997436391</v>
      </c>
      <c r="L3629" s="40"/>
      <c r="M3629" s="40"/>
      <c r="N3629" s="40"/>
      <c r="X3629">
        <v>-100</v>
      </c>
      <c r="Y3629">
        <v>43.05</v>
      </c>
      <c r="Z3629">
        <v>121.35</v>
      </c>
      <c r="AA3629">
        <v>8.2198659999999997</v>
      </c>
      <c r="AB3629">
        <v>-0.43904432521160075</v>
      </c>
    </row>
    <row r="3630" spans="4:28" x14ac:dyDescent="0.25">
      <c r="D3630" s="40">
        <v>60.36425300000267</v>
      </c>
      <c r="E3630" s="40">
        <v>19.115740999914006</v>
      </c>
      <c r="F3630" s="40">
        <v>60.349999999999994</v>
      </c>
      <c r="G3630" s="40">
        <v>16.993004616363017</v>
      </c>
      <c r="H3630" s="40">
        <v>60.349999999999994</v>
      </c>
      <c r="I3630" s="40">
        <v>13.209879014544004</v>
      </c>
      <c r="J3630" s="40">
        <v>60.349978154762297</v>
      </c>
      <c r="K3630" s="40">
        <v>11.824419041145497</v>
      </c>
      <c r="L3630" s="40"/>
      <c r="M3630" s="40"/>
      <c r="N3630" s="40"/>
      <c r="X3630">
        <v>-100</v>
      </c>
      <c r="Y3630">
        <v>43.06666700000001</v>
      </c>
      <c r="Z3630">
        <v>121.36666700000001</v>
      </c>
      <c r="AA3630">
        <v>8.2198320000000002</v>
      </c>
      <c r="AB3630">
        <v>-0.43945614123060711</v>
      </c>
    </row>
    <row r="3631" spans="4:28" x14ac:dyDescent="0.25">
      <c r="D3631" s="40">
        <v>60.38091900000267</v>
      </c>
      <c r="E3631" s="40">
        <v>19.115740999914006</v>
      </c>
      <c r="F3631" s="40">
        <v>60.366667000000007</v>
      </c>
      <c r="G3631" s="40">
        <v>16.993004616363017</v>
      </c>
      <c r="H3631" s="40">
        <v>60.366667000000007</v>
      </c>
      <c r="I3631" s="40">
        <v>13.213133140800768</v>
      </c>
      <c r="J3631" s="40">
        <v>60.366644815476597</v>
      </c>
      <c r="K3631" s="40">
        <v>11.824419041145497</v>
      </c>
      <c r="L3631" s="40"/>
      <c r="M3631" s="40"/>
      <c r="N3631" s="40"/>
      <c r="X3631">
        <v>-100</v>
      </c>
      <c r="Y3631">
        <v>43.083332999999996</v>
      </c>
      <c r="Z3631">
        <v>121.38333299999999</v>
      </c>
      <c r="AA3631">
        <v>8.2198320000000002</v>
      </c>
      <c r="AB3631">
        <v>-0.43945614123060711</v>
      </c>
    </row>
    <row r="3632" spans="4:28" x14ac:dyDescent="0.25">
      <c r="D3632" s="40">
        <v>60.397585000002671</v>
      </c>
      <c r="E3632" s="40">
        <v>19.115740999914006</v>
      </c>
      <c r="F3632" s="40">
        <v>60.383332999999993</v>
      </c>
      <c r="G3632" s="40">
        <v>16.993004616363017</v>
      </c>
      <c r="H3632" s="40">
        <v>60.383334000000019</v>
      </c>
      <c r="I3632" s="40">
        <v>13.216485876944024</v>
      </c>
      <c r="J3632" s="40">
        <v>60.383311476190897</v>
      </c>
      <c r="K3632" s="40">
        <v>11.824419041145497</v>
      </c>
      <c r="L3632" s="40"/>
      <c r="M3632" s="40"/>
      <c r="N3632" s="40"/>
      <c r="X3632">
        <v>-100</v>
      </c>
      <c r="Y3632">
        <v>43.100000000000009</v>
      </c>
      <c r="Z3632">
        <v>121.4</v>
      </c>
      <c r="AA3632">
        <v>8.2198320000000002</v>
      </c>
      <c r="AB3632">
        <v>-0.43945614123060711</v>
      </c>
    </row>
    <row r="3633" spans="4:28" x14ac:dyDescent="0.25">
      <c r="D3633" s="40">
        <v>60.414251000002672</v>
      </c>
      <c r="E3633" s="40">
        <v>19.115740999914006</v>
      </c>
      <c r="F3633" s="40">
        <v>60.400000000000006</v>
      </c>
      <c r="G3633" s="40">
        <v>16.997759860453233</v>
      </c>
      <c r="H3633" s="40">
        <v>60.400000000000006</v>
      </c>
      <c r="I3633" s="40">
        <v>13.216485876944024</v>
      </c>
      <c r="J3633" s="40">
        <v>60.399978136905197</v>
      </c>
      <c r="K3633" s="40">
        <v>11.824419041145497</v>
      </c>
      <c r="L3633" s="40"/>
      <c r="M3633" s="40"/>
      <c r="N3633" s="40"/>
      <c r="X3633">
        <v>-100</v>
      </c>
      <c r="Y3633">
        <v>43.116667000000007</v>
      </c>
      <c r="Z3633">
        <v>121.416667</v>
      </c>
      <c r="AA3633">
        <v>8.2198320000000002</v>
      </c>
      <c r="AB3633">
        <v>-0.43945614123060711</v>
      </c>
    </row>
    <row r="3634" spans="4:28" x14ac:dyDescent="0.25">
      <c r="D3634" s="40">
        <v>60.430917000002673</v>
      </c>
      <c r="E3634" s="40">
        <v>19.120584178503556</v>
      </c>
      <c r="F3634" s="40">
        <v>60.41666699999999</v>
      </c>
      <c r="G3634" s="40">
        <v>16.997759860453233</v>
      </c>
      <c r="H3634" s="40">
        <v>60.416667000000018</v>
      </c>
      <c r="I3634" s="40">
        <v>13.219838613087457</v>
      </c>
      <c r="J3634" s="40">
        <v>60.416644797619497</v>
      </c>
      <c r="K3634" s="40">
        <v>11.824419041145497</v>
      </c>
      <c r="L3634" s="40"/>
      <c r="M3634" s="40"/>
      <c r="N3634" s="40"/>
      <c r="X3634">
        <v>-100</v>
      </c>
      <c r="Y3634">
        <v>43.133333000000007</v>
      </c>
      <c r="Z3634">
        <v>121.433333</v>
      </c>
      <c r="AA3634">
        <v>8.2198320000000002</v>
      </c>
      <c r="AB3634">
        <v>-0.43945614123060711</v>
      </c>
    </row>
    <row r="3635" spans="4:28" x14ac:dyDescent="0.25">
      <c r="D3635" s="40">
        <v>60.447583000002673</v>
      </c>
      <c r="E3635" s="40">
        <v>19.120584178503556</v>
      </c>
      <c r="F3635" s="40">
        <v>60.433333000000005</v>
      </c>
      <c r="G3635" s="40">
        <v>16.997759860453233</v>
      </c>
      <c r="H3635" s="40">
        <v>60.433334000000002</v>
      </c>
      <c r="I3635" s="40">
        <v>13.223092739344221</v>
      </c>
      <c r="J3635" s="40">
        <v>60.433311458333797</v>
      </c>
      <c r="K3635" s="40">
        <v>11.824419041145497</v>
      </c>
      <c r="L3635" s="40"/>
      <c r="M3635" s="40"/>
      <c r="N3635" s="40"/>
      <c r="X3635">
        <v>-100</v>
      </c>
      <c r="Y3635">
        <v>43.150000000000006</v>
      </c>
      <c r="Z3635">
        <v>121.45</v>
      </c>
      <c r="AA3635">
        <v>8.2198320000000002</v>
      </c>
      <c r="AB3635">
        <v>-0.43945614123060711</v>
      </c>
    </row>
    <row r="3636" spans="4:28" x14ac:dyDescent="0.25">
      <c r="D3636" s="40">
        <v>60.464249000002674</v>
      </c>
      <c r="E3636" s="40">
        <v>19.120584178503556</v>
      </c>
      <c r="F3636" s="40">
        <v>60.449999999999989</v>
      </c>
      <c r="G3636" s="40">
        <v>17.002515104543452</v>
      </c>
      <c r="H3636" s="40">
        <v>60.450000000000017</v>
      </c>
      <c r="I3636" s="40">
        <v>13.223092739344221</v>
      </c>
      <c r="J3636" s="40">
        <v>60.449978119048097</v>
      </c>
      <c r="K3636" s="40">
        <v>11.824419041145497</v>
      </c>
      <c r="L3636" s="40"/>
      <c r="M3636" s="40"/>
      <c r="N3636" s="40"/>
      <c r="X3636">
        <v>-100</v>
      </c>
      <c r="Y3636">
        <v>43.166667000000004</v>
      </c>
      <c r="Z3636">
        <v>121.466667</v>
      </c>
      <c r="AA3636">
        <v>8.2198320000000002</v>
      </c>
      <c r="AB3636">
        <v>-0.43945614123060711</v>
      </c>
    </row>
    <row r="3637" spans="4:28" x14ac:dyDescent="0.25">
      <c r="D3637" s="40">
        <v>60.480915000002675</v>
      </c>
      <c r="E3637" s="40">
        <v>19.120584178503556</v>
      </c>
      <c r="F3637" s="40">
        <v>60.466667000000001</v>
      </c>
      <c r="G3637" s="40">
        <v>17.002515104543452</v>
      </c>
      <c r="H3637" s="40">
        <v>60.466667000000001</v>
      </c>
      <c r="I3637" s="40">
        <v>13.226445475487477</v>
      </c>
      <c r="J3637" s="40">
        <v>60.466644779762298</v>
      </c>
      <c r="K3637" s="40">
        <v>11.824419041145497</v>
      </c>
      <c r="L3637" s="40"/>
      <c r="M3637" s="40"/>
      <c r="N3637" s="40"/>
      <c r="X3637">
        <v>-100</v>
      </c>
      <c r="Y3637">
        <v>43.183333000000005</v>
      </c>
      <c r="Z3637">
        <v>121.483333</v>
      </c>
      <c r="AA3637">
        <v>8.2197980000000008</v>
      </c>
      <c r="AB3637">
        <v>-0.43986795724961336</v>
      </c>
    </row>
    <row r="3638" spans="4:28" x14ac:dyDescent="0.25">
      <c r="D3638" s="40">
        <v>60.497581000002675</v>
      </c>
      <c r="E3638" s="40">
        <v>19.120584178503556</v>
      </c>
      <c r="F3638" s="40">
        <v>60.483332999999988</v>
      </c>
      <c r="G3638" s="40">
        <v>17.007270348633547</v>
      </c>
      <c r="H3638" s="40">
        <v>60.483334000000013</v>
      </c>
      <c r="I3638" s="40">
        <v>13.226445475487477</v>
      </c>
      <c r="J3638" s="40">
        <v>60.483311440476598</v>
      </c>
      <c r="K3638" s="40">
        <v>11.829127407098554</v>
      </c>
      <c r="L3638" s="40"/>
      <c r="M3638" s="40"/>
      <c r="N3638" s="40"/>
      <c r="X3638">
        <v>-100</v>
      </c>
      <c r="Y3638">
        <v>43.2</v>
      </c>
      <c r="Z3638">
        <v>121.5</v>
      </c>
      <c r="AA3638">
        <v>8.2197980000000008</v>
      </c>
      <c r="AB3638">
        <v>-0.43986795724961336</v>
      </c>
    </row>
    <row r="3639" spans="4:28" x14ac:dyDescent="0.25">
      <c r="D3639" s="40">
        <v>60.514247000002676</v>
      </c>
      <c r="E3639" s="40">
        <v>19.120584178503556</v>
      </c>
      <c r="F3639" s="40">
        <v>60.5</v>
      </c>
      <c r="G3639" s="40">
        <v>17.007270348633547</v>
      </c>
      <c r="H3639" s="40">
        <v>60.5</v>
      </c>
      <c r="I3639" s="40">
        <v>13.229798211630735</v>
      </c>
      <c r="J3639" s="40">
        <v>60.499978101190898</v>
      </c>
      <c r="K3639" s="40">
        <v>11.829127407098554</v>
      </c>
      <c r="L3639" s="40"/>
      <c r="M3639" s="40"/>
      <c r="N3639" s="40"/>
      <c r="X3639">
        <v>-100</v>
      </c>
      <c r="Y3639">
        <v>43.216667000000001</v>
      </c>
      <c r="Z3639">
        <v>121.516667</v>
      </c>
      <c r="AA3639">
        <v>8.2197980000000008</v>
      </c>
      <c r="AB3639">
        <v>-0.43986795724961336</v>
      </c>
    </row>
    <row r="3640" spans="4:28" x14ac:dyDescent="0.25">
      <c r="D3640" s="40">
        <v>60.530913000002677</v>
      </c>
      <c r="E3640" s="40">
        <v>19.125284910663982</v>
      </c>
      <c r="F3640" s="40">
        <v>60.516666999999984</v>
      </c>
      <c r="G3640" s="40">
        <v>17.011885732603446</v>
      </c>
      <c r="H3640" s="40">
        <v>60.516667000000012</v>
      </c>
      <c r="I3640" s="40">
        <v>13.233052337887498</v>
      </c>
      <c r="J3640" s="40">
        <v>60.516644761905198</v>
      </c>
      <c r="K3640" s="40">
        <v>11.829127407098554</v>
      </c>
      <c r="L3640" s="40"/>
      <c r="M3640" s="40"/>
      <c r="N3640" s="40"/>
      <c r="X3640">
        <v>-100</v>
      </c>
      <c r="Y3640">
        <v>43.233333000000002</v>
      </c>
      <c r="Z3640">
        <v>121.533333</v>
      </c>
      <c r="AA3640">
        <v>8.2197980000000008</v>
      </c>
      <c r="AB3640">
        <v>-0.43986795724961336</v>
      </c>
    </row>
    <row r="3641" spans="4:28" x14ac:dyDescent="0.25">
      <c r="D3641" s="40">
        <v>60.547579000002678</v>
      </c>
      <c r="E3641" s="40">
        <v>19.125284910663982</v>
      </c>
      <c r="F3641" s="40">
        <v>60.533332999999999</v>
      </c>
      <c r="G3641" s="40">
        <v>17.011885732603446</v>
      </c>
      <c r="H3641" s="40">
        <v>60.533333999999996</v>
      </c>
      <c r="I3641" s="40">
        <v>13.233052337887498</v>
      </c>
      <c r="J3641" s="40">
        <v>60.533311422619498</v>
      </c>
      <c r="K3641" s="40">
        <v>11.833978450807788</v>
      </c>
      <c r="L3641" s="40"/>
      <c r="M3641" s="40"/>
      <c r="N3641" s="40"/>
      <c r="X3641">
        <v>-100</v>
      </c>
      <c r="Y3641">
        <v>43.25</v>
      </c>
      <c r="Z3641">
        <v>121.55</v>
      </c>
      <c r="AA3641">
        <v>8.2197980000000008</v>
      </c>
      <c r="AB3641">
        <v>-0.43986795724961336</v>
      </c>
    </row>
    <row r="3642" spans="4:28" x14ac:dyDescent="0.25">
      <c r="D3642" s="40">
        <v>60.564245000002678</v>
      </c>
      <c r="E3642" s="40">
        <v>19.125284910663982</v>
      </c>
      <c r="F3642" s="40">
        <v>60.549999999999983</v>
      </c>
      <c r="G3642" s="40">
        <v>17.016640976693665</v>
      </c>
      <c r="H3642" s="40">
        <v>60.550000000000011</v>
      </c>
      <c r="I3642" s="40">
        <v>13.236405074030754</v>
      </c>
      <c r="J3642" s="40">
        <v>60.549978083333798</v>
      </c>
      <c r="K3642" s="40">
        <v>11.833978450807788</v>
      </c>
      <c r="L3642" s="40"/>
      <c r="M3642" s="40"/>
      <c r="N3642" s="40"/>
      <c r="X3642">
        <v>-100</v>
      </c>
      <c r="Y3642">
        <v>43.266666999999998</v>
      </c>
      <c r="Z3642">
        <v>121.566667</v>
      </c>
      <c r="AA3642">
        <v>8.2197650000000007</v>
      </c>
      <c r="AB3642">
        <v>-0.44026766103277548</v>
      </c>
    </row>
    <row r="3643" spans="4:28" x14ac:dyDescent="0.25">
      <c r="D3643" s="40">
        <v>60.580911000002679</v>
      </c>
      <c r="E3643" s="40">
        <v>19.130128089253528</v>
      </c>
      <c r="F3643" s="40">
        <v>60.566666999999995</v>
      </c>
      <c r="G3643" s="40">
        <v>17.021396220783764</v>
      </c>
      <c r="H3643" s="40">
        <v>60.566666999999995</v>
      </c>
      <c r="I3643" s="40">
        <v>13.239757810174186</v>
      </c>
      <c r="J3643" s="40">
        <v>60.566644744048098</v>
      </c>
      <c r="K3643" s="40">
        <v>11.833978450807788</v>
      </c>
      <c r="L3643" s="40"/>
      <c r="M3643" s="40"/>
      <c r="N3643" s="40"/>
      <c r="X3643">
        <v>-100</v>
      </c>
      <c r="Y3643">
        <v>43.283332999999999</v>
      </c>
      <c r="Z3643">
        <v>121.583333</v>
      </c>
      <c r="AA3643">
        <v>8.2197650000000007</v>
      </c>
      <c r="AB3643">
        <v>-0.44026766103277548</v>
      </c>
    </row>
    <row r="3644" spans="4:28" x14ac:dyDescent="0.25">
      <c r="D3644" s="40">
        <v>60.59757700000268</v>
      </c>
      <c r="E3644" s="40">
        <v>19.130128089253528</v>
      </c>
      <c r="F3644" s="40">
        <v>60.583332999999982</v>
      </c>
      <c r="G3644" s="40">
        <v>17.021396220783764</v>
      </c>
      <c r="H3644" s="40">
        <v>60.583334000000008</v>
      </c>
      <c r="I3644" s="40">
        <v>13.24301193643095</v>
      </c>
      <c r="J3644" s="40">
        <v>60.583311404762298</v>
      </c>
      <c r="K3644" s="40">
        <v>11.833978450807788</v>
      </c>
      <c r="L3644" s="40"/>
      <c r="M3644" s="40"/>
      <c r="N3644" s="40"/>
      <c r="X3644">
        <v>-100</v>
      </c>
      <c r="Y3644">
        <v>43.3</v>
      </c>
      <c r="Z3644">
        <v>121.6</v>
      </c>
      <c r="AA3644">
        <v>8.2197650000000007</v>
      </c>
      <c r="AB3644">
        <v>-0.44026766103277548</v>
      </c>
    </row>
    <row r="3645" spans="4:28" x14ac:dyDescent="0.25">
      <c r="D3645" s="40">
        <v>60.614243000002681</v>
      </c>
      <c r="E3645" s="40">
        <v>19.130128089253528</v>
      </c>
      <c r="F3645" s="40">
        <v>60.599999999999994</v>
      </c>
      <c r="G3645" s="40">
        <v>17.026011604753663</v>
      </c>
      <c r="H3645" s="40">
        <v>60.599999999999994</v>
      </c>
      <c r="I3645" s="40">
        <v>13.246364672574206</v>
      </c>
      <c r="J3645" s="40">
        <v>60.599978065476598</v>
      </c>
      <c r="K3645" s="40">
        <v>11.833978450807788</v>
      </c>
      <c r="L3645" s="40"/>
      <c r="M3645" s="40"/>
      <c r="N3645" s="40"/>
      <c r="X3645">
        <v>-100</v>
      </c>
      <c r="Y3645">
        <v>43.31666700000001</v>
      </c>
      <c r="Z3645">
        <v>121.61666700000001</v>
      </c>
      <c r="AA3645">
        <v>8.2197650000000007</v>
      </c>
      <c r="AB3645">
        <v>-0.44026766103277548</v>
      </c>
    </row>
    <row r="3646" spans="4:28" x14ac:dyDescent="0.25">
      <c r="D3646" s="40">
        <v>60.630909000002681</v>
      </c>
      <c r="E3646" s="40">
        <v>19.130128089253528</v>
      </c>
      <c r="F3646" s="40">
        <v>60.616667000000007</v>
      </c>
      <c r="G3646" s="40">
        <v>17.030766848843882</v>
      </c>
      <c r="H3646" s="40">
        <v>60.616667000000007</v>
      </c>
      <c r="I3646" s="40">
        <v>13.246364672574206</v>
      </c>
      <c r="J3646" s="40">
        <v>60.616644726190898</v>
      </c>
      <c r="K3646" s="40">
        <v>11.829127407098554</v>
      </c>
      <c r="L3646" s="40"/>
      <c r="M3646" s="40"/>
      <c r="N3646" s="40"/>
      <c r="X3646">
        <v>-100</v>
      </c>
      <c r="Y3646">
        <v>43.333332999999996</v>
      </c>
      <c r="Z3646">
        <v>121.63333299999999</v>
      </c>
      <c r="AA3646">
        <v>8.2197650000000007</v>
      </c>
      <c r="AB3646">
        <v>-0.44026766103277548</v>
      </c>
    </row>
    <row r="3647" spans="4:28" x14ac:dyDescent="0.25">
      <c r="D3647" s="40">
        <v>60.647575000002682</v>
      </c>
      <c r="E3647" s="40">
        <v>19.13497126784295</v>
      </c>
      <c r="F3647" s="40">
        <v>60.633332999999993</v>
      </c>
      <c r="G3647" s="40">
        <v>17.030766848843882</v>
      </c>
      <c r="H3647" s="40">
        <v>60.633334000000019</v>
      </c>
      <c r="I3647" s="40">
        <v>13.249717408717464</v>
      </c>
      <c r="J3647" s="40">
        <v>60.633311386905199</v>
      </c>
      <c r="K3647" s="40">
        <v>11.829127407098554</v>
      </c>
      <c r="L3647" s="40"/>
      <c r="M3647" s="40"/>
      <c r="N3647" s="40"/>
      <c r="X3647">
        <v>-100</v>
      </c>
      <c r="Y3647">
        <v>43.350000000000009</v>
      </c>
      <c r="Z3647">
        <v>121.65</v>
      </c>
      <c r="AA3647">
        <v>8.2197309999999995</v>
      </c>
      <c r="AB3647">
        <v>-0.44067947705180333</v>
      </c>
    </row>
    <row r="3648" spans="4:28" x14ac:dyDescent="0.25">
      <c r="D3648" s="40">
        <v>60.664241000002683</v>
      </c>
      <c r="E3648" s="40">
        <v>19.13497126784295</v>
      </c>
      <c r="F3648" s="40">
        <v>60.650000000000006</v>
      </c>
      <c r="G3648" s="40">
        <v>17.035522092933977</v>
      </c>
      <c r="H3648" s="40">
        <v>60.650000000000006</v>
      </c>
      <c r="I3648" s="40">
        <v>13.252971534974227</v>
      </c>
      <c r="J3648" s="40">
        <v>60.649978047619499</v>
      </c>
      <c r="K3648" s="40">
        <v>11.829127407098554</v>
      </c>
      <c r="L3648" s="40"/>
      <c r="M3648" s="40"/>
      <c r="N3648" s="40"/>
      <c r="X3648">
        <v>-100</v>
      </c>
      <c r="Y3648">
        <v>43.366667000000007</v>
      </c>
      <c r="Z3648">
        <v>121.666667</v>
      </c>
      <c r="AA3648">
        <v>8.2197309999999995</v>
      </c>
      <c r="AB3648">
        <v>-0.44067947705180333</v>
      </c>
    </row>
    <row r="3649" spans="4:28" x14ac:dyDescent="0.25">
      <c r="D3649" s="40">
        <v>60.680907000002684</v>
      </c>
      <c r="E3649" s="40">
        <v>19.13497126784295</v>
      </c>
      <c r="F3649" s="40">
        <v>60.66666699999999</v>
      </c>
      <c r="G3649" s="40">
        <v>17.04013747690388</v>
      </c>
      <c r="H3649" s="40">
        <v>60.666667000000018</v>
      </c>
      <c r="I3649" s="40">
        <v>13.252971534974227</v>
      </c>
      <c r="J3649" s="40">
        <v>60.666644708333799</v>
      </c>
      <c r="K3649" s="40">
        <v>11.829127407098554</v>
      </c>
      <c r="L3649" s="40"/>
      <c r="M3649" s="40"/>
      <c r="N3649" s="40"/>
      <c r="X3649">
        <v>-100</v>
      </c>
      <c r="Y3649">
        <v>43.383333000000007</v>
      </c>
      <c r="Z3649">
        <v>121.683333</v>
      </c>
      <c r="AA3649">
        <v>8.2197309999999995</v>
      </c>
      <c r="AB3649">
        <v>-0.44067947705180333</v>
      </c>
    </row>
    <row r="3650" spans="4:28" x14ac:dyDescent="0.25">
      <c r="D3650" s="40">
        <v>60.697573000002684</v>
      </c>
      <c r="E3650" s="40">
        <v>19.13497126784295</v>
      </c>
      <c r="F3650" s="40">
        <v>60.683333000000005</v>
      </c>
      <c r="G3650" s="40">
        <v>17.04013747690388</v>
      </c>
      <c r="H3650" s="40">
        <v>60.683334000000002</v>
      </c>
      <c r="I3650" s="40">
        <v>13.256324271117659</v>
      </c>
      <c r="J3650" s="40">
        <v>60.683311369048099</v>
      </c>
      <c r="K3650" s="40">
        <v>11.829127407098554</v>
      </c>
      <c r="L3650" s="40"/>
      <c r="M3650" s="40"/>
      <c r="N3650" s="40"/>
      <c r="X3650">
        <v>-100</v>
      </c>
      <c r="Y3650">
        <v>43.400000000000006</v>
      </c>
      <c r="Z3650">
        <v>121.7</v>
      </c>
      <c r="AA3650">
        <v>8.2197309999999995</v>
      </c>
      <c r="AB3650">
        <v>-0.44067947705180333</v>
      </c>
    </row>
    <row r="3651" spans="4:28" x14ac:dyDescent="0.25">
      <c r="D3651" s="40">
        <v>60.714239000002685</v>
      </c>
      <c r="E3651" s="40">
        <v>19.13497126784295</v>
      </c>
      <c r="F3651" s="40">
        <v>60.699999999999989</v>
      </c>
      <c r="G3651" s="40">
        <v>17.044892720994095</v>
      </c>
      <c r="H3651" s="40">
        <v>60.700000000000017</v>
      </c>
      <c r="I3651" s="40">
        <v>13.259677007260917</v>
      </c>
      <c r="J3651" s="40">
        <v>60.699978029762399</v>
      </c>
      <c r="K3651" s="40">
        <v>11.829127407098554</v>
      </c>
      <c r="L3651" s="40"/>
      <c r="M3651" s="40"/>
      <c r="N3651" s="40"/>
      <c r="X3651">
        <v>-100</v>
      </c>
      <c r="Y3651">
        <v>43.416667000000004</v>
      </c>
      <c r="Z3651">
        <v>121.716667</v>
      </c>
      <c r="AA3651">
        <v>8.2197309999999995</v>
      </c>
      <c r="AB3651">
        <v>-0.44067947705180333</v>
      </c>
    </row>
    <row r="3652" spans="4:28" x14ac:dyDescent="0.25">
      <c r="D3652" s="40">
        <v>60.730905000002686</v>
      </c>
      <c r="E3652" s="40">
        <v>19.13497126784295</v>
      </c>
      <c r="F3652" s="40">
        <v>60.716667000000001</v>
      </c>
      <c r="G3652" s="40">
        <v>17.049647965084315</v>
      </c>
      <c r="H3652" s="40">
        <v>60.716667000000001</v>
      </c>
      <c r="I3652" s="40">
        <v>13.259677007260917</v>
      </c>
      <c r="J3652" s="40">
        <v>60.716644690476599</v>
      </c>
      <c r="K3652" s="40">
        <v>11.833978450807788</v>
      </c>
      <c r="L3652" s="40"/>
      <c r="M3652" s="40"/>
      <c r="N3652" s="40"/>
      <c r="X3652">
        <v>-100</v>
      </c>
      <c r="Y3652">
        <v>43.433333000000005</v>
      </c>
      <c r="Z3652">
        <v>121.733333</v>
      </c>
      <c r="AA3652">
        <v>8.219697</v>
      </c>
      <c r="AB3652">
        <v>-0.44109129307080958</v>
      </c>
    </row>
    <row r="3653" spans="4:28" x14ac:dyDescent="0.25">
      <c r="D3653" s="40">
        <v>60.747571000002687</v>
      </c>
      <c r="E3653" s="40">
        <v>19.139672000003376</v>
      </c>
      <c r="F3653" s="40">
        <v>60.733332999999988</v>
      </c>
      <c r="G3653" s="40">
        <v>17.049647965084315</v>
      </c>
      <c r="H3653" s="40">
        <v>60.733334000000013</v>
      </c>
      <c r="I3653" s="40">
        <v>13.26293113351768</v>
      </c>
      <c r="J3653" s="40">
        <v>60.733311351190899</v>
      </c>
      <c r="K3653" s="40">
        <v>11.833978450807788</v>
      </c>
      <c r="L3653" s="40"/>
      <c r="M3653" s="40"/>
      <c r="N3653" s="40"/>
      <c r="X3653">
        <v>-100</v>
      </c>
      <c r="Y3653">
        <v>43.45</v>
      </c>
      <c r="Z3653">
        <v>121.75</v>
      </c>
      <c r="AA3653">
        <v>8.219697</v>
      </c>
      <c r="AB3653">
        <v>-0.44109129307080958</v>
      </c>
    </row>
    <row r="3654" spans="4:28" x14ac:dyDescent="0.25">
      <c r="D3654" s="40">
        <v>60.764237000002687</v>
      </c>
      <c r="E3654" s="40">
        <v>19.139672000003376</v>
      </c>
      <c r="F3654" s="40">
        <v>60.75</v>
      </c>
      <c r="G3654" s="40">
        <v>17.054263349054093</v>
      </c>
      <c r="H3654" s="40">
        <v>60.75</v>
      </c>
      <c r="I3654" s="40">
        <v>13.266283869660937</v>
      </c>
      <c r="J3654" s="40">
        <v>60.749978011905199</v>
      </c>
      <c r="K3654" s="40">
        <v>11.833978450807788</v>
      </c>
      <c r="L3654" s="40"/>
      <c r="M3654" s="40"/>
      <c r="N3654" s="40"/>
      <c r="X3654">
        <v>-100</v>
      </c>
      <c r="Y3654">
        <v>43.466667000000001</v>
      </c>
      <c r="Z3654">
        <v>121.766667</v>
      </c>
      <c r="AA3654">
        <v>8.219697</v>
      </c>
      <c r="AB3654">
        <v>-0.44109129307080958</v>
      </c>
    </row>
    <row r="3655" spans="4:28" x14ac:dyDescent="0.25">
      <c r="D3655" s="40">
        <v>60.780903000002688</v>
      </c>
      <c r="E3655" s="40">
        <v>19.139672000003376</v>
      </c>
      <c r="F3655" s="40">
        <v>60.766666999999984</v>
      </c>
      <c r="G3655" s="40">
        <v>17.054263349054093</v>
      </c>
      <c r="H3655" s="40">
        <v>60.766667000000012</v>
      </c>
      <c r="I3655" s="40">
        <v>13.269636605804195</v>
      </c>
      <c r="J3655" s="40">
        <v>60.766644672619499</v>
      </c>
      <c r="K3655" s="40">
        <v>11.833978450807788</v>
      </c>
      <c r="L3655" s="40"/>
      <c r="M3655" s="40"/>
      <c r="N3655" s="40"/>
      <c r="X3655">
        <v>-100</v>
      </c>
      <c r="Y3655">
        <v>43.483333000000002</v>
      </c>
      <c r="Z3655">
        <v>121.783333</v>
      </c>
      <c r="AA3655">
        <v>8.219697</v>
      </c>
      <c r="AB3655">
        <v>-0.44109129307080958</v>
      </c>
    </row>
    <row r="3656" spans="4:28" x14ac:dyDescent="0.25">
      <c r="D3656" s="40">
        <v>60.797569000002689</v>
      </c>
      <c r="E3656" s="40">
        <v>19.144515178592926</v>
      </c>
      <c r="F3656" s="40">
        <v>60.783332999999999</v>
      </c>
      <c r="G3656" s="40">
        <v>17.059018593144309</v>
      </c>
      <c r="H3656" s="40">
        <v>60.783333999999996</v>
      </c>
      <c r="I3656" s="40">
        <v>13.269636605804195</v>
      </c>
      <c r="J3656" s="40">
        <v>60.783311333333799</v>
      </c>
      <c r="K3656" s="40">
        <v>11.833978450807788</v>
      </c>
      <c r="L3656" s="40"/>
      <c r="M3656" s="40"/>
      <c r="N3656" s="40"/>
      <c r="X3656">
        <v>-100</v>
      </c>
      <c r="Y3656">
        <v>43.5</v>
      </c>
      <c r="Z3656">
        <v>121.8</v>
      </c>
      <c r="AA3656">
        <v>8.2196639999999999</v>
      </c>
      <c r="AB3656">
        <v>-0.4414909968539717</v>
      </c>
    </row>
    <row r="3657" spans="4:28" x14ac:dyDescent="0.25">
      <c r="D3657" s="40">
        <v>60.814235000002689</v>
      </c>
      <c r="E3657" s="40">
        <v>19.149358357182347</v>
      </c>
      <c r="F3657" s="40">
        <v>60.799999999999983</v>
      </c>
      <c r="G3657" s="40">
        <v>17.063773837234528</v>
      </c>
      <c r="H3657" s="40">
        <v>60.800000000000011</v>
      </c>
      <c r="I3657" s="40">
        <v>13.272890732060958</v>
      </c>
      <c r="J3657" s="40">
        <v>60.799977994048099</v>
      </c>
      <c r="K3657" s="40">
        <v>11.833978450807788</v>
      </c>
      <c r="L3657" s="40"/>
      <c r="M3657" s="40"/>
      <c r="N3657" s="40"/>
      <c r="X3657">
        <v>-100</v>
      </c>
      <c r="Y3657">
        <v>43.516666999999998</v>
      </c>
      <c r="Z3657">
        <v>121.816667</v>
      </c>
      <c r="AA3657">
        <v>8.2196639999999999</v>
      </c>
      <c r="AB3657">
        <v>-0.4414909968539717</v>
      </c>
    </row>
    <row r="3658" spans="4:28" x14ac:dyDescent="0.25">
      <c r="D3658" s="40">
        <v>60.83090100000269</v>
      </c>
      <c r="E3658" s="40">
        <v>19.149358357182347</v>
      </c>
      <c r="F3658" s="40">
        <v>60.816666999999995</v>
      </c>
      <c r="G3658" s="40">
        <v>17.063773837234528</v>
      </c>
      <c r="H3658" s="40">
        <v>60.816666999999995</v>
      </c>
      <c r="I3658" s="40">
        <v>13.27624346820439</v>
      </c>
      <c r="J3658" s="40">
        <v>60.816644654762399</v>
      </c>
      <c r="K3658" s="40">
        <v>11.833978450807788</v>
      </c>
      <c r="L3658" s="40"/>
      <c r="M3658" s="40"/>
      <c r="N3658" s="40"/>
      <c r="X3658">
        <v>-100</v>
      </c>
      <c r="Y3658">
        <v>43.533332999999999</v>
      </c>
      <c r="Z3658">
        <v>121.833333</v>
      </c>
      <c r="AA3658">
        <v>8.2196639999999999</v>
      </c>
      <c r="AB3658">
        <v>-0.4414909968539717</v>
      </c>
    </row>
    <row r="3659" spans="4:28" x14ac:dyDescent="0.25">
      <c r="D3659" s="40">
        <v>60.847567000002691</v>
      </c>
      <c r="E3659" s="40">
        <v>19.15405908934277</v>
      </c>
      <c r="F3659" s="40">
        <v>60.833332999999982</v>
      </c>
      <c r="G3659" s="40">
        <v>17.06838922120431</v>
      </c>
      <c r="H3659" s="40">
        <v>60.833334000000008</v>
      </c>
      <c r="I3659" s="40">
        <v>13.27624346820439</v>
      </c>
      <c r="J3659" s="40">
        <v>60.8333113154766</v>
      </c>
      <c r="K3659" s="40">
        <v>11.833978450807788</v>
      </c>
      <c r="L3659" s="40"/>
      <c r="M3659" s="40"/>
      <c r="N3659" s="40"/>
      <c r="X3659">
        <v>-100</v>
      </c>
      <c r="Y3659">
        <v>43.55</v>
      </c>
      <c r="Z3659">
        <v>121.85</v>
      </c>
      <c r="AA3659">
        <v>8.2196639999999999</v>
      </c>
      <c r="AB3659">
        <v>-0.4414909968539717</v>
      </c>
    </row>
    <row r="3660" spans="4:28" x14ac:dyDescent="0.25">
      <c r="D3660" s="40">
        <v>60.864233000002692</v>
      </c>
      <c r="E3660" s="40">
        <v>19.15405908934277</v>
      </c>
      <c r="F3660" s="40">
        <v>60.849999999999994</v>
      </c>
      <c r="G3660" s="40">
        <v>17.06838922120431</v>
      </c>
      <c r="H3660" s="40">
        <v>60.849999999999994</v>
      </c>
      <c r="I3660" s="40">
        <v>13.279596204347648</v>
      </c>
      <c r="J3660" s="40">
        <v>60.8499779761909</v>
      </c>
      <c r="K3660" s="40">
        <v>11.833978450807788</v>
      </c>
      <c r="L3660" s="40"/>
      <c r="M3660" s="40"/>
      <c r="N3660" s="40"/>
      <c r="X3660">
        <v>-100</v>
      </c>
      <c r="Y3660">
        <v>43.56666700000001</v>
      </c>
      <c r="Z3660">
        <v>121.86666700000001</v>
      </c>
      <c r="AA3660">
        <v>8.2196300000000004</v>
      </c>
      <c r="AB3660">
        <v>-0.44190281287297795</v>
      </c>
    </row>
    <row r="3661" spans="4:28" x14ac:dyDescent="0.25">
      <c r="D3661" s="40">
        <v>60.880899000002692</v>
      </c>
      <c r="E3661" s="40">
        <v>19.158902267932319</v>
      </c>
      <c r="F3661" s="40">
        <v>60.866667000000007</v>
      </c>
      <c r="G3661" s="40">
        <v>17.073144465294526</v>
      </c>
      <c r="H3661" s="40">
        <v>60.866667000000007</v>
      </c>
      <c r="I3661" s="40">
        <v>13.282948940490906</v>
      </c>
      <c r="J3661" s="40">
        <v>60.8666446369052</v>
      </c>
      <c r="K3661" s="40">
        <v>11.833978450807788</v>
      </c>
      <c r="L3661" s="40"/>
      <c r="M3661" s="40"/>
      <c r="N3661" s="40"/>
      <c r="X3661">
        <v>-100</v>
      </c>
      <c r="Y3661">
        <v>43.583332999999996</v>
      </c>
      <c r="Z3661">
        <v>121.88333299999999</v>
      </c>
      <c r="AA3661">
        <v>8.2196300000000004</v>
      </c>
      <c r="AB3661">
        <v>-0.44190281287297795</v>
      </c>
    </row>
    <row r="3662" spans="4:28" x14ac:dyDescent="0.25">
      <c r="D3662" s="40">
        <v>60.897565000002693</v>
      </c>
      <c r="E3662" s="40">
        <v>19.158902267932319</v>
      </c>
      <c r="F3662" s="40">
        <v>60.883332999999993</v>
      </c>
      <c r="G3662" s="40">
        <v>17.073144465294526</v>
      </c>
      <c r="H3662" s="40">
        <v>60.883334000000019</v>
      </c>
      <c r="I3662" s="40">
        <v>13.286203066747666</v>
      </c>
      <c r="J3662" s="40">
        <v>60.8833112976195</v>
      </c>
      <c r="K3662" s="40">
        <v>11.833978450807788</v>
      </c>
      <c r="L3662" s="40"/>
      <c r="M3662" s="40"/>
      <c r="N3662" s="40"/>
      <c r="X3662">
        <v>-100</v>
      </c>
      <c r="Y3662">
        <v>43.600000000000009</v>
      </c>
      <c r="Z3662">
        <v>121.9</v>
      </c>
      <c r="AA3662">
        <v>8.2196300000000004</v>
      </c>
      <c r="AB3662">
        <v>-0.44190281287297795</v>
      </c>
    </row>
    <row r="3663" spans="4:28" x14ac:dyDescent="0.25">
      <c r="D3663" s="40">
        <v>60.914231000002694</v>
      </c>
      <c r="E3663" s="40">
        <v>19.163745446521741</v>
      </c>
      <c r="F3663" s="40">
        <v>60.900000000000006</v>
      </c>
      <c r="G3663" s="40">
        <v>17.077899709384745</v>
      </c>
      <c r="H3663" s="40">
        <v>60.900000000000006</v>
      </c>
      <c r="I3663" s="40">
        <v>13.286203066747666</v>
      </c>
      <c r="J3663" s="40">
        <v>60.8999779583338</v>
      </c>
      <c r="K3663" s="40">
        <v>11.833978450807788</v>
      </c>
      <c r="L3663" s="40"/>
      <c r="M3663" s="40"/>
      <c r="N3663" s="40"/>
      <c r="X3663">
        <v>-100</v>
      </c>
      <c r="Y3663">
        <v>43.616667000000007</v>
      </c>
      <c r="Z3663">
        <v>121.916667</v>
      </c>
      <c r="AA3663">
        <v>8.2195959999999992</v>
      </c>
      <c r="AB3663">
        <v>-0.44231462889200585</v>
      </c>
    </row>
    <row r="3664" spans="4:28" x14ac:dyDescent="0.25">
      <c r="D3664" s="40">
        <v>60.930897000002695</v>
      </c>
      <c r="E3664" s="40">
        <v>19.168446178682167</v>
      </c>
      <c r="F3664" s="40">
        <v>60.91666699999999</v>
      </c>
      <c r="G3664" s="40">
        <v>17.077899709384745</v>
      </c>
      <c r="H3664" s="40">
        <v>60.916667000000018</v>
      </c>
      <c r="I3664" s="40">
        <v>13.289555802891099</v>
      </c>
      <c r="J3664" s="40">
        <v>60.9166446190481</v>
      </c>
      <c r="K3664" s="40">
        <v>11.833978450807788</v>
      </c>
      <c r="L3664" s="40"/>
      <c r="M3664" s="40"/>
      <c r="N3664" s="40"/>
      <c r="X3664">
        <v>-100</v>
      </c>
      <c r="Y3664">
        <v>43.633333000000007</v>
      </c>
      <c r="Z3664">
        <v>121.933333</v>
      </c>
      <c r="AA3664">
        <v>8.2195959999999992</v>
      </c>
      <c r="AB3664">
        <v>-0.44231462889200585</v>
      </c>
    </row>
    <row r="3665" spans="4:28" x14ac:dyDescent="0.25">
      <c r="D3665" s="40">
        <v>60.947563000002695</v>
      </c>
      <c r="E3665" s="40">
        <v>19.168446178682167</v>
      </c>
      <c r="F3665" s="40">
        <v>60.933333000000005</v>
      </c>
      <c r="G3665" s="40">
        <v>17.082515093354647</v>
      </c>
      <c r="H3665" s="40">
        <v>60.933334000000002</v>
      </c>
      <c r="I3665" s="40">
        <v>13.292908539034356</v>
      </c>
      <c r="J3665" s="40">
        <v>60.9333112797624</v>
      </c>
      <c r="K3665" s="40">
        <v>11.833978450807788</v>
      </c>
      <c r="L3665" s="40"/>
      <c r="M3665" s="40"/>
      <c r="N3665" s="40"/>
      <c r="X3665">
        <v>-100</v>
      </c>
      <c r="Y3665">
        <v>43.650000000000006</v>
      </c>
      <c r="Z3665">
        <v>121.95</v>
      </c>
      <c r="AA3665">
        <v>8.2195959999999992</v>
      </c>
      <c r="AB3665">
        <v>-0.44231462889200585</v>
      </c>
    </row>
    <row r="3666" spans="4:28" x14ac:dyDescent="0.25">
      <c r="D3666" s="40">
        <v>60.964229000002696</v>
      </c>
      <c r="E3666" s="40">
        <v>19.173289357271717</v>
      </c>
      <c r="F3666" s="40">
        <v>60.949999999999989</v>
      </c>
      <c r="G3666" s="40">
        <v>17.087270337444739</v>
      </c>
      <c r="H3666" s="40">
        <v>60.950000000000017</v>
      </c>
      <c r="I3666" s="40">
        <v>13.292908539034356</v>
      </c>
      <c r="J3666" s="40">
        <v>60.9499779404766</v>
      </c>
      <c r="K3666" s="40">
        <v>11.833978450807788</v>
      </c>
      <c r="L3666" s="40"/>
      <c r="M3666" s="40"/>
      <c r="N3666" s="40"/>
      <c r="X3666">
        <v>-100</v>
      </c>
      <c r="Y3666">
        <v>43.666667000000004</v>
      </c>
      <c r="Z3666">
        <v>121.966667</v>
      </c>
      <c r="AA3666">
        <v>8.2195630000000008</v>
      </c>
      <c r="AB3666">
        <v>-0.44271433267514632</v>
      </c>
    </row>
    <row r="3667" spans="4:28" x14ac:dyDescent="0.25">
      <c r="D3667" s="40">
        <v>60.980895000002697</v>
      </c>
      <c r="E3667" s="40">
        <v>19.173289357271717</v>
      </c>
      <c r="F3667" s="40">
        <v>60.966667000000001</v>
      </c>
      <c r="G3667" s="40">
        <v>17.087270337444739</v>
      </c>
      <c r="H3667" s="40">
        <v>60.966667000000001</v>
      </c>
      <c r="I3667" s="40">
        <v>13.296162665291119</v>
      </c>
      <c r="J3667" s="40">
        <v>60.9666446011909</v>
      </c>
      <c r="K3667" s="40">
        <v>11.833978450807788</v>
      </c>
      <c r="L3667" s="40"/>
      <c r="M3667" s="40"/>
      <c r="N3667" s="40"/>
      <c r="X3667">
        <v>-100</v>
      </c>
      <c r="Y3667">
        <v>43.683333000000005</v>
      </c>
      <c r="Z3667">
        <v>121.983333</v>
      </c>
      <c r="AA3667">
        <v>8.2195630000000008</v>
      </c>
      <c r="AB3667">
        <v>-0.44271433267514632</v>
      </c>
    </row>
    <row r="3668" spans="4:28" x14ac:dyDescent="0.25">
      <c r="D3668" s="40">
        <v>60.997561000002698</v>
      </c>
      <c r="E3668" s="40">
        <v>19.178132535861266</v>
      </c>
      <c r="F3668" s="40">
        <v>60.983332999999988</v>
      </c>
      <c r="G3668" s="40">
        <v>17.092025581534958</v>
      </c>
      <c r="H3668" s="40">
        <v>60.983334000000013</v>
      </c>
      <c r="I3668" s="40">
        <v>13.299515401434377</v>
      </c>
      <c r="J3668" s="40">
        <v>60.9833112619052</v>
      </c>
      <c r="K3668" s="40">
        <v>11.833978450807788</v>
      </c>
      <c r="L3668" s="40"/>
      <c r="M3668" s="40"/>
      <c r="N3668" s="40"/>
      <c r="X3668">
        <v>-100</v>
      </c>
      <c r="Y3668">
        <v>43.7</v>
      </c>
      <c r="Z3668">
        <v>122</v>
      </c>
      <c r="AA3668">
        <v>8.2195630000000008</v>
      </c>
      <c r="AB3668">
        <v>-0.44271433267514632</v>
      </c>
    </row>
    <row r="3669" spans="4:28" x14ac:dyDescent="0.25">
      <c r="D3669" s="40">
        <v>61.014227000002698</v>
      </c>
      <c r="E3669" s="40">
        <v>19.182833268021565</v>
      </c>
      <c r="F3669" s="40">
        <v>61</v>
      </c>
      <c r="G3669" s="40">
        <v>17.092025581534958</v>
      </c>
      <c r="H3669" s="40">
        <v>61</v>
      </c>
      <c r="I3669" s="40">
        <v>13.302868137577635</v>
      </c>
      <c r="J3669" s="40">
        <v>60.9999779226195</v>
      </c>
      <c r="K3669" s="40">
        <v>11.83882949451702</v>
      </c>
      <c r="L3669" s="40"/>
      <c r="M3669" s="40"/>
      <c r="N3669" s="40"/>
      <c r="X3669">
        <v>-100</v>
      </c>
      <c r="Y3669">
        <v>43.716667000000001</v>
      </c>
      <c r="Z3669">
        <v>122.016667</v>
      </c>
      <c r="AA3669">
        <v>8.2195630000000008</v>
      </c>
      <c r="AB3669">
        <v>-0.44271433267514632</v>
      </c>
    </row>
    <row r="3670" spans="4:28" x14ac:dyDescent="0.25">
      <c r="D3670" s="40">
        <v>61.030893000002699</v>
      </c>
      <c r="E3670" s="40">
        <v>19.182833268021565</v>
      </c>
      <c r="F3670" s="40">
        <v>61.016666999999984</v>
      </c>
      <c r="G3670" s="40">
        <v>17.096640965504861</v>
      </c>
      <c r="H3670" s="40">
        <v>61.016667000000012</v>
      </c>
      <c r="I3670" s="40">
        <v>13.302868137577635</v>
      </c>
      <c r="J3670" s="40">
        <v>61.0166445833338</v>
      </c>
      <c r="K3670" s="40">
        <v>11.83882949451702</v>
      </c>
      <c r="L3670" s="40"/>
      <c r="M3670" s="40"/>
      <c r="N3670" s="40"/>
      <c r="X3670">
        <v>-100</v>
      </c>
      <c r="Y3670">
        <v>43.733333000000002</v>
      </c>
      <c r="Z3670">
        <v>122.033333</v>
      </c>
      <c r="AA3670">
        <v>8.2195630000000008</v>
      </c>
      <c r="AB3670">
        <v>-0.44271433267514632</v>
      </c>
    </row>
    <row r="3671" spans="4:28" x14ac:dyDescent="0.25">
      <c r="D3671" s="40">
        <v>61.0475590000027</v>
      </c>
      <c r="E3671" s="40">
        <v>19.182833268021565</v>
      </c>
      <c r="F3671" s="40">
        <v>61.033332999999999</v>
      </c>
      <c r="G3671" s="40">
        <v>17.096640965504861</v>
      </c>
      <c r="H3671" s="40">
        <v>61.033333999999996</v>
      </c>
      <c r="I3671" s="40">
        <v>13.306122263834396</v>
      </c>
      <c r="J3671" s="40">
        <v>61.0333112440481</v>
      </c>
      <c r="K3671" s="40">
        <v>11.843537860469953</v>
      </c>
      <c r="L3671" s="40"/>
      <c r="M3671" s="40"/>
      <c r="N3671" s="40"/>
      <c r="X3671">
        <v>-100</v>
      </c>
      <c r="Y3671">
        <v>43.75</v>
      </c>
      <c r="Z3671">
        <v>122.05</v>
      </c>
      <c r="AA3671">
        <v>8.2195289999999996</v>
      </c>
      <c r="AB3671">
        <v>-0.44312614869417416</v>
      </c>
    </row>
    <row r="3672" spans="4:28" x14ac:dyDescent="0.25">
      <c r="D3672" s="40">
        <v>61.0642250000027</v>
      </c>
      <c r="E3672" s="40">
        <v>19.18767644661111</v>
      </c>
      <c r="F3672" s="40">
        <v>61.049999999999983</v>
      </c>
      <c r="G3672" s="40">
        <v>17.101396209594952</v>
      </c>
      <c r="H3672" s="40">
        <v>61.050000000000011</v>
      </c>
      <c r="I3672" s="40">
        <v>13.30947499997783</v>
      </c>
      <c r="J3672" s="40">
        <v>61.0499779047624</v>
      </c>
      <c r="K3672" s="40">
        <v>11.843537860469953</v>
      </c>
      <c r="L3672" s="40"/>
      <c r="M3672" s="40"/>
      <c r="N3672" s="40"/>
      <c r="X3672">
        <v>-100</v>
      </c>
      <c r="Y3672">
        <v>43.766666999999998</v>
      </c>
      <c r="Z3672">
        <v>122.066667</v>
      </c>
      <c r="AA3672">
        <v>8.2195289999999996</v>
      </c>
      <c r="AB3672">
        <v>-0.44312614869417416</v>
      </c>
    </row>
    <row r="3673" spans="4:28" x14ac:dyDescent="0.25">
      <c r="D3673" s="40">
        <v>61.080891000002701</v>
      </c>
      <c r="E3673" s="40">
        <v>19.18767644661111</v>
      </c>
      <c r="F3673" s="40">
        <v>61.066666999999995</v>
      </c>
      <c r="G3673" s="40">
        <v>17.106151453685175</v>
      </c>
      <c r="H3673" s="40">
        <v>61.066666999999995</v>
      </c>
      <c r="I3673" s="40">
        <v>13.312827736121086</v>
      </c>
      <c r="J3673" s="40">
        <v>61.066644565476601</v>
      </c>
      <c r="K3673" s="40">
        <v>11.848388904179187</v>
      </c>
      <c r="L3673" s="40"/>
      <c r="M3673" s="40"/>
      <c r="N3673" s="40"/>
      <c r="X3673">
        <v>-100</v>
      </c>
      <c r="Y3673">
        <v>43.783332999999999</v>
      </c>
      <c r="Z3673">
        <v>122.083333</v>
      </c>
      <c r="AA3673">
        <v>8.2195289999999996</v>
      </c>
      <c r="AB3673">
        <v>-0.44312614869417416</v>
      </c>
    </row>
    <row r="3674" spans="4:28" x14ac:dyDescent="0.25">
      <c r="D3674" s="40">
        <v>61.097557000002702</v>
      </c>
      <c r="E3674" s="40">
        <v>19.18767644661111</v>
      </c>
      <c r="F3674" s="40">
        <v>61.083332999999982</v>
      </c>
      <c r="G3674" s="40">
        <v>17.106151453685175</v>
      </c>
      <c r="H3674" s="40">
        <v>61.083334000000008</v>
      </c>
      <c r="I3674" s="40">
        <v>13.312827736121086</v>
      </c>
      <c r="J3674" s="40">
        <v>61.083311226190901</v>
      </c>
      <c r="K3674" s="40">
        <v>11.848388904179187</v>
      </c>
      <c r="L3674" s="40"/>
      <c r="M3674" s="40"/>
      <c r="N3674" s="40"/>
      <c r="X3674">
        <v>-100</v>
      </c>
      <c r="Y3674">
        <v>43.8</v>
      </c>
      <c r="Z3674">
        <v>122.1</v>
      </c>
      <c r="AA3674">
        <v>8.2195289999999996</v>
      </c>
      <c r="AB3674">
        <v>-0.44312614869417416</v>
      </c>
    </row>
    <row r="3675" spans="4:28" x14ac:dyDescent="0.25">
      <c r="D3675" s="40">
        <v>61.114223000002703</v>
      </c>
      <c r="E3675" s="40">
        <v>19.18767644661111</v>
      </c>
      <c r="F3675" s="40">
        <v>61.099999999999994</v>
      </c>
      <c r="G3675" s="40">
        <v>17.110766837655074</v>
      </c>
      <c r="H3675" s="40">
        <v>61.099999999999994</v>
      </c>
      <c r="I3675" s="40">
        <v>13.31608186237785</v>
      </c>
      <c r="J3675" s="40">
        <v>61.099977886905201</v>
      </c>
      <c r="K3675" s="40">
        <v>11.848388904179187</v>
      </c>
      <c r="L3675" s="40"/>
      <c r="M3675" s="40"/>
      <c r="N3675" s="40"/>
      <c r="X3675">
        <v>-100</v>
      </c>
      <c r="Y3675">
        <v>43.81666700000001</v>
      </c>
      <c r="Z3675">
        <v>122.11666700000001</v>
      </c>
      <c r="AA3675">
        <v>8.2195289999999996</v>
      </c>
      <c r="AB3675">
        <v>-0.44312614869417416</v>
      </c>
    </row>
    <row r="3676" spans="4:28" x14ac:dyDescent="0.25">
      <c r="D3676" s="40">
        <v>61.130889000002703</v>
      </c>
      <c r="E3676" s="40">
        <v>19.19251962520066</v>
      </c>
      <c r="F3676" s="40">
        <v>61.116667000000007</v>
      </c>
      <c r="G3676" s="40">
        <v>17.110766837655074</v>
      </c>
      <c r="H3676" s="40">
        <v>61.116667000000007</v>
      </c>
      <c r="I3676" s="40">
        <v>13.319434598521108</v>
      </c>
      <c r="J3676" s="40">
        <v>61.116644547619501</v>
      </c>
      <c r="K3676" s="40">
        <v>11.848388904179187</v>
      </c>
      <c r="L3676" s="40"/>
      <c r="M3676" s="40"/>
      <c r="N3676" s="40"/>
      <c r="X3676">
        <v>-100</v>
      </c>
      <c r="Y3676">
        <v>43.833332999999996</v>
      </c>
      <c r="Z3676">
        <v>122.13333299999999</v>
      </c>
      <c r="AA3676">
        <v>8.2195289999999996</v>
      </c>
      <c r="AB3676">
        <v>-0.44312614869417416</v>
      </c>
    </row>
    <row r="3677" spans="4:28" x14ac:dyDescent="0.25">
      <c r="D3677" s="40">
        <v>61.147555000002704</v>
      </c>
      <c r="E3677" s="40">
        <v>19.19251962520066</v>
      </c>
      <c r="F3677" s="40">
        <v>61.133332999999993</v>
      </c>
      <c r="G3677" s="40">
        <v>17.115522081745169</v>
      </c>
      <c r="H3677" s="40">
        <v>61.133334000000019</v>
      </c>
      <c r="I3677" s="40">
        <v>13.319434598521108</v>
      </c>
      <c r="J3677" s="40">
        <v>61.133311208333801</v>
      </c>
      <c r="K3677" s="40">
        <v>11.848388904179187</v>
      </c>
      <c r="L3677" s="40"/>
      <c r="M3677" s="40"/>
      <c r="N3677" s="40"/>
      <c r="X3677">
        <v>-100</v>
      </c>
      <c r="Y3677">
        <v>43.850000000000009</v>
      </c>
      <c r="Z3677">
        <v>122.15</v>
      </c>
      <c r="AA3677">
        <v>8.2194950000000002</v>
      </c>
      <c r="AB3677">
        <v>-0.44353796471318052</v>
      </c>
    </row>
    <row r="3678" spans="4:28" x14ac:dyDescent="0.25">
      <c r="D3678" s="40">
        <v>61.164221000002705</v>
      </c>
      <c r="E3678" s="40">
        <v>19.19251962520066</v>
      </c>
      <c r="F3678" s="40">
        <v>61.150000000000006</v>
      </c>
      <c r="G3678" s="40">
        <v>17.115522081745169</v>
      </c>
      <c r="H3678" s="40">
        <v>61.150000000000006</v>
      </c>
      <c r="I3678" s="40">
        <v>13.32278733466454</v>
      </c>
      <c r="J3678" s="40">
        <v>61.149977869048101</v>
      </c>
      <c r="K3678" s="40">
        <v>11.848388904179187</v>
      </c>
      <c r="L3678" s="40"/>
      <c r="M3678" s="40"/>
      <c r="N3678" s="40"/>
      <c r="X3678">
        <v>-100</v>
      </c>
      <c r="Y3678">
        <v>43.866667000000007</v>
      </c>
      <c r="Z3678">
        <v>122.166667</v>
      </c>
      <c r="AA3678">
        <v>8.2194950000000002</v>
      </c>
      <c r="AB3678">
        <v>-0.44353796471318052</v>
      </c>
    </row>
    <row r="3679" spans="4:28" x14ac:dyDescent="0.25">
      <c r="D3679" s="40">
        <v>61.180887000002706</v>
      </c>
      <c r="E3679" s="40">
        <v>19.19251962520066</v>
      </c>
      <c r="F3679" s="40">
        <v>61.16666699999999</v>
      </c>
      <c r="G3679" s="40">
        <v>17.120277325835389</v>
      </c>
      <c r="H3679" s="40">
        <v>61.166667000000018</v>
      </c>
      <c r="I3679" s="40">
        <v>13.326041460921127</v>
      </c>
      <c r="J3679" s="40">
        <v>61.166644529762401</v>
      </c>
      <c r="K3679" s="40">
        <v>11.853239947888417</v>
      </c>
      <c r="L3679" s="40"/>
      <c r="M3679" s="40"/>
      <c r="N3679" s="40"/>
      <c r="X3679">
        <v>-100</v>
      </c>
      <c r="Y3679">
        <v>43.883333000000007</v>
      </c>
      <c r="Z3679">
        <v>122.183333</v>
      </c>
      <c r="AA3679">
        <v>8.2194950000000002</v>
      </c>
      <c r="AB3679">
        <v>-0.44353796471318052</v>
      </c>
    </row>
    <row r="3680" spans="4:28" x14ac:dyDescent="0.25">
      <c r="D3680" s="40">
        <v>61.197553000002706</v>
      </c>
      <c r="E3680" s="40">
        <v>19.19251962520066</v>
      </c>
      <c r="F3680" s="40">
        <v>61.183333000000005</v>
      </c>
      <c r="G3680" s="40">
        <v>17.120277325835389</v>
      </c>
      <c r="H3680" s="40">
        <v>61.183334000000002</v>
      </c>
      <c r="I3680" s="40">
        <v>13.329394197064559</v>
      </c>
      <c r="J3680" s="40">
        <v>61.183311190476601</v>
      </c>
      <c r="K3680" s="40">
        <v>11.853239947888417</v>
      </c>
      <c r="L3680" s="40"/>
      <c r="M3680" s="40"/>
      <c r="N3680" s="40"/>
      <c r="X3680">
        <v>-100</v>
      </c>
      <c r="Y3680">
        <v>43.900000000000006</v>
      </c>
      <c r="Z3680">
        <v>122.2</v>
      </c>
      <c r="AA3680">
        <v>8.2194950000000002</v>
      </c>
      <c r="AB3680">
        <v>-0.44353796471318052</v>
      </c>
    </row>
    <row r="3681" spans="4:28" x14ac:dyDescent="0.25">
      <c r="D3681" s="40">
        <v>61.214219000002707</v>
      </c>
      <c r="E3681" s="40">
        <v>19.19251962520066</v>
      </c>
      <c r="F3681" s="40">
        <v>61.199999999999989</v>
      </c>
      <c r="G3681" s="40">
        <v>17.124892709805291</v>
      </c>
      <c r="H3681" s="40">
        <v>61.200000000000017</v>
      </c>
      <c r="I3681" s="40">
        <v>13.329394197064559</v>
      </c>
      <c r="J3681" s="40">
        <v>61.199977851190901</v>
      </c>
      <c r="K3681" s="40">
        <v>11.853239947888417</v>
      </c>
      <c r="L3681" s="40"/>
      <c r="M3681" s="40"/>
      <c r="N3681" s="40"/>
      <c r="X3681">
        <v>-100</v>
      </c>
      <c r="Y3681">
        <v>43.916667000000004</v>
      </c>
      <c r="Z3681">
        <v>122.216667</v>
      </c>
      <c r="AA3681">
        <v>8.2194950000000002</v>
      </c>
      <c r="AB3681">
        <v>-0.44353796471318052</v>
      </c>
    </row>
    <row r="3682" spans="4:28" x14ac:dyDescent="0.25">
      <c r="D3682" s="40">
        <v>61.230885000002708</v>
      </c>
      <c r="E3682" s="40">
        <v>19.18767644661111</v>
      </c>
      <c r="F3682" s="40">
        <v>61.216667000000001</v>
      </c>
      <c r="G3682" s="40">
        <v>17.12964795389551</v>
      </c>
      <c r="H3682" s="40">
        <v>61.216667000000001</v>
      </c>
      <c r="I3682" s="40">
        <v>13.332746933207815</v>
      </c>
      <c r="J3682" s="40">
        <v>61.216644511905201</v>
      </c>
      <c r="K3682" s="40">
        <v>11.853239947888417</v>
      </c>
      <c r="L3682" s="40"/>
      <c r="M3682" s="40"/>
      <c r="N3682" s="40"/>
      <c r="X3682">
        <v>-100</v>
      </c>
      <c r="Y3682">
        <v>43.933333000000005</v>
      </c>
      <c r="Z3682">
        <v>122.233333</v>
      </c>
      <c r="AA3682">
        <v>8.2194950000000002</v>
      </c>
      <c r="AB3682">
        <v>-0.44353796471318052</v>
      </c>
    </row>
    <row r="3683" spans="4:28" x14ac:dyDescent="0.25">
      <c r="D3683" s="40">
        <v>61.247551000002709</v>
      </c>
      <c r="E3683" s="40">
        <v>19.18767644661111</v>
      </c>
      <c r="F3683" s="40">
        <v>61.233332999999988</v>
      </c>
      <c r="G3683" s="40">
        <v>17.12964795389551</v>
      </c>
      <c r="H3683" s="40">
        <v>61.233334000000013</v>
      </c>
      <c r="I3683" s="40">
        <v>13.336001059464579</v>
      </c>
      <c r="J3683" s="40">
        <v>61.233311172619501</v>
      </c>
      <c r="K3683" s="40">
        <v>11.85794831384135</v>
      </c>
      <c r="L3683" s="40"/>
      <c r="M3683" s="40"/>
      <c r="N3683" s="40"/>
      <c r="X3683">
        <v>-100</v>
      </c>
      <c r="Y3683">
        <v>43.95</v>
      </c>
      <c r="Z3683">
        <v>122.25</v>
      </c>
      <c r="AA3683">
        <v>8.2194950000000002</v>
      </c>
      <c r="AB3683">
        <v>-0.44353796471318052</v>
      </c>
    </row>
    <row r="3684" spans="4:28" x14ac:dyDescent="0.25">
      <c r="D3684" s="40">
        <v>61.264217000002709</v>
      </c>
      <c r="E3684" s="40">
        <v>19.18767644661111</v>
      </c>
      <c r="F3684" s="40">
        <v>61.25</v>
      </c>
      <c r="G3684" s="40">
        <v>17.134403197985602</v>
      </c>
      <c r="H3684" s="40">
        <v>61.25</v>
      </c>
      <c r="I3684" s="40">
        <v>13.339353795607837</v>
      </c>
      <c r="J3684" s="40">
        <v>61.249977833333801</v>
      </c>
      <c r="K3684" s="40">
        <v>11.85794831384135</v>
      </c>
      <c r="L3684" s="40"/>
      <c r="M3684" s="40"/>
      <c r="N3684" s="40"/>
      <c r="X3684">
        <v>-100</v>
      </c>
      <c r="Y3684">
        <v>43.966667000000001</v>
      </c>
      <c r="Z3684">
        <v>122.266667</v>
      </c>
      <c r="AA3684">
        <v>8.2194950000000002</v>
      </c>
      <c r="AB3684">
        <v>-0.44353796471318052</v>
      </c>
    </row>
    <row r="3685" spans="4:28" x14ac:dyDescent="0.25">
      <c r="D3685" s="40">
        <v>61.28088300000271</v>
      </c>
      <c r="E3685" s="40">
        <v>19.18767644661111</v>
      </c>
      <c r="F3685" s="40">
        <v>61.266666999999984</v>
      </c>
      <c r="G3685" s="40">
        <v>17.139018581955504</v>
      </c>
      <c r="H3685" s="40">
        <v>61.266667000000012</v>
      </c>
      <c r="I3685" s="40">
        <v>13.342706531751269</v>
      </c>
      <c r="J3685" s="40">
        <v>61.266644494048101</v>
      </c>
      <c r="K3685" s="40">
        <v>11.85794831384135</v>
      </c>
      <c r="L3685" s="40"/>
      <c r="M3685" s="40"/>
      <c r="N3685" s="40"/>
      <c r="X3685">
        <v>-100</v>
      </c>
      <c r="Y3685">
        <v>43.983333000000002</v>
      </c>
      <c r="Z3685">
        <v>122.283333</v>
      </c>
      <c r="AA3685">
        <v>8.2194950000000002</v>
      </c>
      <c r="AB3685">
        <v>-0.44353796471318052</v>
      </c>
    </row>
    <row r="3686" spans="4:28" x14ac:dyDescent="0.25">
      <c r="D3686" s="40">
        <v>61.297549000002711</v>
      </c>
      <c r="E3686" s="40">
        <v>19.18767644661111</v>
      </c>
      <c r="F3686" s="40">
        <v>61.283332999999999</v>
      </c>
      <c r="G3686" s="40">
        <v>17.139018581955504</v>
      </c>
      <c r="H3686" s="40">
        <v>61.283333999999996</v>
      </c>
      <c r="I3686" s="40">
        <v>13.345960658008032</v>
      </c>
      <c r="J3686" s="40">
        <v>61.283311154762401</v>
      </c>
      <c r="K3686" s="40">
        <v>11.85794831384135</v>
      </c>
      <c r="L3686" s="40"/>
      <c r="M3686" s="40"/>
      <c r="N3686" s="40"/>
      <c r="X3686">
        <v>-100</v>
      </c>
      <c r="Y3686">
        <v>44</v>
      </c>
      <c r="Z3686">
        <v>122.3</v>
      </c>
      <c r="AA3686">
        <v>8.2194950000000002</v>
      </c>
      <c r="AB3686">
        <v>-0.44353796471318052</v>
      </c>
    </row>
    <row r="3687" spans="4:28" x14ac:dyDescent="0.25">
      <c r="D3687" s="40">
        <v>61.314215000002712</v>
      </c>
      <c r="E3687" s="40">
        <v>19.19251962520066</v>
      </c>
      <c r="F3687" s="40">
        <v>61.299999999999983</v>
      </c>
      <c r="G3687" s="40">
        <v>17.143773826045724</v>
      </c>
      <c r="H3687" s="40">
        <v>61.300000000000011</v>
      </c>
      <c r="I3687" s="40">
        <v>13.34931339415129</v>
      </c>
      <c r="J3687" s="40">
        <v>61.299977815476602</v>
      </c>
      <c r="K3687" s="40">
        <v>11.862799357550584</v>
      </c>
      <c r="L3687" s="40"/>
      <c r="M3687" s="40"/>
      <c r="N3687" s="40"/>
      <c r="X3687">
        <v>-100</v>
      </c>
      <c r="Y3687">
        <v>44.016666999999998</v>
      </c>
      <c r="Z3687">
        <v>122.316667</v>
      </c>
      <c r="AA3687">
        <v>8.219462</v>
      </c>
      <c r="AB3687">
        <v>-0.44393766849634253</v>
      </c>
    </row>
    <row r="3688" spans="4:28" x14ac:dyDescent="0.25">
      <c r="D3688" s="40">
        <v>61.330881000002712</v>
      </c>
      <c r="E3688" s="40">
        <v>19.19251962520066</v>
      </c>
      <c r="F3688" s="40">
        <v>61.316666999999995</v>
      </c>
      <c r="G3688" s="40">
        <v>17.148529070135819</v>
      </c>
      <c r="H3688" s="40">
        <v>61.316666999999995</v>
      </c>
      <c r="I3688" s="40">
        <v>13.34931339415129</v>
      </c>
      <c r="J3688" s="40">
        <v>61.316644476190902</v>
      </c>
      <c r="K3688" s="40">
        <v>11.862799357550584</v>
      </c>
      <c r="L3688" s="40"/>
      <c r="M3688" s="40"/>
      <c r="N3688" s="40"/>
      <c r="X3688">
        <v>-100</v>
      </c>
      <c r="Y3688">
        <v>44.033332999999999</v>
      </c>
      <c r="Z3688">
        <v>122.333333</v>
      </c>
      <c r="AA3688">
        <v>8.219462</v>
      </c>
      <c r="AB3688">
        <v>-0.44393766849634253</v>
      </c>
    </row>
    <row r="3689" spans="4:28" x14ac:dyDescent="0.25">
      <c r="D3689" s="40">
        <v>61.347547000002713</v>
      </c>
      <c r="E3689" s="40">
        <v>19.19251962520066</v>
      </c>
      <c r="F3689" s="40">
        <v>61.333332999999982</v>
      </c>
      <c r="G3689" s="40">
        <v>17.148529070135819</v>
      </c>
      <c r="H3689" s="40">
        <v>61.333334000000008</v>
      </c>
      <c r="I3689" s="40">
        <v>13.352666130294548</v>
      </c>
      <c r="J3689" s="40">
        <v>61.333311136905202</v>
      </c>
      <c r="K3689" s="40">
        <v>11.862799357550584</v>
      </c>
      <c r="L3689" s="40"/>
      <c r="M3689" s="40"/>
      <c r="N3689" s="40"/>
      <c r="X3689">
        <v>-100</v>
      </c>
      <c r="Y3689">
        <v>44.05</v>
      </c>
      <c r="Z3689">
        <v>122.35</v>
      </c>
      <c r="AA3689">
        <v>8.219462</v>
      </c>
      <c r="AB3689">
        <v>-0.44393766849634253</v>
      </c>
    </row>
    <row r="3690" spans="4:28" x14ac:dyDescent="0.25">
      <c r="D3690" s="40">
        <v>61.364213000002714</v>
      </c>
      <c r="E3690" s="40">
        <v>19.19251962520066</v>
      </c>
      <c r="F3690" s="40">
        <v>61.349999999999994</v>
      </c>
      <c r="G3690" s="40">
        <v>17.153144454105721</v>
      </c>
      <c r="H3690" s="40">
        <v>61.349999999999994</v>
      </c>
      <c r="I3690" s="40">
        <v>13.355920256551309</v>
      </c>
      <c r="J3690" s="40">
        <v>61.349977797619502</v>
      </c>
      <c r="K3690" s="40">
        <v>11.862799357550584</v>
      </c>
      <c r="L3690" s="40"/>
      <c r="M3690" s="40"/>
      <c r="N3690" s="40"/>
      <c r="X3690">
        <v>-100</v>
      </c>
      <c r="Y3690">
        <v>44.06666700000001</v>
      </c>
      <c r="Z3690">
        <v>122.36666700000001</v>
      </c>
      <c r="AA3690">
        <v>8.219462</v>
      </c>
      <c r="AB3690">
        <v>-0.44393766849634253</v>
      </c>
    </row>
    <row r="3691" spans="4:28" x14ac:dyDescent="0.25">
      <c r="D3691" s="40">
        <v>61.380879000002714</v>
      </c>
      <c r="E3691" s="40">
        <v>19.19251962520066</v>
      </c>
      <c r="F3691" s="40">
        <v>61.366667000000007</v>
      </c>
      <c r="G3691" s="40">
        <v>17.157899698195941</v>
      </c>
      <c r="H3691" s="40">
        <v>61.366667000000007</v>
      </c>
      <c r="I3691" s="40">
        <v>13.359272992694567</v>
      </c>
      <c r="J3691" s="40">
        <v>61.366644458333802</v>
      </c>
      <c r="K3691" s="40">
        <v>11.862799357550584</v>
      </c>
      <c r="L3691" s="40"/>
      <c r="M3691" s="40"/>
      <c r="N3691" s="40"/>
      <c r="X3691">
        <v>-100</v>
      </c>
      <c r="Y3691">
        <v>44.083332999999996</v>
      </c>
      <c r="Z3691">
        <v>122.38333299999999</v>
      </c>
      <c r="AA3691">
        <v>8.219462</v>
      </c>
      <c r="AB3691">
        <v>-0.44393766849634253</v>
      </c>
    </row>
    <row r="3692" spans="4:28" x14ac:dyDescent="0.25">
      <c r="D3692" s="40">
        <v>61.397545000002715</v>
      </c>
      <c r="E3692" s="40">
        <v>19.19251962520066</v>
      </c>
      <c r="F3692" s="40">
        <v>61.383332999999993</v>
      </c>
      <c r="G3692" s="40">
        <v>17.157899698195941</v>
      </c>
      <c r="H3692" s="40">
        <v>61.383334000000019</v>
      </c>
      <c r="I3692" s="40">
        <v>13.359272992694567</v>
      </c>
      <c r="J3692" s="40">
        <v>61.383311119048102</v>
      </c>
      <c r="K3692" s="40">
        <v>11.862799357550584</v>
      </c>
      <c r="L3692" s="40"/>
      <c r="M3692" s="40"/>
      <c r="N3692" s="40"/>
      <c r="X3692">
        <v>-100</v>
      </c>
      <c r="Y3692">
        <v>44.100000000000009</v>
      </c>
      <c r="Z3692">
        <v>122.4</v>
      </c>
      <c r="AA3692">
        <v>8.219462</v>
      </c>
      <c r="AB3692">
        <v>-0.44393766849634253</v>
      </c>
    </row>
    <row r="3693" spans="4:28" x14ac:dyDescent="0.25">
      <c r="D3693" s="40">
        <v>61.414211000002716</v>
      </c>
      <c r="E3693" s="40">
        <v>19.19251962520066</v>
      </c>
      <c r="F3693" s="40">
        <v>61.400000000000006</v>
      </c>
      <c r="G3693" s="40">
        <v>17.162654942286032</v>
      </c>
      <c r="H3693" s="40">
        <v>61.400000000000006</v>
      </c>
      <c r="I3693" s="40">
        <v>13.362625728837999</v>
      </c>
      <c r="J3693" s="40">
        <v>61.399977779762402</v>
      </c>
      <c r="K3693" s="40">
        <v>11.867650401259816</v>
      </c>
      <c r="L3693" s="40"/>
      <c r="M3693" s="40"/>
      <c r="N3693" s="40"/>
      <c r="X3693">
        <v>-100</v>
      </c>
      <c r="Y3693">
        <v>44.116667000000007</v>
      </c>
      <c r="Z3693">
        <v>122.416667</v>
      </c>
      <c r="AA3693">
        <v>8.2194280000000006</v>
      </c>
      <c r="AB3693">
        <v>-0.44434948451534889</v>
      </c>
    </row>
    <row r="3694" spans="4:28" x14ac:dyDescent="0.25">
      <c r="D3694" s="40">
        <v>61.430877000002717</v>
      </c>
      <c r="E3694" s="40">
        <v>19.197220357360958</v>
      </c>
      <c r="F3694" s="40">
        <v>61.41666699999999</v>
      </c>
      <c r="G3694" s="40">
        <v>17.167270326255935</v>
      </c>
      <c r="H3694" s="40">
        <v>61.416667000000018</v>
      </c>
      <c r="I3694" s="40">
        <v>13.365879855094763</v>
      </c>
      <c r="J3694" s="40">
        <v>61.416644440476603</v>
      </c>
      <c r="K3694" s="40">
        <v>11.867650401259816</v>
      </c>
      <c r="L3694" s="40"/>
      <c r="M3694" s="40"/>
      <c r="N3694" s="40"/>
      <c r="X3694">
        <v>-100</v>
      </c>
      <c r="Y3694">
        <v>44.133333000000007</v>
      </c>
      <c r="Z3694">
        <v>122.433333</v>
      </c>
      <c r="AA3694">
        <v>8.2194280000000006</v>
      </c>
      <c r="AB3694">
        <v>-0.44434948451534889</v>
      </c>
    </row>
    <row r="3695" spans="4:28" x14ac:dyDescent="0.25">
      <c r="D3695" s="40">
        <v>61.447543000002717</v>
      </c>
      <c r="E3695" s="40">
        <v>19.197220357360958</v>
      </c>
      <c r="F3695" s="40">
        <v>61.433333000000005</v>
      </c>
      <c r="G3695" s="40">
        <v>17.172025570346154</v>
      </c>
      <c r="H3695" s="40">
        <v>61.433334000000002</v>
      </c>
      <c r="I3695" s="40">
        <v>13.369232591238019</v>
      </c>
      <c r="J3695" s="40">
        <v>61.433311101190903</v>
      </c>
      <c r="K3695" s="40">
        <v>11.867650401259816</v>
      </c>
      <c r="L3695" s="40"/>
      <c r="M3695" s="40"/>
      <c r="N3695" s="40"/>
      <c r="X3695">
        <v>-100</v>
      </c>
      <c r="Y3695">
        <v>44.150000000000006</v>
      </c>
      <c r="Z3695">
        <v>122.45</v>
      </c>
      <c r="AA3695">
        <v>8.2194280000000006</v>
      </c>
      <c r="AB3695">
        <v>-0.44434948451534889</v>
      </c>
    </row>
    <row r="3696" spans="4:28" x14ac:dyDescent="0.25">
      <c r="D3696" s="40">
        <v>61.464209000002718</v>
      </c>
      <c r="E3696" s="40">
        <v>19.197220357360958</v>
      </c>
      <c r="F3696" s="40">
        <v>61.449999999999989</v>
      </c>
      <c r="G3696" s="40">
        <v>17.172025570346154</v>
      </c>
      <c r="H3696" s="40">
        <v>61.450000000000017</v>
      </c>
      <c r="I3696" s="40">
        <v>13.369232591238019</v>
      </c>
      <c r="J3696" s="40">
        <v>61.449977761905203</v>
      </c>
      <c r="K3696" s="40">
        <v>11.867650401259816</v>
      </c>
      <c r="L3696" s="40"/>
      <c r="M3696" s="40"/>
      <c r="N3696" s="40"/>
      <c r="X3696">
        <v>-100</v>
      </c>
      <c r="Y3696">
        <v>44.166667000000004</v>
      </c>
      <c r="Z3696">
        <v>122.466667</v>
      </c>
      <c r="AA3696">
        <v>8.2194280000000006</v>
      </c>
      <c r="AB3696">
        <v>-0.44434948451534889</v>
      </c>
    </row>
    <row r="3697" spans="4:28" x14ac:dyDescent="0.25">
      <c r="D3697" s="40">
        <v>61.480875000002719</v>
      </c>
      <c r="E3697" s="40">
        <v>19.197220357360958</v>
      </c>
      <c r="F3697" s="40">
        <v>61.466667000000001</v>
      </c>
      <c r="G3697" s="40">
        <v>17.176780814436245</v>
      </c>
      <c r="H3697" s="40">
        <v>61.466667000000001</v>
      </c>
      <c r="I3697" s="40">
        <v>13.372585327381277</v>
      </c>
      <c r="J3697" s="40">
        <v>61.466644422619503</v>
      </c>
      <c r="K3697" s="40">
        <v>11.867650401259816</v>
      </c>
      <c r="L3697" s="40"/>
      <c r="M3697" s="40"/>
      <c r="N3697" s="40"/>
      <c r="X3697">
        <v>-100</v>
      </c>
      <c r="Y3697">
        <v>44.183333000000005</v>
      </c>
      <c r="Z3697">
        <v>122.483333</v>
      </c>
      <c r="AA3697">
        <v>8.2194280000000006</v>
      </c>
      <c r="AB3697">
        <v>-0.44434948451534889</v>
      </c>
    </row>
    <row r="3698" spans="4:28" x14ac:dyDescent="0.25">
      <c r="D3698" s="40">
        <v>61.49754100000272</v>
      </c>
      <c r="E3698" s="40">
        <v>19.202063535950508</v>
      </c>
      <c r="F3698" s="40">
        <v>61.483332999999988</v>
      </c>
      <c r="G3698" s="40">
        <v>17.176780814436245</v>
      </c>
      <c r="H3698" s="40">
        <v>61.483334000000013</v>
      </c>
      <c r="I3698" s="40">
        <v>13.372585327381277</v>
      </c>
      <c r="J3698" s="40">
        <v>61.483311083333803</v>
      </c>
      <c r="K3698" s="40">
        <v>11.872358767212877</v>
      </c>
      <c r="L3698" s="40"/>
      <c r="M3698" s="40"/>
      <c r="N3698" s="40"/>
      <c r="X3698">
        <v>-100</v>
      </c>
      <c r="Y3698">
        <v>44.2</v>
      </c>
      <c r="Z3698">
        <v>122.5</v>
      </c>
      <c r="AA3698">
        <v>8.2194280000000006</v>
      </c>
      <c r="AB3698">
        <v>-0.44434948451534889</v>
      </c>
    </row>
    <row r="3699" spans="4:28" x14ac:dyDescent="0.25">
      <c r="D3699" s="40">
        <v>61.51420700000272</v>
      </c>
      <c r="E3699" s="40">
        <v>19.202063535950508</v>
      </c>
      <c r="F3699" s="40">
        <v>61.5</v>
      </c>
      <c r="G3699" s="40">
        <v>17.181536058526465</v>
      </c>
      <c r="H3699" s="40">
        <v>61.5</v>
      </c>
      <c r="I3699" s="40">
        <v>13.375839453638038</v>
      </c>
      <c r="J3699" s="40">
        <v>61.499977744048103</v>
      </c>
      <c r="K3699" s="40">
        <v>11.872358767212877</v>
      </c>
      <c r="L3699" s="40"/>
      <c r="M3699" s="40"/>
      <c r="N3699" s="40"/>
      <c r="X3699">
        <v>-100</v>
      </c>
      <c r="Y3699">
        <v>44.216667000000001</v>
      </c>
      <c r="Z3699">
        <v>122.516667</v>
      </c>
      <c r="AA3699">
        <v>8.2193939999999994</v>
      </c>
      <c r="AB3699">
        <v>-0.44476130053437674</v>
      </c>
    </row>
    <row r="3700" spans="4:28" x14ac:dyDescent="0.25">
      <c r="D3700" s="40">
        <v>61.530873000002721</v>
      </c>
      <c r="E3700" s="40">
        <v>19.206906714540054</v>
      </c>
      <c r="F3700" s="40">
        <v>61.516666999999984</v>
      </c>
      <c r="G3700" s="40">
        <v>17.181536058526465</v>
      </c>
      <c r="H3700" s="40">
        <v>61.516667000000012</v>
      </c>
      <c r="I3700" s="40">
        <v>13.379192189781472</v>
      </c>
      <c r="J3700" s="40">
        <v>61.516644404762403</v>
      </c>
      <c r="K3700" s="40">
        <v>11.872358767212877</v>
      </c>
      <c r="L3700" s="40"/>
      <c r="M3700" s="40"/>
      <c r="N3700" s="40"/>
      <c r="X3700">
        <v>-100</v>
      </c>
      <c r="Y3700">
        <v>44.233333000000002</v>
      </c>
      <c r="Z3700">
        <v>122.533333</v>
      </c>
      <c r="AA3700">
        <v>8.2193939999999994</v>
      </c>
      <c r="AB3700">
        <v>-0.44476130053437674</v>
      </c>
    </row>
    <row r="3701" spans="4:28" x14ac:dyDescent="0.25">
      <c r="D3701" s="40">
        <v>61.547539000002722</v>
      </c>
      <c r="E3701" s="40">
        <v>19.206906714540054</v>
      </c>
      <c r="F3701" s="40">
        <v>61.533332999999999</v>
      </c>
      <c r="G3701" s="40">
        <v>17.186151442496367</v>
      </c>
      <c r="H3701" s="40">
        <v>61.533333999999996</v>
      </c>
      <c r="I3701" s="40">
        <v>13.382544925924728</v>
      </c>
      <c r="J3701" s="40">
        <v>61.533311065476603</v>
      </c>
      <c r="K3701" s="40">
        <v>11.872358767212877</v>
      </c>
      <c r="L3701" s="40"/>
      <c r="M3701" s="40"/>
      <c r="N3701" s="40"/>
      <c r="X3701">
        <v>-100</v>
      </c>
      <c r="Y3701">
        <v>44.25</v>
      </c>
      <c r="Z3701">
        <v>122.55</v>
      </c>
      <c r="AA3701">
        <v>8.2193939999999994</v>
      </c>
      <c r="AB3701">
        <v>-0.44476130053437674</v>
      </c>
    </row>
    <row r="3702" spans="4:28" x14ac:dyDescent="0.25">
      <c r="D3702" s="40">
        <v>61.564205000002723</v>
      </c>
      <c r="E3702" s="40">
        <v>19.21160744670048</v>
      </c>
      <c r="F3702" s="40">
        <v>61.549999999999983</v>
      </c>
      <c r="G3702" s="40">
        <v>17.186151442496367</v>
      </c>
      <c r="H3702" s="40">
        <v>61.550000000000011</v>
      </c>
      <c r="I3702" s="40">
        <v>13.382544925924728</v>
      </c>
      <c r="J3702" s="40">
        <v>61.549977726190903</v>
      </c>
      <c r="K3702" s="40">
        <v>11.872358767212877</v>
      </c>
      <c r="L3702" s="40"/>
      <c r="M3702" s="40"/>
      <c r="N3702" s="40"/>
      <c r="X3702">
        <v>-100</v>
      </c>
      <c r="Y3702">
        <v>44.266666999999998</v>
      </c>
      <c r="Z3702">
        <v>122.566667</v>
      </c>
      <c r="AA3702">
        <v>8.2193939999999994</v>
      </c>
      <c r="AB3702">
        <v>-0.44476130053437674</v>
      </c>
    </row>
    <row r="3703" spans="4:28" x14ac:dyDescent="0.25">
      <c r="D3703" s="40">
        <v>61.580871000002723</v>
      </c>
      <c r="E3703" s="40">
        <v>19.21160744670048</v>
      </c>
      <c r="F3703" s="40">
        <v>61.566666999999995</v>
      </c>
      <c r="G3703" s="40">
        <v>17.190906686586587</v>
      </c>
      <c r="H3703" s="40">
        <v>61.566666999999995</v>
      </c>
      <c r="I3703" s="40">
        <v>13.385799052181492</v>
      </c>
      <c r="J3703" s="40">
        <v>61.566644386905203</v>
      </c>
      <c r="K3703" s="40">
        <v>11.877209810921981</v>
      </c>
      <c r="L3703" s="40"/>
      <c r="M3703" s="40"/>
      <c r="N3703" s="40"/>
      <c r="X3703">
        <v>-100</v>
      </c>
      <c r="Y3703">
        <v>44.283332999999999</v>
      </c>
      <c r="Z3703">
        <v>122.583333</v>
      </c>
      <c r="AA3703">
        <v>8.2193939999999994</v>
      </c>
      <c r="AB3703">
        <v>-0.44476130053437674</v>
      </c>
    </row>
    <row r="3704" spans="4:28" x14ac:dyDescent="0.25">
      <c r="D3704" s="40">
        <v>61.597537000002724</v>
      </c>
      <c r="E3704" s="40">
        <v>19.216450625289902</v>
      </c>
      <c r="F3704" s="40">
        <v>61.583332999999982</v>
      </c>
      <c r="G3704" s="40">
        <v>17.195661930676682</v>
      </c>
      <c r="H3704" s="40">
        <v>61.583334000000008</v>
      </c>
      <c r="I3704" s="40">
        <v>13.38915178832475</v>
      </c>
      <c r="J3704" s="40">
        <v>61.583311047619503</v>
      </c>
      <c r="K3704" s="40">
        <v>11.877209810921981</v>
      </c>
      <c r="L3704" s="40"/>
      <c r="M3704" s="40"/>
      <c r="N3704" s="40"/>
      <c r="X3704">
        <v>-100</v>
      </c>
      <c r="Y3704">
        <v>44.3</v>
      </c>
      <c r="Z3704">
        <v>122.6</v>
      </c>
      <c r="AA3704">
        <v>8.2193609999999993</v>
      </c>
      <c r="AB3704">
        <v>-0.44516100431753874</v>
      </c>
    </row>
    <row r="3705" spans="4:28" x14ac:dyDescent="0.25">
      <c r="D3705" s="40">
        <v>61.614203000002725</v>
      </c>
      <c r="E3705" s="40">
        <v>19.216450625289902</v>
      </c>
      <c r="F3705" s="40">
        <v>61.599999999999994</v>
      </c>
      <c r="G3705" s="40">
        <v>17.195661930676682</v>
      </c>
      <c r="H3705" s="40">
        <v>61.599999999999994</v>
      </c>
      <c r="I3705" s="40">
        <v>13.38915178832475</v>
      </c>
      <c r="J3705" s="40">
        <v>61.599977708333803</v>
      </c>
      <c r="K3705" s="40">
        <v>11.877209810921981</v>
      </c>
      <c r="L3705" s="40"/>
      <c r="M3705" s="40"/>
      <c r="N3705" s="40"/>
      <c r="X3705">
        <v>-100</v>
      </c>
      <c r="Y3705">
        <v>44.31666700000001</v>
      </c>
      <c r="Z3705">
        <v>122.61666700000001</v>
      </c>
      <c r="AA3705">
        <v>8.2193609999999993</v>
      </c>
      <c r="AB3705">
        <v>-0.44516100431753874</v>
      </c>
    </row>
    <row r="3706" spans="4:28" x14ac:dyDescent="0.25">
      <c r="D3706" s="40">
        <v>61.630869000002725</v>
      </c>
      <c r="E3706" s="40">
        <v>19.221293803879451</v>
      </c>
      <c r="F3706" s="40">
        <v>61.616667000000007</v>
      </c>
      <c r="G3706" s="40">
        <v>17.200277314646584</v>
      </c>
      <c r="H3706" s="40">
        <v>61.616667000000007</v>
      </c>
      <c r="I3706" s="40">
        <v>13.392504524468007</v>
      </c>
      <c r="J3706" s="40">
        <v>61.616644369048103</v>
      </c>
      <c r="K3706" s="40">
        <v>11.877209810921981</v>
      </c>
      <c r="L3706" s="40"/>
      <c r="M3706" s="40"/>
      <c r="N3706" s="40"/>
      <c r="X3706">
        <v>-100</v>
      </c>
      <c r="Y3706">
        <v>44.333332999999996</v>
      </c>
      <c r="Z3706">
        <v>122.63333299999999</v>
      </c>
      <c r="AA3706">
        <v>8.2193609999999993</v>
      </c>
      <c r="AB3706">
        <v>-0.44516100431753874</v>
      </c>
    </row>
    <row r="3707" spans="4:28" x14ac:dyDescent="0.25">
      <c r="D3707" s="40">
        <v>61.647535000002726</v>
      </c>
      <c r="E3707" s="40">
        <v>19.225994536039874</v>
      </c>
      <c r="F3707" s="40">
        <v>61.633332999999993</v>
      </c>
      <c r="G3707" s="40">
        <v>17.200277314646584</v>
      </c>
      <c r="H3707" s="40">
        <v>61.633334000000019</v>
      </c>
      <c r="I3707" s="40">
        <v>13.395758650724769</v>
      </c>
      <c r="J3707" s="40">
        <v>61.633311029762403</v>
      </c>
      <c r="K3707" s="40">
        <v>11.877209810921981</v>
      </c>
      <c r="L3707" s="40"/>
      <c r="M3707" s="40"/>
      <c r="N3707" s="40"/>
      <c r="X3707">
        <v>-100</v>
      </c>
      <c r="Y3707">
        <v>44.350000000000009</v>
      </c>
      <c r="Z3707">
        <v>122.65</v>
      </c>
      <c r="AA3707">
        <v>8.2193609999999993</v>
      </c>
      <c r="AB3707">
        <v>-0.44516100431753874</v>
      </c>
    </row>
    <row r="3708" spans="4:28" x14ac:dyDescent="0.25">
      <c r="D3708" s="40">
        <v>61.664201000002727</v>
      </c>
      <c r="E3708" s="40">
        <v>19.225994536039874</v>
      </c>
      <c r="F3708" s="40">
        <v>61.650000000000006</v>
      </c>
      <c r="G3708" s="40">
        <v>17.205032558736804</v>
      </c>
      <c r="H3708" s="40">
        <v>61.650000000000006</v>
      </c>
      <c r="I3708" s="40">
        <v>13.395758650724769</v>
      </c>
      <c r="J3708" s="40">
        <v>61.649977690476597</v>
      </c>
      <c r="K3708" s="40">
        <v>11.877209810921981</v>
      </c>
      <c r="L3708" s="40"/>
      <c r="M3708" s="40"/>
      <c r="N3708" s="40"/>
      <c r="X3708">
        <v>-100</v>
      </c>
      <c r="Y3708">
        <v>44.366667000000007</v>
      </c>
      <c r="Z3708">
        <v>122.666667</v>
      </c>
      <c r="AA3708">
        <v>8.2193609999999993</v>
      </c>
      <c r="AB3708">
        <v>-0.44516100431753874</v>
      </c>
    </row>
    <row r="3709" spans="4:28" x14ac:dyDescent="0.25">
      <c r="D3709" s="40">
        <v>61.680867000002728</v>
      </c>
      <c r="E3709" s="40">
        <v>19.230837714629299</v>
      </c>
      <c r="F3709" s="40">
        <v>61.66666699999999</v>
      </c>
      <c r="G3709" s="40">
        <v>17.205032558736804</v>
      </c>
      <c r="H3709" s="40">
        <v>61.666667000000018</v>
      </c>
      <c r="I3709" s="40">
        <v>13.399111386868203</v>
      </c>
      <c r="J3709" s="40">
        <v>61.666644351190897</v>
      </c>
      <c r="K3709" s="40">
        <v>11.877209810921981</v>
      </c>
      <c r="L3709" s="40"/>
      <c r="M3709" s="40"/>
      <c r="N3709" s="40"/>
      <c r="X3709">
        <v>-100</v>
      </c>
      <c r="Y3709">
        <v>44.383333000000007</v>
      </c>
      <c r="Z3709">
        <v>122.683333</v>
      </c>
      <c r="AA3709">
        <v>8.2193269999999998</v>
      </c>
      <c r="AB3709">
        <v>-0.44557282033654511</v>
      </c>
    </row>
    <row r="3710" spans="4:28" x14ac:dyDescent="0.25">
      <c r="D3710" s="40">
        <v>61.697533000002728</v>
      </c>
      <c r="E3710" s="40">
        <v>19.230837714629299</v>
      </c>
      <c r="F3710" s="40">
        <v>61.683333000000005</v>
      </c>
      <c r="G3710" s="40">
        <v>17.209787802826895</v>
      </c>
      <c r="H3710" s="40">
        <v>61.683334000000002</v>
      </c>
      <c r="I3710" s="40">
        <v>13.399111386868203</v>
      </c>
      <c r="J3710" s="40">
        <v>61.683311011905197</v>
      </c>
      <c r="K3710" s="40">
        <v>11.877209810921981</v>
      </c>
      <c r="L3710" s="40"/>
      <c r="M3710" s="40"/>
      <c r="N3710" s="40"/>
      <c r="X3710">
        <v>-100</v>
      </c>
      <c r="Y3710">
        <v>44.400000000000006</v>
      </c>
      <c r="Z3710">
        <v>122.7</v>
      </c>
      <c r="AA3710">
        <v>8.2193269999999998</v>
      </c>
      <c r="AB3710">
        <v>-0.44557282033654511</v>
      </c>
    </row>
    <row r="3711" spans="4:28" x14ac:dyDescent="0.25">
      <c r="D3711" s="40">
        <v>61.714199000002729</v>
      </c>
      <c r="E3711" s="40">
        <v>19.235680893218849</v>
      </c>
      <c r="F3711" s="40">
        <v>61.699999999999989</v>
      </c>
      <c r="G3711" s="40">
        <v>17.209787802826895</v>
      </c>
      <c r="H3711" s="40">
        <v>61.700000000000017</v>
      </c>
      <c r="I3711" s="40">
        <v>13.402464123011459</v>
      </c>
      <c r="J3711" s="40">
        <v>61.699977672619497</v>
      </c>
      <c r="K3711" s="40">
        <v>11.877209810921981</v>
      </c>
      <c r="L3711" s="40"/>
      <c r="M3711" s="40"/>
      <c r="N3711" s="40"/>
      <c r="X3711">
        <v>-100</v>
      </c>
      <c r="Y3711">
        <v>44.416667000000004</v>
      </c>
      <c r="Z3711">
        <v>122.716667</v>
      </c>
      <c r="AA3711">
        <v>8.2193269999999998</v>
      </c>
      <c r="AB3711">
        <v>-0.44557282033654511</v>
      </c>
    </row>
    <row r="3712" spans="4:28" x14ac:dyDescent="0.25">
      <c r="D3712" s="40">
        <v>61.73086500000273</v>
      </c>
      <c r="E3712" s="40">
        <v>19.235680893218849</v>
      </c>
      <c r="F3712" s="40">
        <v>61.716667000000001</v>
      </c>
      <c r="G3712" s="40">
        <v>17.214403186796797</v>
      </c>
      <c r="H3712" s="40">
        <v>61.716667000000001</v>
      </c>
      <c r="I3712" s="40">
        <v>13.405718249268222</v>
      </c>
      <c r="J3712" s="40">
        <v>61.716644333333797</v>
      </c>
      <c r="K3712" s="40">
        <v>11.882060854631213</v>
      </c>
      <c r="L3712" s="40"/>
      <c r="M3712" s="40"/>
      <c r="N3712" s="40"/>
      <c r="X3712">
        <v>-100</v>
      </c>
      <c r="Y3712">
        <v>44.433333000000005</v>
      </c>
      <c r="Z3712">
        <v>122.733333</v>
      </c>
      <c r="AA3712">
        <v>8.2192930000000004</v>
      </c>
      <c r="AB3712">
        <v>-0.44598463635555136</v>
      </c>
    </row>
    <row r="3713" spans="4:28" x14ac:dyDescent="0.25">
      <c r="D3713" s="40">
        <v>61.747531000002731</v>
      </c>
      <c r="E3713" s="40">
        <v>19.240381625379275</v>
      </c>
      <c r="F3713" s="40">
        <v>61.733332999999988</v>
      </c>
      <c r="G3713" s="40">
        <v>17.214403186796797</v>
      </c>
      <c r="H3713" s="40">
        <v>61.733334000000013</v>
      </c>
      <c r="I3713" s="40">
        <v>13.40907098541148</v>
      </c>
      <c r="J3713" s="40">
        <v>61.733310994048097</v>
      </c>
      <c r="K3713" s="40">
        <v>11.882060854631213</v>
      </c>
      <c r="L3713" s="40"/>
      <c r="M3713" s="40"/>
      <c r="N3713" s="40"/>
      <c r="X3713">
        <v>-100</v>
      </c>
      <c r="Y3713">
        <v>44.45</v>
      </c>
      <c r="Z3713">
        <v>122.75</v>
      </c>
      <c r="AA3713">
        <v>8.2192930000000004</v>
      </c>
      <c r="AB3713">
        <v>-0.44598463635555136</v>
      </c>
    </row>
    <row r="3714" spans="4:28" x14ac:dyDescent="0.25">
      <c r="D3714" s="40">
        <v>61.764197000002731</v>
      </c>
      <c r="E3714" s="40">
        <v>19.240381625379275</v>
      </c>
      <c r="F3714" s="40">
        <v>61.75</v>
      </c>
      <c r="G3714" s="40">
        <v>17.219158430887017</v>
      </c>
      <c r="H3714" s="40">
        <v>61.75</v>
      </c>
      <c r="I3714" s="40">
        <v>13.40907098541148</v>
      </c>
      <c r="J3714" s="40">
        <v>61.749977654762397</v>
      </c>
      <c r="K3714" s="40">
        <v>11.882060854631213</v>
      </c>
      <c r="L3714" s="40"/>
      <c r="M3714" s="40"/>
      <c r="N3714" s="40"/>
      <c r="X3714">
        <v>-100</v>
      </c>
      <c r="Y3714">
        <v>44.466667000000001</v>
      </c>
      <c r="Z3714">
        <v>122.766667</v>
      </c>
      <c r="AA3714">
        <v>8.2192600000000002</v>
      </c>
      <c r="AB3714">
        <v>-0.44638434013871348</v>
      </c>
    </row>
    <row r="3715" spans="4:28" x14ac:dyDescent="0.25">
      <c r="D3715" s="40">
        <v>61.780863000002732</v>
      </c>
      <c r="E3715" s="40">
        <v>19.245224803968696</v>
      </c>
      <c r="F3715" s="40">
        <v>61.766666999999984</v>
      </c>
      <c r="G3715" s="40">
        <v>17.219158430887017</v>
      </c>
      <c r="H3715" s="40">
        <v>61.766667000000012</v>
      </c>
      <c r="I3715" s="40">
        <v>13.41242372155491</v>
      </c>
      <c r="J3715" s="40">
        <v>61.766644315476597</v>
      </c>
      <c r="K3715" s="40">
        <v>11.886769220584274</v>
      </c>
      <c r="L3715" s="40"/>
      <c r="M3715" s="40"/>
      <c r="N3715" s="40"/>
      <c r="X3715">
        <v>-100</v>
      </c>
      <c r="Y3715">
        <v>44.483333000000002</v>
      </c>
      <c r="Z3715">
        <v>122.783333</v>
      </c>
      <c r="AA3715">
        <v>8.2192260000000008</v>
      </c>
      <c r="AB3715">
        <v>-0.44679615615771973</v>
      </c>
    </row>
    <row r="3716" spans="4:28" x14ac:dyDescent="0.25">
      <c r="D3716" s="40">
        <v>61.797529000002733</v>
      </c>
      <c r="E3716" s="40">
        <v>19.245224803968696</v>
      </c>
      <c r="F3716" s="40">
        <v>61.783332999999999</v>
      </c>
      <c r="G3716" s="40">
        <v>17.223913674977108</v>
      </c>
      <c r="H3716" s="40">
        <v>61.783333999999996</v>
      </c>
      <c r="I3716" s="40">
        <v>13.415776457698168</v>
      </c>
      <c r="J3716" s="40">
        <v>61.783310976190897</v>
      </c>
      <c r="K3716" s="40">
        <v>11.886769220584274</v>
      </c>
      <c r="L3716" s="40"/>
      <c r="M3716" s="40"/>
      <c r="N3716" s="40"/>
      <c r="X3716">
        <v>-100</v>
      </c>
      <c r="Y3716">
        <v>44.5</v>
      </c>
      <c r="Z3716">
        <v>122.8</v>
      </c>
      <c r="AA3716">
        <v>8.2192260000000008</v>
      </c>
      <c r="AB3716">
        <v>-0.44679615615771973</v>
      </c>
    </row>
    <row r="3717" spans="4:28" x14ac:dyDescent="0.25">
      <c r="D3717" s="40">
        <v>61.814195000002734</v>
      </c>
      <c r="E3717" s="40">
        <v>19.250067982558242</v>
      </c>
      <c r="F3717" s="40">
        <v>61.799999999999983</v>
      </c>
      <c r="G3717" s="40">
        <v>17.223913674977108</v>
      </c>
      <c r="H3717" s="40">
        <v>61.800000000000011</v>
      </c>
      <c r="I3717" s="40">
        <v>13.415776457698168</v>
      </c>
      <c r="J3717" s="40">
        <v>61.799977636905197</v>
      </c>
      <c r="K3717" s="40">
        <v>11.886769220584274</v>
      </c>
      <c r="L3717" s="40"/>
      <c r="M3717" s="40"/>
      <c r="N3717" s="40"/>
      <c r="X3717">
        <v>-100</v>
      </c>
      <c r="Y3717">
        <v>44.516666999999998</v>
      </c>
      <c r="Z3717">
        <v>122.816667</v>
      </c>
      <c r="AA3717">
        <v>8.2191919999999996</v>
      </c>
      <c r="AB3717">
        <v>-0.44720797217674757</v>
      </c>
    </row>
    <row r="3718" spans="4:28" x14ac:dyDescent="0.25">
      <c r="D3718" s="40">
        <v>61.830861000002734</v>
      </c>
      <c r="E3718" s="40">
        <v>19.250067982558242</v>
      </c>
      <c r="F3718" s="40">
        <v>61.816666999999995</v>
      </c>
      <c r="G3718" s="40">
        <v>17.223913674977108</v>
      </c>
      <c r="H3718" s="40">
        <v>61.816666999999995</v>
      </c>
      <c r="I3718" s="40">
        <v>13.419030583954932</v>
      </c>
      <c r="J3718" s="40">
        <v>61.816644297619497</v>
      </c>
      <c r="K3718" s="40">
        <v>11.886769220584274</v>
      </c>
      <c r="L3718" s="40"/>
      <c r="M3718" s="40"/>
      <c r="N3718" s="40"/>
      <c r="X3718">
        <v>-100</v>
      </c>
      <c r="Y3718">
        <v>44.533332999999999</v>
      </c>
      <c r="Z3718">
        <v>122.833333</v>
      </c>
      <c r="AA3718">
        <v>8.2191589999999994</v>
      </c>
      <c r="AB3718">
        <v>-0.44760767595990969</v>
      </c>
    </row>
    <row r="3719" spans="4:28" x14ac:dyDescent="0.25">
      <c r="D3719" s="40">
        <v>61.847527000002735</v>
      </c>
      <c r="E3719" s="40">
        <v>19.250067982558242</v>
      </c>
      <c r="F3719" s="40">
        <v>61.833332999999982</v>
      </c>
      <c r="G3719" s="40">
        <v>17.228529058947011</v>
      </c>
      <c r="H3719" s="40">
        <v>61.833334000000008</v>
      </c>
      <c r="I3719" s="40">
        <v>13.42238332009819</v>
      </c>
      <c r="J3719" s="40">
        <v>61.833310958333797</v>
      </c>
      <c r="K3719" s="40">
        <v>11.886769220584274</v>
      </c>
      <c r="L3719" s="40"/>
      <c r="M3719" s="40"/>
      <c r="N3719" s="40"/>
      <c r="X3719">
        <v>-100</v>
      </c>
      <c r="Y3719">
        <v>44.55</v>
      </c>
      <c r="Z3719">
        <v>122.85</v>
      </c>
      <c r="AA3719">
        <v>8.219125</v>
      </c>
      <c r="AB3719">
        <v>-0.44801949197891594</v>
      </c>
    </row>
    <row r="3720" spans="4:28" x14ac:dyDescent="0.25">
      <c r="D3720" s="40">
        <v>61.864193000002736</v>
      </c>
      <c r="E3720" s="40">
        <v>19.254768714718669</v>
      </c>
      <c r="F3720" s="40">
        <v>61.849999999999994</v>
      </c>
      <c r="G3720" s="40">
        <v>17.228529058947011</v>
      </c>
      <c r="H3720" s="40">
        <v>61.849999999999994</v>
      </c>
      <c r="I3720" s="40">
        <v>13.42238332009819</v>
      </c>
      <c r="J3720" s="40">
        <v>61.849977619048097</v>
      </c>
      <c r="K3720" s="40">
        <v>11.886769220584274</v>
      </c>
      <c r="L3720" s="40"/>
      <c r="M3720" s="40"/>
      <c r="N3720" s="40"/>
      <c r="X3720">
        <v>-100</v>
      </c>
      <c r="Y3720">
        <v>44.56666700000001</v>
      </c>
      <c r="Z3720">
        <v>122.86666700000001</v>
      </c>
      <c r="AA3720">
        <v>8.2190910000000006</v>
      </c>
      <c r="AB3720">
        <v>-0.4484313079979223</v>
      </c>
    </row>
    <row r="3721" spans="4:28" x14ac:dyDescent="0.25">
      <c r="D3721" s="40">
        <v>61.880859000002737</v>
      </c>
      <c r="E3721" s="40">
        <v>19.254768714718669</v>
      </c>
      <c r="F3721" s="40">
        <v>61.866667000000007</v>
      </c>
      <c r="G3721" s="40">
        <v>17.23328430303723</v>
      </c>
      <c r="H3721" s="40">
        <v>61.866667000000007</v>
      </c>
      <c r="I3721" s="40">
        <v>13.425736056241446</v>
      </c>
      <c r="J3721" s="40">
        <v>61.866644279762397</v>
      </c>
      <c r="K3721" s="40">
        <v>11.886769220584274</v>
      </c>
      <c r="L3721" s="40"/>
      <c r="M3721" s="40"/>
      <c r="N3721" s="40"/>
      <c r="X3721">
        <v>-100</v>
      </c>
      <c r="Y3721">
        <v>44.583332999999996</v>
      </c>
      <c r="Z3721">
        <v>122.88333299999999</v>
      </c>
      <c r="AA3721">
        <v>8.2190910000000006</v>
      </c>
      <c r="AB3721">
        <v>-0.4484313079979223</v>
      </c>
    </row>
    <row r="3722" spans="4:28" x14ac:dyDescent="0.25">
      <c r="D3722" s="40">
        <v>61.897525000002737</v>
      </c>
      <c r="E3722" s="40">
        <v>19.259611893308215</v>
      </c>
      <c r="F3722" s="40">
        <v>61.883332999999993</v>
      </c>
      <c r="G3722" s="40">
        <v>17.23803954712745</v>
      </c>
      <c r="H3722" s="40">
        <v>61.883334000000019</v>
      </c>
      <c r="I3722" s="40">
        <v>13.428990182498209</v>
      </c>
      <c r="J3722" s="40">
        <v>61.883310940476598</v>
      </c>
      <c r="K3722" s="40">
        <v>11.89162026429338</v>
      </c>
      <c r="L3722" s="40"/>
      <c r="M3722" s="40"/>
      <c r="N3722" s="40"/>
      <c r="X3722">
        <v>-100</v>
      </c>
      <c r="Y3722">
        <v>44.600000000000009</v>
      </c>
      <c r="Z3722">
        <v>122.9</v>
      </c>
      <c r="AA3722">
        <v>8.2190580000000004</v>
      </c>
      <c r="AB3722">
        <v>-0.44883101178108431</v>
      </c>
    </row>
    <row r="3723" spans="4:28" x14ac:dyDescent="0.25">
      <c r="D3723" s="40">
        <v>61.914191000002738</v>
      </c>
      <c r="E3723" s="40">
        <v>19.259611893308215</v>
      </c>
      <c r="F3723" s="40">
        <v>61.900000000000006</v>
      </c>
      <c r="G3723" s="40">
        <v>17.23803954712745</v>
      </c>
      <c r="H3723" s="40">
        <v>61.900000000000006</v>
      </c>
      <c r="I3723" s="40">
        <v>13.432342918641641</v>
      </c>
      <c r="J3723" s="40">
        <v>61.899977601190898</v>
      </c>
      <c r="K3723" s="40">
        <v>11.89162026429338</v>
      </c>
      <c r="L3723" s="40"/>
      <c r="M3723" s="40"/>
      <c r="N3723" s="40"/>
      <c r="X3723">
        <v>-100</v>
      </c>
      <c r="Y3723">
        <v>44.616667000000007</v>
      </c>
      <c r="Z3723">
        <v>122.916667</v>
      </c>
      <c r="AA3723">
        <v>8.2190239999999992</v>
      </c>
      <c r="AB3723">
        <v>-0.44924282780011215</v>
      </c>
    </row>
    <row r="3724" spans="4:28" x14ac:dyDescent="0.25">
      <c r="D3724" s="40">
        <v>61.930857000002739</v>
      </c>
      <c r="E3724" s="40">
        <v>19.264455071897636</v>
      </c>
      <c r="F3724" s="40">
        <v>61.91666699999999</v>
      </c>
      <c r="G3724" s="40">
        <v>17.242654931097228</v>
      </c>
      <c r="H3724" s="40">
        <v>61.916667000000018</v>
      </c>
      <c r="I3724" s="40">
        <v>13.432342918641641</v>
      </c>
      <c r="J3724" s="40">
        <v>61.916644261905198</v>
      </c>
      <c r="K3724" s="40">
        <v>11.89162026429338</v>
      </c>
      <c r="L3724" s="40"/>
      <c r="M3724" s="40"/>
      <c r="N3724" s="40"/>
      <c r="X3724">
        <v>-100</v>
      </c>
      <c r="Y3724">
        <v>44.633333000000007</v>
      </c>
      <c r="Z3724">
        <v>122.933333</v>
      </c>
      <c r="AA3724">
        <v>8.2189899999999998</v>
      </c>
      <c r="AB3724">
        <v>-0.44965464381911852</v>
      </c>
    </row>
    <row r="3725" spans="4:28" x14ac:dyDescent="0.25">
      <c r="D3725" s="40">
        <v>61.947523000002739</v>
      </c>
      <c r="E3725" s="40">
        <v>19.264455071897636</v>
      </c>
      <c r="F3725" s="40">
        <v>61.933333000000005</v>
      </c>
      <c r="G3725" s="40">
        <v>17.247410175187447</v>
      </c>
      <c r="H3725" s="40">
        <v>61.933334000000002</v>
      </c>
      <c r="I3725" s="40">
        <v>13.435695654784899</v>
      </c>
      <c r="J3725" s="40">
        <v>61.933310922619498</v>
      </c>
      <c r="K3725" s="40">
        <v>11.89162026429338</v>
      </c>
      <c r="L3725" s="40"/>
      <c r="M3725" s="40"/>
      <c r="N3725" s="40"/>
      <c r="X3725">
        <v>-100</v>
      </c>
      <c r="Y3725">
        <v>44.650000000000006</v>
      </c>
      <c r="Z3725">
        <v>122.95</v>
      </c>
      <c r="AA3725">
        <v>8.2189230000000002</v>
      </c>
      <c r="AB3725">
        <v>-0.45046616362128689</v>
      </c>
    </row>
    <row r="3726" spans="4:28" x14ac:dyDescent="0.25">
      <c r="D3726" s="40">
        <v>61.96418900000274</v>
      </c>
      <c r="E3726" s="40">
        <v>19.264455071897636</v>
      </c>
      <c r="F3726" s="40">
        <v>61.949999999999989</v>
      </c>
      <c r="G3726" s="40">
        <v>17.247410175187447</v>
      </c>
      <c r="H3726" s="40">
        <v>61.950000000000017</v>
      </c>
      <c r="I3726" s="40">
        <v>13.438949781041662</v>
      </c>
      <c r="J3726" s="40">
        <v>61.949977583333798</v>
      </c>
      <c r="K3726" s="40">
        <v>11.89162026429338</v>
      </c>
      <c r="L3726" s="40"/>
      <c r="M3726" s="40"/>
      <c r="N3726" s="40"/>
      <c r="X3726">
        <v>-100</v>
      </c>
      <c r="Y3726">
        <v>44.666667000000004</v>
      </c>
      <c r="Z3726">
        <v>122.966667</v>
      </c>
      <c r="AA3726">
        <v>8.2188890000000008</v>
      </c>
      <c r="AB3726">
        <v>-0.45087797964029325</v>
      </c>
    </row>
    <row r="3727" spans="4:28" x14ac:dyDescent="0.25">
      <c r="D3727" s="40">
        <v>61.980855000002741</v>
      </c>
      <c r="E3727" s="40">
        <v>19.269298250487186</v>
      </c>
      <c r="F3727" s="40">
        <v>61.966667000000001</v>
      </c>
      <c r="G3727" s="40">
        <v>17.247410175187447</v>
      </c>
      <c r="H3727" s="40">
        <v>61.966667000000001</v>
      </c>
      <c r="I3727" s="40">
        <v>13.438949781041662</v>
      </c>
      <c r="J3727" s="40">
        <v>61.966644244048098</v>
      </c>
      <c r="K3727" s="40">
        <v>11.89162026429338</v>
      </c>
      <c r="L3727" s="40"/>
      <c r="M3727" s="40"/>
      <c r="N3727" s="40"/>
      <c r="X3727">
        <v>-100</v>
      </c>
      <c r="Y3727">
        <v>44.683333000000005</v>
      </c>
      <c r="Z3727">
        <v>122.983333</v>
      </c>
      <c r="AA3727">
        <v>8.2188560000000006</v>
      </c>
      <c r="AB3727">
        <v>-0.45127768342345526</v>
      </c>
    </row>
    <row r="3728" spans="4:28" x14ac:dyDescent="0.25">
      <c r="D3728" s="40">
        <v>61.997521000002742</v>
      </c>
      <c r="E3728" s="40">
        <v>19.269298250487186</v>
      </c>
      <c r="F3728" s="40">
        <v>61.983332999999988</v>
      </c>
      <c r="G3728" s="40">
        <v>17.252165419277663</v>
      </c>
      <c r="H3728" s="40">
        <v>61.983334000000013</v>
      </c>
      <c r="I3728" s="40">
        <v>13.44230251718492</v>
      </c>
      <c r="J3728" s="40">
        <v>61.983310904762398</v>
      </c>
      <c r="K3728" s="40">
        <v>11.89162026429338</v>
      </c>
      <c r="L3728" s="40"/>
      <c r="M3728" s="40"/>
      <c r="N3728" s="40"/>
      <c r="X3728">
        <v>-100</v>
      </c>
      <c r="Y3728">
        <v>44.7</v>
      </c>
      <c r="Z3728">
        <v>123</v>
      </c>
      <c r="AA3728">
        <v>8.2188219999999994</v>
      </c>
      <c r="AB3728">
        <v>-0.4516894994424831</v>
      </c>
    </row>
    <row r="3729" spans="4:28" x14ac:dyDescent="0.25">
      <c r="D3729" s="40">
        <v>62.014187000002742</v>
      </c>
      <c r="E3729" s="40">
        <v>19.269298250487186</v>
      </c>
      <c r="F3729" s="40">
        <v>62</v>
      </c>
      <c r="G3729" s="40">
        <v>17.256780803247441</v>
      </c>
      <c r="H3729" s="40">
        <v>62</v>
      </c>
      <c r="I3729" s="40">
        <v>13.44230251718492</v>
      </c>
      <c r="J3729" s="40">
        <v>61.999977565476598</v>
      </c>
      <c r="K3729" s="40">
        <v>11.89162026429338</v>
      </c>
      <c r="L3729" s="40"/>
      <c r="M3729" s="40"/>
      <c r="N3729" s="40"/>
      <c r="X3729">
        <v>-100</v>
      </c>
      <c r="Y3729">
        <v>44.716667000000001</v>
      </c>
      <c r="Z3729">
        <v>123.016667</v>
      </c>
      <c r="AA3729">
        <v>8.218788</v>
      </c>
      <c r="AB3729">
        <v>-0.45210131546148935</v>
      </c>
    </row>
    <row r="3730" spans="4:28" x14ac:dyDescent="0.25">
      <c r="D3730" s="40">
        <v>62.030853000002743</v>
      </c>
      <c r="E3730" s="40">
        <v>19.269298250487186</v>
      </c>
      <c r="F3730" s="40">
        <v>62.016666999999984</v>
      </c>
      <c r="G3730" s="40">
        <v>17.26153604733766</v>
      </c>
      <c r="H3730" s="40">
        <v>62.016667000000012</v>
      </c>
      <c r="I3730" s="40">
        <v>13.445655253328352</v>
      </c>
      <c r="J3730" s="40">
        <v>62.016644226190898</v>
      </c>
      <c r="K3730" s="40">
        <v>11.89162026429338</v>
      </c>
      <c r="L3730" s="40"/>
      <c r="M3730" s="40"/>
      <c r="N3730" s="40"/>
      <c r="X3730">
        <v>-100</v>
      </c>
      <c r="Y3730">
        <v>44.733333000000002</v>
      </c>
      <c r="Z3730">
        <v>123.033333</v>
      </c>
      <c r="AA3730">
        <v>8.2187549999999998</v>
      </c>
      <c r="AB3730">
        <v>-0.45250101924465147</v>
      </c>
    </row>
    <row r="3731" spans="4:28" x14ac:dyDescent="0.25">
      <c r="D3731" s="40">
        <v>62.047519000002744</v>
      </c>
      <c r="E3731" s="40">
        <v>19.273998982647612</v>
      </c>
      <c r="F3731" s="40">
        <v>62.033332999999999</v>
      </c>
      <c r="G3731" s="40">
        <v>17.26153604733766</v>
      </c>
      <c r="H3731" s="40">
        <v>62.033333999999996</v>
      </c>
      <c r="I3731" s="40">
        <v>13.44890937958494</v>
      </c>
      <c r="J3731" s="40">
        <v>62.033310886905198</v>
      </c>
      <c r="K3731" s="40">
        <v>11.89162026429338</v>
      </c>
      <c r="L3731" s="40"/>
      <c r="M3731" s="40"/>
      <c r="N3731" s="40"/>
      <c r="X3731">
        <v>-100</v>
      </c>
      <c r="Y3731">
        <v>44.75</v>
      </c>
      <c r="Z3731">
        <v>123.05</v>
      </c>
      <c r="AA3731">
        <v>8.2187549999999998</v>
      </c>
      <c r="AB3731">
        <v>-0.45250101924465147</v>
      </c>
    </row>
    <row r="3732" spans="4:28" x14ac:dyDescent="0.25">
      <c r="D3732" s="40">
        <v>62.064185000002745</v>
      </c>
      <c r="E3732" s="40">
        <v>19.273998982647612</v>
      </c>
      <c r="F3732" s="40">
        <v>62.049999999999983</v>
      </c>
      <c r="G3732" s="40">
        <v>17.266291291427876</v>
      </c>
      <c r="H3732" s="40">
        <v>62.050000000000011</v>
      </c>
      <c r="I3732" s="40">
        <v>13.452262115728372</v>
      </c>
      <c r="J3732" s="40">
        <v>62.049977547619498</v>
      </c>
      <c r="K3732" s="40">
        <v>11.896471308002612</v>
      </c>
      <c r="L3732" s="40"/>
      <c r="M3732" s="40"/>
      <c r="N3732" s="40"/>
      <c r="X3732">
        <v>-100</v>
      </c>
      <c r="Y3732">
        <v>44.766666999999998</v>
      </c>
      <c r="Z3732">
        <v>123.066667</v>
      </c>
      <c r="AA3732">
        <v>8.2186880000000002</v>
      </c>
      <c r="AB3732">
        <v>-0.45331253904681984</v>
      </c>
    </row>
    <row r="3733" spans="4:28" x14ac:dyDescent="0.25">
      <c r="D3733" s="40">
        <v>62.080851000002745</v>
      </c>
      <c r="E3733" s="40">
        <v>19.273998982647612</v>
      </c>
      <c r="F3733" s="40">
        <v>62.066666999999995</v>
      </c>
      <c r="G3733" s="40">
        <v>17.270906675397779</v>
      </c>
      <c r="H3733" s="40">
        <v>62.066666999999995</v>
      </c>
      <c r="I3733" s="40">
        <v>13.452262115728372</v>
      </c>
      <c r="J3733" s="40">
        <v>62.066644208333798</v>
      </c>
      <c r="K3733" s="40">
        <v>11.896471308002612</v>
      </c>
      <c r="L3733" s="40"/>
      <c r="M3733" s="40"/>
      <c r="N3733" s="40"/>
      <c r="X3733">
        <v>-100</v>
      </c>
      <c r="Y3733">
        <v>44.783332999999999</v>
      </c>
      <c r="Z3733">
        <v>123.083333</v>
      </c>
      <c r="AA3733">
        <v>8.2186540000000008</v>
      </c>
      <c r="AB3733">
        <v>-0.4537243550658262</v>
      </c>
    </row>
    <row r="3734" spans="4:28" x14ac:dyDescent="0.25">
      <c r="D3734" s="40">
        <v>62.097517000002746</v>
      </c>
      <c r="E3734" s="40">
        <v>19.278842161237034</v>
      </c>
      <c r="F3734" s="40">
        <v>62.083332999999982</v>
      </c>
      <c r="G3734" s="40">
        <v>17.275661919487877</v>
      </c>
      <c r="H3734" s="40">
        <v>62.083334000000008</v>
      </c>
      <c r="I3734" s="40">
        <v>13.455614851871628</v>
      </c>
      <c r="J3734" s="40">
        <v>62.083310869048098</v>
      </c>
      <c r="K3734" s="40">
        <v>11.896471308002612</v>
      </c>
      <c r="L3734" s="40"/>
      <c r="M3734" s="40"/>
      <c r="N3734" s="40"/>
      <c r="X3734">
        <v>-100</v>
      </c>
      <c r="Y3734">
        <v>44.8</v>
      </c>
      <c r="Z3734">
        <v>123.1</v>
      </c>
      <c r="AA3734">
        <v>8.2186199999999996</v>
      </c>
      <c r="AB3734">
        <v>-0.45413617108485393</v>
      </c>
    </row>
    <row r="3735" spans="4:28" x14ac:dyDescent="0.25">
      <c r="D3735" s="40">
        <v>62.114183000002747</v>
      </c>
      <c r="E3735" s="40">
        <v>19.278842161237034</v>
      </c>
      <c r="F3735" s="40">
        <v>62.099999999999994</v>
      </c>
      <c r="G3735" s="40">
        <v>17.275661919487877</v>
      </c>
      <c r="H3735" s="40">
        <v>62.099999999999994</v>
      </c>
      <c r="I3735" s="40">
        <v>13.458868978128391</v>
      </c>
      <c r="J3735" s="40">
        <v>62.099977529762398</v>
      </c>
      <c r="K3735" s="40">
        <v>11.896471308002612</v>
      </c>
      <c r="L3735" s="40"/>
      <c r="M3735" s="40"/>
      <c r="N3735" s="40"/>
      <c r="X3735">
        <v>-100</v>
      </c>
      <c r="Y3735">
        <v>44.81666700000001</v>
      </c>
      <c r="Z3735">
        <v>123.11666700000001</v>
      </c>
      <c r="AA3735">
        <v>8.2185869999999994</v>
      </c>
      <c r="AB3735">
        <v>-0.45453587486801605</v>
      </c>
    </row>
    <row r="3736" spans="4:28" x14ac:dyDescent="0.25">
      <c r="D3736" s="40">
        <v>62.130849000002748</v>
      </c>
      <c r="E3736" s="40">
        <v>19.278842161237034</v>
      </c>
      <c r="F3736" s="40">
        <v>62.116667000000007</v>
      </c>
      <c r="G3736" s="40">
        <v>17.280417163578093</v>
      </c>
      <c r="H3736" s="40">
        <v>62.116667000000007</v>
      </c>
      <c r="I3736" s="40">
        <v>13.458868978128391</v>
      </c>
      <c r="J3736" s="40">
        <v>62.116644190476599</v>
      </c>
      <c r="K3736" s="40">
        <v>11.896471308002612</v>
      </c>
      <c r="L3736" s="40"/>
      <c r="M3736" s="40"/>
      <c r="N3736" s="40"/>
      <c r="X3736">
        <v>-100</v>
      </c>
      <c r="Y3736">
        <v>44.833332999999996</v>
      </c>
      <c r="Z3736">
        <v>123.13333299999999</v>
      </c>
      <c r="AA3736">
        <v>8.218553</v>
      </c>
      <c r="AB3736">
        <v>-0.4549476908870223</v>
      </c>
    </row>
    <row r="3737" spans="4:28" x14ac:dyDescent="0.25">
      <c r="D3737" s="40">
        <v>62.147515000002748</v>
      </c>
      <c r="E3737" s="40">
        <v>19.278842161237034</v>
      </c>
      <c r="F3737" s="40">
        <v>62.133332999999993</v>
      </c>
      <c r="G3737" s="40">
        <v>17.285032547547996</v>
      </c>
      <c r="H3737" s="40">
        <v>62.133334000000019</v>
      </c>
      <c r="I3737" s="40">
        <v>13.462221714271649</v>
      </c>
      <c r="J3737" s="40">
        <v>62.133310851190899</v>
      </c>
      <c r="K3737" s="40">
        <v>11.901179673955671</v>
      </c>
      <c r="L3737" s="40"/>
      <c r="M3737" s="40"/>
      <c r="N3737" s="40"/>
      <c r="X3737">
        <v>-100</v>
      </c>
      <c r="Y3737">
        <v>44.850000000000009</v>
      </c>
      <c r="Z3737">
        <v>123.15</v>
      </c>
      <c r="AA3737">
        <v>8.218553</v>
      </c>
      <c r="AB3737">
        <v>-0.4549476908870223</v>
      </c>
    </row>
    <row r="3738" spans="4:28" x14ac:dyDescent="0.25">
      <c r="D3738" s="40">
        <v>62.164181000002749</v>
      </c>
      <c r="E3738" s="40">
        <v>19.278842161237034</v>
      </c>
      <c r="F3738" s="40">
        <v>62.150000000000006</v>
      </c>
      <c r="G3738" s="40">
        <v>17.285032547547996</v>
      </c>
      <c r="H3738" s="40">
        <v>62.150000000000006</v>
      </c>
      <c r="I3738" s="40">
        <v>13.465574450415081</v>
      </c>
      <c r="J3738" s="40">
        <v>62.149977511905199</v>
      </c>
      <c r="K3738" s="40">
        <v>11.901179673955671</v>
      </c>
      <c r="L3738" s="40"/>
      <c r="M3738" s="40"/>
      <c r="N3738" s="40"/>
      <c r="X3738">
        <v>-100</v>
      </c>
      <c r="Y3738">
        <v>44.866667000000007</v>
      </c>
      <c r="Z3738">
        <v>123.166667</v>
      </c>
      <c r="AA3738">
        <v>8.2185190000000006</v>
      </c>
      <c r="AB3738">
        <v>-0.45535950690602867</v>
      </c>
    </row>
    <row r="3739" spans="4:28" x14ac:dyDescent="0.25">
      <c r="D3739" s="40">
        <v>62.18084700000275</v>
      </c>
      <c r="E3739" s="40">
        <v>19.278842161237034</v>
      </c>
      <c r="F3739" s="40">
        <v>62.16666699999999</v>
      </c>
      <c r="G3739" s="40">
        <v>17.289787791638091</v>
      </c>
      <c r="H3739" s="40">
        <v>62.166667000000018</v>
      </c>
      <c r="I3739" s="40">
        <v>13.465574450415081</v>
      </c>
      <c r="J3739" s="40">
        <v>62.166644172619499</v>
      </c>
      <c r="K3739" s="40">
        <v>11.901179673955671</v>
      </c>
      <c r="L3739" s="40"/>
      <c r="M3739" s="40"/>
      <c r="N3739" s="40"/>
      <c r="X3739">
        <v>-100</v>
      </c>
      <c r="Y3739">
        <v>44.883333000000007</v>
      </c>
      <c r="Z3739">
        <v>123.183333</v>
      </c>
      <c r="AA3739">
        <v>8.2184860000000004</v>
      </c>
      <c r="AB3739">
        <v>-0.45575921068919067</v>
      </c>
    </row>
    <row r="3740" spans="4:28" x14ac:dyDescent="0.25">
      <c r="D3740" s="40">
        <v>62.197513000002751</v>
      </c>
      <c r="E3740" s="40">
        <v>19.278842161237034</v>
      </c>
      <c r="F3740" s="40">
        <v>62.183333000000005</v>
      </c>
      <c r="G3740" s="40">
        <v>17.289787791638091</v>
      </c>
      <c r="H3740" s="40">
        <v>62.183334000000002</v>
      </c>
      <c r="I3740" s="40">
        <v>13.468828576671845</v>
      </c>
      <c r="J3740" s="40">
        <v>62.183310833333799</v>
      </c>
      <c r="K3740" s="40">
        <v>11.901179673955671</v>
      </c>
      <c r="L3740" s="40"/>
      <c r="M3740" s="40"/>
      <c r="N3740" s="40"/>
      <c r="X3740">
        <v>-100</v>
      </c>
      <c r="Y3740">
        <v>44.900000000000006</v>
      </c>
      <c r="Z3740">
        <v>123.2</v>
      </c>
      <c r="AA3740">
        <v>8.2184860000000004</v>
      </c>
      <c r="AB3740">
        <v>-0.45575921068919067</v>
      </c>
    </row>
    <row r="3741" spans="4:28" x14ac:dyDescent="0.25">
      <c r="D3741" s="40">
        <v>62.214179000002751</v>
      </c>
      <c r="E3741" s="40">
        <v>19.283685339826583</v>
      </c>
      <c r="F3741" s="40">
        <v>62.199999999999989</v>
      </c>
      <c r="G3741" s="40">
        <v>17.294543035728307</v>
      </c>
      <c r="H3741" s="40">
        <v>62.200000000000017</v>
      </c>
      <c r="I3741" s="40">
        <v>13.472181312815101</v>
      </c>
      <c r="J3741" s="40">
        <v>62.199977494048099</v>
      </c>
      <c r="K3741" s="40">
        <v>11.901179673955671</v>
      </c>
      <c r="L3741" s="40"/>
      <c r="M3741" s="40"/>
      <c r="N3741" s="40"/>
      <c r="X3741">
        <v>-100</v>
      </c>
      <c r="Y3741">
        <v>44.916667000000004</v>
      </c>
      <c r="Z3741">
        <v>123.216667</v>
      </c>
      <c r="AA3741">
        <v>8.2184519999999992</v>
      </c>
      <c r="AB3741">
        <v>-0.45617102670821852</v>
      </c>
    </row>
    <row r="3742" spans="4:28" x14ac:dyDescent="0.25">
      <c r="D3742" s="40">
        <v>62.230845000002752</v>
      </c>
      <c r="E3742" s="40">
        <v>19.283685339826583</v>
      </c>
      <c r="F3742" s="40">
        <v>62.216667000000001</v>
      </c>
      <c r="G3742" s="40">
        <v>17.294543035728307</v>
      </c>
      <c r="H3742" s="40">
        <v>62.216667000000001</v>
      </c>
      <c r="I3742" s="40">
        <v>13.472181312815101</v>
      </c>
      <c r="J3742" s="40">
        <v>62.216644154762399</v>
      </c>
      <c r="K3742" s="40">
        <v>11.901179673955671</v>
      </c>
      <c r="L3742" s="40"/>
      <c r="M3742" s="40"/>
      <c r="N3742" s="40"/>
      <c r="X3742">
        <v>-100</v>
      </c>
      <c r="Y3742">
        <v>44.933333000000005</v>
      </c>
      <c r="Z3742">
        <v>123.233333</v>
      </c>
      <c r="AA3742">
        <v>8.2184519999999992</v>
      </c>
      <c r="AB3742">
        <v>-0.45617102670821852</v>
      </c>
    </row>
    <row r="3743" spans="4:28" x14ac:dyDescent="0.25">
      <c r="D3743" s="40">
        <v>62.247511000002753</v>
      </c>
      <c r="E3743" s="40">
        <v>19.283685339826583</v>
      </c>
      <c r="F3743" s="40">
        <v>62.233332999999988</v>
      </c>
      <c r="G3743" s="40">
        <v>17.299158419698209</v>
      </c>
      <c r="H3743" s="40">
        <v>62.233334000000013</v>
      </c>
      <c r="I3743" s="40">
        <v>13.475534048958359</v>
      </c>
      <c r="J3743" s="40">
        <v>62.233310815476699</v>
      </c>
      <c r="K3743" s="40">
        <v>11.901179673955671</v>
      </c>
      <c r="L3743" s="40"/>
      <c r="M3743" s="40"/>
      <c r="N3743" s="40"/>
      <c r="X3743">
        <v>-100</v>
      </c>
      <c r="Y3743">
        <v>44.95</v>
      </c>
      <c r="Z3743">
        <v>123.25</v>
      </c>
      <c r="AA3743">
        <v>8.2184519999999992</v>
      </c>
      <c r="AB3743">
        <v>-0.45617102670821852</v>
      </c>
    </row>
    <row r="3744" spans="4:28" x14ac:dyDescent="0.25">
      <c r="D3744" s="40">
        <v>62.264177000002753</v>
      </c>
      <c r="E3744" s="40">
        <v>19.283685339826583</v>
      </c>
      <c r="F3744" s="40">
        <v>62.25</v>
      </c>
      <c r="G3744" s="40">
        <v>17.303913663788304</v>
      </c>
      <c r="H3744" s="40">
        <v>62.25</v>
      </c>
      <c r="I3744" s="40">
        <v>13.478788175215122</v>
      </c>
      <c r="J3744" s="40">
        <v>62.249977476190899</v>
      </c>
      <c r="K3744" s="40">
        <v>11.901179673955671</v>
      </c>
      <c r="L3744" s="40"/>
      <c r="M3744" s="40"/>
      <c r="N3744" s="40"/>
      <c r="X3744">
        <v>-100</v>
      </c>
      <c r="Y3744">
        <v>44.966667000000001</v>
      </c>
      <c r="Z3744">
        <v>123.266667</v>
      </c>
      <c r="AA3744">
        <v>8.2184179999999998</v>
      </c>
      <c r="AB3744">
        <v>-0.45658284272722488</v>
      </c>
    </row>
    <row r="3745" spans="4:28" x14ac:dyDescent="0.25">
      <c r="D3745" s="40">
        <v>62.280843000002754</v>
      </c>
      <c r="E3745" s="40">
        <v>19.283685339826583</v>
      </c>
      <c r="F3745" s="40">
        <v>62.266666999999984</v>
      </c>
      <c r="G3745" s="40">
        <v>17.30866890787852</v>
      </c>
      <c r="H3745" s="40">
        <v>62.266667000000012</v>
      </c>
      <c r="I3745" s="40">
        <v>13.478788175215122</v>
      </c>
      <c r="J3745" s="40">
        <v>62.2666441369052</v>
      </c>
      <c r="K3745" s="40">
        <v>11.901179673955671</v>
      </c>
      <c r="L3745" s="40"/>
      <c r="M3745" s="40"/>
      <c r="N3745" s="40"/>
      <c r="X3745">
        <v>-100</v>
      </c>
      <c r="Y3745">
        <v>44.983333000000002</v>
      </c>
      <c r="Z3745">
        <v>123.283333</v>
      </c>
      <c r="AA3745">
        <v>8.2184179999999998</v>
      </c>
      <c r="AB3745">
        <v>-0.45658284272722488</v>
      </c>
    </row>
    <row r="3746" spans="4:28" x14ac:dyDescent="0.25">
      <c r="D3746" s="40">
        <v>62.297509000002755</v>
      </c>
      <c r="E3746" s="40">
        <v>19.283685339826583</v>
      </c>
      <c r="F3746" s="40">
        <v>62.283332999999999</v>
      </c>
      <c r="G3746" s="40">
        <v>17.30866890787852</v>
      </c>
      <c r="H3746" s="40">
        <v>62.283333999999996</v>
      </c>
      <c r="I3746" s="40">
        <v>13.48214091135838</v>
      </c>
      <c r="J3746" s="40">
        <v>62.2833107976195</v>
      </c>
      <c r="K3746" s="40">
        <v>11.901179673955671</v>
      </c>
      <c r="L3746" s="40"/>
      <c r="M3746" s="40"/>
      <c r="N3746" s="40"/>
      <c r="X3746">
        <v>-100</v>
      </c>
      <c r="Y3746">
        <v>45</v>
      </c>
      <c r="Z3746">
        <v>123.3</v>
      </c>
      <c r="AA3746">
        <v>8.2184179999999998</v>
      </c>
      <c r="AB3746">
        <v>-0.45658284272722488</v>
      </c>
    </row>
    <row r="3747" spans="4:28" x14ac:dyDescent="0.25">
      <c r="D3747" s="40">
        <v>62.314175000002756</v>
      </c>
      <c r="E3747" s="40">
        <v>19.283685339826583</v>
      </c>
      <c r="F3747" s="40">
        <v>62.299999999999983</v>
      </c>
      <c r="G3747" s="40">
        <v>17.313284291848422</v>
      </c>
      <c r="H3747" s="40">
        <v>62.300000000000011</v>
      </c>
      <c r="I3747" s="40">
        <v>13.485493647501812</v>
      </c>
      <c r="J3747" s="40">
        <v>62.2999774583338</v>
      </c>
      <c r="K3747" s="40">
        <v>11.901179673955671</v>
      </c>
      <c r="L3747" s="40"/>
      <c r="M3747" s="40"/>
      <c r="N3747" s="40"/>
      <c r="X3747">
        <v>-100</v>
      </c>
      <c r="Y3747">
        <v>45.016666999999998</v>
      </c>
      <c r="Z3747">
        <v>123.316667</v>
      </c>
      <c r="AA3747">
        <v>8.2184179999999998</v>
      </c>
      <c r="AB3747">
        <v>-0.45658284272722488</v>
      </c>
    </row>
    <row r="3748" spans="4:28" x14ac:dyDescent="0.25">
      <c r="D3748" s="40">
        <v>62.330841000002756</v>
      </c>
      <c r="E3748" s="40">
        <v>19.278842161237034</v>
      </c>
      <c r="F3748" s="40">
        <v>62.316666999999995</v>
      </c>
      <c r="G3748" s="40">
        <v>17.318039535938642</v>
      </c>
      <c r="H3748" s="40">
        <v>62.316666999999995</v>
      </c>
      <c r="I3748" s="40">
        <v>13.488747773758575</v>
      </c>
      <c r="J3748" s="40">
        <v>62.3166441190481</v>
      </c>
      <c r="K3748" s="40">
        <v>11.901179673955671</v>
      </c>
      <c r="L3748" s="40"/>
      <c r="M3748" s="40"/>
      <c r="N3748" s="40"/>
      <c r="X3748">
        <v>-100</v>
      </c>
      <c r="Y3748">
        <v>45.033332999999999</v>
      </c>
      <c r="Z3748">
        <v>123.333333</v>
      </c>
      <c r="AA3748">
        <v>8.2184179999999998</v>
      </c>
      <c r="AB3748">
        <v>-0.45658284272722488</v>
      </c>
    </row>
    <row r="3749" spans="4:28" x14ac:dyDescent="0.25">
      <c r="D3749" s="40">
        <v>62.347507000002757</v>
      </c>
      <c r="E3749" s="40">
        <v>19.278842161237034</v>
      </c>
      <c r="F3749" s="40">
        <v>62.333332999999982</v>
      </c>
      <c r="G3749" s="40">
        <v>17.318039535938642</v>
      </c>
      <c r="H3749" s="40">
        <v>62.333334000000008</v>
      </c>
      <c r="I3749" s="40">
        <v>13.488747773758575</v>
      </c>
      <c r="J3749" s="40">
        <v>62.3333107797624</v>
      </c>
      <c r="K3749" s="40">
        <v>11.901179673955671</v>
      </c>
      <c r="L3749" s="40"/>
      <c r="M3749" s="40"/>
      <c r="N3749" s="40"/>
      <c r="X3749">
        <v>-100</v>
      </c>
      <c r="Y3749">
        <v>45.05</v>
      </c>
      <c r="Z3749">
        <v>123.35</v>
      </c>
      <c r="AA3749">
        <v>8.2184179999999998</v>
      </c>
      <c r="AB3749">
        <v>-0.45658284272722488</v>
      </c>
    </row>
    <row r="3750" spans="4:28" x14ac:dyDescent="0.25">
      <c r="D3750" s="40">
        <v>62.364173000002758</v>
      </c>
      <c r="E3750" s="40">
        <v>19.278842161237034</v>
      </c>
      <c r="F3750" s="40">
        <v>62.349999999999994</v>
      </c>
      <c r="G3750" s="40">
        <v>17.322794780028737</v>
      </c>
      <c r="H3750" s="40">
        <v>62.349999999999994</v>
      </c>
      <c r="I3750" s="40">
        <v>13.492100509901832</v>
      </c>
      <c r="J3750" s="40">
        <v>62.3499774404767</v>
      </c>
      <c r="K3750" s="40">
        <v>11.901179673955671</v>
      </c>
      <c r="L3750" s="40"/>
      <c r="M3750" s="40"/>
      <c r="N3750" s="40"/>
      <c r="X3750">
        <v>-100</v>
      </c>
      <c r="Y3750">
        <v>45.06666700000001</v>
      </c>
      <c r="Z3750">
        <v>123.36666700000001</v>
      </c>
      <c r="AA3750">
        <v>8.2184179999999998</v>
      </c>
      <c r="AB3750">
        <v>-0.45658284272722488</v>
      </c>
    </row>
    <row r="3751" spans="4:28" x14ac:dyDescent="0.25">
      <c r="D3751" s="40">
        <v>62.380839000002759</v>
      </c>
      <c r="E3751" s="40">
        <v>19.283685339826583</v>
      </c>
      <c r="F3751" s="40">
        <v>62.366667000000007</v>
      </c>
      <c r="G3751" s="40">
        <v>17.327410163998639</v>
      </c>
      <c r="H3751" s="40">
        <v>62.366667000000007</v>
      </c>
      <c r="I3751" s="40">
        <v>13.49545324604509</v>
      </c>
      <c r="J3751" s="40">
        <v>62.3666441011909</v>
      </c>
      <c r="K3751" s="40">
        <v>11.906030717664777</v>
      </c>
      <c r="L3751" s="40"/>
      <c r="M3751" s="40"/>
      <c r="N3751" s="40"/>
      <c r="X3751">
        <v>-100</v>
      </c>
      <c r="Y3751">
        <v>45.083332999999996</v>
      </c>
      <c r="Z3751">
        <v>123.38333299999999</v>
      </c>
      <c r="AA3751">
        <v>8.2184179999999998</v>
      </c>
      <c r="AB3751">
        <v>-0.45658284272722488</v>
      </c>
    </row>
    <row r="3752" spans="4:28" x14ac:dyDescent="0.25">
      <c r="D3752" s="40">
        <v>62.397505000002759</v>
      </c>
      <c r="E3752" s="40">
        <v>19.283685339826583</v>
      </c>
      <c r="F3752" s="40">
        <v>62.383332999999993</v>
      </c>
      <c r="G3752" s="40">
        <v>17.332165408088859</v>
      </c>
      <c r="H3752" s="40">
        <v>62.383334000000019</v>
      </c>
      <c r="I3752" s="40">
        <v>13.49545324604509</v>
      </c>
      <c r="J3752" s="40">
        <v>62.3833107619052</v>
      </c>
      <c r="K3752" s="40">
        <v>11.906030717664777</v>
      </c>
      <c r="L3752" s="40"/>
      <c r="M3752" s="40"/>
      <c r="N3752" s="40"/>
      <c r="X3752">
        <v>-100</v>
      </c>
      <c r="Y3752">
        <v>45.100000000000009</v>
      </c>
      <c r="Z3752">
        <v>123.4</v>
      </c>
      <c r="AA3752">
        <v>8.2184519999999992</v>
      </c>
      <c r="AB3752">
        <v>-0.45617102670821852</v>
      </c>
    </row>
    <row r="3753" spans="4:28" x14ac:dyDescent="0.25">
      <c r="D3753" s="40">
        <v>62.41417100000276</v>
      </c>
      <c r="E3753" s="40">
        <v>19.283685339826583</v>
      </c>
      <c r="F3753" s="40">
        <v>62.400000000000006</v>
      </c>
      <c r="G3753" s="40">
        <v>17.332165408088859</v>
      </c>
      <c r="H3753" s="40">
        <v>62.400000000000006</v>
      </c>
      <c r="I3753" s="40">
        <v>13.498707372301851</v>
      </c>
      <c r="J3753" s="40">
        <v>62.3999774226195</v>
      </c>
      <c r="K3753" s="40">
        <v>11.906030717664777</v>
      </c>
      <c r="L3753" s="40"/>
      <c r="M3753" s="40"/>
      <c r="N3753" s="40"/>
      <c r="X3753">
        <v>-100</v>
      </c>
      <c r="Y3753">
        <v>45.116667000000007</v>
      </c>
      <c r="Z3753">
        <v>123.416667</v>
      </c>
      <c r="AA3753">
        <v>8.2184519999999992</v>
      </c>
      <c r="AB3753">
        <v>-0.45617102670821852</v>
      </c>
    </row>
    <row r="3754" spans="4:28" x14ac:dyDescent="0.25">
      <c r="D3754" s="40">
        <v>62.430837000002761</v>
      </c>
      <c r="E3754" s="40">
        <v>19.283685339826583</v>
      </c>
      <c r="F3754" s="40">
        <v>62.41666699999999</v>
      </c>
      <c r="G3754" s="40">
        <v>17.336920652178954</v>
      </c>
      <c r="H3754" s="40">
        <v>62.416667000000018</v>
      </c>
      <c r="I3754" s="40">
        <v>13.502060108445109</v>
      </c>
      <c r="J3754" s="40">
        <v>62.4166440833338</v>
      </c>
      <c r="K3754" s="40">
        <v>11.906030717664777</v>
      </c>
      <c r="L3754" s="40"/>
      <c r="M3754" s="40"/>
      <c r="N3754" s="40"/>
      <c r="X3754">
        <v>-100</v>
      </c>
      <c r="Y3754">
        <v>45.133333000000007</v>
      </c>
      <c r="Z3754">
        <v>123.433333</v>
      </c>
      <c r="AA3754">
        <v>8.2184519999999992</v>
      </c>
      <c r="AB3754">
        <v>-0.45617102670821852</v>
      </c>
    </row>
    <row r="3755" spans="4:28" x14ac:dyDescent="0.25">
      <c r="D3755" s="40">
        <v>62.447503000002762</v>
      </c>
      <c r="E3755" s="40">
        <v>19.283685339826583</v>
      </c>
      <c r="F3755" s="40">
        <v>62.433333000000005</v>
      </c>
      <c r="G3755" s="40">
        <v>17.336920652178954</v>
      </c>
      <c r="H3755" s="40">
        <v>62.433334000000002</v>
      </c>
      <c r="I3755" s="40">
        <v>13.505412844588541</v>
      </c>
      <c r="J3755" s="40">
        <v>62.4333107440481</v>
      </c>
      <c r="K3755" s="40">
        <v>11.910881761374009</v>
      </c>
      <c r="L3755" s="40"/>
      <c r="M3755" s="40"/>
      <c r="N3755" s="40"/>
      <c r="X3755">
        <v>-100</v>
      </c>
      <c r="Y3755">
        <v>45.150000000000006</v>
      </c>
      <c r="Z3755">
        <v>123.45</v>
      </c>
      <c r="AA3755">
        <v>8.2184519999999992</v>
      </c>
      <c r="AB3755">
        <v>-0.45617102670821852</v>
      </c>
    </row>
    <row r="3756" spans="4:28" x14ac:dyDescent="0.25">
      <c r="D3756" s="40">
        <v>62.464169000002762</v>
      </c>
      <c r="E3756" s="40">
        <v>19.278842161237034</v>
      </c>
      <c r="F3756" s="40">
        <v>62.449999999999989</v>
      </c>
      <c r="G3756" s="40">
        <v>17.341536036148852</v>
      </c>
      <c r="H3756" s="40">
        <v>62.450000000000017</v>
      </c>
      <c r="I3756" s="40">
        <v>13.505412844588541</v>
      </c>
      <c r="J3756" s="40">
        <v>62.4499774047624</v>
      </c>
      <c r="K3756" s="40">
        <v>11.910881761374009</v>
      </c>
      <c r="L3756" s="40"/>
      <c r="M3756" s="40"/>
      <c r="N3756" s="40"/>
      <c r="X3756">
        <v>-100</v>
      </c>
      <c r="Y3756">
        <v>45.166667000000004</v>
      </c>
      <c r="Z3756">
        <v>123.466667</v>
      </c>
      <c r="AA3756">
        <v>8.2184519999999992</v>
      </c>
      <c r="AB3756">
        <v>-0.45617102670821852</v>
      </c>
    </row>
    <row r="3757" spans="4:28" x14ac:dyDescent="0.25">
      <c r="D3757" s="40">
        <v>62.480835000002763</v>
      </c>
      <c r="E3757" s="40">
        <v>19.283685339826583</v>
      </c>
      <c r="F3757" s="40">
        <v>62.466667000000001</v>
      </c>
      <c r="G3757" s="40">
        <v>17.341536036148852</v>
      </c>
      <c r="H3757" s="40">
        <v>62.466667000000001</v>
      </c>
      <c r="I3757" s="40">
        <v>13.508666970845304</v>
      </c>
      <c r="J3757" s="40">
        <v>62.4666440654767</v>
      </c>
      <c r="K3757" s="40">
        <v>11.910881761374009</v>
      </c>
      <c r="L3757" s="40"/>
      <c r="M3757" s="40"/>
      <c r="N3757" s="40"/>
      <c r="X3757">
        <v>-100</v>
      </c>
      <c r="Y3757">
        <v>45.183333000000005</v>
      </c>
      <c r="Z3757">
        <v>123.483333</v>
      </c>
      <c r="AA3757">
        <v>8.2184860000000004</v>
      </c>
      <c r="AB3757">
        <v>-0.45575921068919067</v>
      </c>
    </row>
    <row r="3758" spans="4:28" x14ac:dyDescent="0.25">
      <c r="D3758" s="40">
        <v>62.497501000002764</v>
      </c>
      <c r="E3758" s="40">
        <v>19.283685339826583</v>
      </c>
      <c r="F3758" s="40">
        <v>62.483332999999988</v>
      </c>
      <c r="G3758" s="40">
        <v>17.346291280239072</v>
      </c>
      <c r="H3758" s="40">
        <v>62.483334000000013</v>
      </c>
      <c r="I3758" s="40">
        <v>13.512019706988562</v>
      </c>
      <c r="J3758" s="40">
        <v>62.483310726190901</v>
      </c>
      <c r="K3758" s="40">
        <v>11.910881761374009</v>
      </c>
      <c r="L3758" s="40"/>
      <c r="M3758" s="40"/>
      <c r="N3758" s="40"/>
      <c r="X3758">
        <v>-100</v>
      </c>
      <c r="Y3758">
        <v>45.2</v>
      </c>
      <c r="Z3758">
        <v>123.5</v>
      </c>
      <c r="AA3758">
        <v>8.2184860000000004</v>
      </c>
      <c r="AB3758">
        <v>-0.45575921068919067</v>
      </c>
    </row>
    <row r="3759" spans="4:28" x14ac:dyDescent="0.25">
      <c r="D3759" s="40">
        <v>62.514167000002764</v>
      </c>
      <c r="E3759" s="40">
        <v>19.283685339826583</v>
      </c>
      <c r="F3759" s="40">
        <v>62.5</v>
      </c>
      <c r="G3759" s="40">
        <v>17.346291280239072</v>
      </c>
      <c r="H3759" s="40">
        <v>62.5</v>
      </c>
      <c r="I3759" s="40">
        <v>13.515372443131819</v>
      </c>
      <c r="J3759" s="40">
        <v>62.499977386905201</v>
      </c>
      <c r="K3759" s="40">
        <v>11.910881761374009</v>
      </c>
      <c r="L3759" s="40"/>
      <c r="M3759" s="40"/>
      <c r="N3759" s="40"/>
      <c r="X3759">
        <v>-100</v>
      </c>
      <c r="Y3759">
        <v>45.216667000000001</v>
      </c>
      <c r="Z3759">
        <v>123.516667</v>
      </c>
      <c r="AA3759">
        <v>8.2184860000000004</v>
      </c>
      <c r="AB3759">
        <v>-0.45575921068919067</v>
      </c>
    </row>
    <row r="3760" spans="4:28" x14ac:dyDescent="0.25">
      <c r="D3760" s="40">
        <v>62.530833000002765</v>
      </c>
      <c r="E3760" s="40">
        <v>19.283685339826583</v>
      </c>
      <c r="F3760" s="40">
        <v>62.516666999999984</v>
      </c>
      <c r="G3760" s="40">
        <v>17.351046524329167</v>
      </c>
      <c r="H3760" s="40">
        <v>62.516667000000012</v>
      </c>
      <c r="I3760" s="40">
        <v>13.515372443131819</v>
      </c>
      <c r="J3760" s="40">
        <v>62.516644047619501</v>
      </c>
      <c r="K3760" s="40">
        <v>11.91559012732707</v>
      </c>
      <c r="L3760" s="40"/>
      <c r="M3760" s="40"/>
      <c r="N3760" s="40"/>
      <c r="X3760">
        <v>-100</v>
      </c>
      <c r="Y3760">
        <v>45.233333000000002</v>
      </c>
      <c r="Z3760">
        <v>123.533333</v>
      </c>
      <c r="AA3760">
        <v>8.2185190000000006</v>
      </c>
      <c r="AB3760">
        <v>-0.45535950690602867</v>
      </c>
    </row>
    <row r="3761" spans="4:28" x14ac:dyDescent="0.25">
      <c r="D3761" s="40">
        <v>62.547499000002766</v>
      </c>
      <c r="E3761" s="40">
        <v>19.283685339826583</v>
      </c>
      <c r="F3761" s="40">
        <v>62.533332999999999</v>
      </c>
      <c r="G3761" s="40">
        <v>17.351046524329167</v>
      </c>
      <c r="H3761" s="40">
        <v>62.533333999999996</v>
      </c>
      <c r="I3761" s="40">
        <v>13.518626569388582</v>
      </c>
      <c r="J3761" s="40">
        <v>62.533310708333801</v>
      </c>
      <c r="K3761" s="40">
        <v>11.91559012732707</v>
      </c>
      <c r="L3761" s="40"/>
      <c r="M3761" s="40"/>
      <c r="N3761" s="40"/>
      <c r="X3761">
        <v>-100</v>
      </c>
      <c r="Y3761">
        <v>45.25</v>
      </c>
      <c r="Z3761">
        <v>123.55</v>
      </c>
      <c r="AA3761">
        <v>8.2185190000000006</v>
      </c>
      <c r="AB3761">
        <v>-0.45535950690602867</v>
      </c>
    </row>
    <row r="3762" spans="4:28" x14ac:dyDescent="0.25">
      <c r="D3762" s="40">
        <v>62.564165000002767</v>
      </c>
      <c r="E3762" s="40">
        <v>19.288386071987009</v>
      </c>
      <c r="F3762" s="40">
        <v>62.549999999999983</v>
      </c>
      <c r="G3762" s="40">
        <v>17.355661908299066</v>
      </c>
      <c r="H3762" s="40">
        <v>62.550000000000011</v>
      </c>
      <c r="I3762" s="40">
        <v>13.521979305532014</v>
      </c>
      <c r="J3762" s="40">
        <v>62.549977369048101</v>
      </c>
      <c r="K3762" s="40">
        <v>11.91559012732707</v>
      </c>
      <c r="L3762" s="40"/>
      <c r="M3762" s="40"/>
      <c r="N3762" s="40"/>
      <c r="X3762">
        <v>-100</v>
      </c>
      <c r="Y3762">
        <v>45.266666999999998</v>
      </c>
      <c r="Z3762">
        <v>123.566667</v>
      </c>
      <c r="AA3762">
        <v>8.2185190000000006</v>
      </c>
      <c r="AB3762">
        <v>-0.45535950690602867</v>
      </c>
    </row>
    <row r="3763" spans="4:28" x14ac:dyDescent="0.25">
      <c r="D3763" s="40">
        <v>62.580831000002767</v>
      </c>
      <c r="E3763" s="40">
        <v>19.288386071987009</v>
      </c>
      <c r="F3763" s="40">
        <v>62.566666999999995</v>
      </c>
      <c r="G3763" s="40">
        <v>17.360417152389285</v>
      </c>
      <c r="H3763" s="40">
        <v>62.566666999999995</v>
      </c>
      <c r="I3763" s="40">
        <v>13.521979305532014</v>
      </c>
      <c r="J3763" s="40">
        <v>62.566644029762401</v>
      </c>
      <c r="K3763" s="40">
        <v>11.91559012732707</v>
      </c>
      <c r="L3763" s="40"/>
      <c r="M3763" s="40"/>
      <c r="N3763" s="40"/>
      <c r="X3763">
        <v>-100</v>
      </c>
      <c r="Y3763">
        <v>45.283332999999999</v>
      </c>
      <c r="Z3763">
        <v>123.583333</v>
      </c>
      <c r="AA3763">
        <v>8.218553</v>
      </c>
      <c r="AB3763">
        <v>-0.4549476908870223</v>
      </c>
    </row>
    <row r="3764" spans="4:28" x14ac:dyDescent="0.25">
      <c r="D3764" s="40">
        <v>62.597497000002768</v>
      </c>
      <c r="E3764" s="40">
        <v>19.288386071987009</v>
      </c>
      <c r="F3764" s="40">
        <v>62.583332999999982</v>
      </c>
      <c r="G3764" s="40">
        <v>17.360417152389285</v>
      </c>
      <c r="H3764" s="40">
        <v>62.583334000000008</v>
      </c>
      <c r="I3764" s="40">
        <v>13.525332041675272</v>
      </c>
      <c r="J3764" s="40">
        <v>62.583310690476701</v>
      </c>
      <c r="K3764" s="40">
        <v>11.91559012732707</v>
      </c>
      <c r="L3764" s="40"/>
      <c r="M3764" s="40"/>
      <c r="N3764" s="40"/>
      <c r="X3764">
        <v>-100</v>
      </c>
      <c r="Y3764">
        <v>45.3</v>
      </c>
      <c r="Z3764">
        <v>123.6</v>
      </c>
      <c r="AA3764">
        <v>8.218553</v>
      </c>
      <c r="AB3764">
        <v>-0.4549476908870223</v>
      </c>
    </row>
    <row r="3765" spans="4:28" x14ac:dyDescent="0.25">
      <c r="D3765" s="40">
        <v>62.614163000002769</v>
      </c>
      <c r="E3765" s="40">
        <v>19.288386071987009</v>
      </c>
      <c r="F3765" s="40">
        <v>62.599999999999994</v>
      </c>
      <c r="G3765" s="40">
        <v>17.365172396479384</v>
      </c>
      <c r="H3765" s="40">
        <v>62.599999999999994</v>
      </c>
      <c r="I3765" s="40">
        <v>13.528586167932035</v>
      </c>
      <c r="J3765" s="40">
        <v>62.599977351190901</v>
      </c>
      <c r="K3765" s="40">
        <v>11.91559012732707</v>
      </c>
      <c r="L3765" s="40"/>
      <c r="M3765" s="40"/>
      <c r="N3765" s="40"/>
      <c r="X3765">
        <v>-100</v>
      </c>
      <c r="Y3765">
        <v>45.31666700000001</v>
      </c>
      <c r="Z3765">
        <v>123.61666700000001</v>
      </c>
      <c r="AA3765">
        <v>8.2185869999999994</v>
      </c>
      <c r="AB3765">
        <v>-0.45453587486801605</v>
      </c>
    </row>
    <row r="3766" spans="4:28" x14ac:dyDescent="0.25">
      <c r="D3766" s="40">
        <v>62.63082900000277</v>
      </c>
      <c r="E3766" s="40">
        <v>19.288386071987009</v>
      </c>
      <c r="F3766" s="40">
        <v>62.616667000000007</v>
      </c>
      <c r="G3766" s="40">
        <v>17.3699276405696</v>
      </c>
      <c r="H3766" s="40">
        <v>62.616667000000007</v>
      </c>
      <c r="I3766" s="40">
        <v>13.531938904075293</v>
      </c>
      <c r="J3766" s="40">
        <v>62.616644011905201</v>
      </c>
      <c r="K3766" s="40">
        <v>11.920441171036176</v>
      </c>
      <c r="L3766" s="40"/>
      <c r="M3766" s="40"/>
      <c r="N3766" s="40"/>
      <c r="X3766">
        <v>-100</v>
      </c>
      <c r="Y3766">
        <v>45.333332999999996</v>
      </c>
      <c r="Z3766">
        <v>123.63333299999999</v>
      </c>
      <c r="AA3766">
        <v>8.2186199999999996</v>
      </c>
      <c r="AB3766">
        <v>-0.45413617108485393</v>
      </c>
    </row>
    <row r="3767" spans="4:28" x14ac:dyDescent="0.25">
      <c r="D3767" s="40">
        <v>62.64749500000277</v>
      </c>
      <c r="E3767" s="40">
        <v>19.288386071987009</v>
      </c>
      <c r="F3767" s="40">
        <v>62.633332999999993</v>
      </c>
      <c r="G3767" s="40">
        <v>17.374543024539502</v>
      </c>
      <c r="H3767" s="40">
        <v>62.633334000000019</v>
      </c>
      <c r="I3767" s="40">
        <v>13.531938904075293</v>
      </c>
      <c r="J3767" s="40">
        <v>62.633310672619501</v>
      </c>
      <c r="K3767" s="40">
        <v>11.920441171036176</v>
      </c>
      <c r="L3767" s="40"/>
      <c r="M3767" s="40"/>
      <c r="N3767" s="40"/>
      <c r="X3767">
        <v>-100</v>
      </c>
      <c r="Y3767">
        <v>45.350000000000009</v>
      </c>
      <c r="Z3767">
        <v>123.65</v>
      </c>
      <c r="AA3767">
        <v>8.2186199999999996</v>
      </c>
      <c r="AB3767">
        <v>-0.45413617108485393</v>
      </c>
    </row>
    <row r="3768" spans="4:28" x14ac:dyDescent="0.25">
      <c r="D3768" s="40">
        <v>62.664161000002771</v>
      </c>
      <c r="E3768" s="40">
        <v>19.293229250576431</v>
      </c>
      <c r="F3768" s="40">
        <v>62.650000000000006</v>
      </c>
      <c r="G3768" s="40">
        <v>17.374543024539502</v>
      </c>
      <c r="H3768" s="40">
        <v>62.650000000000006</v>
      </c>
      <c r="I3768" s="40">
        <v>13.535291640218549</v>
      </c>
      <c r="J3768" s="40">
        <v>62.649977333333801</v>
      </c>
      <c r="K3768" s="40">
        <v>11.920441171036176</v>
      </c>
      <c r="L3768" s="40"/>
      <c r="M3768" s="40"/>
      <c r="N3768" s="40"/>
      <c r="X3768">
        <v>-100</v>
      </c>
      <c r="Y3768">
        <v>45.366667000000007</v>
      </c>
      <c r="Z3768">
        <v>123.666667</v>
      </c>
      <c r="AA3768">
        <v>8.2186199999999996</v>
      </c>
      <c r="AB3768">
        <v>-0.45413617108485393</v>
      </c>
    </row>
    <row r="3769" spans="4:28" x14ac:dyDescent="0.25">
      <c r="D3769" s="40">
        <v>62.680827000002772</v>
      </c>
      <c r="E3769" s="40">
        <v>19.293229250576431</v>
      </c>
      <c r="F3769" s="40">
        <v>62.66666699999999</v>
      </c>
      <c r="G3769" s="40">
        <v>17.379298268629721</v>
      </c>
      <c r="H3769" s="40">
        <v>62.666667000000018</v>
      </c>
      <c r="I3769" s="40">
        <v>13.538644376361983</v>
      </c>
      <c r="J3769" s="40">
        <v>62.666643994048101</v>
      </c>
      <c r="K3769" s="40">
        <v>11.925292214745406</v>
      </c>
      <c r="L3769" s="40"/>
      <c r="M3769" s="40"/>
      <c r="N3769" s="40"/>
      <c r="X3769">
        <v>-100</v>
      </c>
      <c r="Y3769">
        <v>45.383333000000007</v>
      </c>
      <c r="Z3769">
        <v>123.683333</v>
      </c>
      <c r="AA3769">
        <v>8.2186540000000008</v>
      </c>
      <c r="AB3769">
        <v>-0.4537243550658262</v>
      </c>
    </row>
    <row r="3770" spans="4:28" x14ac:dyDescent="0.25">
      <c r="D3770" s="40">
        <v>62.697493000002773</v>
      </c>
      <c r="E3770" s="40">
        <v>19.298072429165977</v>
      </c>
      <c r="F3770" s="40">
        <v>62.683333000000005</v>
      </c>
      <c r="G3770" s="40">
        <v>17.384053512719813</v>
      </c>
      <c r="H3770" s="40">
        <v>62.683334000000002</v>
      </c>
      <c r="I3770" s="40">
        <v>13.538644376361983</v>
      </c>
      <c r="J3770" s="40">
        <v>62.683310654762401</v>
      </c>
      <c r="K3770" s="40">
        <v>11.925292214745406</v>
      </c>
      <c r="L3770" s="40"/>
      <c r="M3770" s="40"/>
      <c r="N3770" s="40"/>
      <c r="X3770">
        <v>-100</v>
      </c>
      <c r="Y3770">
        <v>45.400000000000006</v>
      </c>
      <c r="Z3770">
        <v>123.7</v>
      </c>
      <c r="AA3770">
        <v>8.2186540000000008</v>
      </c>
      <c r="AB3770">
        <v>-0.4537243550658262</v>
      </c>
    </row>
    <row r="3771" spans="4:28" x14ac:dyDescent="0.25">
      <c r="D3771" s="40">
        <v>62.714159000002773</v>
      </c>
      <c r="E3771" s="40">
        <v>19.298072429165977</v>
      </c>
      <c r="F3771" s="40">
        <v>62.699999999999989</v>
      </c>
      <c r="G3771" s="40">
        <v>17.384053512719813</v>
      </c>
      <c r="H3771" s="40">
        <v>62.700000000000017</v>
      </c>
      <c r="I3771" s="40">
        <v>13.541898502618743</v>
      </c>
      <c r="J3771" s="40">
        <v>62.699977315476701</v>
      </c>
      <c r="K3771" s="40">
        <v>11.925292214745406</v>
      </c>
      <c r="L3771" s="40"/>
      <c r="M3771" s="40"/>
      <c r="N3771" s="40"/>
      <c r="X3771">
        <v>-100</v>
      </c>
      <c r="Y3771">
        <v>45.416667000000004</v>
      </c>
      <c r="Z3771">
        <v>123.716667</v>
      </c>
      <c r="AA3771">
        <v>8.2186880000000002</v>
      </c>
      <c r="AB3771">
        <v>-0.45331253904681984</v>
      </c>
    </row>
    <row r="3772" spans="4:28" x14ac:dyDescent="0.25">
      <c r="D3772" s="40">
        <v>62.730825000002774</v>
      </c>
      <c r="E3772" s="40">
        <v>19.298072429165977</v>
      </c>
      <c r="F3772" s="40">
        <v>62.716667000000001</v>
      </c>
      <c r="G3772" s="40">
        <v>17.388668896689715</v>
      </c>
      <c r="H3772" s="40">
        <v>62.716667000000001</v>
      </c>
      <c r="I3772" s="40">
        <v>13.541898502618743</v>
      </c>
      <c r="J3772" s="40">
        <v>62.716643976190902</v>
      </c>
      <c r="K3772" s="40">
        <v>11.925292214745406</v>
      </c>
      <c r="L3772" s="40"/>
      <c r="M3772" s="40"/>
      <c r="N3772" s="40"/>
      <c r="X3772">
        <v>-100</v>
      </c>
      <c r="Y3772">
        <v>45.433333000000005</v>
      </c>
      <c r="Z3772">
        <v>123.733333</v>
      </c>
      <c r="AA3772">
        <v>8.2186880000000002</v>
      </c>
      <c r="AB3772">
        <v>-0.45331253904681984</v>
      </c>
    </row>
    <row r="3773" spans="4:28" x14ac:dyDescent="0.25">
      <c r="D3773" s="40">
        <v>62.747491000002775</v>
      </c>
      <c r="E3773" s="40">
        <v>19.302773161326403</v>
      </c>
      <c r="F3773" s="40">
        <v>62.733332999999988</v>
      </c>
      <c r="G3773" s="40">
        <v>17.393424140779935</v>
      </c>
      <c r="H3773" s="40">
        <v>62.733334000000013</v>
      </c>
      <c r="I3773" s="40">
        <v>13.545251238762001</v>
      </c>
      <c r="J3773" s="40">
        <v>62.733310636905202</v>
      </c>
      <c r="K3773" s="40">
        <v>11.930000580698467</v>
      </c>
      <c r="L3773" s="40"/>
      <c r="M3773" s="40"/>
      <c r="N3773" s="40"/>
      <c r="X3773">
        <v>-100</v>
      </c>
      <c r="Y3773">
        <v>45.45</v>
      </c>
      <c r="Z3773">
        <v>123.75</v>
      </c>
      <c r="AA3773">
        <v>8.2187210000000004</v>
      </c>
      <c r="AB3773">
        <v>-0.45291283526365772</v>
      </c>
    </row>
    <row r="3774" spans="4:28" x14ac:dyDescent="0.25">
      <c r="D3774" s="40">
        <v>62.764157000002776</v>
      </c>
      <c r="E3774" s="40">
        <v>19.302773161326403</v>
      </c>
      <c r="F3774" s="40">
        <v>62.75</v>
      </c>
      <c r="G3774" s="40">
        <v>17.39817938487003</v>
      </c>
      <c r="H3774" s="40">
        <v>62.75</v>
      </c>
      <c r="I3774" s="40">
        <v>13.545251238762001</v>
      </c>
      <c r="J3774" s="40">
        <v>62.749977297619502</v>
      </c>
      <c r="K3774" s="40">
        <v>11.930000580698467</v>
      </c>
      <c r="L3774" s="40"/>
      <c r="M3774" s="40"/>
      <c r="N3774" s="40"/>
      <c r="X3774">
        <v>-100</v>
      </c>
      <c r="Y3774">
        <v>45.466667000000001</v>
      </c>
      <c r="Z3774">
        <v>123.766667</v>
      </c>
      <c r="AA3774">
        <v>8.2187549999999998</v>
      </c>
      <c r="AB3774">
        <v>-0.45250101924465147</v>
      </c>
    </row>
    <row r="3775" spans="4:28" x14ac:dyDescent="0.25">
      <c r="D3775" s="40">
        <v>62.780823000002776</v>
      </c>
      <c r="E3775" s="40">
        <v>19.307616339915825</v>
      </c>
      <c r="F3775" s="40">
        <v>62.766666999999984</v>
      </c>
      <c r="G3775" s="40">
        <v>17.39817938487003</v>
      </c>
      <c r="H3775" s="40">
        <v>62.766667000000012</v>
      </c>
      <c r="I3775" s="40">
        <v>13.548603974905259</v>
      </c>
      <c r="J3775" s="40">
        <v>62.766643958333802</v>
      </c>
      <c r="K3775" s="40">
        <v>11.930000580698467</v>
      </c>
      <c r="L3775" s="40"/>
      <c r="M3775" s="40"/>
      <c r="N3775" s="40"/>
      <c r="X3775">
        <v>-100</v>
      </c>
      <c r="Y3775">
        <v>45.483333000000002</v>
      </c>
      <c r="Z3775">
        <v>123.783333</v>
      </c>
      <c r="AA3775">
        <v>8.2187549999999998</v>
      </c>
      <c r="AB3775">
        <v>-0.45250101924465147</v>
      </c>
    </row>
    <row r="3776" spans="4:28" x14ac:dyDescent="0.25">
      <c r="D3776" s="40">
        <v>62.797489000002777</v>
      </c>
      <c r="E3776" s="40">
        <v>19.307616339915825</v>
      </c>
      <c r="F3776" s="40">
        <v>62.783332999999999</v>
      </c>
      <c r="G3776" s="40">
        <v>17.402794768839929</v>
      </c>
      <c r="H3776" s="40">
        <v>62.783333999999996</v>
      </c>
      <c r="I3776" s="40">
        <v>13.548603974905259</v>
      </c>
      <c r="J3776" s="40">
        <v>62.783310619048102</v>
      </c>
      <c r="K3776" s="40">
        <v>11.930000580698467</v>
      </c>
      <c r="L3776" s="40"/>
      <c r="M3776" s="40"/>
      <c r="N3776" s="40"/>
      <c r="X3776">
        <v>-100</v>
      </c>
      <c r="Y3776">
        <v>45.5</v>
      </c>
      <c r="Z3776">
        <v>123.8</v>
      </c>
      <c r="AA3776">
        <v>8.218788</v>
      </c>
      <c r="AB3776">
        <v>-0.45210131546148935</v>
      </c>
    </row>
    <row r="3777" spans="4:28" x14ac:dyDescent="0.25">
      <c r="D3777" s="40">
        <v>62.814155000002778</v>
      </c>
      <c r="E3777" s="40">
        <v>19.312459518505374</v>
      </c>
      <c r="F3777" s="40">
        <v>62.799999999999983</v>
      </c>
      <c r="G3777" s="40">
        <v>17.402794768839929</v>
      </c>
      <c r="H3777" s="40">
        <v>62.800000000000011</v>
      </c>
      <c r="I3777" s="40">
        <v>13.551858101162022</v>
      </c>
      <c r="J3777" s="40">
        <v>62.799977279762402</v>
      </c>
      <c r="K3777" s="40">
        <v>11.930000580698467</v>
      </c>
      <c r="L3777" s="40"/>
      <c r="M3777" s="40"/>
      <c r="N3777" s="40"/>
      <c r="X3777">
        <v>-100</v>
      </c>
      <c r="Y3777">
        <v>45.516666999999998</v>
      </c>
      <c r="Z3777">
        <v>123.816667</v>
      </c>
      <c r="AA3777">
        <v>8.218788</v>
      </c>
      <c r="AB3777">
        <v>-0.45210131546148935</v>
      </c>
    </row>
    <row r="3778" spans="4:28" x14ac:dyDescent="0.25">
      <c r="D3778" s="40">
        <v>62.830821000002778</v>
      </c>
      <c r="E3778" s="40">
        <v>19.312459518505374</v>
      </c>
      <c r="F3778" s="40">
        <v>62.816666999999995</v>
      </c>
      <c r="G3778" s="40">
        <v>17.407550012930152</v>
      </c>
      <c r="H3778" s="40">
        <v>62.816666999999995</v>
      </c>
      <c r="I3778" s="40">
        <v>13.555210837305454</v>
      </c>
      <c r="J3778" s="40">
        <v>62.816643940476702</v>
      </c>
      <c r="K3778" s="40">
        <v>11.930000580698467</v>
      </c>
      <c r="L3778" s="40"/>
      <c r="M3778" s="40"/>
      <c r="N3778" s="40"/>
      <c r="X3778">
        <v>-100</v>
      </c>
      <c r="Y3778">
        <v>45.533332999999999</v>
      </c>
      <c r="Z3778">
        <v>123.833333</v>
      </c>
      <c r="AA3778">
        <v>8.2188219999999994</v>
      </c>
      <c r="AB3778">
        <v>-0.4516894994424831</v>
      </c>
    </row>
    <row r="3779" spans="4:28" x14ac:dyDescent="0.25">
      <c r="D3779" s="40">
        <v>62.847487000002779</v>
      </c>
      <c r="E3779" s="40">
        <v>19.3171602506658</v>
      </c>
      <c r="F3779" s="40">
        <v>62.833332999999982</v>
      </c>
      <c r="G3779" s="40">
        <v>17.407550012930152</v>
      </c>
      <c r="H3779" s="40">
        <v>62.833334000000008</v>
      </c>
      <c r="I3779" s="40">
        <v>13.555210837305454</v>
      </c>
      <c r="J3779" s="40">
        <v>62.833310601190902</v>
      </c>
      <c r="K3779" s="40">
        <v>11.930000580698467</v>
      </c>
      <c r="L3779" s="40"/>
      <c r="M3779" s="40"/>
      <c r="N3779" s="40"/>
      <c r="X3779">
        <v>-100</v>
      </c>
      <c r="Y3779">
        <v>45.55</v>
      </c>
      <c r="Z3779">
        <v>123.85</v>
      </c>
      <c r="AA3779">
        <v>8.2188560000000006</v>
      </c>
      <c r="AB3779">
        <v>-0.45127768342345526</v>
      </c>
    </row>
    <row r="3780" spans="4:28" x14ac:dyDescent="0.25">
      <c r="D3780" s="40">
        <v>62.86415300000278</v>
      </c>
      <c r="E3780" s="40">
        <v>19.3171602506658</v>
      </c>
      <c r="F3780" s="40">
        <v>62.849999999999994</v>
      </c>
      <c r="G3780" s="40">
        <v>17.412305257020243</v>
      </c>
      <c r="H3780" s="40">
        <v>62.849999999999994</v>
      </c>
      <c r="I3780" s="40">
        <v>13.558563573448712</v>
      </c>
      <c r="J3780" s="40">
        <v>62.849977261905202</v>
      </c>
      <c r="K3780" s="40">
        <v>11.930000580698467</v>
      </c>
      <c r="L3780" s="40"/>
      <c r="M3780" s="40"/>
      <c r="N3780" s="40"/>
      <c r="X3780">
        <v>-100</v>
      </c>
      <c r="Y3780">
        <v>45.56666700000001</v>
      </c>
      <c r="Z3780">
        <v>123.86666700000001</v>
      </c>
      <c r="AA3780">
        <v>8.2188560000000006</v>
      </c>
      <c r="AB3780">
        <v>-0.45127768342345526</v>
      </c>
    </row>
    <row r="3781" spans="4:28" x14ac:dyDescent="0.25">
      <c r="D3781" s="40">
        <v>62.880819000002781</v>
      </c>
      <c r="E3781" s="40">
        <v>19.322003429255346</v>
      </c>
      <c r="F3781" s="40">
        <v>62.866667000000007</v>
      </c>
      <c r="G3781" s="40">
        <v>17.416920640990146</v>
      </c>
      <c r="H3781" s="40">
        <v>62.866667000000007</v>
      </c>
      <c r="I3781" s="40">
        <v>13.558563573448712</v>
      </c>
      <c r="J3781" s="40">
        <v>62.866643922619502</v>
      </c>
      <c r="K3781" s="40">
        <v>11.930000580698467</v>
      </c>
      <c r="L3781" s="40"/>
      <c r="M3781" s="40"/>
      <c r="N3781" s="40"/>
      <c r="X3781">
        <v>-100</v>
      </c>
      <c r="Y3781">
        <v>45.583332999999996</v>
      </c>
      <c r="Z3781">
        <v>123.88333299999999</v>
      </c>
      <c r="AA3781">
        <v>8.2188890000000008</v>
      </c>
      <c r="AB3781">
        <v>-0.45087797964029325</v>
      </c>
    </row>
    <row r="3782" spans="4:28" x14ac:dyDescent="0.25">
      <c r="D3782" s="40">
        <v>62.897485000002781</v>
      </c>
      <c r="E3782" s="40">
        <v>19.322003429255346</v>
      </c>
      <c r="F3782" s="40">
        <v>62.883332999999993</v>
      </c>
      <c r="G3782" s="40">
        <v>17.416920640990146</v>
      </c>
      <c r="H3782" s="40">
        <v>62.883334000000019</v>
      </c>
      <c r="I3782" s="40">
        <v>13.561817699705474</v>
      </c>
      <c r="J3782" s="40">
        <v>62.883310583333802</v>
      </c>
      <c r="K3782" s="40">
        <v>11.934851624407699</v>
      </c>
      <c r="L3782" s="40"/>
      <c r="M3782" s="40"/>
      <c r="N3782" s="40"/>
      <c r="X3782">
        <v>-100</v>
      </c>
      <c r="Y3782">
        <v>45.600000000000009</v>
      </c>
      <c r="Z3782">
        <v>123.9</v>
      </c>
      <c r="AA3782">
        <v>8.2188890000000008</v>
      </c>
      <c r="AB3782">
        <v>-0.45087797964029325</v>
      </c>
    </row>
    <row r="3783" spans="4:28" x14ac:dyDescent="0.25">
      <c r="D3783" s="40">
        <v>62.914151000002782</v>
      </c>
      <c r="E3783" s="40">
        <v>19.322003429255346</v>
      </c>
      <c r="F3783" s="40">
        <v>62.900000000000006</v>
      </c>
      <c r="G3783" s="40">
        <v>17.416920640990146</v>
      </c>
      <c r="H3783" s="40">
        <v>62.900000000000006</v>
      </c>
      <c r="I3783" s="40">
        <v>13.561817699705474</v>
      </c>
      <c r="J3783" s="40">
        <v>62.899977244048102</v>
      </c>
      <c r="K3783" s="40">
        <v>11.934851624407699</v>
      </c>
      <c r="L3783" s="40"/>
      <c r="M3783" s="40"/>
      <c r="N3783" s="40"/>
      <c r="X3783">
        <v>-100</v>
      </c>
      <c r="Y3783">
        <v>45.616667000000007</v>
      </c>
      <c r="Z3783">
        <v>123.916667</v>
      </c>
      <c r="AA3783">
        <v>8.2189230000000002</v>
      </c>
      <c r="AB3783">
        <v>-0.45046616362128689</v>
      </c>
    </row>
    <row r="3784" spans="4:28" x14ac:dyDescent="0.25">
      <c r="D3784" s="40">
        <v>62.930817000002783</v>
      </c>
      <c r="E3784" s="40">
        <v>19.326846607844768</v>
      </c>
      <c r="F3784" s="40">
        <v>62.91666699999999</v>
      </c>
      <c r="G3784" s="40">
        <v>17.421675885080365</v>
      </c>
      <c r="H3784" s="40">
        <v>62.916667000000018</v>
      </c>
      <c r="I3784" s="40">
        <v>13.565170435848732</v>
      </c>
      <c r="J3784" s="40">
        <v>62.916643904762402</v>
      </c>
      <c r="K3784" s="40">
        <v>11.934851624407699</v>
      </c>
      <c r="L3784" s="40"/>
      <c r="M3784" s="40"/>
      <c r="N3784" s="40"/>
      <c r="X3784">
        <v>-100</v>
      </c>
      <c r="Y3784">
        <v>45.633333000000007</v>
      </c>
      <c r="Z3784">
        <v>123.933333</v>
      </c>
      <c r="AA3784">
        <v>8.2189569999999996</v>
      </c>
      <c r="AB3784">
        <v>-0.45005434760228052</v>
      </c>
    </row>
    <row r="3785" spans="4:28" x14ac:dyDescent="0.25">
      <c r="D3785" s="40">
        <v>62.947483000002784</v>
      </c>
      <c r="E3785" s="40">
        <v>19.326846607844768</v>
      </c>
      <c r="F3785" s="40">
        <v>62.933333000000005</v>
      </c>
      <c r="G3785" s="40">
        <v>17.421675885080365</v>
      </c>
      <c r="H3785" s="40">
        <v>62.933334000000002</v>
      </c>
      <c r="I3785" s="40">
        <v>13.565170435848732</v>
      </c>
      <c r="J3785" s="40">
        <v>62.933310565476702</v>
      </c>
      <c r="K3785" s="40">
        <v>11.934851624407699</v>
      </c>
      <c r="L3785" s="40"/>
      <c r="M3785" s="40"/>
      <c r="N3785" s="40"/>
      <c r="X3785">
        <v>-100</v>
      </c>
      <c r="Y3785">
        <v>45.650000000000006</v>
      </c>
      <c r="Z3785">
        <v>123.95</v>
      </c>
      <c r="AA3785">
        <v>8.2189569999999996</v>
      </c>
      <c r="AB3785">
        <v>-0.45005434760228052</v>
      </c>
    </row>
    <row r="3786" spans="4:28" x14ac:dyDescent="0.25">
      <c r="D3786" s="40">
        <v>62.964149000002784</v>
      </c>
      <c r="E3786" s="40">
        <v>19.326846607844768</v>
      </c>
      <c r="F3786" s="40">
        <v>62.949999999999989</v>
      </c>
      <c r="G3786" s="40">
        <v>17.426431129170584</v>
      </c>
      <c r="H3786" s="40">
        <v>62.950000000000017</v>
      </c>
      <c r="I3786" s="40">
        <v>13.568523171991989</v>
      </c>
      <c r="J3786" s="40">
        <v>62.949977226190903</v>
      </c>
      <c r="K3786" s="40">
        <v>11.939702668116805</v>
      </c>
      <c r="L3786" s="40"/>
      <c r="M3786" s="40"/>
      <c r="N3786" s="40"/>
      <c r="X3786">
        <v>-100</v>
      </c>
      <c r="Y3786">
        <v>45.666667000000004</v>
      </c>
      <c r="Z3786">
        <v>123.966667</v>
      </c>
      <c r="AA3786">
        <v>8.2189899999999998</v>
      </c>
      <c r="AB3786">
        <v>-0.44965464381911852</v>
      </c>
    </row>
    <row r="3787" spans="4:28" x14ac:dyDescent="0.25">
      <c r="D3787" s="40">
        <v>62.980815000002785</v>
      </c>
      <c r="E3787" s="40">
        <v>19.331547340005194</v>
      </c>
      <c r="F3787" s="40">
        <v>62.966667000000001</v>
      </c>
      <c r="G3787" s="40">
        <v>17.426431129170584</v>
      </c>
      <c r="H3787" s="40">
        <v>62.966667000000001</v>
      </c>
      <c r="I3787" s="40">
        <v>13.568523171991989</v>
      </c>
      <c r="J3787" s="40">
        <v>62.966643886905203</v>
      </c>
      <c r="K3787" s="40">
        <v>11.939702668116805</v>
      </c>
      <c r="L3787" s="40"/>
      <c r="M3787" s="40"/>
      <c r="N3787" s="40"/>
      <c r="X3787">
        <v>-100</v>
      </c>
      <c r="Y3787">
        <v>45.683333000000005</v>
      </c>
      <c r="Z3787">
        <v>123.983333</v>
      </c>
      <c r="AA3787">
        <v>8.2189899999999998</v>
      </c>
      <c r="AB3787">
        <v>-0.44965464381911852</v>
      </c>
    </row>
    <row r="3788" spans="4:28" x14ac:dyDescent="0.25">
      <c r="D3788" s="40">
        <v>62.997481000002786</v>
      </c>
      <c r="E3788" s="40">
        <v>19.331547340005194</v>
      </c>
      <c r="F3788" s="40">
        <v>62.983332999999988</v>
      </c>
      <c r="G3788" s="40">
        <v>17.431046513140359</v>
      </c>
      <c r="H3788" s="40">
        <v>62.983334000000013</v>
      </c>
      <c r="I3788" s="40">
        <v>13.571777298248753</v>
      </c>
      <c r="J3788" s="40">
        <v>62.983310547619503</v>
      </c>
      <c r="K3788" s="40">
        <v>11.944411034069866</v>
      </c>
      <c r="L3788" s="40"/>
      <c r="M3788" s="40"/>
      <c r="N3788" s="40"/>
      <c r="X3788">
        <v>-100</v>
      </c>
      <c r="Y3788">
        <v>45.7</v>
      </c>
      <c r="Z3788">
        <v>124</v>
      </c>
      <c r="AA3788">
        <v>8.2190239999999992</v>
      </c>
      <c r="AB3788">
        <v>-0.44924282780011215</v>
      </c>
    </row>
    <row r="3789" spans="4:28" x14ac:dyDescent="0.25">
      <c r="D3789" s="40">
        <v>63.014147000002787</v>
      </c>
      <c r="E3789" s="40">
        <v>19.331547340005194</v>
      </c>
      <c r="F3789" s="40">
        <v>63</v>
      </c>
      <c r="G3789" s="40">
        <v>17.431046513140359</v>
      </c>
      <c r="H3789" s="40">
        <v>63</v>
      </c>
      <c r="I3789" s="40">
        <v>13.575130034392185</v>
      </c>
      <c r="J3789" s="40">
        <v>62.999977208333803</v>
      </c>
      <c r="K3789" s="40">
        <v>11.944411034069866</v>
      </c>
      <c r="L3789" s="40"/>
      <c r="M3789" s="40"/>
      <c r="N3789" s="40"/>
      <c r="X3789">
        <v>-100</v>
      </c>
      <c r="Y3789">
        <v>45.716667000000001</v>
      </c>
      <c r="Z3789">
        <v>124.016667</v>
      </c>
      <c r="AA3789">
        <v>8.2190239999999992</v>
      </c>
      <c r="AB3789">
        <v>-0.44924282780011215</v>
      </c>
    </row>
    <row r="3790" spans="4:28" x14ac:dyDescent="0.25">
      <c r="D3790" s="40">
        <v>63.030813000002787</v>
      </c>
      <c r="E3790" s="40">
        <v>19.33639051859474</v>
      </c>
      <c r="F3790" s="40">
        <v>63.016666999999984</v>
      </c>
      <c r="G3790" s="40">
        <v>17.435801757230578</v>
      </c>
      <c r="H3790" s="40">
        <v>63.016667000000012</v>
      </c>
      <c r="I3790" s="40">
        <v>13.575130034392185</v>
      </c>
      <c r="J3790" s="40">
        <v>63.016643869048103</v>
      </c>
      <c r="K3790" s="40">
        <v>11.944411034069866</v>
      </c>
      <c r="L3790" s="40"/>
      <c r="M3790" s="40"/>
      <c r="N3790" s="40"/>
      <c r="X3790">
        <v>-100</v>
      </c>
      <c r="Y3790">
        <v>45.733333000000002</v>
      </c>
      <c r="Z3790">
        <v>124.033333</v>
      </c>
      <c r="AA3790">
        <v>8.2190580000000004</v>
      </c>
      <c r="AB3790">
        <v>-0.44883101178108431</v>
      </c>
    </row>
    <row r="3791" spans="4:28" x14ac:dyDescent="0.25">
      <c r="D3791" s="40">
        <v>63.047479000002788</v>
      </c>
      <c r="E3791" s="40">
        <v>19.341233697184165</v>
      </c>
      <c r="F3791" s="40">
        <v>63.033332999999999</v>
      </c>
      <c r="G3791" s="40">
        <v>17.435801757230578</v>
      </c>
      <c r="H3791" s="40">
        <v>63.033333999999996</v>
      </c>
      <c r="I3791" s="40">
        <v>13.578482770535443</v>
      </c>
      <c r="J3791" s="40">
        <v>63.033310529762403</v>
      </c>
      <c r="K3791" s="40">
        <v>11.944411034069866</v>
      </c>
      <c r="L3791" s="40"/>
      <c r="M3791" s="40"/>
      <c r="N3791" s="40"/>
      <c r="X3791">
        <v>-100</v>
      </c>
      <c r="Y3791">
        <v>45.75</v>
      </c>
      <c r="Z3791">
        <v>124.05</v>
      </c>
      <c r="AA3791">
        <v>8.2190910000000006</v>
      </c>
      <c r="AB3791">
        <v>-0.4484313079979223</v>
      </c>
    </row>
    <row r="3792" spans="4:28" x14ac:dyDescent="0.25">
      <c r="D3792" s="40">
        <v>63.064145000002789</v>
      </c>
      <c r="E3792" s="40">
        <v>19.341233697184165</v>
      </c>
      <c r="F3792" s="40">
        <v>63.049999999999983</v>
      </c>
      <c r="G3792" s="40">
        <v>17.440557001320798</v>
      </c>
      <c r="H3792" s="40">
        <v>63.050000000000011</v>
      </c>
      <c r="I3792" s="40">
        <v>13.578482770535443</v>
      </c>
      <c r="J3792" s="40">
        <v>63.049977190476703</v>
      </c>
      <c r="K3792" s="40">
        <v>11.944411034069866</v>
      </c>
      <c r="L3792" s="40"/>
      <c r="M3792" s="40"/>
      <c r="N3792" s="40"/>
      <c r="X3792">
        <v>-100</v>
      </c>
      <c r="Y3792">
        <v>45.766666999999998</v>
      </c>
      <c r="Z3792">
        <v>124.066667</v>
      </c>
      <c r="AA3792">
        <v>8.2190910000000006</v>
      </c>
      <c r="AB3792">
        <v>-0.4484313079979223</v>
      </c>
    </row>
    <row r="3793" spans="4:28" x14ac:dyDescent="0.25">
      <c r="D3793" s="40">
        <v>63.08081100000279</v>
      </c>
      <c r="E3793" s="40">
        <v>19.341233697184165</v>
      </c>
      <c r="F3793" s="40">
        <v>63.066666999999995</v>
      </c>
      <c r="G3793" s="40">
        <v>17.440557001320798</v>
      </c>
      <c r="H3793" s="40">
        <v>63.066666999999995</v>
      </c>
      <c r="I3793" s="40">
        <v>13.581736896792206</v>
      </c>
      <c r="J3793" s="40">
        <v>63.066643851190904</v>
      </c>
      <c r="K3793" s="40">
        <v>11.944411034069866</v>
      </c>
      <c r="L3793" s="40"/>
      <c r="M3793" s="40"/>
      <c r="N3793" s="40"/>
      <c r="X3793">
        <v>-100</v>
      </c>
      <c r="Y3793">
        <v>45.783332999999999</v>
      </c>
      <c r="Z3793">
        <v>124.083333</v>
      </c>
      <c r="AA3793">
        <v>8.219125</v>
      </c>
      <c r="AB3793">
        <v>-0.44801949197891594</v>
      </c>
    </row>
    <row r="3794" spans="4:28" x14ac:dyDescent="0.25">
      <c r="D3794" s="40">
        <v>63.09747700000279</v>
      </c>
      <c r="E3794" s="40">
        <v>19.345934429344588</v>
      </c>
      <c r="F3794" s="40">
        <v>63.083332999999982</v>
      </c>
      <c r="G3794" s="40">
        <v>17.445172385290576</v>
      </c>
      <c r="H3794" s="40">
        <v>63.083334000000008</v>
      </c>
      <c r="I3794" s="40">
        <v>13.58508963293546</v>
      </c>
      <c r="J3794" s="40">
        <v>63.083310511905196</v>
      </c>
      <c r="K3794" s="40">
        <v>11.944411034069866</v>
      </c>
      <c r="L3794" s="40"/>
      <c r="M3794" s="40"/>
      <c r="N3794" s="40"/>
      <c r="X3794">
        <v>-100</v>
      </c>
      <c r="Y3794">
        <v>45.8</v>
      </c>
      <c r="Z3794">
        <v>124.1</v>
      </c>
      <c r="AA3794">
        <v>8.2191589999999994</v>
      </c>
      <c r="AB3794">
        <v>-0.44760767595990969</v>
      </c>
    </row>
    <row r="3795" spans="4:28" x14ac:dyDescent="0.25">
      <c r="D3795" s="40">
        <v>63.114143000002791</v>
      </c>
      <c r="E3795" s="40">
        <v>19.345934429344588</v>
      </c>
      <c r="F3795" s="40">
        <v>63.099999999999994</v>
      </c>
      <c r="G3795" s="40">
        <v>17.445172385290576</v>
      </c>
      <c r="H3795" s="40">
        <v>63.099999999999994</v>
      </c>
      <c r="I3795" s="40">
        <v>13.58508963293546</v>
      </c>
      <c r="J3795" s="40">
        <v>63.099977172619496</v>
      </c>
      <c r="K3795" s="40">
        <v>11.944411034069866</v>
      </c>
      <c r="L3795" s="40"/>
      <c r="M3795" s="40"/>
      <c r="N3795" s="40"/>
      <c r="X3795">
        <v>-100</v>
      </c>
      <c r="Y3795">
        <v>45.81666700000001</v>
      </c>
      <c r="Z3795">
        <v>124.11666700000001</v>
      </c>
      <c r="AA3795">
        <v>8.2191589999999994</v>
      </c>
      <c r="AB3795">
        <v>-0.44760767595990969</v>
      </c>
    </row>
    <row r="3796" spans="4:28" x14ac:dyDescent="0.25">
      <c r="D3796" s="40">
        <v>63.130809000002792</v>
      </c>
      <c r="E3796" s="40">
        <v>19.350777607934141</v>
      </c>
      <c r="F3796" s="40">
        <v>63.116667000000007</v>
      </c>
      <c r="G3796" s="40">
        <v>17.449927629380795</v>
      </c>
      <c r="H3796" s="40">
        <v>63.116667000000007</v>
      </c>
      <c r="I3796" s="40">
        <v>13.588442369078894</v>
      </c>
      <c r="J3796" s="40">
        <v>63.116643833333796</v>
      </c>
      <c r="K3796" s="40">
        <v>11.944411034069866</v>
      </c>
      <c r="L3796" s="40"/>
      <c r="M3796" s="40"/>
      <c r="N3796" s="40"/>
      <c r="X3796">
        <v>-100</v>
      </c>
      <c r="Y3796">
        <v>45.833332999999996</v>
      </c>
      <c r="Z3796">
        <v>124.13333299999999</v>
      </c>
      <c r="AA3796">
        <v>8.2191919999999996</v>
      </c>
      <c r="AB3796">
        <v>-0.44720797217674757</v>
      </c>
    </row>
    <row r="3797" spans="4:28" x14ac:dyDescent="0.25">
      <c r="D3797" s="40">
        <v>63.147475000002792</v>
      </c>
      <c r="E3797" s="40">
        <v>19.350777607934141</v>
      </c>
      <c r="F3797" s="40">
        <v>63.133332999999993</v>
      </c>
      <c r="G3797" s="40">
        <v>17.449927629380795</v>
      </c>
      <c r="H3797" s="40">
        <v>63.133334000000019</v>
      </c>
      <c r="I3797" s="40">
        <v>13.591696495335482</v>
      </c>
      <c r="J3797" s="40">
        <v>63.133310494048096</v>
      </c>
      <c r="K3797" s="40">
        <v>11.944411034069866</v>
      </c>
      <c r="L3797" s="40"/>
      <c r="M3797" s="40"/>
      <c r="N3797" s="40"/>
      <c r="X3797">
        <v>-100</v>
      </c>
      <c r="Y3797">
        <v>45.850000000000009</v>
      </c>
      <c r="Z3797">
        <v>124.15</v>
      </c>
      <c r="AA3797">
        <v>8.2192260000000008</v>
      </c>
      <c r="AB3797">
        <v>-0.44679615615771973</v>
      </c>
    </row>
    <row r="3798" spans="4:28" x14ac:dyDescent="0.25">
      <c r="D3798" s="40">
        <v>63.164141000002793</v>
      </c>
      <c r="E3798" s="40">
        <v>19.355620786523563</v>
      </c>
      <c r="F3798" s="40">
        <v>63.150000000000006</v>
      </c>
      <c r="G3798" s="40">
        <v>17.454682873471015</v>
      </c>
      <c r="H3798" s="40">
        <v>63.150000000000006</v>
      </c>
      <c r="I3798" s="40">
        <v>13.591696495335482</v>
      </c>
      <c r="J3798" s="40">
        <v>63.149977154762396</v>
      </c>
      <c r="K3798" s="40">
        <v>11.944411034069866</v>
      </c>
      <c r="L3798" s="40"/>
      <c r="M3798" s="40"/>
      <c r="N3798" s="40"/>
      <c r="X3798">
        <v>-100</v>
      </c>
      <c r="Y3798">
        <v>45.866667000000007</v>
      </c>
      <c r="Z3798">
        <v>124.166667</v>
      </c>
      <c r="AA3798">
        <v>8.2192600000000002</v>
      </c>
      <c r="AB3798">
        <v>-0.44638434013871348</v>
      </c>
    </row>
    <row r="3799" spans="4:28" x14ac:dyDescent="0.25">
      <c r="D3799" s="40">
        <v>63.180807000002794</v>
      </c>
      <c r="E3799" s="40">
        <v>19.355620786523563</v>
      </c>
      <c r="F3799" s="40">
        <v>63.16666699999999</v>
      </c>
      <c r="G3799" s="40">
        <v>17.454682873471015</v>
      </c>
      <c r="H3799" s="40">
        <v>63.166667000000018</v>
      </c>
      <c r="I3799" s="40">
        <v>13.595049231478914</v>
      </c>
      <c r="J3799" s="40">
        <v>63.166643815476696</v>
      </c>
      <c r="K3799" s="40">
        <v>11.944411034069866</v>
      </c>
      <c r="L3799" s="40"/>
      <c r="M3799" s="40"/>
      <c r="N3799" s="40"/>
      <c r="X3799">
        <v>-100</v>
      </c>
      <c r="Y3799">
        <v>45.883333000000007</v>
      </c>
      <c r="Z3799">
        <v>124.183333</v>
      </c>
      <c r="AA3799">
        <v>8.2192600000000002</v>
      </c>
      <c r="AB3799">
        <v>-0.44638434013871348</v>
      </c>
    </row>
    <row r="3800" spans="4:28" x14ac:dyDescent="0.25">
      <c r="D3800" s="40">
        <v>63.197473000002795</v>
      </c>
      <c r="E3800" s="40">
        <v>19.355620786523563</v>
      </c>
      <c r="F3800" s="40">
        <v>63.183333000000005</v>
      </c>
      <c r="G3800" s="40">
        <v>17.454682873471015</v>
      </c>
      <c r="H3800" s="40">
        <v>63.183334000000002</v>
      </c>
      <c r="I3800" s="40">
        <v>13.595049231478914</v>
      </c>
      <c r="J3800" s="40">
        <v>63.183310476190897</v>
      </c>
      <c r="K3800" s="40">
        <v>11.944411034069866</v>
      </c>
      <c r="L3800" s="40"/>
      <c r="M3800" s="40"/>
      <c r="N3800" s="40"/>
      <c r="X3800">
        <v>-100</v>
      </c>
      <c r="Y3800">
        <v>45.900000000000006</v>
      </c>
      <c r="Z3800">
        <v>124.2</v>
      </c>
      <c r="AA3800">
        <v>8.2192930000000004</v>
      </c>
      <c r="AB3800">
        <v>-0.44598463635555136</v>
      </c>
    </row>
    <row r="3801" spans="4:28" x14ac:dyDescent="0.25">
      <c r="D3801" s="40">
        <v>63.214139000002795</v>
      </c>
      <c r="E3801" s="40">
        <v>19.360321518683985</v>
      </c>
      <c r="F3801" s="40">
        <v>63.199999999999989</v>
      </c>
      <c r="G3801" s="40">
        <v>17.459298257440913</v>
      </c>
      <c r="H3801" s="40">
        <v>63.200000000000017</v>
      </c>
      <c r="I3801" s="40">
        <v>13.598401967622172</v>
      </c>
      <c r="J3801" s="40">
        <v>63.199977136905197</v>
      </c>
      <c r="K3801" s="40">
        <v>11.944411034069866</v>
      </c>
      <c r="L3801" s="40"/>
      <c r="M3801" s="40"/>
      <c r="N3801" s="40"/>
      <c r="X3801">
        <v>-100</v>
      </c>
      <c r="Y3801">
        <v>45.916667000000004</v>
      </c>
      <c r="Z3801">
        <v>124.216667</v>
      </c>
      <c r="AA3801">
        <v>8.2192930000000004</v>
      </c>
      <c r="AB3801">
        <v>-0.44598463635555136</v>
      </c>
    </row>
    <row r="3802" spans="4:28" x14ac:dyDescent="0.25">
      <c r="D3802" s="40">
        <v>63.230805000002796</v>
      </c>
      <c r="E3802" s="40">
        <v>19.360321518683985</v>
      </c>
      <c r="F3802" s="40">
        <v>63.216667000000001</v>
      </c>
      <c r="G3802" s="40">
        <v>17.464053501531009</v>
      </c>
      <c r="H3802" s="40">
        <v>63.216667000000001</v>
      </c>
      <c r="I3802" s="40">
        <v>13.601656093878935</v>
      </c>
      <c r="J3802" s="40">
        <v>63.216643797619497</v>
      </c>
      <c r="K3802" s="40">
        <v>11.949262077779096</v>
      </c>
      <c r="L3802" s="40"/>
      <c r="M3802" s="40"/>
      <c r="N3802" s="40"/>
      <c r="X3802">
        <v>-100</v>
      </c>
      <c r="Y3802">
        <v>45.933333000000005</v>
      </c>
      <c r="Z3802">
        <v>124.233333</v>
      </c>
      <c r="AA3802">
        <v>8.2193269999999998</v>
      </c>
      <c r="AB3802">
        <v>-0.44557282033654511</v>
      </c>
    </row>
    <row r="3803" spans="4:28" x14ac:dyDescent="0.25">
      <c r="D3803" s="40">
        <v>63.247471000002797</v>
      </c>
      <c r="E3803" s="40">
        <v>19.360321518683985</v>
      </c>
      <c r="F3803" s="40">
        <v>63.233332999999988</v>
      </c>
      <c r="G3803" s="40">
        <v>17.464053501531009</v>
      </c>
      <c r="H3803" s="40">
        <v>63.233334000000013</v>
      </c>
      <c r="I3803" s="40">
        <v>13.605008830022191</v>
      </c>
      <c r="J3803" s="40">
        <v>63.233310458333797</v>
      </c>
      <c r="K3803" s="40">
        <v>11.949262077779096</v>
      </c>
      <c r="L3803" s="40"/>
      <c r="M3803" s="40"/>
      <c r="N3803" s="40"/>
      <c r="X3803">
        <v>-100</v>
      </c>
      <c r="Y3803">
        <v>45.95</v>
      </c>
      <c r="Z3803">
        <v>124.25</v>
      </c>
      <c r="AA3803">
        <v>8.2193609999999993</v>
      </c>
      <c r="AB3803">
        <v>-0.44516100431753874</v>
      </c>
    </row>
    <row r="3804" spans="4:28" x14ac:dyDescent="0.25">
      <c r="D3804" s="40">
        <v>63.264137000002798</v>
      </c>
      <c r="E3804" s="40">
        <v>19.360321518683985</v>
      </c>
      <c r="F3804" s="40">
        <v>63.25</v>
      </c>
      <c r="G3804" s="40">
        <v>17.464053501531009</v>
      </c>
      <c r="H3804" s="40">
        <v>63.25</v>
      </c>
      <c r="I3804" s="40">
        <v>13.605008830022191</v>
      </c>
      <c r="J3804" s="40">
        <v>63.249977119048097</v>
      </c>
      <c r="K3804" s="40">
        <v>11.949262077779096</v>
      </c>
      <c r="L3804" s="40"/>
      <c r="M3804" s="40"/>
      <c r="N3804" s="40"/>
      <c r="X3804">
        <v>-100</v>
      </c>
      <c r="Y3804">
        <v>45.966667000000001</v>
      </c>
      <c r="Z3804">
        <v>124.266667</v>
      </c>
      <c r="AA3804">
        <v>8.2193939999999994</v>
      </c>
      <c r="AB3804">
        <v>-0.44476130053437674</v>
      </c>
    </row>
    <row r="3805" spans="4:28" x14ac:dyDescent="0.25">
      <c r="D3805" s="40">
        <v>63.280803000002798</v>
      </c>
      <c r="E3805" s="40">
        <v>19.365164697273535</v>
      </c>
      <c r="F3805" s="40">
        <v>63.266666999999984</v>
      </c>
      <c r="G3805" s="40">
        <v>17.468808745621228</v>
      </c>
      <c r="H3805" s="40">
        <v>63.266667000000012</v>
      </c>
      <c r="I3805" s="40">
        <v>13.608361566165625</v>
      </c>
      <c r="J3805" s="40">
        <v>63.266643779762397</v>
      </c>
      <c r="K3805" s="40">
        <v>11.949262077779096</v>
      </c>
      <c r="L3805" s="40"/>
      <c r="M3805" s="40"/>
      <c r="N3805" s="40"/>
      <c r="X3805">
        <v>-100</v>
      </c>
      <c r="Y3805">
        <v>45.983333000000002</v>
      </c>
      <c r="Z3805">
        <v>124.283333</v>
      </c>
      <c r="AA3805">
        <v>8.2193939999999994</v>
      </c>
      <c r="AB3805">
        <v>-0.44476130053437674</v>
      </c>
    </row>
    <row r="3806" spans="4:28" x14ac:dyDescent="0.25">
      <c r="D3806" s="40">
        <v>63.297469000002799</v>
      </c>
      <c r="E3806" s="40">
        <v>19.365164697273535</v>
      </c>
      <c r="F3806" s="40">
        <v>63.283332999999999</v>
      </c>
      <c r="G3806" s="40">
        <v>17.473424129591127</v>
      </c>
      <c r="H3806" s="40">
        <v>63.283333999999996</v>
      </c>
      <c r="I3806" s="40">
        <v>13.608361566165625</v>
      </c>
      <c r="J3806" s="40">
        <v>63.283310440476697</v>
      </c>
      <c r="K3806" s="40">
        <v>11.949262077779096</v>
      </c>
      <c r="L3806" s="40"/>
      <c r="M3806" s="40"/>
      <c r="N3806" s="40"/>
      <c r="X3806">
        <v>-100</v>
      </c>
      <c r="Y3806">
        <v>46</v>
      </c>
      <c r="Z3806">
        <v>124.3</v>
      </c>
      <c r="AA3806">
        <v>8.2194280000000006</v>
      </c>
      <c r="AB3806">
        <v>-0.44434948451534889</v>
      </c>
    </row>
    <row r="3807" spans="4:28" x14ac:dyDescent="0.25">
      <c r="D3807" s="40">
        <v>63.3141350000028</v>
      </c>
      <c r="E3807" s="40">
        <v>19.365164697273535</v>
      </c>
      <c r="F3807" s="40">
        <v>63.299999999999983</v>
      </c>
      <c r="G3807" s="40">
        <v>17.478179373681222</v>
      </c>
      <c r="H3807" s="40">
        <v>63.300000000000011</v>
      </c>
      <c r="I3807" s="40">
        <v>13.611615692422387</v>
      </c>
      <c r="J3807" s="40">
        <v>63.299977101190898</v>
      </c>
      <c r="K3807" s="40">
        <v>11.949262077779096</v>
      </c>
      <c r="L3807" s="40"/>
      <c r="M3807" s="40"/>
      <c r="N3807" s="40"/>
      <c r="X3807">
        <v>-100</v>
      </c>
      <c r="Y3807">
        <v>46.016666999999998</v>
      </c>
      <c r="Z3807">
        <v>124.316667</v>
      </c>
      <c r="AA3807">
        <v>8.219462</v>
      </c>
      <c r="AB3807">
        <v>-0.44393766849634253</v>
      </c>
    </row>
    <row r="3808" spans="4:28" x14ac:dyDescent="0.25">
      <c r="D3808" s="40">
        <v>63.330801000002801</v>
      </c>
      <c r="E3808" s="40">
        <v>19.370007875863081</v>
      </c>
      <c r="F3808" s="40">
        <v>63.316666999999995</v>
      </c>
      <c r="G3808" s="40">
        <v>17.478179373681222</v>
      </c>
      <c r="H3808" s="40">
        <v>63.316666999999995</v>
      </c>
      <c r="I3808" s="40">
        <v>13.614968428565644</v>
      </c>
      <c r="J3808" s="40">
        <v>63.316643761905198</v>
      </c>
      <c r="K3808" s="40">
        <v>11.949262077779096</v>
      </c>
      <c r="L3808" s="40"/>
      <c r="M3808" s="40"/>
      <c r="N3808" s="40"/>
      <c r="X3808">
        <v>-100</v>
      </c>
      <c r="Y3808">
        <v>46.033332999999999</v>
      </c>
      <c r="Z3808">
        <v>124.333333</v>
      </c>
      <c r="AA3808">
        <v>8.2194950000000002</v>
      </c>
      <c r="AB3808">
        <v>-0.44353796471318052</v>
      </c>
    </row>
    <row r="3809" spans="4:28" x14ac:dyDescent="0.25">
      <c r="D3809" s="40">
        <v>63.347467000002801</v>
      </c>
      <c r="E3809" s="40">
        <v>19.370007875863081</v>
      </c>
      <c r="F3809" s="40">
        <v>63.333332999999982</v>
      </c>
      <c r="G3809" s="40">
        <v>17.482934617771441</v>
      </c>
      <c r="H3809" s="40">
        <v>63.333334000000008</v>
      </c>
      <c r="I3809" s="40">
        <v>13.614968428565644</v>
      </c>
      <c r="J3809" s="40">
        <v>63.333310422619498</v>
      </c>
      <c r="K3809" s="40">
        <v>11.949262077779096</v>
      </c>
      <c r="L3809" s="40"/>
      <c r="M3809" s="40"/>
      <c r="N3809" s="40"/>
      <c r="X3809">
        <v>-100</v>
      </c>
      <c r="Y3809">
        <v>46.05</v>
      </c>
      <c r="Z3809">
        <v>124.35</v>
      </c>
      <c r="AA3809">
        <v>8.2195289999999996</v>
      </c>
      <c r="AB3809">
        <v>-0.44312614869417416</v>
      </c>
    </row>
    <row r="3810" spans="4:28" x14ac:dyDescent="0.25">
      <c r="D3810" s="40">
        <v>63.364133000002802</v>
      </c>
      <c r="E3810" s="40">
        <v>19.374708608023383</v>
      </c>
      <c r="F3810" s="40">
        <v>63.349999999999994</v>
      </c>
      <c r="G3810" s="40">
        <v>17.48755000174134</v>
      </c>
      <c r="H3810" s="40">
        <v>63.349999999999994</v>
      </c>
      <c r="I3810" s="40">
        <v>13.618321164708902</v>
      </c>
      <c r="J3810" s="40">
        <v>63.349977083333798</v>
      </c>
      <c r="K3810" s="40">
        <v>11.949262077779096</v>
      </c>
      <c r="L3810" s="40"/>
      <c r="M3810" s="40"/>
      <c r="N3810" s="40"/>
      <c r="X3810">
        <v>-100</v>
      </c>
      <c r="Y3810">
        <v>46.06666700000001</v>
      </c>
      <c r="Z3810">
        <v>124.36666700000001</v>
      </c>
      <c r="AA3810">
        <v>8.2195289999999996</v>
      </c>
      <c r="AB3810">
        <v>-0.44312614869417416</v>
      </c>
    </row>
    <row r="3811" spans="4:28" x14ac:dyDescent="0.25">
      <c r="D3811" s="40">
        <v>63.380799000002803</v>
      </c>
      <c r="E3811" s="40">
        <v>19.374708608023383</v>
      </c>
      <c r="F3811" s="40">
        <v>63.366667000000007</v>
      </c>
      <c r="G3811" s="40">
        <v>17.492305245831439</v>
      </c>
      <c r="H3811" s="40">
        <v>63.366667000000007</v>
      </c>
      <c r="I3811" s="40">
        <v>13.621575290965666</v>
      </c>
      <c r="J3811" s="40">
        <v>63.366643744048098</v>
      </c>
      <c r="K3811" s="40">
        <v>11.949262077779096</v>
      </c>
      <c r="L3811" s="40"/>
      <c r="M3811" s="40"/>
      <c r="N3811" s="40"/>
      <c r="X3811">
        <v>-100</v>
      </c>
      <c r="Y3811">
        <v>46.083332999999996</v>
      </c>
      <c r="Z3811">
        <v>124.38333299999999</v>
      </c>
      <c r="AA3811">
        <v>8.2195630000000008</v>
      </c>
      <c r="AB3811">
        <v>-0.44271433267514632</v>
      </c>
    </row>
    <row r="3812" spans="4:28" x14ac:dyDescent="0.25">
      <c r="D3812" s="40">
        <v>63.397465000002803</v>
      </c>
      <c r="E3812" s="40">
        <v>19.374708608023383</v>
      </c>
      <c r="F3812" s="40">
        <v>63.383332999999993</v>
      </c>
      <c r="G3812" s="40">
        <v>17.497060489921658</v>
      </c>
      <c r="H3812" s="40">
        <v>63.383334000000019</v>
      </c>
      <c r="I3812" s="40">
        <v>13.621575290965666</v>
      </c>
      <c r="J3812" s="40">
        <v>63.383310404762398</v>
      </c>
      <c r="K3812" s="40">
        <v>11.949262077779096</v>
      </c>
      <c r="L3812" s="40"/>
      <c r="M3812" s="40"/>
      <c r="N3812" s="40"/>
      <c r="X3812">
        <v>-100</v>
      </c>
      <c r="Y3812">
        <v>46.100000000000009</v>
      </c>
      <c r="Z3812">
        <v>124.4</v>
      </c>
      <c r="AA3812">
        <v>8.2195959999999992</v>
      </c>
      <c r="AB3812">
        <v>-0.44231462889200585</v>
      </c>
    </row>
    <row r="3813" spans="4:28" x14ac:dyDescent="0.25">
      <c r="D3813" s="40">
        <v>63.414131000002804</v>
      </c>
      <c r="E3813" s="40">
        <v>19.374708608023383</v>
      </c>
      <c r="F3813" s="40">
        <v>63.400000000000006</v>
      </c>
      <c r="G3813" s="40">
        <v>17.497060489921658</v>
      </c>
      <c r="H3813" s="40">
        <v>63.400000000000006</v>
      </c>
      <c r="I3813" s="40">
        <v>13.624928027108922</v>
      </c>
      <c r="J3813" s="40">
        <v>63.399977065476698</v>
      </c>
      <c r="K3813" s="40">
        <v>11.949262077779096</v>
      </c>
      <c r="L3813" s="40"/>
      <c r="M3813" s="40"/>
      <c r="N3813" s="40"/>
      <c r="X3813">
        <v>-100</v>
      </c>
      <c r="Y3813">
        <v>46.116667000000007</v>
      </c>
      <c r="Z3813">
        <v>124.416667</v>
      </c>
      <c r="AA3813">
        <v>8.2196300000000004</v>
      </c>
      <c r="AB3813">
        <v>-0.44190281287297795</v>
      </c>
    </row>
    <row r="3814" spans="4:28" x14ac:dyDescent="0.25">
      <c r="D3814" s="40">
        <v>63.430797000002805</v>
      </c>
      <c r="E3814" s="40">
        <v>19.374708608023383</v>
      </c>
      <c r="F3814" s="40">
        <v>63.41666699999999</v>
      </c>
      <c r="G3814" s="40">
        <v>17.501675873891557</v>
      </c>
      <c r="H3814" s="40">
        <v>63.416667000000018</v>
      </c>
      <c r="I3814" s="40">
        <v>13.628280763252354</v>
      </c>
      <c r="J3814" s="40">
        <v>63.416643726190898</v>
      </c>
      <c r="K3814" s="40">
        <v>11.949262077779096</v>
      </c>
      <c r="L3814" s="40"/>
      <c r="M3814" s="40"/>
      <c r="N3814" s="40"/>
      <c r="X3814">
        <v>-100</v>
      </c>
      <c r="Y3814">
        <v>46.133333000000007</v>
      </c>
      <c r="Z3814">
        <v>124.433333</v>
      </c>
      <c r="AA3814">
        <v>8.2196639999999999</v>
      </c>
      <c r="AB3814">
        <v>-0.4414909968539717</v>
      </c>
    </row>
    <row r="3815" spans="4:28" x14ac:dyDescent="0.25">
      <c r="D3815" s="40">
        <v>63.447463000002806</v>
      </c>
      <c r="E3815" s="40">
        <v>19.374708608023383</v>
      </c>
      <c r="F3815" s="40">
        <v>63.433333000000005</v>
      </c>
      <c r="G3815" s="40">
        <v>17.506431117981776</v>
      </c>
      <c r="H3815" s="40">
        <v>63.433334000000002</v>
      </c>
      <c r="I3815" s="40">
        <v>13.628280763252354</v>
      </c>
      <c r="J3815" s="40">
        <v>63.433310386905198</v>
      </c>
      <c r="K3815" s="40">
        <v>11.954113121488202</v>
      </c>
      <c r="L3815" s="40"/>
      <c r="M3815" s="40"/>
      <c r="N3815" s="40"/>
      <c r="X3815">
        <v>-100</v>
      </c>
      <c r="Y3815">
        <v>46.150000000000006</v>
      </c>
      <c r="Z3815">
        <v>124.45</v>
      </c>
      <c r="AA3815">
        <v>8.219697</v>
      </c>
      <c r="AB3815">
        <v>-0.44109129307080958</v>
      </c>
    </row>
    <row r="3816" spans="4:28" x14ac:dyDescent="0.25">
      <c r="D3816" s="40">
        <v>63.464129000002806</v>
      </c>
      <c r="E3816" s="40">
        <v>19.374708608023383</v>
      </c>
      <c r="F3816" s="40">
        <v>63.449999999999989</v>
      </c>
      <c r="G3816" s="40">
        <v>17.506431117981776</v>
      </c>
      <c r="H3816" s="40">
        <v>63.450000000000017</v>
      </c>
      <c r="I3816" s="40">
        <v>13.631534889509116</v>
      </c>
      <c r="J3816" s="40">
        <v>63.449977047619498</v>
      </c>
      <c r="K3816" s="40">
        <v>11.954113121488202</v>
      </c>
      <c r="L3816" s="40"/>
      <c r="M3816" s="40"/>
      <c r="N3816" s="40"/>
      <c r="X3816">
        <v>-100</v>
      </c>
      <c r="Y3816">
        <v>46.166667000000004</v>
      </c>
      <c r="Z3816">
        <v>124.466667</v>
      </c>
      <c r="AA3816">
        <v>8.2197309999999995</v>
      </c>
      <c r="AB3816">
        <v>-0.44067947705180333</v>
      </c>
    </row>
    <row r="3817" spans="4:28" x14ac:dyDescent="0.25">
      <c r="D3817" s="40">
        <v>63.480795000002807</v>
      </c>
      <c r="E3817" s="40">
        <v>19.374708608023383</v>
      </c>
      <c r="F3817" s="40">
        <v>63.466667000000001</v>
      </c>
      <c r="G3817" s="40">
        <v>17.511186362071872</v>
      </c>
      <c r="H3817" s="40">
        <v>63.466667000000001</v>
      </c>
      <c r="I3817" s="40">
        <v>13.634887625652373</v>
      </c>
      <c r="J3817" s="40">
        <v>63.466643708333798</v>
      </c>
      <c r="K3817" s="40">
        <v>11.954113121488202</v>
      </c>
      <c r="L3817" s="40"/>
      <c r="M3817" s="40"/>
      <c r="N3817" s="40"/>
      <c r="X3817">
        <v>-100</v>
      </c>
      <c r="Y3817">
        <v>46.183333000000005</v>
      </c>
      <c r="Z3817">
        <v>124.483333</v>
      </c>
      <c r="AA3817">
        <v>8.2197309999999995</v>
      </c>
      <c r="AB3817">
        <v>-0.44067947705180333</v>
      </c>
    </row>
    <row r="3818" spans="4:28" x14ac:dyDescent="0.25">
      <c r="D3818" s="40">
        <v>63.497461000002808</v>
      </c>
      <c r="E3818" s="40">
        <v>19.374708608023383</v>
      </c>
      <c r="F3818" s="40">
        <v>63.483332999999988</v>
      </c>
      <c r="G3818" s="40">
        <v>17.511186362071872</v>
      </c>
      <c r="H3818" s="40">
        <v>63.483334000000013</v>
      </c>
      <c r="I3818" s="40">
        <v>13.634887625652373</v>
      </c>
      <c r="J3818" s="40">
        <v>63.483310369048098</v>
      </c>
      <c r="K3818" s="40">
        <v>11.958821487441263</v>
      </c>
      <c r="L3818" s="40"/>
      <c r="M3818" s="40"/>
      <c r="N3818" s="40"/>
      <c r="X3818">
        <v>-100</v>
      </c>
      <c r="Y3818">
        <v>46.2</v>
      </c>
      <c r="Z3818">
        <v>124.5</v>
      </c>
      <c r="AA3818">
        <v>8.2197650000000007</v>
      </c>
      <c r="AB3818">
        <v>-0.44026766103277548</v>
      </c>
    </row>
    <row r="3819" spans="4:28" x14ac:dyDescent="0.25">
      <c r="D3819" s="40">
        <v>63.514127000002809</v>
      </c>
      <c r="E3819" s="40">
        <v>19.379551786612929</v>
      </c>
      <c r="F3819" s="40">
        <v>63.5</v>
      </c>
      <c r="G3819" s="40">
        <v>17.51580174604177</v>
      </c>
      <c r="H3819" s="40">
        <v>63.5</v>
      </c>
      <c r="I3819" s="40">
        <v>13.638240361795631</v>
      </c>
      <c r="J3819" s="40">
        <v>63.499977029762398</v>
      </c>
      <c r="K3819" s="40">
        <v>11.958821487441263</v>
      </c>
      <c r="L3819" s="40"/>
      <c r="M3819" s="40"/>
      <c r="N3819" s="40"/>
      <c r="X3819">
        <v>-100</v>
      </c>
      <c r="Y3819">
        <v>46.216667000000001</v>
      </c>
      <c r="Z3819">
        <v>124.516667</v>
      </c>
      <c r="AA3819">
        <v>8.2197980000000008</v>
      </c>
      <c r="AB3819">
        <v>-0.43986795724961336</v>
      </c>
    </row>
    <row r="3820" spans="4:28" x14ac:dyDescent="0.25">
      <c r="D3820" s="40">
        <v>63.530793000002809</v>
      </c>
      <c r="E3820" s="40">
        <v>19.379551786612929</v>
      </c>
      <c r="F3820" s="40">
        <v>63.516666999999984</v>
      </c>
      <c r="G3820" s="40">
        <v>17.51580174604177</v>
      </c>
      <c r="H3820" s="40">
        <v>63.516667000000012</v>
      </c>
      <c r="I3820" s="40">
        <v>13.638240361795631</v>
      </c>
      <c r="J3820" s="40">
        <v>63.516643690476698</v>
      </c>
      <c r="K3820" s="40">
        <v>11.958821487441263</v>
      </c>
      <c r="L3820" s="40"/>
      <c r="M3820" s="40"/>
      <c r="N3820" s="40"/>
      <c r="X3820">
        <v>-100</v>
      </c>
      <c r="Y3820">
        <v>46.233333000000002</v>
      </c>
      <c r="Z3820">
        <v>124.533333</v>
      </c>
      <c r="AA3820">
        <v>8.2198320000000002</v>
      </c>
      <c r="AB3820">
        <v>-0.43945614123060711</v>
      </c>
    </row>
    <row r="3821" spans="4:28" x14ac:dyDescent="0.25">
      <c r="D3821" s="40">
        <v>63.54745900000281</v>
      </c>
      <c r="E3821" s="40">
        <v>19.379551786612929</v>
      </c>
      <c r="F3821" s="40">
        <v>63.533332999999999</v>
      </c>
      <c r="G3821" s="40">
        <v>17.52055699013199</v>
      </c>
      <c r="H3821" s="40">
        <v>63.533333999999996</v>
      </c>
      <c r="I3821" s="40">
        <v>13.641494488052395</v>
      </c>
      <c r="J3821" s="40">
        <v>63.533310351190899</v>
      </c>
      <c r="K3821" s="40">
        <v>11.963672531150495</v>
      </c>
      <c r="L3821" s="40"/>
      <c r="M3821" s="40"/>
      <c r="N3821" s="40"/>
      <c r="X3821">
        <v>-100</v>
      </c>
      <c r="Y3821">
        <v>46.25</v>
      </c>
      <c r="Z3821">
        <v>124.55</v>
      </c>
      <c r="AA3821">
        <v>8.2198659999999997</v>
      </c>
      <c r="AB3821">
        <v>-0.43904432521160075</v>
      </c>
    </row>
    <row r="3822" spans="4:28" x14ac:dyDescent="0.25">
      <c r="D3822" s="40">
        <v>63.564125000002811</v>
      </c>
      <c r="E3822" s="40">
        <v>19.379551786612929</v>
      </c>
      <c r="F3822" s="40">
        <v>63.549999999999983</v>
      </c>
      <c r="G3822" s="40">
        <v>17.525312234222085</v>
      </c>
      <c r="H3822" s="40">
        <v>63.550000000000011</v>
      </c>
      <c r="I3822" s="40">
        <v>13.644847224195827</v>
      </c>
      <c r="J3822" s="40">
        <v>63.549977011905199</v>
      </c>
      <c r="K3822" s="40">
        <v>11.963672531150495</v>
      </c>
      <c r="L3822" s="40"/>
      <c r="M3822" s="40"/>
      <c r="N3822" s="40"/>
      <c r="X3822">
        <v>-100</v>
      </c>
      <c r="Y3822">
        <v>46.266666999999998</v>
      </c>
      <c r="Z3822">
        <v>124.566667</v>
      </c>
      <c r="AA3822">
        <v>8.2198989999999998</v>
      </c>
      <c r="AB3822">
        <v>-0.43864462142843874</v>
      </c>
    </row>
    <row r="3823" spans="4:28" x14ac:dyDescent="0.25">
      <c r="D3823" s="40">
        <v>63.580791000002812</v>
      </c>
      <c r="E3823" s="40">
        <v>19.379551786612929</v>
      </c>
      <c r="F3823" s="40">
        <v>63.566666999999995</v>
      </c>
      <c r="G3823" s="40">
        <v>17.525312234222085</v>
      </c>
      <c r="H3823" s="40">
        <v>63.566666999999995</v>
      </c>
      <c r="I3823" s="40">
        <v>13.644847224195827</v>
      </c>
      <c r="J3823" s="40">
        <v>63.566643672619499</v>
      </c>
      <c r="K3823" s="40">
        <v>11.963672531150495</v>
      </c>
      <c r="L3823" s="40"/>
      <c r="M3823" s="40"/>
      <c r="N3823" s="40"/>
      <c r="X3823">
        <v>-100</v>
      </c>
      <c r="Y3823">
        <v>46.283332999999999</v>
      </c>
      <c r="Z3823">
        <v>124.583333</v>
      </c>
      <c r="AA3823">
        <v>8.2199329999999993</v>
      </c>
      <c r="AB3823">
        <v>-0.43823280540943244</v>
      </c>
    </row>
    <row r="3824" spans="4:28" x14ac:dyDescent="0.25">
      <c r="D3824" s="40">
        <v>63.597457000002812</v>
      </c>
      <c r="E3824" s="40">
        <v>19.384394965202478</v>
      </c>
      <c r="F3824" s="40">
        <v>63.583332999999982</v>
      </c>
      <c r="G3824" s="40">
        <v>17.529927618191984</v>
      </c>
      <c r="H3824" s="40">
        <v>63.583334000000008</v>
      </c>
      <c r="I3824" s="40">
        <v>13.648199960339085</v>
      </c>
      <c r="J3824" s="40">
        <v>63.583310333333799</v>
      </c>
      <c r="K3824" s="40">
        <v>11.963672531150495</v>
      </c>
      <c r="L3824" s="40"/>
      <c r="M3824" s="40"/>
      <c r="N3824" s="40"/>
      <c r="X3824">
        <v>-100</v>
      </c>
      <c r="Y3824">
        <v>46.3</v>
      </c>
      <c r="Z3824">
        <v>124.6</v>
      </c>
      <c r="AA3824">
        <v>8.2199659999999994</v>
      </c>
      <c r="AB3824">
        <v>-0.43783310162627037</v>
      </c>
    </row>
    <row r="3825" spans="4:28" x14ac:dyDescent="0.25">
      <c r="D3825" s="40">
        <v>63.614123000002813</v>
      </c>
      <c r="E3825" s="40">
        <v>19.384394965202478</v>
      </c>
      <c r="F3825" s="40">
        <v>63.599999999999994</v>
      </c>
      <c r="G3825" s="40">
        <v>17.529927618191984</v>
      </c>
      <c r="H3825" s="40">
        <v>63.599999999999994</v>
      </c>
      <c r="I3825" s="40">
        <v>13.648199960339085</v>
      </c>
      <c r="J3825" s="40">
        <v>63.599976994048099</v>
      </c>
      <c r="K3825" s="40">
        <v>11.963672531150495</v>
      </c>
      <c r="L3825" s="40"/>
      <c r="M3825" s="40"/>
      <c r="N3825" s="40"/>
      <c r="X3825">
        <v>-100</v>
      </c>
      <c r="Y3825">
        <v>46.31666700000001</v>
      </c>
      <c r="Z3825">
        <v>124.61666700000001</v>
      </c>
      <c r="AA3825">
        <v>8.2200000000000006</v>
      </c>
      <c r="AB3825">
        <v>-0.43742128560724253</v>
      </c>
    </row>
    <row r="3826" spans="4:28" x14ac:dyDescent="0.25">
      <c r="D3826" s="40">
        <v>63.630789000002814</v>
      </c>
      <c r="E3826" s="40">
        <v>19.384394965202478</v>
      </c>
      <c r="F3826" s="40">
        <v>63.616667000000007</v>
      </c>
      <c r="G3826" s="40">
        <v>17.534682862282207</v>
      </c>
      <c r="H3826" s="40">
        <v>63.616667000000007</v>
      </c>
      <c r="I3826" s="40">
        <v>13.651454086595848</v>
      </c>
      <c r="J3826" s="40">
        <v>63.616643654762399</v>
      </c>
      <c r="K3826" s="40">
        <v>11.968523574859601</v>
      </c>
      <c r="L3826" s="40"/>
      <c r="M3826" s="40"/>
      <c r="N3826" s="40"/>
      <c r="X3826">
        <v>-100</v>
      </c>
      <c r="Y3826">
        <v>46.333332999999996</v>
      </c>
      <c r="Z3826">
        <v>124.63333299999999</v>
      </c>
      <c r="AA3826">
        <v>8.2200340000000001</v>
      </c>
      <c r="AB3826">
        <v>-0.43700946958823617</v>
      </c>
    </row>
    <row r="3827" spans="4:28" x14ac:dyDescent="0.25">
      <c r="D3827" s="40">
        <v>63.647455000002815</v>
      </c>
      <c r="E3827" s="40">
        <v>19.389095697362777</v>
      </c>
      <c r="F3827" s="40">
        <v>63.633332999999993</v>
      </c>
      <c r="G3827" s="40">
        <v>17.539438106372302</v>
      </c>
      <c r="H3827" s="40">
        <v>63.633334000000019</v>
      </c>
      <c r="I3827" s="40">
        <v>13.651454086595848</v>
      </c>
      <c r="J3827" s="40">
        <v>63.633310315476699</v>
      </c>
      <c r="K3827" s="40">
        <v>11.968523574859601</v>
      </c>
      <c r="L3827" s="40"/>
      <c r="M3827" s="40"/>
      <c r="N3827" s="40"/>
      <c r="X3827">
        <v>-100</v>
      </c>
      <c r="Y3827">
        <v>46.350000000000009</v>
      </c>
      <c r="Z3827">
        <v>124.65</v>
      </c>
      <c r="AA3827">
        <v>8.2200340000000001</v>
      </c>
      <c r="AB3827">
        <v>-0.43700946958823617</v>
      </c>
    </row>
    <row r="3828" spans="4:28" x14ac:dyDescent="0.25">
      <c r="D3828" s="40">
        <v>63.664121000002815</v>
      </c>
      <c r="E3828" s="40">
        <v>19.389095697362777</v>
      </c>
      <c r="F3828" s="40">
        <v>63.650000000000006</v>
      </c>
      <c r="G3828" s="40">
        <v>17.539438106372302</v>
      </c>
      <c r="H3828" s="40">
        <v>63.650000000000006</v>
      </c>
      <c r="I3828" s="40">
        <v>13.654806822739104</v>
      </c>
      <c r="J3828" s="40">
        <v>63.649976976190899</v>
      </c>
      <c r="K3828" s="40">
        <v>11.968523574859601</v>
      </c>
      <c r="L3828" s="40"/>
      <c r="M3828" s="40"/>
      <c r="N3828" s="40"/>
      <c r="X3828">
        <v>-100</v>
      </c>
      <c r="Y3828">
        <v>46.366667000000007</v>
      </c>
      <c r="Z3828">
        <v>124.666667</v>
      </c>
      <c r="AA3828">
        <v>8.2200670000000002</v>
      </c>
      <c r="AB3828">
        <v>-0.43660976580507416</v>
      </c>
    </row>
    <row r="3829" spans="4:28" x14ac:dyDescent="0.25">
      <c r="D3829" s="40">
        <v>63.680787000002816</v>
      </c>
      <c r="E3829" s="40">
        <v>19.389095697362777</v>
      </c>
      <c r="F3829" s="40">
        <v>63.66666699999999</v>
      </c>
      <c r="G3829" s="40">
        <v>17.544053490342201</v>
      </c>
      <c r="H3829" s="40">
        <v>63.666667000000018</v>
      </c>
      <c r="I3829" s="40">
        <v>13.658159558882362</v>
      </c>
      <c r="J3829" s="40">
        <v>63.666643636905199</v>
      </c>
      <c r="K3829" s="40">
        <v>11.968523574859601</v>
      </c>
      <c r="L3829" s="40"/>
      <c r="M3829" s="40"/>
      <c r="N3829" s="40"/>
      <c r="X3829">
        <v>-100</v>
      </c>
      <c r="Y3829">
        <v>46.383333000000007</v>
      </c>
      <c r="Z3829">
        <v>124.683333</v>
      </c>
      <c r="AA3829">
        <v>8.2201009999999997</v>
      </c>
      <c r="AB3829">
        <v>-0.43619794978606785</v>
      </c>
    </row>
    <row r="3830" spans="4:28" x14ac:dyDescent="0.25">
      <c r="D3830" s="40">
        <v>63.697453000002817</v>
      </c>
      <c r="E3830" s="40">
        <v>19.393938875952323</v>
      </c>
      <c r="F3830" s="40">
        <v>63.683333000000005</v>
      </c>
      <c r="G3830" s="40">
        <v>17.54880873443242</v>
      </c>
      <c r="H3830" s="40">
        <v>63.683334000000002</v>
      </c>
      <c r="I3830" s="40">
        <v>13.658159558882362</v>
      </c>
      <c r="J3830" s="40">
        <v>63.683310297619499</v>
      </c>
      <c r="K3830" s="40">
        <v>11.968523574859601</v>
      </c>
      <c r="L3830" s="40"/>
      <c r="M3830" s="40"/>
      <c r="N3830" s="40"/>
      <c r="X3830">
        <v>-100</v>
      </c>
      <c r="Y3830">
        <v>46.400000000000006</v>
      </c>
      <c r="Z3830">
        <v>124.7</v>
      </c>
      <c r="AA3830">
        <v>8.2201350000000009</v>
      </c>
      <c r="AB3830">
        <v>-0.43578613376703995</v>
      </c>
    </row>
    <row r="3831" spans="4:28" x14ac:dyDescent="0.25">
      <c r="D3831" s="40">
        <v>63.714119000002817</v>
      </c>
      <c r="E3831" s="40">
        <v>19.393938875952323</v>
      </c>
      <c r="F3831" s="40">
        <v>63.699999999999989</v>
      </c>
      <c r="G3831" s="40">
        <v>17.553563978522515</v>
      </c>
      <c r="H3831" s="40">
        <v>63.700000000000017</v>
      </c>
      <c r="I3831" s="40">
        <v>13.661413685139125</v>
      </c>
      <c r="J3831" s="40">
        <v>63.699976958333799</v>
      </c>
      <c r="K3831" s="40">
        <v>11.968523574859601</v>
      </c>
      <c r="L3831" s="40"/>
      <c r="M3831" s="40"/>
      <c r="N3831" s="40"/>
      <c r="X3831">
        <v>-100</v>
      </c>
      <c r="Y3831">
        <v>46.416667000000004</v>
      </c>
      <c r="Z3831">
        <v>124.716667</v>
      </c>
      <c r="AA3831">
        <v>8.2201679999999993</v>
      </c>
      <c r="AB3831">
        <v>-0.43538642998389948</v>
      </c>
    </row>
    <row r="3832" spans="4:28" x14ac:dyDescent="0.25">
      <c r="D3832" s="40">
        <v>63.730785000002818</v>
      </c>
      <c r="E3832" s="40">
        <v>19.393938875952323</v>
      </c>
      <c r="F3832" s="40">
        <v>63.716667000000001</v>
      </c>
      <c r="G3832" s="40">
        <v>17.553563978522515</v>
      </c>
      <c r="H3832" s="40">
        <v>63.716667000000001</v>
      </c>
      <c r="I3832" s="40">
        <v>13.664766421282557</v>
      </c>
      <c r="J3832" s="40">
        <v>63.716643619048099</v>
      </c>
      <c r="K3832" s="40">
        <v>11.97323194081266</v>
      </c>
      <c r="L3832" s="40"/>
      <c r="M3832" s="40"/>
      <c r="N3832" s="40"/>
      <c r="X3832">
        <v>-100</v>
      </c>
      <c r="Y3832">
        <v>46.433333000000005</v>
      </c>
      <c r="Z3832">
        <v>124.733333</v>
      </c>
      <c r="AA3832">
        <v>8.2202020000000005</v>
      </c>
      <c r="AB3832">
        <v>-0.43497461396487158</v>
      </c>
    </row>
    <row r="3833" spans="4:28" x14ac:dyDescent="0.25">
      <c r="D3833" s="40">
        <v>63.747451000002819</v>
      </c>
      <c r="E3833" s="40">
        <v>19.398782054541876</v>
      </c>
      <c r="F3833" s="40">
        <v>63.733332999999988</v>
      </c>
      <c r="G3833" s="40">
        <v>17.558319222612734</v>
      </c>
      <c r="H3833" s="40">
        <v>63.733334000000013</v>
      </c>
      <c r="I3833" s="40">
        <v>13.664766421282557</v>
      </c>
      <c r="J3833" s="40">
        <v>63.733310279762399</v>
      </c>
      <c r="K3833" s="40">
        <v>11.97323194081266</v>
      </c>
      <c r="L3833" s="40"/>
      <c r="M3833" s="40"/>
      <c r="N3833" s="40"/>
      <c r="X3833">
        <v>-100</v>
      </c>
      <c r="Y3833">
        <v>46.45</v>
      </c>
      <c r="Z3833">
        <v>124.75</v>
      </c>
      <c r="AA3833">
        <v>8.2202359999999999</v>
      </c>
      <c r="AB3833">
        <v>-0.43456279794586533</v>
      </c>
    </row>
    <row r="3834" spans="4:28" x14ac:dyDescent="0.25">
      <c r="D3834" s="40">
        <v>63.76411700000282</v>
      </c>
      <c r="E3834" s="40">
        <v>19.398782054541876</v>
      </c>
      <c r="F3834" s="40">
        <v>63.75</v>
      </c>
      <c r="G3834" s="40">
        <v>17.562934606582633</v>
      </c>
      <c r="H3834" s="40">
        <v>63.75</v>
      </c>
      <c r="I3834" s="40">
        <v>13.668119157425815</v>
      </c>
      <c r="J3834" s="40">
        <v>63.749976940476699</v>
      </c>
      <c r="K3834" s="40">
        <v>11.97323194081266</v>
      </c>
      <c r="L3834" s="40"/>
      <c r="M3834" s="40"/>
      <c r="N3834" s="40"/>
      <c r="X3834">
        <v>-100</v>
      </c>
      <c r="Y3834">
        <v>46.466667000000001</v>
      </c>
      <c r="Z3834">
        <v>124.766667</v>
      </c>
      <c r="AA3834">
        <v>8.220269</v>
      </c>
      <c r="AB3834">
        <v>-0.43416309416270327</v>
      </c>
    </row>
    <row r="3835" spans="4:28" x14ac:dyDescent="0.25">
      <c r="D3835" s="40">
        <v>63.78078300000282</v>
      </c>
      <c r="E3835" s="40">
        <v>19.403482786702302</v>
      </c>
      <c r="F3835" s="40">
        <v>63.766666999999984</v>
      </c>
      <c r="G3835" s="40">
        <v>17.562934606582633</v>
      </c>
      <c r="H3835" s="40">
        <v>63.766667000000012</v>
      </c>
      <c r="I3835" s="40">
        <v>13.67147189356907</v>
      </c>
      <c r="J3835" s="40">
        <v>63.7666436011909</v>
      </c>
      <c r="K3835" s="40">
        <v>11.97323194081266</v>
      </c>
      <c r="L3835" s="40"/>
      <c r="M3835" s="40"/>
      <c r="N3835" s="40"/>
      <c r="X3835">
        <v>-100</v>
      </c>
      <c r="Y3835">
        <v>46.483333000000002</v>
      </c>
      <c r="Z3835">
        <v>124.783333</v>
      </c>
      <c r="AA3835">
        <v>8.2203029999999995</v>
      </c>
      <c r="AB3835">
        <v>-0.43375127814369691</v>
      </c>
    </row>
    <row r="3836" spans="4:28" x14ac:dyDescent="0.25">
      <c r="D3836" s="40">
        <v>63.797449000002821</v>
      </c>
      <c r="E3836" s="40">
        <v>19.403482786702302</v>
      </c>
      <c r="F3836" s="40">
        <v>63.783332999999999</v>
      </c>
      <c r="G3836" s="40">
        <v>17.567689850672853</v>
      </c>
      <c r="H3836" s="40">
        <v>63.783333999999996</v>
      </c>
      <c r="I3836" s="40">
        <v>13.67147189356907</v>
      </c>
      <c r="J3836" s="40">
        <v>63.7833102619052</v>
      </c>
      <c r="K3836" s="40">
        <v>11.978082984521892</v>
      </c>
      <c r="L3836" s="40"/>
      <c r="M3836" s="40"/>
      <c r="N3836" s="40"/>
      <c r="X3836">
        <v>-100</v>
      </c>
      <c r="Y3836">
        <v>46.5</v>
      </c>
      <c r="Z3836">
        <v>124.8</v>
      </c>
      <c r="AA3836">
        <v>8.2203370000000007</v>
      </c>
      <c r="AB3836">
        <v>-0.43333946212466912</v>
      </c>
    </row>
    <row r="3837" spans="4:28" x14ac:dyDescent="0.25">
      <c r="D3837" s="40">
        <v>63.814115000002822</v>
      </c>
      <c r="E3837" s="40">
        <v>19.408325965291723</v>
      </c>
      <c r="F3837" s="40">
        <v>63.799999999999983</v>
      </c>
      <c r="G3837" s="40">
        <v>17.567689850672853</v>
      </c>
      <c r="H3837" s="40">
        <v>63.800000000000011</v>
      </c>
      <c r="I3837" s="40">
        <v>13.674726019825833</v>
      </c>
      <c r="J3837" s="40">
        <v>63.7999769226195</v>
      </c>
      <c r="K3837" s="40">
        <v>11.978082984521892</v>
      </c>
      <c r="L3837" s="40"/>
      <c r="M3837" s="40"/>
      <c r="N3837" s="40"/>
      <c r="X3837">
        <v>-100</v>
      </c>
      <c r="Y3837">
        <v>46.516666999999998</v>
      </c>
      <c r="Z3837">
        <v>124.816667</v>
      </c>
      <c r="AA3837">
        <v>8.2203700000000008</v>
      </c>
      <c r="AB3837">
        <v>-0.432939758341507</v>
      </c>
    </row>
    <row r="3838" spans="4:28" x14ac:dyDescent="0.25">
      <c r="D3838" s="40">
        <v>63.830781000002823</v>
      </c>
      <c r="E3838" s="40">
        <v>19.408325965291723</v>
      </c>
      <c r="F3838" s="40">
        <v>63.816666999999995</v>
      </c>
      <c r="G3838" s="40">
        <v>17.572445094762951</v>
      </c>
      <c r="H3838" s="40">
        <v>63.816666999999995</v>
      </c>
      <c r="I3838" s="40">
        <v>13.678078755969267</v>
      </c>
      <c r="J3838" s="40">
        <v>63.8166435833338</v>
      </c>
      <c r="K3838" s="40">
        <v>11.978082984521892</v>
      </c>
      <c r="L3838" s="40"/>
      <c r="M3838" s="40"/>
      <c r="N3838" s="40"/>
      <c r="X3838">
        <v>-100</v>
      </c>
      <c r="Y3838">
        <v>46.533332999999999</v>
      </c>
      <c r="Z3838">
        <v>124.833333</v>
      </c>
      <c r="AA3838">
        <v>8.2204040000000003</v>
      </c>
      <c r="AB3838">
        <v>-0.43252794232250075</v>
      </c>
    </row>
    <row r="3839" spans="4:28" x14ac:dyDescent="0.25">
      <c r="D3839" s="40">
        <v>63.847447000002823</v>
      </c>
      <c r="E3839" s="40">
        <v>19.408325965291723</v>
      </c>
      <c r="F3839" s="40">
        <v>63.833332999999982</v>
      </c>
      <c r="G3839" s="40">
        <v>17.572445094762951</v>
      </c>
      <c r="H3839" s="40">
        <v>63.833334000000008</v>
      </c>
      <c r="I3839" s="40">
        <v>13.678078755969267</v>
      </c>
      <c r="J3839" s="40">
        <v>63.8333102440481</v>
      </c>
      <c r="K3839" s="40">
        <v>11.978082984521892</v>
      </c>
      <c r="L3839" s="40"/>
      <c r="M3839" s="40"/>
      <c r="N3839" s="40"/>
      <c r="X3839">
        <v>-100</v>
      </c>
      <c r="Y3839">
        <v>46.55</v>
      </c>
      <c r="Z3839">
        <v>124.85</v>
      </c>
      <c r="AA3839">
        <v>8.2204379999999997</v>
      </c>
      <c r="AB3839">
        <v>-0.43211612630349439</v>
      </c>
    </row>
    <row r="3840" spans="4:28" x14ac:dyDescent="0.25">
      <c r="D3840" s="40">
        <v>63.864113000002824</v>
      </c>
      <c r="E3840" s="40">
        <v>19.413169143881269</v>
      </c>
      <c r="F3840" s="40">
        <v>63.849999999999994</v>
      </c>
      <c r="G3840" s="40">
        <v>17.572445094762951</v>
      </c>
      <c r="H3840" s="40">
        <v>63.849999999999994</v>
      </c>
      <c r="I3840" s="40">
        <v>13.681431492112523</v>
      </c>
      <c r="J3840" s="40">
        <v>63.8499769047624</v>
      </c>
      <c r="K3840" s="40">
        <v>11.978082984521892</v>
      </c>
      <c r="L3840" s="40"/>
      <c r="M3840" s="40"/>
      <c r="N3840" s="40"/>
      <c r="X3840">
        <v>-100</v>
      </c>
      <c r="Y3840">
        <v>46.56666700000001</v>
      </c>
      <c r="Z3840">
        <v>124.86666700000001</v>
      </c>
      <c r="AA3840">
        <v>8.2204709999999999</v>
      </c>
      <c r="AB3840">
        <v>-0.43171642252033238</v>
      </c>
    </row>
    <row r="3841" spans="4:28" x14ac:dyDescent="0.25">
      <c r="D3841" s="40">
        <v>63.880779000002825</v>
      </c>
      <c r="E3841" s="40">
        <v>19.413169143881269</v>
      </c>
      <c r="F3841" s="40">
        <v>63.866667000000007</v>
      </c>
      <c r="G3841" s="40">
        <v>17.57706047873285</v>
      </c>
      <c r="H3841" s="40">
        <v>63.866667000000007</v>
      </c>
      <c r="I3841" s="40">
        <v>13.681431492112523</v>
      </c>
      <c r="J3841" s="40">
        <v>63.8666435654767</v>
      </c>
      <c r="K3841" s="40">
        <v>11.978082984521892</v>
      </c>
      <c r="L3841" s="40"/>
      <c r="M3841" s="40"/>
      <c r="N3841" s="40"/>
      <c r="X3841">
        <v>-100</v>
      </c>
      <c r="Y3841">
        <v>46.583332999999996</v>
      </c>
      <c r="Z3841">
        <v>124.88333299999999</v>
      </c>
      <c r="AA3841">
        <v>8.2205049999999993</v>
      </c>
      <c r="AB3841">
        <v>-0.43130460650132607</v>
      </c>
    </row>
    <row r="3842" spans="4:28" x14ac:dyDescent="0.25">
      <c r="D3842" s="40">
        <v>63.897445000002826</v>
      </c>
      <c r="E3842" s="40">
        <v>19.413169143881269</v>
      </c>
      <c r="F3842" s="40">
        <v>63.883332999999993</v>
      </c>
      <c r="G3842" s="40">
        <v>17.57706047873285</v>
      </c>
      <c r="H3842" s="40">
        <v>63.883334000000019</v>
      </c>
      <c r="I3842" s="40">
        <v>13.684685618369286</v>
      </c>
      <c r="J3842" s="40">
        <v>63.8833102261909</v>
      </c>
      <c r="K3842" s="40">
        <v>11.978082984521892</v>
      </c>
      <c r="L3842" s="40"/>
      <c r="M3842" s="40"/>
      <c r="N3842" s="40"/>
      <c r="X3842">
        <v>-100</v>
      </c>
      <c r="Y3842">
        <v>46.600000000000009</v>
      </c>
      <c r="Z3842">
        <v>124.9</v>
      </c>
      <c r="AA3842">
        <v>8.2205390000000005</v>
      </c>
      <c r="AB3842">
        <v>-0.43089279048229817</v>
      </c>
    </row>
    <row r="3843" spans="4:28" x14ac:dyDescent="0.25">
      <c r="D3843" s="40">
        <v>63.914111000002826</v>
      </c>
      <c r="E3843" s="40">
        <v>19.413169143881269</v>
      </c>
      <c r="F3843" s="40">
        <v>63.900000000000006</v>
      </c>
      <c r="G3843" s="40">
        <v>17.58181572282307</v>
      </c>
      <c r="H3843" s="40">
        <v>63.900000000000006</v>
      </c>
      <c r="I3843" s="40">
        <v>13.684685618369286</v>
      </c>
      <c r="J3843" s="40">
        <v>63.899976886905201</v>
      </c>
      <c r="K3843" s="40">
        <v>11.978082984521892</v>
      </c>
      <c r="L3843" s="40"/>
      <c r="M3843" s="40"/>
      <c r="N3843" s="40"/>
      <c r="X3843">
        <v>-100</v>
      </c>
      <c r="Y3843">
        <v>46.616667000000007</v>
      </c>
      <c r="Z3843">
        <v>124.916667</v>
      </c>
      <c r="AA3843">
        <v>8.2205720000000007</v>
      </c>
      <c r="AB3843">
        <v>-0.43049308669913616</v>
      </c>
    </row>
    <row r="3844" spans="4:28" x14ac:dyDescent="0.25">
      <c r="D3844" s="40">
        <v>63.930777000002827</v>
      </c>
      <c r="E3844" s="40">
        <v>19.413169143881269</v>
      </c>
      <c r="F3844" s="40">
        <v>63.91666699999999</v>
      </c>
      <c r="G3844" s="40">
        <v>17.586570966913165</v>
      </c>
      <c r="H3844" s="40">
        <v>63.916667000000018</v>
      </c>
      <c r="I3844" s="40">
        <v>13.688038354512544</v>
      </c>
      <c r="J3844" s="40">
        <v>63.916643547619501</v>
      </c>
      <c r="K3844" s="40">
        <v>11.978082984521892</v>
      </c>
      <c r="L3844" s="40"/>
      <c r="M3844" s="40"/>
      <c r="N3844" s="40"/>
      <c r="X3844">
        <v>-100</v>
      </c>
      <c r="Y3844">
        <v>46.633333000000007</v>
      </c>
      <c r="Z3844">
        <v>124.933333</v>
      </c>
      <c r="AA3844">
        <v>8.2206060000000001</v>
      </c>
      <c r="AB3844">
        <v>-0.4300812706801298</v>
      </c>
    </row>
    <row r="3845" spans="4:28" x14ac:dyDescent="0.25">
      <c r="D3845" s="40">
        <v>63.947443000002828</v>
      </c>
      <c r="E3845" s="40">
        <v>19.417869876041696</v>
      </c>
      <c r="F3845" s="40">
        <v>63.933333000000005</v>
      </c>
      <c r="G3845" s="40">
        <v>17.586570966913165</v>
      </c>
      <c r="H3845" s="40">
        <v>63.933334000000002</v>
      </c>
      <c r="I3845" s="40">
        <v>13.691391090655801</v>
      </c>
      <c r="J3845" s="40">
        <v>63.933310208333801</v>
      </c>
      <c r="K3845" s="40">
        <v>11.978082984521892</v>
      </c>
      <c r="L3845" s="40"/>
      <c r="M3845" s="40"/>
      <c r="N3845" s="40"/>
      <c r="X3845">
        <v>-100</v>
      </c>
      <c r="Y3845">
        <v>46.650000000000006</v>
      </c>
      <c r="Z3845">
        <v>124.95</v>
      </c>
      <c r="AA3845">
        <v>8.2206399999999995</v>
      </c>
      <c r="AB3845">
        <v>-0.4296694546611235</v>
      </c>
    </row>
    <row r="3846" spans="4:28" x14ac:dyDescent="0.25">
      <c r="D3846" s="40">
        <v>63.964109000002829</v>
      </c>
      <c r="E3846" s="40">
        <v>19.417869876041696</v>
      </c>
      <c r="F3846" s="40">
        <v>63.949999999999989</v>
      </c>
      <c r="G3846" s="40">
        <v>17.591186350883063</v>
      </c>
      <c r="H3846" s="40">
        <v>63.950000000000017</v>
      </c>
      <c r="I3846" s="40">
        <v>13.691391090655801</v>
      </c>
      <c r="J3846" s="40">
        <v>63.949976869048101</v>
      </c>
      <c r="K3846" s="40">
        <v>11.978082984521892</v>
      </c>
      <c r="L3846" s="40"/>
      <c r="M3846" s="40"/>
      <c r="N3846" s="40"/>
      <c r="X3846">
        <v>-100</v>
      </c>
      <c r="Y3846">
        <v>46.666667000000004</v>
      </c>
      <c r="Z3846">
        <v>124.966667</v>
      </c>
      <c r="AA3846">
        <v>8.2206729999999997</v>
      </c>
      <c r="AB3846">
        <v>-0.42926975087796149</v>
      </c>
    </row>
    <row r="3847" spans="4:28" x14ac:dyDescent="0.25">
      <c r="D3847" s="40">
        <v>63.980775000002829</v>
      </c>
      <c r="E3847" s="40">
        <v>19.417869876041696</v>
      </c>
      <c r="F3847" s="40">
        <v>63.966667000000001</v>
      </c>
      <c r="G3847" s="40">
        <v>17.591186350883063</v>
      </c>
      <c r="H3847" s="40">
        <v>63.966667000000001</v>
      </c>
      <c r="I3847" s="40">
        <v>13.694645216912564</v>
      </c>
      <c r="J3847" s="40">
        <v>63.966643529762401</v>
      </c>
      <c r="K3847" s="40">
        <v>11.978082984521892</v>
      </c>
      <c r="L3847" s="40"/>
      <c r="M3847" s="40"/>
      <c r="N3847" s="40"/>
      <c r="X3847">
        <v>-100</v>
      </c>
      <c r="Y3847">
        <v>46.683333000000005</v>
      </c>
      <c r="Z3847">
        <v>124.983333</v>
      </c>
      <c r="AA3847">
        <v>8.2207070000000009</v>
      </c>
      <c r="AB3847">
        <v>-0.42885793485893359</v>
      </c>
    </row>
    <row r="3848" spans="4:28" x14ac:dyDescent="0.25">
      <c r="D3848" s="40">
        <v>63.99744100000283</v>
      </c>
      <c r="E3848" s="40">
        <v>19.417869876041696</v>
      </c>
      <c r="F3848" s="40">
        <v>63.983332999999988</v>
      </c>
      <c r="G3848" s="40">
        <v>17.591186350883063</v>
      </c>
      <c r="H3848" s="40">
        <v>63.983334000000013</v>
      </c>
      <c r="I3848" s="40">
        <v>13.697997953055998</v>
      </c>
      <c r="J3848" s="40">
        <v>63.983310190476701</v>
      </c>
      <c r="K3848" s="40">
        <v>11.978082984521892</v>
      </c>
      <c r="L3848" s="40"/>
      <c r="M3848" s="40"/>
      <c r="N3848" s="40"/>
      <c r="X3848">
        <v>-100</v>
      </c>
      <c r="Y3848">
        <v>46.7</v>
      </c>
      <c r="Z3848">
        <v>125</v>
      </c>
      <c r="AA3848">
        <v>8.2207410000000003</v>
      </c>
      <c r="AB3848">
        <v>-0.42844611883992734</v>
      </c>
    </row>
    <row r="3849" spans="4:28" x14ac:dyDescent="0.25">
      <c r="D3849" s="40">
        <v>64.014107000002824</v>
      </c>
      <c r="E3849" s="40">
        <v>19.417869876041696</v>
      </c>
      <c r="F3849" s="40">
        <v>64</v>
      </c>
      <c r="G3849" s="40">
        <v>17.595941594973283</v>
      </c>
      <c r="H3849" s="40">
        <v>64</v>
      </c>
      <c r="I3849" s="40">
        <v>13.701350689199254</v>
      </c>
      <c r="J3849" s="40">
        <v>63.999976851190901</v>
      </c>
      <c r="K3849" s="40">
        <v>11.978082984521892</v>
      </c>
      <c r="L3849" s="40"/>
      <c r="M3849" s="40"/>
      <c r="N3849" s="40"/>
      <c r="X3849">
        <v>-100</v>
      </c>
      <c r="Y3849">
        <v>46.716667000000001</v>
      </c>
      <c r="Z3849">
        <v>125.016667</v>
      </c>
      <c r="AA3849">
        <v>8.2208079999999999</v>
      </c>
      <c r="AB3849">
        <v>-0.42763459903775891</v>
      </c>
    </row>
    <row r="3850" spans="4:28" x14ac:dyDescent="0.25">
      <c r="D3850" s="40">
        <v>64.030773000002824</v>
      </c>
      <c r="E3850" s="40">
        <v>19.417869876041696</v>
      </c>
      <c r="F3850" s="40">
        <v>64.016666999999984</v>
      </c>
      <c r="G3850" s="40">
        <v>17.595941594973283</v>
      </c>
      <c r="H3850" s="40">
        <v>64.016667000000012</v>
      </c>
      <c r="I3850" s="40">
        <v>13.701350689199254</v>
      </c>
      <c r="J3850" s="40">
        <v>64.016643511905201</v>
      </c>
      <c r="K3850" s="40">
        <v>11.97323194081266</v>
      </c>
      <c r="L3850" s="40"/>
      <c r="M3850" s="40"/>
      <c r="N3850" s="40"/>
      <c r="X3850">
        <v>-100</v>
      </c>
      <c r="Y3850">
        <v>46.733333000000002</v>
      </c>
      <c r="Z3850">
        <v>125.033333</v>
      </c>
      <c r="AA3850">
        <v>8.2208419999999993</v>
      </c>
      <c r="AB3850">
        <v>-0.42722278301875261</v>
      </c>
    </row>
    <row r="3851" spans="4:28" x14ac:dyDescent="0.25">
      <c r="D3851" s="40">
        <v>64.047439000002825</v>
      </c>
      <c r="E3851" s="40">
        <v>19.422713054631117</v>
      </c>
      <c r="F3851" s="40">
        <v>64.033332999999999</v>
      </c>
      <c r="G3851" s="40">
        <v>17.600696839063378</v>
      </c>
      <c r="H3851" s="40">
        <v>64.033333999999996</v>
      </c>
      <c r="I3851" s="40">
        <v>13.704604815456017</v>
      </c>
      <c r="J3851" s="40">
        <v>64.033310172619494</v>
      </c>
      <c r="K3851" s="40">
        <v>11.97323194081266</v>
      </c>
      <c r="L3851" s="40"/>
      <c r="M3851" s="40"/>
      <c r="N3851" s="40"/>
      <c r="X3851">
        <v>-100</v>
      </c>
      <c r="Y3851">
        <v>46.75</v>
      </c>
      <c r="Z3851">
        <v>125.05</v>
      </c>
      <c r="AA3851">
        <v>8.2208749999999995</v>
      </c>
      <c r="AB3851">
        <v>-0.42682307923559054</v>
      </c>
    </row>
    <row r="3852" spans="4:28" x14ac:dyDescent="0.25">
      <c r="D3852" s="40">
        <v>64.064105000002826</v>
      </c>
      <c r="E3852" s="40">
        <v>19.422713054631117</v>
      </c>
      <c r="F3852" s="40">
        <v>64.049999999999983</v>
      </c>
      <c r="G3852" s="40">
        <v>17.600696839063378</v>
      </c>
      <c r="H3852" s="40">
        <v>64.050000000000011</v>
      </c>
      <c r="I3852" s="40">
        <v>13.707957551599275</v>
      </c>
      <c r="J3852" s="40">
        <v>64.049976833333801</v>
      </c>
      <c r="K3852" s="40">
        <v>11.97323194081266</v>
      </c>
      <c r="L3852" s="40"/>
      <c r="M3852" s="40"/>
      <c r="N3852" s="40"/>
      <c r="X3852">
        <v>-100</v>
      </c>
      <c r="Y3852">
        <v>46.766666999999998</v>
      </c>
      <c r="Z3852">
        <v>125.066667</v>
      </c>
      <c r="AA3852">
        <v>8.2209090000000007</v>
      </c>
      <c r="AB3852">
        <v>-0.42641126321656275</v>
      </c>
    </row>
    <row r="3853" spans="4:28" x14ac:dyDescent="0.25">
      <c r="D3853" s="40">
        <v>64.080771000002827</v>
      </c>
      <c r="E3853" s="40">
        <v>19.422713054631117</v>
      </c>
      <c r="F3853" s="40">
        <v>64.066666999999995</v>
      </c>
      <c r="G3853" s="40">
        <v>17.605312223033277</v>
      </c>
      <c r="H3853" s="40">
        <v>64.066666999999995</v>
      </c>
      <c r="I3853" s="40">
        <v>13.711310287742707</v>
      </c>
      <c r="J3853" s="40">
        <v>64.066643494048094</v>
      </c>
      <c r="K3853" s="40">
        <v>11.97323194081266</v>
      </c>
      <c r="L3853" s="40"/>
      <c r="M3853" s="40"/>
      <c r="N3853" s="40"/>
      <c r="X3853">
        <v>-100</v>
      </c>
      <c r="Y3853">
        <v>46.783332999999999</v>
      </c>
      <c r="Z3853">
        <v>125.083333</v>
      </c>
      <c r="AA3853">
        <v>8.2209430000000001</v>
      </c>
      <c r="AB3853">
        <v>-0.42599944719755639</v>
      </c>
    </row>
    <row r="3854" spans="4:28" x14ac:dyDescent="0.25">
      <c r="D3854" s="40">
        <v>64.097437000002827</v>
      </c>
      <c r="E3854" s="40">
        <v>19.422713054631117</v>
      </c>
      <c r="F3854" s="40">
        <v>64.083332999999982</v>
      </c>
      <c r="G3854" s="40">
        <v>17.605312223033277</v>
      </c>
      <c r="H3854" s="40">
        <v>64.083334000000008</v>
      </c>
      <c r="I3854" s="40">
        <v>13.714564413999293</v>
      </c>
      <c r="J3854" s="40">
        <v>64.083310154762401</v>
      </c>
      <c r="K3854" s="40">
        <v>11.978082984521892</v>
      </c>
      <c r="L3854" s="40"/>
      <c r="M3854" s="40"/>
      <c r="N3854" s="40"/>
      <c r="X3854">
        <v>-100</v>
      </c>
      <c r="Y3854">
        <v>46.8</v>
      </c>
      <c r="Z3854">
        <v>125.1</v>
      </c>
      <c r="AA3854">
        <v>8.2209760000000003</v>
      </c>
      <c r="AB3854">
        <v>-0.42559974341439438</v>
      </c>
    </row>
    <row r="3855" spans="4:28" x14ac:dyDescent="0.25">
      <c r="D3855" s="40">
        <v>64.114103000002828</v>
      </c>
      <c r="E3855" s="40">
        <v>19.422713054631117</v>
      </c>
      <c r="F3855" s="40">
        <v>64.099999999999994</v>
      </c>
      <c r="G3855" s="40">
        <v>17.610067467123496</v>
      </c>
      <c r="H3855" s="40">
        <v>64.099999999999994</v>
      </c>
      <c r="I3855" s="40">
        <v>13.714564413999293</v>
      </c>
      <c r="J3855" s="40">
        <v>64.099976815476694</v>
      </c>
      <c r="K3855" s="40">
        <v>11.978082984521892</v>
      </c>
      <c r="L3855" s="40"/>
      <c r="M3855" s="40"/>
      <c r="N3855" s="40"/>
      <c r="X3855">
        <v>-100</v>
      </c>
      <c r="Y3855">
        <v>46.81666700000001</v>
      </c>
      <c r="Z3855">
        <v>125.11666700000001</v>
      </c>
      <c r="AA3855">
        <v>8.2210099999999997</v>
      </c>
      <c r="AB3855">
        <v>-0.42518792739538802</v>
      </c>
    </row>
    <row r="3856" spans="4:28" x14ac:dyDescent="0.25">
      <c r="D3856" s="40">
        <v>64.130769000002829</v>
      </c>
      <c r="E3856" s="40">
        <v>19.427556233220667</v>
      </c>
      <c r="F3856" s="40">
        <v>64.116667000000007</v>
      </c>
      <c r="G3856" s="40">
        <v>17.610067467123496</v>
      </c>
      <c r="H3856" s="40">
        <v>64.116667000000007</v>
      </c>
      <c r="I3856" s="40">
        <v>13.717917150142727</v>
      </c>
      <c r="J3856" s="40">
        <v>64.116643476191001</v>
      </c>
      <c r="K3856" s="40">
        <v>11.978082984521892</v>
      </c>
      <c r="L3856" s="40"/>
      <c r="M3856" s="40"/>
      <c r="N3856" s="40"/>
      <c r="X3856">
        <v>-100</v>
      </c>
      <c r="Y3856">
        <v>46.833332999999996</v>
      </c>
      <c r="Z3856">
        <v>125.13333299999999</v>
      </c>
      <c r="AA3856">
        <v>8.2210429999999999</v>
      </c>
      <c r="AB3856">
        <v>-0.42478822361222596</v>
      </c>
    </row>
    <row r="3857" spans="4:28" x14ac:dyDescent="0.25">
      <c r="D3857" s="40">
        <v>64.147435000002829</v>
      </c>
      <c r="E3857" s="40">
        <v>19.427556233220667</v>
      </c>
      <c r="F3857" s="40">
        <v>64.133332999999993</v>
      </c>
      <c r="G3857" s="40">
        <v>17.610067467123496</v>
      </c>
      <c r="H3857" s="40">
        <v>64.133334000000019</v>
      </c>
      <c r="I3857" s="40">
        <v>13.721269886285983</v>
      </c>
      <c r="J3857" s="40">
        <v>64.133310136905195</v>
      </c>
      <c r="K3857" s="40">
        <v>11.978082984521892</v>
      </c>
      <c r="L3857" s="40"/>
      <c r="M3857" s="40"/>
      <c r="N3857" s="40"/>
      <c r="X3857">
        <v>-100</v>
      </c>
      <c r="Y3857">
        <v>46.850000000000009</v>
      </c>
      <c r="Z3857">
        <v>125.15</v>
      </c>
      <c r="AA3857">
        <v>8.2210769999999993</v>
      </c>
      <c r="AB3857">
        <v>-0.42437640759321971</v>
      </c>
    </row>
    <row r="3858" spans="4:28" x14ac:dyDescent="0.25">
      <c r="D3858" s="40">
        <v>64.16410100000283</v>
      </c>
      <c r="E3858" s="40">
        <v>19.427556233220667</v>
      </c>
      <c r="F3858" s="40">
        <v>64.150000000000006</v>
      </c>
      <c r="G3858" s="40">
        <v>17.610067467123496</v>
      </c>
      <c r="H3858" s="40">
        <v>64.150000000000006</v>
      </c>
      <c r="I3858" s="40">
        <v>13.721269886285983</v>
      </c>
      <c r="J3858" s="40">
        <v>64.149976797619502</v>
      </c>
      <c r="K3858" s="40">
        <v>11.978082984521892</v>
      </c>
      <c r="L3858" s="40"/>
      <c r="M3858" s="40"/>
      <c r="N3858" s="40"/>
      <c r="X3858">
        <v>-100</v>
      </c>
      <c r="Y3858">
        <v>46.866667000000007</v>
      </c>
      <c r="Z3858">
        <v>125.166667</v>
      </c>
      <c r="AA3858">
        <v>8.2211110000000005</v>
      </c>
      <c r="AB3858">
        <v>-0.42396459157419181</v>
      </c>
    </row>
    <row r="3859" spans="4:28" x14ac:dyDescent="0.25">
      <c r="D3859" s="40">
        <v>64.180767000002831</v>
      </c>
      <c r="E3859" s="40">
        <v>19.427556233220667</v>
      </c>
      <c r="F3859" s="40">
        <v>64.16666699999999</v>
      </c>
      <c r="G3859" s="40">
        <v>17.614822711213716</v>
      </c>
      <c r="H3859" s="40">
        <v>64.166667000000018</v>
      </c>
      <c r="I3859" s="40">
        <v>13.724524012542746</v>
      </c>
      <c r="J3859" s="40">
        <v>64.166643458333795</v>
      </c>
      <c r="K3859" s="40">
        <v>11.978082984521892</v>
      </c>
      <c r="L3859" s="40"/>
      <c r="M3859" s="40"/>
      <c r="N3859" s="40"/>
      <c r="X3859">
        <v>-100</v>
      </c>
      <c r="Y3859">
        <v>46.883333000000007</v>
      </c>
      <c r="Z3859">
        <v>125.183333</v>
      </c>
      <c r="AA3859">
        <v>8.2211440000000007</v>
      </c>
      <c r="AB3859">
        <v>-0.4235648877910298</v>
      </c>
    </row>
    <row r="3860" spans="4:28" x14ac:dyDescent="0.25">
      <c r="D3860" s="40">
        <v>64.197433000002832</v>
      </c>
      <c r="E3860" s="40">
        <v>19.432256965381089</v>
      </c>
      <c r="F3860" s="40">
        <v>64.183333000000005</v>
      </c>
      <c r="G3860" s="40">
        <v>17.614822711213716</v>
      </c>
      <c r="H3860" s="40">
        <v>64.183334000000002</v>
      </c>
      <c r="I3860" s="40">
        <v>13.727876748686004</v>
      </c>
      <c r="J3860" s="40">
        <v>64.183310119048102</v>
      </c>
      <c r="K3860" s="40">
        <v>11.978082984521892</v>
      </c>
      <c r="L3860" s="40"/>
      <c r="M3860" s="40"/>
      <c r="N3860" s="40"/>
      <c r="X3860">
        <v>-100</v>
      </c>
      <c r="Y3860">
        <v>46.900000000000006</v>
      </c>
      <c r="Z3860">
        <v>125.2</v>
      </c>
      <c r="AA3860">
        <v>8.2211780000000001</v>
      </c>
      <c r="AB3860">
        <v>-0.42315307177202344</v>
      </c>
    </row>
    <row r="3861" spans="4:28" x14ac:dyDescent="0.25">
      <c r="D3861" s="40">
        <v>64.214099000002832</v>
      </c>
      <c r="E3861" s="40">
        <v>19.432256965381089</v>
      </c>
      <c r="F3861" s="40">
        <v>64.199999999999989</v>
      </c>
      <c r="G3861" s="40">
        <v>17.619438095183494</v>
      </c>
      <c r="H3861" s="40">
        <v>64.200000000000017</v>
      </c>
      <c r="I3861" s="40">
        <v>13.727876748686004</v>
      </c>
      <c r="J3861" s="40">
        <v>64.199976779762395</v>
      </c>
      <c r="K3861" s="40">
        <v>11.978082984521892</v>
      </c>
      <c r="L3861" s="40"/>
      <c r="M3861" s="40"/>
      <c r="N3861" s="40"/>
      <c r="X3861">
        <v>-100</v>
      </c>
      <c r="Y3861">
        <v>46.916667000000004</v>
      </c>
      <c r="Z3861">
        <v>125.216667</v>
      </c>
      <c r="AA3861">
        <v>8.2212119999999995</v>
      </c>
      <c r="AB3861">
        <v>-0.42274125575301713</v>
      </c>
    </row>
    <row r="3862" spans="4:28" x14ac:dyDescent="0.25">
      <c r="D3862" s="40">
        <v>64.230765000002833</v>
      </c>
      <c r="E3862" s="40">
        <v>19.437100143970511</v>
      </c>
      <c r="F3862" s="40">
        <v>64.216667000000001</v>
      </c>
      <c r="G3862" s="40">
        <v>17.619438095183494</v>
      </c>
      <c r="H3862" s="40">
        <v>64.216667000000001</v>
      </c>
      <c r="I3862" s="40">
        <v>13.731229484829436</v>
      </c>
      <c r="J3862" s="40">
        <v>64.216643440476702</v>
      </c>
      <c r="K3862" s="40">
        <v>11.978082984521892</v>
      </c>
      <c r="L3862" s="40"/>
      <c r="M3862" s="40"/>
      <c r="N3862" s="40"/>
      <c r="X3862">
        <v>-100</v>
      </c>
      <c r="Y3862">
        <v>46.933333000000005</v>
      </c>
      <c r="Z3862">
        <v>125.233333</v>
      </c>
      <c r="AA3862">
        <v>8.2212449999999997</v>
      </c>
      <c r="AB3862">
        <v>-0.42234155196985512</v>
      </c>
    </row>
    <row r="3863" spans="4:28" x14ac:dyDescent="0.25">
      <c r="D3863" s="40">
        <v>64.247431000002834</v>
      </c>
      <c r="E3863" s="40">
        <v>19.437100143970511</v>
      </c>
      <c r="F3863" s="40">
        <v>64.233332999999988</v>
      </c>
      <c r="G3863" s="40">
        <v>17.624193339273713</v>
      </c>
      <c r="H3863" s="40">
        <v>64.233334000000013</v>
      </c>
      <c r="I3863" s="40">
        <v>13.734483611086199</v>
      </c>
      <c r="J3863" s="40">
        <v>64.233310101190895</v>
      </c>
      <c r="K3863" s="40">
        <v>11.978082984521892</v>
      </c>
      <c r="L3863" s="40"/>
      <c r="M3863" s="40"/>
      <c r="N3863" s="40"/>
      <c r="X3863">
        <v>-100</v>
      </c>
      <c r="Y3863">
        <v>46.95</v>
      </c>
      <c r="Z3863">
        <v>125.25</v>
      </c>
      <c r="AA3863">
        <v>8.2212789999999991</v>
      </c>
      <c r="AB3863">
        <v>-0.42192973595084876</v>
      </c>
    </row>
    <row r="3864" spans="4:28" x14ac:dyDescent="0.25">
      <c r="D3864" s="40">
        <v>64.264097000002835</v>
      </c>
      <c r="E3864" s="40">
        <v>19.441943322560061</v>
      </c>
      <c r="F3864" s="40">
        <v>64.25</v>
      </c>
      <c r="G3864" s="40">
        <v>17.624193339273713</v>
      </c>
      <c r="H3864" s="40">
        <v>64.25</v>
      </c>
      <c r="I3864" s="40">
        <v>13.734483611086199</v>
      </c>
      <c r="J3864" s="40">
        <v>64.249976761905202</v>
      </c>
      <c r="K3864" s="40">
        <v>11.978082984521892</v>
      </c>
      <c r="L3864" s="40"/>
      <c r="M3864" s="40"/>
      <c r="N3864" s="40"/>
      <c r="X3864">
        <v>-100</v>
      </c>
      <c r="Y3864">
        <v>46.966667000000001</v>
      </c>
      <c r="Z3864">
        <v>125.266667</v>
      </c>
      <c r="AA3864">
        <v>8.2213130000000003</v>
      </c>
      <c r="AB3864">
        <v>-0.42151791993182097</v>
      </c>
    </row>
    <row r="3865" spans="4:28" x14ac:dyDescent="0.25">
      <c r="D3865" s="40">
        <v>64.280763000002835</v>
      </c>
      <c r="E3865" s="40">
        <v>19.441943322560061</v>
      </c>
      <c r="F3865" s="40">
        <v>64.266666999999984</v>
      </c>
      <c r="G3865" s="40">
        <v>17.628948583363933</v>
      </c>
      <c r="H3865" s="40">
        <v>64.266667000000012</v>
      </c>
      <c r="I3865" s="40">
        <v>13.737836347229457</v>
      </c>
      <c r="J3865" s="40">
        <v>64.266643422619495</v>
      </c>
      <c r="K3865" s="40">
        <v>11.978082984521892</v>
      </c>
      <c r="L3865" s="40"/>
      <c r="M3865" s="40"/>
      <c r="N3865" s="40"/>
      <c r="X3865">
        <v>-100</v>
      </c>
      <c r="Y3865">
        <v>46.983333000000002</v>
      </c>
      <c r="Z3865">
        <v>125.283333</v>
      </c>
      <c r="AA3865">
        <v>8.2213460000000005</v>
      </c>
      <c r="AB3865">
        <v>-0.42111821614865885</v>
      </c>
    </row>
    <row r="3866" spans="4:28" x14ac:dyDescent="0.25">
      <c r="D3866" s="40">
        <v>64.297429000002836</v>
      </c>
      <c r="E3866" s="40">
        <v>19.441943322560061</v>
      </c>
      <c r="F3866" s="40">
        <v>64.283332999999999</v>
      </c>
      <c r="G3866" s="40">
        <v>17.628948583363933</v>
      </c>
      <c r="H3866" s="40">
        <v>64.283333999999996</v>
      </c>
      <c r="I3866" s="40">
        <v>13.741189083372713</v>
      </c>
      <c r="J3866" s="40">
        <v>64.283310083333802</v>
      </c>
      <c r="K3866" s="40">
        <v>11.978082984521892</v>
      </c>
      <c r="L3866" s="40"/>
      <c r="M3866" s="40"/>
      <c r="N3866" s="40"/>
      <c r="X3866">
        <v>-100</v>
      </c>
      <c r="Y3866">
        <v>47</v>
      </c>
      <c r="Z3866">
        <v>125.3</v>
      </c>
      <c r="AA3866">
        <v>8.2214139999999993</v>
      </c>
      <c r="AB3866">
        <v>-0.4202945841106463</v>
      </c>
    </row>
    <row r="3867" spans="4:28" x14ac:dyDescent="0.25">
      <c r="D3867" s="40">
        <v>64.314095000002837</v>
      </c>
      <c r="E3867" s="40">
        <v>19.446644054720487</v>
      </c>
      <c r="F3867" s="40">
        <v>64.299999999999983</v>
      </c>
      <c r="G3867" s="40">
        <v>17.633563967333707</v>
      </c>
      <c r="H3867" s="40">
        <v>64.300000000000011</v>
      </c>
      <c r="I3867" s="40">
        <v>13.741189083372713</v>
      </c>
      <c r="J3867" s="40">
        <v>64.299976744048095</v>
      </c>
      <c r="K3867" s="40">
        <v>11.978082984521892</v>
      </c>
      <c r="L3867" s="40"/>
      <c r="M3867" s="40"/>
      <c r="N3867" s="40"/>
      <c r="X3867">
        <v>-100</v>
      </c>
      <c r="Y3867">
        <v>47.016666999999998</v>
      </c>
      <c r="Z3867">
        <v>125.316667</v>
      </c>
      <c r="AA3867">
        <v>8.2214469999999995</v>
      </c>
      <c r="AB3867">
        <v>-0.41989488032748418</v>
      </c>
    </row>
    <row r="3868" spans="4:28" x14ac:dyDescent="0.25">
      <c r="D3868" s="40">
        <v>64.330761000002838</v>
      </c>
      <c r="E3868" s="40">
        <v>19.446644054720487</v>
      </c>
      <c r="F3868" s="40">
        <v>64.316666999999995</v>
      </c>
      <c r="G3868" s="40">
        <v>17.638319211423926</v>
      </c>
      <c r="H3868" s="40">
        <v>64.316666999999995</v>
      </c>
      <c r="I3868" s="40">
        <v>13.744443209629477</v>
      </c>
      <c r="J3868" s="40">
        <v>64.316643404762402</v>
      </c>
      <c r="K3868" s="40">
        <v>11.978082984521892</v>
      </c>
      <c r="L3868" s="40"/>
      <c r="M3868" s="40"/>
      <c r="N3868" s="40"/>
      <c r="X3868">
        <v>-100</v>
      </c>
      <c r="Y3868">
        <v>47.033332999999999</v>
      </c>
      <c r="Z3868">
        <v>125.333333</v>
      </c>
      <c r="AA3868">
        <v>8.2214810000000007</v>
      </c>
      <c r="AB3868">
        <v>-0.41948306430845639</v>
      </c>
    </row>
    <row r="3869" spans="4:28" x14ac:dyDescent="0.25">
      <c r="D3869" s="40">
        <v>64.347427000002838</v>
      </c>
      <c r="E3869" s="40">
        <v>19.446644054720487</v>
      </c>
      <c r="F3869" s="40">
        <v>64.333332999999982</v>
      </c>
      <c r="G3869" s="40">
        <v>17.638319211423926</v>
      </c>
      <c r="H3869" s="40">
        <v>64.333334000000008</v>
      </c>
      <c r="I3869" s="40">
        <v>13.747795945772735</v>
      </c>
      <c r="J3869" s="40">
        <v>64.333310065476695</v>
      </c>
      <c r="K3869" s="40">
        <v>11.982934028231124</v>
      </c>
      <c r="L3869" s="40"/>
      <c r="M3869" s="40"/>
      <c r="N3869" s="40"/>
      <c r="X3869">
        <v>-100</v>
      </c>
      <c r="Y3869">
        <v>47.05</v>
      </c>
      <c r="Z3869">
        <v>125.35</v>
      </c>
      <c r="AA3869">
        <v>8.2215150000000001</v>
      </c>
      <c r="AB3869">
        <v>-0.41907124828945003</v>
      </c>
    </row>
    <row r="3870" spans="4:28" x14ac:dyDescent="0.25">
      <c r="D3870" s="40">
        <v>64.364093000002839</v>
      </c>
      <c r="E3870" s="40">
        <v>19.446644054720487</v>
      </c>
      <c r="F3870" s="40">
        <v>64.349999999999994</v>
      </c>
      <c r="G3870" s="40">
        <v>17.643074455514146</v>
      </c>
      <c r="H3870" s="40">
        <v>64.349999999999994</v>
      </c>
      <c r="I3870" s="40">
        <v>13.747795945772735</v>
      </c>
      <c r="J3870" s="40">
        <v>64.349976726191002</v>
      </c>
      <c r="K3870" s="40">
        <v>11.982934028231124</v>
      </c>
      <c r="L3870" s="40"/>
      <c r="M3870" s="40"/>
      <c r="N3870" s="40"/>
      <c r="X3870">
        <v>-100</v>
      </c>
      <c r="Y3870">
        <v>47.06666700000001</v>
      </c>
      <c r="Z3870">
        <v>125.36666700000001</v>
      </c>
      <c r="AA3870">
        <v>8.2215480000000003</v>
      </c>
      <c r="AB3870">
        <v>-0.41867154450628802</v>
      </c>
    </row>
    <row r="3871" spans="4:28" x14ac:dyDescent="0.25">
      <c r="D3871" s="40">
        <v>64.38075900000284</v>
      </c>
      <c r="E3871" s="40">
        <v>19.446644054720487</v>
      </c>
      <c r="F3871" s="40">
        <v>64.366667000000007</v>
      </c>
      <c r="G3871" s="40">
        <v>17.643074455514146</v>
      </c>
      <c r="H3871" s="40">
        <v>64.366667000000007</v>
      </c>
      <c r="I3871" s="40">
        <v>13.751148681916167</v>
      </c>
      <c r="J3871" s="40">
        <v>64.366643386905196</v>
      </c>
      <c r="K3871" s="40">
        <v>11.982934028231124</v>
      </c>
      <c r="L3871" s="40"/>
      <c r="M3871" s="40"/>
      <c r="N3871" s="40"/>
      <c r="X3871">
        <v>-100</v>
      </c>
      <c r="Y3871">
        <v>47.083332999999996</v>
      </c>
      <c r="Z3871">
        <v>125.38333299999999</v>
      </c>
      <c r="AA3871">
        <v>8.2215819999999997</v>
      </c>
      <c r="AB3871">
        <v>-0.41825972848728171</v>
      </c>
    </row>
    <row r="3872" spans="4:28" x14ac:dyDescent="0.25">
      <c r="D3872" s="40">
        <v>64.397425000002841</v>
      </c>
      <c r="E3872" s="40">
        <v>19.446644054720487</v>
      </c>
      <c r="F3872" s="40">
        <v>64.383332999999993</v>
      </c>
      <c r="G3872" s="40">
        <v>17.647689839484045</v>
      </c>
      <c r="H3872" s="40">
        <v>64.383334000000019</v>
      </c>
      <c r="I3872" s="40">
        <v>13.75440280817293</v>
      </c>
      <c r="J3872" s="40">
        <v>64.383310047619503</v>
      </c>
      <c r="K3872" s="40">
        <v>11.987642394184059</v>
      </c>
      <c r="L3872" s="40"/>
      <c r="M3872" s="40"/>
      <c r="N3872" s="40"/>
      <c r="X3872">
        <v>-100</v>
      </c>
      <c r="Y3872">
        <v>47.100000000000009</v>
      </c>
      <c r="Z3872">
        <v>125.4</v>
      </c>
      <c r="AA3872">
        <v>8.2216159999999991</v>
      </c>
      <c r="AB3872">
        <v>-0.41784791246827535</v>
      </c>
    </row>
    <row r="3873" spans="4:28" x14ac:dyDescent="0.25">
      <c r="D3873" s="40">
        <v>64.414091000002841</v>
      </c>
      <c r="E3873" s="40">
        <v>19.446644054720487</v>
      </c>
      <c r="F3873" s="40">
        <v>64.400000000000006</v>
      </c>
      <c r="G3873" s="40">
        <v>17.65244508357414</v>
      </c>
      <c r="H3873" s="40">
        <v>64.400000000000006</v>
      </c>
      <c r="I3873" s="40">
        <v>13.757755544316186</v>
      </c>
      <c r="J3873" s="40">
        <v>64.399976708333796</v>
      </c>
      <c r="K3873" s="40">
        <v>11.987642394184059</v>
      </c>
      <c r="L3873" s="40"/>
      <c r="M3873" s="40"/>
      <c r="N3873" s="40"/>
      <c r="X3873">
        <v>-100</v>
      </c>
      <c r="Y3873">
        <v>47.116667000000007</v>
      </c>
      <c r="Z3873">
        <v>125.416667</v>
      </c>
      <c r="AA3873">
        <v>8.2216489999999993</v>
      </c>
      <c r="AB3873">
        <v>-0.41744820868511334</v>
      </c>
    </row>
    <row r="3874" spans="4:28" x14ac:dyDescent="0.25">
      <c r="D3874" s="40">
        <v>64.430757000002842</v>
      </c>
      <c r="E3874" s="40">
        <v>19.446644054720487</v>
      </c>
      <c r="F3874" s="40">
        <v>64.41666699999999</v>
      </c>
      <c r="G3874" s="40">
        <v>17.65244508357414</v>
      </c>
      <c r="H3874" s="40">
        <v>64.416667000000018</v>
      </c>
      <c r="I3874" s="40">
        <v>13.757755544316186</v>
      </c>
      <c r="J3874" s="40">
        <v>64.416643369048103</v>
      </c>
      <c r="K3874" s="40">
        <v>11.987642394184059</v>
      </c>
      <c r="L3874" s="40"/>
      <c r="M3874" s="40"/>
      <c r="N3874" s="40"/>
      <c r="X3874">
        <v>-100</v>
      </c>
      <c r="Y3874">
        <v>47.133333000000007</v>
      </c>
      <c r="Z3874">
        <v>125.433333</v>
      </c>
      <c r="AA3874">
        <v>8.2216830000000005</v>
      </c>
      <c r="AB3874">
        <v>-0.41703639266608544</v>
      </c>
    </row>
    <row r="3875" spans="4:28" x14ac:dyDescent="0.25">
      <c r="D3875" s="40">
        <v>64.447423000002843</v>
      </c>
      <c r="E3875" s="40">
        <v>19.446644054720487</v>
      </c>
      <c r="F3875" s="40">
        <v>64.433333000000005</v>
      </c>
      <c r="G3875" s="40">
        <v>17.657200327664363</v>
      </c>
      <c r="H3875" s="40">
        <v>64.433334000000002</v>
      </c>
      <c r="I3875" s="40">
        <v>13.761108280459442</v>
      </c>
      <c r="J3875" s="40">
        <v>64.433310029762396</v>
      </c>
      <c r="K3875" s="40">
        <v>11.992493437893291</v>
      </c>
      <c r="L3875" s="40"/>
      <c r="M3875" s="40"/>
      <c r="N3875" s="40"/>
      <c r="X3875">
        <v>-100</v>
      </c>
      <c r="Y3875">
        <v>47.150000000000006</v>
      </c>
      <c r="Z3875">
        <v>125.45</v>
      </c>
      <c r="AA3875">
        <v>8.2217169999999999</v>
      </c>
      <c r="AB3875">
        <v>-0.41662457664707914</v>
      </c>
    </row>
    <row r="3876" spans="4:28" x14ac:dyDescent="0.25">
      <c r="D3876" s="40">
        <v>64.464089000002843</v>
      </c>
      <c r="E3876" s="40">
        <v>19.446644054720487</v>
      </c>
      <c r="F3876" s="40">
        <v>64.449999999999989</v>
      </c>
      <c r="G3876" s="40">
        <v>17.657200327664363</v>
      </c>
      <c r="H3876" s="40">
        <v>64.450000000000017</v>
      </c>
      <c r="I3876" s="40">
        <v>13.764362406716206</v>
      </c>
      <c r="J3876" s="40">
        <v>64.449976690476703</v>
      </c>
      <c r="K3876" s="40">
        <v>11.992493437893291</v>
      </c>
      <c r="L3876" s="40"/>
      <c r="M3876" s="40"/>
      <c r="N3876" s="40"/>
      <c r="X3876">
        <v>-100</v>
      </c>
      <c r="Y3876">
        <v>47.166667000000004</v>
      </c>
      <c r="Z3876">
        <v>125.466667</v>
      </c>
      <c r="AA3876">
        <v>8.2217839999999995</v>
      </c>
      <c r="AB3876">
        <v>-0.41581305684491077</v>
      </c>
    </row>
    <row r="3877" spans="4:28" x14ac:dyDescent="0.25">
      <c r="D3877" s="40">
        <v>64.480755000002844</v>
      </c>
      <c r="E3877" s="40">
        <v>19.446644054720487</v>
      </c>
      <c r="F3877" s="40">
        <v>64.466667000000001</v>
      </c>
      <c r="G3877" s="40">
        <v>17.657200327664363</v>
      </c>
      <c r="H3877" s="40">
        <v>64.466667000000001</v>
      </c>
      <c r="I3877" s="40">
        <v>13.764362406716206</v>
      </c>
      <c r="J3877" s="40">
        <v>64.466643351190896</v>
      </c>
      <c r="K3877" s="40">
        <v>11.992493437893291</v>
      </c>
      <c r="L3877" s="40"/>
      <c r="M3877" s="40"/>
      <c r="N3877" s="40"/>
      <c r="X3877">
        <v>-100</v>
      </c>
      <c r="Y3877">
        <v>47.183333000000005</v>
      </c>
      <c r="Z3877">
        <v>125.483333</v>
      </c>
      <c r="AA3877">
        <v>8.2218180000000007</v>
      </c>
      <c r="AB3877">
        <v>-0.41540124082588298</v>
      </c>
    </row>
    <row r="3878" spans="4:28" x14ac:dyDescent="0.25">
      <c r="D3878" s="40">
        <v>64.497421000002845</v>
      </c>
      <c r="E3878" s="40">
        <v>19.446644054720487</v>
      </c>
      <c r="F3878" s="40">
        <v>64.483332999999988</v>
      </c>
      <c r="G3878" s="40">
        <v>17.661815711634262</v>
      </c>
      <c r="H3878" s="40">
        <v>64.483334000000013</v>
      </c>
      <c r="I3878" s="40">
        <v>13.76771514285964</v>
      </c>
      <c r="J3878" s="40">
        <v>64.483310011905203</v>
      </c>
      <c r="K3878" s="40">
        <v>11.992493437893291</v>
      </c>
      <c r="L3878" s="40"/>
      <c r="M3878" s="40"/>
      <c r="N3878" s="40"/>
      <c r="X3878">
        <v>-100</v>
      </c>
      <c r="Y3878">
        <v>47.2</v>
      </c>
      <c r="Z3878">
        <v>125.5</v>
      </c>
      <c r="AA3878">
        <v>8.2218509999999991</v>
      </c>
      <c r="AB3878">
        <v>-0.4150015370427424</v>
      </c>
    </row>
    <row r="3879" spans="4:28" x14ac:dyDescent="0.25">
      <c r="D3879" s="40">
        <v>64.514087000002846</v>
      </c>
      <c r="E3879" s="40">
        <v>19.446644054720487</v>
      </c>
      <c r="F3879" s="40">
        <v>64.5</v>
      </c>
      <c r="G3879" s="40">
        <v>17.666570955724357</v>
      </c>
      <c r="H3879" s="40">
        <v>64.5</v>
      </c>
      <c r="I3879" s="40">
        <v>13.76771514285964</v>
      </c>
      <c r="J3879" s="40">
        <v>64.499976672619496</v>
      </c>
      <c r="K3879" s="40">
        <v>11.997344481602523</v>
      </c>
      <c r="L3879" s="40"/>
      <c r="M3879" s="40"/>
      <c r="N3879" s="40"/>
      <c r="X3879">
        <v>-100</v>
      </c>
      <c r="Y3879">
        <v>47.216667000000001</v>
      </c>
      <c r="Z3879">
        <v>125.516667</v>
      </c>
      <c r="AA3879">
        <v>8.2218850000000003</v>
      </c>
      <c r="AB3879">
        <v>-0.41458972102371455</v>
      </c>
    </row>
    <row r="3880" spans="4:28" x14ac:dyDescent="0.25">
      <c r="D3880" s="40">
        <v>64.530753000002846</v>
      </c>
      <c r="E3880" s="40">
        <v>19.446644054720487</v>
      </c>
      <c r="F3880" s="40">
        <v>64.516666999999984</v>
      </c>
      <c r="G3880" s="40">
        <v>17.666570955724357</v>
      </c>
      <c r="H3880" s="40">
        <v>64.516667000000012</v>
      </c>
      <c r="I3880" s="40">
        <v>13.771067879002896</v>
      </c>
      <c r="J3880" s="40">
        <v>64.516643333333803</v>
      </c>
      <c r="K3880" s="40">
        <v>11.997344481602523</v>
      </c>
      <c r="L3880" s="40"/>
      <c r="M3880" s="40"/>
      <c r="N3880" s="40"/>
      <c r="X3880">
        <v>-100</v>
      </c>
      <c r="Y3880">
        <v>47.233333000000002</v>
      </c>
      <c r="Z3880">
        <v>125.533333</v>
      </c>
      <c r="AA3880">
        <v>8.2219189999999998</v>
      </c>
      <c r="AB3880">
        <v>-0.4141779050047083</v>
      </c>
    </row>
    <row r="3881" spans="4:28" x14ac:dyDescent="0.25">
      <c r="D3881" s="40">
        <v>64.547419000002847</v>
      </c>
      <c r="E3881" s="40">
        <v>19.446644054720487</v>
      </c>
      <c r="F3881" s="40">
        <v>64.533332999999999</v>
      </c>
      <c r="G3881" s="40">
        <v>17.671326199814576</v>
      </c>
      <c r="H3881" s="40">
        <v>64.533333999999996</v>
      </c>
      <c r="I3881" s="40">
        <v>13.774322005259659</v>
      </c>
      <c r="J3881" s="40">
        <v>64.533309994048096</v>
      </c>
      <c r="K3881" s="40">
        <v>11.997344481602523</v>
      </c>
      <c r="L3881" s="40"/>
      <c r="M3881" s="40"/>
      <c r="N3881" s="40"/>
      <c r="X3881">
        <v>-100</v>
      </c>
      <c r="Y3881">
        <v>47.25</v>
      </c>
      <c r="Z3881">
        <v>125.55</v>
      </c>
      <c r="AA3881">
        <v>8.2219519999999999</v>
      </c>
      <c r="AB3881">
        <v>-0.41377820122154618</v>
      </c>
    </row>
    <row r="3882" spans="4:28" x14ac:dyDescent="0.25">
      <c r="D3882" s="40">
        <v>64.564085000002848</v>
      </c>
      <c r="E3882" s="40">
        <v>19.446644054720487</v>
      </c>
      <c r="F3882" s="40">
        <v>64.549999999999983</v>
      </c>
      <c r="G3882" s="40">
        <v>17.671326199814576</v>
      </c>
      <c r="H3882" s="40">
        <v>64.550000000000011</v>
      </c>
      <c r="I3882" s="40">
        <v>13.774322005259659</v>
      </c>
      <c r="J3882" s="40">
        <v>64.549976654762403</v>
      </c>
      <c r="K3882" s="40">
        <v>12.002195525311627</v>
      </c>
      <c r="L3882" s="40"/>
      <c r="M3882" s="40"/>
      <c r="N3882" s="40"/>
      <c r="X3882">
        <v>-100</v>
      </c>
      <c r="Y3882">
        <v>47.266666999999998</v>
      </c>
      <c r="Z3882">
        <v>125.566667</v>
      </c>
      <c r="AA3882">
        <v>8.2220200000000006</v>
      </c>
      <c r="AB3882">
        <v>-0.41295456918351203</v>
      </c>
    </row>
    <row r="3883" spans="4:28" x14ac:dyDescent="0.25">
      <c r="D3883" s="40">
        <v>64.580751000002849</v>
      </c>
      <c r="E3883" s="40">
        <v>19.446644054720487</v>
      </c>
      <c r="F3883" s="40">
        <v>64.566666999999995</v>
      </c>
      <c r="G3883" s="40">
        <v>17.675941583784475</v>
      </c>
      <c r="H3883" s="40">
        <v>64.566666999999995</v>
      </c>
      <c r="I3883" s="40">
        <v>13.777674741402917</v>
      </c>
      <c r="J3883" s="40">
        <v>64.566643315476696</v>
      </c>
      <c r="K3883" s="40">
        <v>12.002195525311627</v>
      </c>
      <c r="L3883" s="40"/>
      <c r="M3883" s="40"/>
      <c r="N3883" s="40"/>
      <c r="X3883">
        <v>-100</v>
      </c>
      <c r="Y3883">
        <v>47.283332999999999</v>
      </c>
      <c r="Z3883">
        <v>125.583333</v>
      </c>
      <c r="AA3883">
        <v>8.2220530000000007</v>
      </c>
      <c r="AB3883">
        <v>-0.41255486540035002</v>
      </c>
    </row>
    <row r="3884" spans="4:28" x14ac:dyDescent="0.25">
      <c r="D3884" s="40">
        <v>64.597417000002849</v>
      </c>
      <c r="E3884" s="40">
        <v>19.446644054720487</v>
      </c>
      <c r="F3884" s="40">
        <v>64.583332999999982</v>
      </c>
      <c r="G3884" s="40">
        <v>17.68069682787457</v>
      </c>
      <c r="H3884" s="40">
        <v>64.583334000000008</v>
      </c>
      <c r="I3884" s="40">
        <v>13.777674741402917</v>
      </c>
      <c r="J3884" s="40">
        <v>64.583309976191003</v>
      </c>
      <c r="K3884" s="40">
        <v>12.002195525311627</v>
      </c>
      <c r="L3884" s="40"/>
      <c r="M3884" s="40"/>
      <c r="N3884" s="40"/>
      <c r="X3884">
        <v>-100</v>
      </c>
      <c r="Y3884">
        <v>47.3</v>
      </c>
      <c r="Z3884">
        <v>125.6</v>
      </c>
      <c r="AA3884">
        <v>8.2220870000000001</v>
      </c>
      <c r="AB3884">
        <v>-0.41214304938134372</v>
      </c>
    </row>
    <row r="3885" spans="4:28" x14ac:dyDescent="0.25">
      <c r="D3885" s="40">
        <v>64.61408300000285</v>
      </c>
      <c r="E3885" s="40">
        <v>19.446644054720487</v>
      </c>
      <c r="F3885" s="40">
        <v>64.599999999999994</v>
      </c>
      <c r="G3885" s="40">
        <v>17.68069682787457</v>
      </c>
      <c r="H3885" s="40">
        <v>64.599999999999994</v>
      </c>
      <c r="I3885" s="40">
        <v>13.781027477546173</v>
      </c>
      <c r="J3885" s="40">
        <v>64.599976636905197</v>
      </c>
      <c r="K3885" s="40">
        <v>12.002195525311627</v>
      </c>
      <c r="L3885" s="40"/>
      <c r="M3885" s="40"/>
      <c r="N3885" s="40"/>
      <c r="X3885">
        <v>-100</v>
      </c>
      <c r="Y3885">
        <v>47.31666700000001</v>
      </c>
      <c r="Z3885">
        <v>125.61666700000001</v>
      </c>
      <c r="AA3885">
        <v>8.2221209999999996</v>
      </c>
      <c r="AB3885">
        <v>-0.41173123336233736</v>
      </c>
    </row>
    <row r="3886" spans="4:28" x14ac:dyDescent="0.25">
      <c r="D3886" s="40">
        <v>64.630749000002851</v>
      </c>
      <c r="E3886" s="40">
        <v>19.446644054720487</v>
      </c>
      <c r="F3886" s="40">
        <v>64.616667000000007</v>
      </c>
      <c r="G3886" s="40">
        <v>17.685452071964789</v>
      </c>
      <c r="H3886" s="40">
        <v>64.616667000000007</v>
      </c>
      <c r="I3886" s="40">
        <v>13.781027477546173</v>
      </c>
      <c r="J3886" s="40">
        <v>64.616643297619504</v>
      </c>
      <c r="K3886" s="40">
        <v>12.002195525311627</v>
      </c>
      <c r="L3886" s="40"/>
      <c r="M3886" s="40"/>
      <c r="N3886" s="40"/>
      <c r="X3886">
        <v>-100</v>
      </c>
      <c r="Y3886">
        <v>47.333332999999996</v>
      </c>
      <c r="Z3886">
        <v>125.63333299999999</v>
      </c>
      <c r="AA3886">
        <v>8.2221539999999997</v>
      </c>
      <c r="AB3886">
        <v>-0.41133152957917535</v>
      </c>
    </row>
    <row r="3887" spans="4:28" x14ac:dyDescent="0.25">
      <c r="D3887" s="40">
        <v>64.647415000002852</v>
      </c>
      <c r="E3887" s="40">
        <v>19.446644054720487</v>
      </c>
      <c r="F3887" s="40">
        <v>64.633332999999993</v>
      </c>
      <c r="G3887" s="40">
        <v>17.685452071964789</v>
      </c>
      <c r="H3887" s="40">
        <v>64.633334000000019</v>
      </c>
      <c r="I3887" s="40">
        <v>13.784281603802937</v>
      </c>
      <c r="J3887" s="40">
        <v>64.633309958333797</v>
      </c>
      <c r="K3887" s="40">
        <v>12.002195525311627</v>
      </c>
      <c r="L3887" s="40"/>
      <c r="M3887" s="40"/>
      <c r="N3887" s="40"/>
      <c r="X3887">
        <v>-100</v>
      </c>
      <c r="Y3887">
        <v>47.350000000000009</v>
      </c>
      <c r="Z3887">
        <v>125.65</v>
      </c>
      <c r="AA3887">
        <v>8.2221879999999992</v>
      </c>
      <c r="AB3887">
        <v>-0.41091971356016899</v>
      </c>
    </row>
    <row r="3888" spans="4:28" x14ac:dyDescent="0.25">
      <c r="D3888" s="40">
        <v>64.664081000002852</v>
      </c>
      <c r="E3888" s="40">
        <v>19.441943322560061</v>
      </c>
      <c r="F3888" s="40">
        <v>64.650000000000006</v>
      </c>
      <c r="G3888" s="40">
        <v>17.690067455934688</v>
      </c>
      <c r="H3888" s="40">
        <v>64.650000000000006</v>
      </c>
      <c r="I3888" s="40">
        <v>13.78763433994637</v>
      </c>
      <c r="J3888" s="40">
        <v>64.649976619048104</v>
      </c>
      <c r="K3888" s="40">
        <v>12.006903891264688</v>
      </c>
      <c r="L3888" s="40"/>
      <c r="M3888" s="40"/>
      <c r="N3888" s="40"/>
      <c r="X3888">
        <v>-100</v>
      </c>
      <c r="Y3888">
        <v>47.366667000000007</v>
      </c>
      <c r="Z3888">
        <v>125.666667</v>
      </c>
      <c r="AA3888">
        <v>8.2222209999999993</v>
      </c>
      <c r="AB3888">
        <v>-0.41052000977700698</v>
      </c>
    </row>
    <row r="3889" spans="4:28" x14ac:dyDescent="0.25">
      <c r="D3889" s="40">
        <v>64.680747000002853</v>
      </c>
      <c r="E3889" s="40">
        <v>19.446644054720487</v>
      </c>
      <c r="F3889" s="40">
        <v>64.66666699999999</v>
      </c>
      <c r="G3889" s="40">
        <v>17.690067455934688</v>
      </c>
      <c r="H3889" s="40">
        <v>64.666667000000018</v>
      </c>
      <c r="I3889" s="40">
        <v>13.78763433994637</v>
      </c>
      <c r="J3889" s="40">
        <v>64.666643279762397</v>
      </c>
      <c r="K3889" s="40">
        <v>12.006903891264688</v>
      </c>
      <c r="L3889" s="40"/>
      <c r="M3889" s="40"/>
      <c r="N3889" s="40"/>
      <c r="X3889">
        <v>-100</v>
      </c>
      <c r="Y3889">
        <v>47.383333000000007</v>
      </c>
      <c r="Z3889">
        <v>125.683333</v>
      </c>
      <c r="AA3889">
        <v>8.2222550000000005</v>
      </c>
      <c r="AB3889">
        <v>-0.41010819375797913</v>
      </c>
    </row>
    <row r="3890" spans="4:28" x14ac:dyDescent="0.25">
      <c r="D3890" s="40">
        <v>64.697413000002854</v>
      </c>
      <c r="E3890" s="40">
        <v>19.446644054720487</v>
      </c>
      <c r="F3890" s="40">
        <v>64.683333000000005</v>
      </c>
      <c r="G3890" s="40">
        <v>17.690067455934688</v>
      </c>
      <c r="H3890" s="40">
        <v>64.683334000000002</v>
      </c>
      <c r="I3890" s="40">
        <v>13.790987076089626</v>
      </c>
      <c r="J3890" s="40">
        <v>64.683309940476704</v>
      </c>
      <c r="K3890" s="40">
        <v>12.006903891264688</v>
      </c>
      <c r="L3890" s="40"/>
      <c r="M3890" s="40"/>
      <c r="N3890" s="40"/>
      <c r="X3890">
        <v>-100</v>
      </c>
      <c r="Y3890">
        <v>47.400000000000006</v>
      </c>
      <c r="Z3890">
        <v>125.7</v>
      </c>
      <c r="AA3890">
        <v>8.222289</v>
      </c>
      <c r="AB3890">
        <v>-0.40969637773897277</v>
      </c>
    </row>
    <row r="3891" spans="4:28" x14ac:dyDescent="0.25">
      <c r="D3891" s="40">
        <v>64.714079000002855</v>
      </c>
      <c r="E3891" s="40">
        <v>19.446644054720487</v>
      </c>
      <c r="F3891" s="40">
        <v>64.699999999999989</v>
      </c>
      <c r="G3891" s="40">
        <v>17.694822700024908</v>
      </c>
      <c r="H3891" s="40">
        <v>64.700000000000017</v>
      </c>
      <c r="I3891" s="40">
        <v>13.794339812232884</v>
      </c>
      <c r="J3891" s="40">
        <v>64.699976601190897</v>
      </c>
      <c r="K3891" s="40">
        <v>12.006903891264688</v>
      </c>
      <c r="L3891" s="40"/>
      <c r="M3891" s="40"/>
      <c r="N3891" s="40"/>
      <c r="X3891">
        <v>-100</v>
      </c>
      <c r="Y3891">
        <v>47.416667000000004</v>
      </c>
      <c r="Z3891">
        <v>125.716667</v>
      </c>
      <c r="AA3891">
        <v>8.2223220000000001</v>
      </c>
      <c r="AB3891">
        <v>-0.40929667395581076</v>
      </c>
    </row>
    <row r="3892" spans="4:28" x14ac:dyDescent="0.25">
      <c r="D3892" s="40">
        <v>64.730745000002855</v>
      </c>
      <c r="E3892" s="40">
        <v>19.446644054720487</v>
      </c>
      <c r="F3892" s="40">
        <v>64.716667000000001</v>
      </c>
      <c r="G3892" s="40">
        <v>17.694822700024908</v>
      </c>
      <c r="H3892" s="40">
        <v>64.716667000000001</v>
      </c>
      <c r="I3892" s="40">
        <v>13.797593938489648</v>
      </c>
      <c r="J3892" s="40">
        <v>64.716643261905205</v>
      </c>
      <c r="K3892" s="40">
        <v>12.006903891264688</v>
      </c>
      <c r="L3892" s="40"/>
      <c r="M3892" s="40"/>
      <c r="N3892" s="40"/>
      <c r="X3892">
        <v>-100</v>
      </c>
      <c r="Y3892">
        <v>47.433333000000005</v>
      </c>
      <c r="Z3892">
        <v>125.733333</v>
      </c>
      <c r="AA3892">
        <v>8.2223900000000008</v>
      </c>
      <c r="AB3892">
        <v>-0.40847304191777656</v>
      </c>
    </row>
    <row r="3893" spans="4:28" x14ac:dyDescent="0.25">
      <c r="D3893" s="40">
        <v>64.747411000002856</v>
      </c>
      <c r="E3893" s="40">
        <v>19.451487233310033</v>
      </c>
      <c r="F3893" s="40">
        <v>64.733332999999988</v>
      </c>
      <c r="G3893" s="40">
        <v>17.699577944115006</v>
      </c>
      <c r="H3893" s="40">
        <v>64.733334000000013</v>
      </c>
      <c r="I3893" s="40">
        <v>13.797593938489648</v>
      </c>
      <c r="J3893" s="40">
        <v>64.733309922619497</v>
      </c>
      <c r="K3893" s="40">
        <v>12.006903891264688</v>
      </c>
      <c r="L3893" s="40"/>
      <c r="M3893" s="40"/>
      <c r="N3893" s="40"/>
      <c r="X3893">
        <v>-100</v>
      </c>
      <c r="Y3893">
        <v>47.45</v>
      </c>
      <c r="Z3893">
        <v>125.75</v>
      </c>
      <c r="AA3893">
        <v>8.2224229999999991</v>
      </c>
      <c r="AB3893">
        <v>-0.40807333813463603</v>
      </c>
    </row>
    <row r="3894" spans="4:28" x14ac:dyDescent="0.25">
      <c r="D3894" s="40">
        <v>64.764077000002857</v>
      </c>
      <c r="E3894" s="40">
        <v>19.451487233310033</v>
      </c>
      <c r="F3894" s="40">
        <v>64.75</v>
      </c>
      <c r="G3894" s="40">
        <v>17.699577944115006</v>
      </c>
      <c r="H3894" s="40">
        <v>64.75</v>
      </c>
      <c r="I3894" s="40">
        <v>13.800946674632904</v>
      </c>
      <c r="J3894" s="40">
        <v>64.749976583333805</v>
      </c>
      <c r="K3894" s="40">
        <v>12.01175493497392</v>
      </c>
      <c r="L3894" s="40"/>
      <c r="M3894" s="40"/>
      <c r="N3894" s="40"/>
      <c r="X3894">
        <v>-100</v>
      </c>
      <c r="Y3894">
        <v>47.466667000000001</v>
      </c>
      <c r="Z3894">
        <v>125.766667</v>
      </c>
      <c r="AA3894">
        <v>8.2224570000000003</v>
      </c>
      <c r="AB3894">
        <v>-0.40766152211560819</v>
      </c>
    </row>
    <row r="3895" spans="4:28" x14ac:dyDescent="0.25">
      <c r="D3895" s="40">
        <v>64.780743000002857</v>
      </c>
      <c r="E3895" s="40">
        <v>19.456330411899458</v>
      </c>
      <c r="F3895" s="40">
        <v>64.766666999999984</v>
      </c>
      <c r="G3895" s="40">
        <v>17.704193328084905</v>
      </c>
      <c r="H3895" s="40">
        <v>64.766667000000012</v>
      </c>
      <c r="I3895" s="40">
        <v>13.804299410776336</v>
      </c>
      <c r="J3895" s="40">
        <v>64.766643244048097</v>
      </c>
      <c r="K3895" s="40">
        <v>12.01175493497392</v>
      </c>
      <c r="L3895" s="40"/>
      <c r="M3895" s="40"/>
      <c r="N3895" s="40"/>
      <c r="X3895">
        <v>-100</v>
      </c>
      <c r="Y3895">
        <v>47.483333000000002</v>
      </c>
      <c r="Z3895">
        <v>125.783333</v>
      </c>
      <c r="AA3895">
        <v>8.2224909999999998</v>
      </c>
      <c r="AB3895">
        <v>-0.40724970609660194</v>
      </c>
    </row>
    <row r="3896" spans="4:28" x14ac:dyDescent="0.25">
      <c r="D3896" s="40">
        <v>64.797409000002858</v>
      </c>
      <c r="E3896" s="40">
        <v>19.456330411899458</v>
      </c>
      <c r="F3896" s="40">
        <v>64.783332999999999</v>
      </c>
      <c r="G3896" s="40">
        <v>17.704193328084905</v>
      </c>
      <c r="H3896" s="40">
        <v>64.783333999999996</v>
      </c>
      <c r="I3896" s="40">
        <v>13.804299410776336</v>
      </c>
      <c r="J3896" s="40">
        <v>64.783309904762405</v>
      </c>
      <c r="K3896" s="40">
        <v>12.01175493497392</v>
      </c>
      <c r="L3896" s="40"/>
      <c r="M3896" s="40"/>
      <c r="N3896" s="40"/>
      <c r="X3896">
        <v>-100</v>
      </c>
      <c r="Y3896">
        <v>47.5</v>
      </c>
      <c r="Z3896">
        <v>125.8</v>
      </c>
      <c r="AA3896">
        <v>8.2225239999999999</v>
      </c>
      <c r="AB3896">
        <v>-0.40685000231343982</v>
      </c>
    </row>
    <row r="3897" spans="4:28" x14ac:dyDescent="0.25">
      <c r="D3897" s="40">
        <v>64.814075000002859</v>
      </c>
      <c r="E3897" s="40">
        <v>19.461173590489008</v>
      </c>
      <c r="F3897" s="40">
        <v>64.799999999999983</v>
      </c>
      <c r="G3897" s="40">
        <v>17.708948572175125</v>
      </c>
      <c r="H3897" s="40">
        <v>64.800000000000011</v>
      </c>
      <c r="I3897" s="40">
        <v>13.807553537033099</v>
      </c>
      <c r="J3897" s="40">
        <v>64.799976565476697</v>
      </c>
      <c r="K3897" s="40">
        <v>12.01175493497392</v>
      </c>
      <c r="L3897" s="40"/>
      <c r="M3897" s="40"/>
      <c r="N3897" s="40"/>
      <c r="X3897">
        <v>-100</v>
      </c>
      <c r="Y3897">
        <v>47.516666999999998</v>
      </c>
      <c r="Z3897">
        <v>125.816667</v>
      </c>
      <c r="AA3897">
        <v>8.2225920000000006</v>
      </c>
      <c r="AB3897">
        <v>-0.40602637027540567</v>
      </c>
    </row>
    <row r="3898" spans="4:28" x14ac:dyDescent="0.25">
      <c r="D3898" s="40">
        <v>64.83074100000286</v>
      </c>
      <c r="E3898" s="40">
        <v>19.461173590489008</v>
      </c>
      <c r="F3898" s="40">
        <v>64.816666999999995</v>
      </c>
      <c r="G3898" s="40">
        <v>17.708948572175125</v>
      </c>
      <c r="H3898" s="40">
        <v>64.816666999999995</v>
      </c>
      <c r="I3898" s="40">
        <v>13.807553537033099</v>
      </c>
      <c r="J3898" s="40">
        <v>64.816643226191005</v>
      </c>
      <c r="K3898" s="40">
        <v>12.01175493497392</v>
      </c>
      <c r="L3898" s="40"/>
      <c r="M3898" s="40"/>
      <c r="N3898" s="40"/>
      <c r="X3898">
        <v>-100</v>
      </c>
      <c r="Y3898">
        <v>47.533332999999999</v>
      </c>
      <c r="Z3898">
        <v>125.833333</v>
      </c>
      <c r="AA3898">
        <v>8.2226250000000007</v>
      </c>
      <c r="AB3898">
        <v>-0.4056266664922436</v>
      </c>
    </row>
    <row r="3899" spans="4:28" x14ac:dyDescent="0.25">
      <c r="D3899" s="40">
        <v>64.84740700000286</v>
      </c>
      <c r="E3899" s="40">
        <v>19.46587432264943</v>
      </c>
      <c r="F3899" s="40">
        <v>64.833332999999982</v>
      </c>
      <c r="G3899" s="40">
        <v>17.71370381626522</v>
      </c>
      <c r="H3899" s="40">
        <v>64.833334000000008</v>
      </c>
      <c r="I3899" s="40">
        <v>13.810906273176355</v>
      </c>
      <c r="J3899" s="40">
        <v>64.833309886905198</v>
      </c>
      <c r="K3899" s="40">
        <v>12.01175493497392</v>
      </c>
      <c r="L3899" s="40"/>
      <c r="M3899" s="40"/>
      <c r="N3899" s="40"/>
      <c r="X3899">
        <v>-100</v>
      </c>
      <c r="Y3899">
        <v>47.55</v>
      </c>
      <c r="Z3899">
        <v>125.85</v>
      </c>
      <c r="AA3899">
        <v>8.2226590000000002</v>
      </c>
      <c r="AB3899">
        <v>-0.40521485047323735</v>
      </c>
    </row>
    <row r="3900" spans="4:28" x14ac:dyDescent="0.25">
      <c r="D3900" s="40">
        <v>64.864073000002861</v>
      </c>
      <c r="E3900" s="40">
        <v>19.470717501238852</v>
      </c>
      <c r="F3900" s="40">
        <v>64.849999999999994</v>
      </c>
      <c r="G3900" s="40">
        <v>17.718319200235118</v>
      </c>
      <c r="H3900" s="40">
        <v>64.849999999999994</v>
      </c>
      <c r="I3900" s="40">
        <v>13.810906273176355</v>
      </c>
      <c r="J3900" s="40">
        <v>64.849976547619505</v>
      </c>
      <c r="K3900" s="40">
        <v>12.016605978683026</v>
      </c>
      <c r="L3900" s="40"/>
      <c r="M3900" s="40"/>
      <c r="N3900" s="40"/>
      <c r="X3900">
        <v>-100</v>
      </c>
      <c r="Y3900">
        <v>47.56666700000001</v>
      </c>
      <c r="Z3900">
        <v>125.86666700000001</v>
      </c>
      <c r="AA3900">
        <v>8.2226929999999996</v>
      </c>
      <c r="AB3900">
        <v>-0.40480303445423099</v>
      </c>
    </row>
    <row r="3901" spans="4:28" x14ac:dyDescent="0.25">
      <c r="D3901" s="40">
        <v>64.880739000002862</v>
      </c>
      <c r="E3901" s="40">
        <v>19.470717501238852</v>
      </c>
      <c r="F3901" s="40">
        <v>64.866667000000007</v>
      </c>
      <c r="G3901" s="40">
        <v>17.718319200235118</v>
      </c>
      <c r="H3901" s="40">
        <v>64.866667000000007</v>
      </c>
      <c r="I3901" s="40">
        <v>13.814259009319613</v>
      </c>
      <c r="J3901" s="40">
        <v>64.866643208333798</v>
      </c>
      <c r="K3901" s="40">
        <v>12.016605978683026</v>
      </c>
      <c r="L3901" s="40"/>
      <c r="M3901" s="40"/>
      <c r="N3901" s="40"/>
      <c r="X3901">
        <v>-100</v>
      </c>
      <c r="Y3901">
        <v>47.583332999999996</v>
      </c>
      <c r="Z3901">
        <v>125.88333299999999</v>
      </c>
      <c r="AA3901">
        <v>8.2227259999999998</v>
      </c>
      <c r="AB3901">
        <v>-0.40440333067106898</v>
      </c>
    </row>
    <row r="3902" spans="4:28" x14ac:dyDescent="0.25">
      <c r="D3902" s="40">
        <v>64.897405000002863</v>
      </c>
      <c r="E3902" s="40">
        <v>19.470717501238852</v>
      </c>
      <c r="F3902" s="40">
        <v>64.883332999999993</v>
      </c>
      <c r="G3902" s="40">
        <v>17.723074444325338</v>
      </c>
      <c r="H3902" s="40">
        <v>64.883334000000019</v>
      </c>
      <c r="I3902" s="40">
        <v>13.814259009319613</v>
      </c>
      <c r="J3902" s="40">
        <v>64.883309869048105</v>
      </c>
      <c r="K3902" s="40">
        <v>12.016605978683026</v>
      </c>
      <c r="L3902" s="40"/>
      <c r="M3902" s="40"/>
      <c r="N3902" s="40"/>
      <c r="X3902">
        <v>-100</v>
      </c>
      <c r="Y3902">
        <v>47.600000000000009</v>
      </c>
      <c r="Z3902">
        <v>125.9</v>
      </c>
      <c r="AA3902">
        <v>8.2227599999999992</v>
      </c>
      <c r="AB3902">
        <v>-0.40399151465206262</v>
      </c>
    </row>
    <row r="3903" spans="4:28" x14ac:dyDescent="0.25">
      <c r="D3903" s="40">
        <v>64.914071000002863</v>
      </c>
      <c r="E3903" s="40">
        <v>19.475560679828401</v>
      </c>
      <c r="F3903" s="40">
        <v>64.900000000000006</v>
      </c>
      <c r="G3903" s="40">
        <v>17.723074444325338</v>
      </c>
      <c r="H3903" s="40">
        <v>64.900000000000006</v>
      </c>
      <c r="I3903" s="40">
        <v>13.817513135576377</v>
      </c>
      <c r="J3903" s="40">
        <v>64.899976529762398</v>
      </c>
      <c r="K3903" s="40">
        <v>12.016605978683026</v>
      </c>
      <c r="L3903" s="40"/>
      <c r="M3903" s="40"/>
      <c r="N3903" s="40"/>
      <c r="X3903">
        <v>-100</v>
      </c>
      <c r="Y3903">
        <v>47.616667000000007</v>
      </c>
      <c r="Z3903">
        <v>125.916667</v>
      </c>
      <c r="AA3903">
        <v>8.2228270000000006</v>
      </c>
      <c r="AB3903">
        <v>-0.40317999484987277</v>
      </c>
    </row>
    <row r="3904" spans="4:28" x14ac:dyDescent="0.25">
      <c r="D3904" s="40">
        <v>64.930737000002864</v>
      </c>
      <c r="E3904" s="40">
        <v>19.475560679828401</v>
      </c>
      <c r="F3904" s="40">
        <v>64.91666699999999</v>
      </c>
      <c r="G3904" s="40">
        <v>17.727829688415433</v>
      </c>
      <c r="H3904" s="40">
        <v>64.916667000000018</v>
      </c>
      <c r="I3904" s="40">
        <v>13.820865871719809</v>
      </c>
      <c r="J3904" s="40">
        <v>64.916643190476705</v>
      </c>
      <c r="K3904" s="40">
        <v>12.016605978683026</v>
      </c>
      <c r="L3904" s="40"/>
      <c r="M3904" s="40"/>
      <c r="N3904" s="40"/>
      <c r="X3904">
        <v>-100</v>
      </c>
      <c r="Y3904">
        <v>47.633333000000007</v>
      </c>
      <c r="Z3904">
        <v>125.933333</v>
      </c>
      <c r="AA3904">
        <v>8.222861</v>
      </c>
      <c r="AB3904">
        <v>-0.40276817883086641</v>
      </c>
    </row>
    <row r="3905" spans="4:28" x14ac:dyDescent="0.25">
      <c r="D3905" s="40">
        <v>64.947403000002865</v>
      </c>
      <c r="E3905" s="40">
        <v>19.475560679828401</v>
      </c>
      <c r="F3905" s="40">
        <v>64.933333000000005</v>
      </c>
      <c r="G3905" s="40">
        <v>17.727829688415433</v>
      </c>
      <c r="H3905" s="40">
        <v>64.933334000000002</v>
      </c>
      <c r="I3905" s="40">
        <v>13.820865871719809</v>
      </c>
      <c r="J3905" s="40">
        <v>64.933309851190899</v>
      </c>
      <c r="K3905" s="40">
        <v>12.016605978683026</v>
      </c>
      <c r="L3905" s="40"/>
      <c r="M3905" s="40"/>
      <c r="N3905" s="40"/>
      <c r="X3905">
        <v>-100</v>
      </c>
      <c r="Y3905">
        <v>47.650000000000006</v>
      </c>
      <c r="Z3905">
        <v>125.95</v>
      </c>
      <c r="AA3905">
        <v>8.2228949999999994</v>
      </c>
      <c r="AB3905">
        <v>-0.40235636281186016</v>
      </c>
    </row>
    <row r="3906" spans="4:28" x14ac:dyDescent="0.25">
      <c r="D3906" s="40">
        <v>64.964069000002866</v>
      </c>
      <c r="E3906" s="40">
        <v>19.480261411988828</v>
      </c>
      <c r="F3906" s="40">
        <v>64.949999999999989</v>
      </c>
      <c r="G3906" s="40">
        <v>17.732584932505652</v>
      </c>
      <c r="H3906" s="40">
        <v>64.950000000000017</v>
      </c>
      <c r="I3906" s="40">
        <v>13.824218607863067</v>
      </c>
      <c r="J3906" s="40">
        <v>64.949976511905206</v>
      </c>
      <c r="K3906" s="40">
        <v>12.016605978683026</v>
      </c>
      <c r="L3906" s="40"/>
      <c r="M3906" s="40"/>
      <c r="N3906" s="40"/>
      <c r="X3906">
        <v>-100</v>
      </c>
      <c r="Y3906">
        <v>47.666667000000004</v>
      </c>
      <c r="Z3906">
        <v>125.966667</v>
      </c>
      <c r="AA3906">
        <v>8.2229279999999996</v>
      </c>
      <c r="AB3906">
        <v>-0.40195665902869804</v>
      </c>
    </row>
    <row r="3907" spans="4:28" x14ac:dyDescent="0.25">
      <c r="D3907" s="40">
        <v>64.980735000002866</v>
      </c>
      <c r="E3907" s="40">
        <v>19.480261411988828</v>
      </c>
      <c r="F3907" s="40">
        <v>64.966667000000001</v>
      </c>
      <c r="G3907" s="40">
        <v>17.732584932505652</v>
      </c>
      <c r="H3907" s="40">
        <v>64.966667000000001</v>
      </c>
      <c r="I3907" s="40">
        <v>13.824218607863067</v>
      </c>
      <c r="J3907" s="40">
        <v>64.966643172619499</v>
      </c>
      <c r="K3907" s="40">
        <v>12.016605978683026</v>
      </c>
      <c r="L3907" s="40"/>
      <c r="M3907" s="40"/>
      <c r="N3907" s="40"/>
      <c r="X3907">
        <v>-100</v>
      </c>
      <c r="Y3907">
        <v>47.683333000000005</v>
      </c>
      <c r="Z3907">
        <v>125.983333</v>
      </c>
      <c r="AA3907">
        <v>8.2229960000000002</v>
      </c>
      <c r="AB3907">
        <v>-0.40113302699066389</v>
      </c>
    </row>
    <row r="3908" spans="4:28" x14ac:dyDescent="0.25">
      <c r="D3908" s="40">
        <v>64.997401000002867</v>
      </c>
      <c r="E3908" s="40">
        <v>19.485104590578249</v>
      </c>
      <c r="F3908" s="40">
        <v>64.983332999999988</v>
      </c>
      <c r="G3908" s="40">
        <v>17.732584932505652</v>
      </c>
      <c r="H3908" s="40">
        <v>64.983334000000013</v>
      </c>
      <c r="I3908" s="40">
        <v>13.82747273411983</v>
      </c>
      <c r="J3908" s="40">
        <v>64.983309833333806</v>
      </c>
      <c r="K3908" s="40">
        <v>12.016605978683026</v>
      </c>
      <c r="L3908" s="40"/>
      <c r="M3908" s="40"/>
      <c r="N3908" s="40"/>
      <c r="X3908">
        <v>-100</v>
      </c>
      <c r="Y3908">
        <v>47.7</v>
      </c>
      <c r="Z3908">
        <v>126</v>
      </c>
      <c r="AA3908">
        <v>8.2230290000000004</v>
      </c>
      <c r="AB3908">
        <v>-0.40073332320750182</v>
      </c>
    </row>
    <row r="3909" spans="4:28" x14ac:dyDescent="0.25">
      <c r="D3909" s="40">
        <v>65.014067000002868</v>
      </c>
      <c r="E3909" s="40">
        <v>19.485104590578249</v>
      </c>
      <c r="F3909" s="40">
        <v>65</v>
      </c>
      <c r="G3909" s="40">
        <v>17.737200316475551</v>
      </c>
      <c r="H3909" s="40">
        <v>65</v>
      </c>
      <c r="I3909" s="40">
        <v>13.830825470263086</v>
      </c>
      <c r="J3909" s="40">
        <v>64.999976494048099</v>
      </c>
      <c r="K3909" s="40">
        <v>12.016605978683026</v>
      </c>
      <c r="L3909" s="40"/>
      <c r="M3909" s="40"/>
      <c r="N3909" s="40"/>
      <c r="X3909">
        <v>-100</v>
      </c>
      <c r="Y3909">
        <v>47.716667000000001</v>
      </c>
      <c r="Z3909">
        <v>126.016667</v>
      </c>
      <c r="AA3909">
        <v>8.2230629999999998</v>
      </c>
      <c r="AB3909">
        <v>-0.40032150718849557</v>
      </c>
    </row>
    <row r="3910" spans="4:28" x14ac:dyDescent="0.25">
      <c r="D3910" s="40">
        <v>65.030733000002868</v>
      </c>
      <c r="E3910" s="40">
        <v>19.485104590578249</v>
      </c>
      <c r="F3910" s="40">
        <v>65.016666999999984</v>
      </c>
      <c r="G3910" s="40">
        <v>17.737200316475551</v>
      </c>
      <c r="H3910" s="40">
        <v>65.016667000000012</v>
      </c>
      <c r="I3910" s="40">
        <v>13.830825470263086</v>
      </c>
      <c r="J3910" s="40">
        <v>65.016643154762406</v>
      </c>
      <c r="K3910" s="40">
        <v>12.016605978683026</v>
      </c>
      <c r="L3910" s="40"/>
      <c r="M3910" s="40"/>
      <c r="N3910" s="40"/>
      <c r="X3910">
        <v>-100</v>
      </c>
      <c r="Y3910">
        <v>47.733333000000002</v>
      </c>
      <c r="Z3910">
        <v>126.033333</v>
      </c>
      <c r="AA3910">
        <v>8.2231299999999994</v>
      </c>
      <c r="AB3910">
        <v>-0.3995099873863272</v>
      </c>
    </row>
    <row r="3911" spans="4:28" x14ac:dyDescent="0.25">
      <c r="D3911" s="40">
        <v>65.047399000002869</v>
      </c>
      <c r="E3911" s="40">
        <v>19.489947769167795</v>
      </c>
      <c r="F3911" s="40">
        <v>65.033332999999999</v>
      </c>
      <c r="G3911" s="40">
        <v>17.741955560565771</v>
      </c>
      <c r="H3911" s="40">
        <v>65.033333999999996</v>
      </c>
      <c r="I3911" s="40">
        <v>13.834178206406344</v>
      </c>
      <c r="J3911" s="40">
        <v>65.033309815476699</v>
      </c>
      <c r="K3911" s="40">
        <v>12.021314344636087</v>
      </c>
      <c r="L3911" s="40"/>
      <c r="M3911" s="40"/>
      <c r="N3911" s="40"/>
      <c r="X3911">
        <v>-100</v>
      </c>
      <c r="Y3911">
        <v>47.75</v>
      </c>
      <c r="Z3911">
        <v>126.05</v>
      </c>
      <c r="AA3911">
        <v>8.2231640000000006</v>
      </c>
      <c r="AB3911">
        <v>-0.3990981713672993</v>
      </c>
    </row>
    <row r="3912" spans="4:28" x14ac:dyDescent="0.25">
      <c r="D3912" s="40">
        <v>65.06406500000287</v>
      </c>
      <c r="E3912" s="40">
        <v>19.489947769167795</v>
      </c>
      <c r="F3912" s="40">
        <v>65.049999999999983</v>
      </c>
      <c r="G3912" s="40">
        <v>17.741955560565771</v>
      </c>
      <c r="H3912" s="40">
        <v>65.050000000000011</v>
      </c>
      <c r="I3912" s="40">
        <v>13.837432332663107</v>
      </c>
      <c r="J3912" s="40">
        <v>65.049976476191006</v>
      </c>
      <c r="K3912" s="40">
        <v>12.021314344636087</v>
      </c>
      <c r="L3912" s="40"/>
      <c r="M3912" s="40"/>
      <c r="N3912" s="40"/>
      <c r="X3912">
        <v>-100</v>
      </c>
      <c r="Y3912">
        <v>47.766666999999998</v>
      </c>
      <c r="Z3912">
        <v>126.066667</v>
      </c>
      <c r="AA3912">
        <v>8.223198</v>
      </c>
      <c r="AB3912">
        <v>-0.398686355348293</v>
      </c>
    </row>
    <row r="3913" spans="4:28" x14ac:dyDescent="0.25">
      <c r="D3913" s="40">
        <v>65.080731000002871</v>
      </c>
      <c r="E3913" s="40">
        <v>19.489947769167795</v>
      </c>
      <c r="F3913" s="40">
        <v>65.066666999999995</v>
      </c>
      <c r="G3913" s="40">
        <v>17.741955560565771</v>
      </c>
      <c r="H3913" s="40">
        <v>65.066666999999995</v>
      </c>
      <c r="I3913" s="40">
        <v>13.840785068806539</v>
      </c>
      <c r="J3913" s="40">
        <v>65.066643136905199</v>
      </c>
      <c r="K3913" s="40">
        <v>12.021314344636087</v>
      </c>
      <c r="L3913" s="40"/>
      <c r="M3913" s="40"/>
      <c r="N3913" s="40"/>
      <c r="X3913">
        <v>-100</v>
      </c>
      <c r="Y3913">
        <v>47.783332999999999</v>
      </c>
      <c r="Z3913">
        <v>126.083333</v>
      </c>
      <c r="AA3913">
        <v>8.2232310000000002</v>
      </c>
      <c r="AB3913">
        <v>-0.39828665156513099</v>
      </c>
    </row>
    <row r="3914" spans="4:28" x14ac:dyDescent="0.25">
      <c r="D3914" s="40">
        <v>65.097397000002871</v>
      </c>
      <c r="E3914" s="40">
        <v>19.489947769167795</v>
      </c>
      <c r="F3914" s="40">
        <v>65.083332999999982</v>
      </c>
      <c r="G3914" s="40">
        <v>17.746710804655869</v>
      </c>
      <c r="H3914" s="40">
        <v>65.083334000000008</v>
      </c>
      <c r="I3914" s="40">
        <v>13.840785068806539</v>
      </c>
      <c r="J3914" s="40">
        <v>65.083309797619506</v>
      </c>
      <c r="K3914" s="40">
        <v>12.021314344636087</v>
      </c>
      <c r="L3914" s="40"/>
      <c r="M3914" s="40"/>
      <c r="N3914" s="40"/>
      <c r="X3914">
        <v>-100</v>
      </c>
      <c r="Y3914">
        <v>47.8</v>
      </c>
      <c r="Z3914">
        <v>126.1</v>
      </c>
      <c r="AA3914">
        <v>8.2232979999999998</v>
      </c>
      <c r="AB3914">
        <v>-0.39747513176296262</v>
      </c>
    </row>
    <row r="3915" spans="4:28" x14ac:dyDescent="0.25">
      <c r="D3915" s="40">
        <v>65.114063000002872</v>
      </c>
      <c r="E3915" s="40">
        <v>19.489947769167795</v>
      </c>
      <c r="F3915" s="40">
        <v>65.099999999999994</v>
      </c>
      <c r="G3915" s="40">
        <v>17.751326188625768</v>
      </c>
      <c r="H3915" s="40">
        <v>65.099999999999994</v>
      </c>
      <c r="I3915" s="40">
        <v>13.844137804949796</v>
      </c>
      <c r="J3915" s="40">
        <v>65.099976458333799</v>
      </c>
      <c r="K3915" s="40">
        <v>12.026165388345317</v>
      </c>
      <c r="L3915" s="40"/>
      <c r="M3915" s="40"/>
      <c r="N3915" s="40"/>
      <c r="X3915">
        <v>-100</v>
      </c>
      <c r="Y3915">
        <v>47.81666700000001</v>
      </c>
      <c r="Z3915">
        <v>126.11666700000001</v>
      </c>
      <c r="AA3915">
        <v>8.2233319999999992</v>
      </c>
      <c r="AB3915">
        <v>-0.39706331574395626</v>
      </c>
    </row>
    <row r="3916" spans="4:28" x14ac:dyDescent="0.25">
      <c r="D3916" s="40">
        <v>65.130729000002873</v>
      </c>
      <c r="E3916" s="40">
        <v>19.494648501328221</v>
      </c>
      <c r="F3916" s="40">
        <v>65.116667000000007</v>
      </c>
      <c r="G3916" s="40">
        <v>17.751326188625768</v>
      </c>
      <c r="H3916" s="40">
        <v>65.116667000000007</v>
      </c>
      <c r="I3916" s="40">
        <v>13.847391931206559</v>
      </c>
      <c r="J3916" s="40">
        <v>65.116643119048106</v>
      </c>
      <c r="K3916" s="40">
        <v>12.021314344636087</v>
      </c>
      <c r="L3916" s="40"/>
      <c r="M3916" s="40"/>
      <c r="N3916" s="40"/>
      <c r="X3916">
        <v>-100</v>
      </c>
      <c r="Y3916">
        <v>47.833332999999996</v>
      </c>
      <c r="Z3916">
        <v>126.13333299999999</v>
      </c>
      <c r="AA3916">
        <v>8.2233660000000004</v>
      </c>
      <c r="AB3916">
        <v>-0.39665149972492841</v>
      </c>
    </row>
    <row r="3917" spans="4:28" x14ac:dyDescent="0.25">
      <c r="D3917" s="40">
        <v>65.147395000002874</v>
      </c>
      <c r="E3917" s="40">
        <v>19.494648501328221</v>
      </c>
      <c r="F3917" s="40">
        <v>65.133332999999993</v>
      </c>
      <c r="G3917" s="40">
        <v>17.756081432715987</v>
      </c>
      <c r="H3917" s="40">
        <v>65.133334000000019</v>
      </c>
      <c r="I3917" s="40">
        <v>13.847391931206559</v>
      </c>
      <c r="J3917" s="40">
        <v>65.133309779762399</v>
      </c>
      <c r="K3917" s="40">
        <v>12.021314344636087</v>
      </c>
      <c r="L3917" s="40"/>
      <c r="M3917" s="40"/>
      <c r="N3917" s="40"/>
      <c r="X3917">
        <v>-100</v>
      </c>
      <c r="Y3917">
        <v>47.850000000000009</v>
      </c>
      <c r="Z3917">
        <v>126.15</v>
      </c>
      <c r="AA3917">
        <v>8.2233990000000006</v>
      </c>
      <c r="AB3917">
        <v>-0.3962517959417664</v>
      </c>
    </row>
    <row r="3918" spans="4:28" x14ac:dyDescent="0.25">
      <c r="D3918" s="40">
        <v>65.164061000002874</v>
      </c>
      <c r="E3918" s="40">
        <v>19.494648501328221</v>
      </c>
      <c r="F3918" s="40">
        <v>65.150000000000006</v>
      </c>
      <c r="G3918" s="40">
        <v>17.756081432715987</v>
      </c>
      <c r="H3918" s="40">
        <v>65.150000000000006</v>
      </c>
      <c r="I3918" s="40">
        <v>13.850744667349815</v>
      </c>
      <c r="J3918" s="40">
        <v>65.149976440476706</v>
      </c>
      <c r="K3918" s="40">
        <v>12.021314344636087</v>
      </c>
      <c r="L3918" s="40"/>
      <c r="M3918" s="40"/>
      <c r="N3918" s="40"/>
      <c r="X3918">
        <v>-100</v>
      </c>
      <c r="Y3918">
        <v>47.866667000000007</v>
      </c>
      <c r="Z3918">
        <v>126.166667</v>
      </c>
      <c r="AA3918">
        <v>8.2234669999999994</v>
      </c>
      <c r="AB3918">
        <v>-0.39542816390375368</v>
      </c>
    </row>
    <row r="3919" spans="4:28" x14ac:dyDescent="0.25">
      <c r="D3919" s="40">
        <v>65.180727000002875</v>
      </c>
      <c r="E3919" s="40">
        <v>19.494648501328221</v>
      </c>
      <c r="F3919" s="40">
        <v>65.16666699999999</v>
      </c>
      <c r="G3919" s="40">
        <v>17.760836676806083</v>
      </c>
      <c r="H3919" s="40">
        <v>65.166667000000018</v>
      </c>
      <c r="I3919" s="40">
        <v>13.854097403493249</v>
      </c>
      <c r="J3919" s="40">
        <v>65.166643101190999</v>
      </c>
      <c r="K3919" s="40">
        <v>12.026165388345317</v>
      </c>
      <c r="L3919" s="40"/>
      <c r="M3919" s="40"/>
      <c r="N3919" s="40"/>
      <c r="X3919">
        <v>-100</v>
      </c>
      <c r="Y3919">
        <v>47.883333000000007</v>
      </c>
      <c r="Z3919">
        <v>126.183333</v>
      </c>
      <c r="AA3919">
        <v>8.2234999999999996</v>
      </c>
      <c r="AB3919">
        <v>-0.39502846012059167</v>
      </c>
    </row>
    <row r="3920" spans="4:28" x14ac:dyDescent="0.25">
      <c r="D3920" s="40">
        <v>65.197393000002876</v>
      </c>
      <c r="E3920" s="40">
        <v>19.494648501328221</v>
      </c>
      <c r="F3920" s="40">
        <v>65.183333000000005</v>
      </c>
      <c r="G3920" s="40">
        <v>17.760836676806083</v>
      </c>
      <c r="H3920" s="40">
        <v>65.183334000000002</v>
      </c>
      <c r="I3920" s="40">
        <v>13.854097403493249</v>
      </c>
      <c r="J3920" s="40">
        <v>65.183309761905207</v>
      </c>
      <c r="K3920" s="40">
        <v>12.021314344636087</v>
      </c>
      <c r="L3920" s="40"/>
      <c r="M3920" s="40"/>
      <c r="N3920" s="40"/>
      <c r="X3920">
        <v>-100</v>
      </c>
      <c r="Y3920">
        <v>47.900000000000006</v>
      </c>
      <c r="Z3920">
        <v>126.2</v>
      </c>
      <c r="AA3920">
        <v>8.2235340000000008</v>
      </c>
      <c r="AB3920">
        <v>-0.39461664410156383</v>
      </c>
    </row>
    <row r="3921" spans="4:28" x14ac:dyDescent="0.25">
      <c r="D3921" s="40">
        <v>65.214059000002877</v>
      </c>
      <c r="E3921" s="40">
        <v>19.494648501328221</v>
      </c>
      <c r="F3921" s="40">
        <v>65.199999999999989</v>
      </c>
      <c r="G3921" s="40">
        <v>17.765452060775981</v>
      </c>
      <c r="H3921" s="40">
        <v>65.200000000000017</v>
      </c>
      <c r="I3921" s="40">
        <v>13.857351529749836</v>
      </c>
      <c r="J3921" s="40">
        <v>65.1999764226195</v>
      </c>
      <c r="K3921" s="40">
        <v>12.026165388345317</v>
      </c>
      <c r="L3921" s="40"/>
      <c r="M3921" s="40"/>
      <c r="N3921" s="40"/>
      <c r="X3921">
        <v>-100</v>
      </c>
      <c r="Y3921">
        <v>47.916667000000004</v>
      </c>
      <c r="Z3921">
        <v>126.216667</v>
      </c>
      <c r="AA3921">
        <v>8.2235680000000002</v>
      </c>
      <c r="AB3921">
        <v>-0.39420482808255758</v>
      </c>
    </row>
    <row r="3922" spans="4:28" x14ac:dyDescent="0.25">
      <c r="D3922" s="40">
        <v>65.230725000002877</v>
      </c>
      <c r="E3922" s="40">
        <v>19.499491679917643</v>
      </c>
      <c r="F3922" s="40">
        <v>65.216667000000001</v>
      </c>
      <c r="G3922" s="40">
        <v>17.765452060775981</v>
      </c>
      <c r="H3922" s="40">
        <v>65.216667000000001</v>
      </c>
      <c r="I3922" s="40">
        <v>13.860704265893268</v>
      </c>
      <c r="J3922" s="40">
        <v>65.216643083333807</v>
      </c>
      <c r="K3922" s="40">
        <v>12.026165388345317</v>
      </c>
      <c r="L3922" s="40"/>
      <c r="M3922" s="40"/>
      <c r="N3922" s="40"/>
      <c r="X3922">
        <v>-100</v>
      </c>
      <c r="Y3922">
        <v>47.933333000000005</v>
      </c>
      <c r="Z3922">
        <v>126.233333</v>
      </c>
      <c r="AA3922">
        <v>8.2236349999999998</v>
      </c>
      <c r="AB3922">
        <v>-0.39339330828038921</v>
      </c>
    </row>
    <row r="3923" spans="4:28" x14ac:dyDescent="0.25">
      <c r="D3923" s="40">
        <v>65.247391000002878</v>
      </c>
      <c r="E3923" s="40">
        <v>19.499491679917643</v>
      </c>
      <c r="F3923" s="40">
        <v>65.233332999999988</v>
      </c>
      <c r="G3923" s="40">
        <v>17.770207304866201</v>
      </c>
      <c r="H3923" s="40">
        <v>65.233334000000013</v>
      </c>
      <c r="I3923" s="40">
        <v>13.860704265893268</v>
      </c>
      <c r="J3923" s="40">
        <v>65.2333097440481</v>
      </c>
      <c r="K3923" s="40">
        <v>12.026165388345317</v>
      </c>
      <c r="L3923" s="40"/>
      <c r="M3923" s="40"/>
      <c r="N3923" s="40"/>
      <c r="X3923">
        <v>-100</v>
      </c>
      <c r="Y3923">
        <v>47.95</v>
      </c>
      <c r="Z3923">
        <v>126.25</v>
      </c>
      <c r="AA3923">
        <v>8.2236689999999992</v>
      </c>
      <c r="AB3923">
        <v>-0.39298149226138285</v>
      </c>
    </row>
    <row r="3924" spans="4:28" x14ac:dyDescent="0.25">
      <c r="D3924" s="40">
        <v>65.264057000002879</v>
      </c>
      <c r="E3924" s="40">
        <v>19.499491679917643</v>
      </c>
      <c r="F3924" s="40">
        <v>65.25</v>
      </c>
      <c r="G3924" s="40">
        <v>17.774962548956296</v>
      </c>
      <c r="H3924" s="40">
        <v>65.25</v>
      </c>
      <c r="I3924" s="40">
        <v>13.864057002036526</v>
      </c>
      <c r="J3924" s="40">
        <v>65.249976404762407</v>
      </c>
      <c r="K3924" s="40">
        <v>12.026165388345317</v>
      </c>
      <c r="L3924" s="40"/>
      <c r="M3924" s="40"/>
      <c r="N3924" s="40"/>
      <c r="X3924">
        <v>-100</v>
      </c>
      <c r="Y3924">
        <v>47.966667000000001</v>
      </c>
      <c r="Z3924">
        <v>126.266667</v>
      </c>
      <c r="AA3924">
        <v>8.2237019999999994</v>
      </c>
      <c r="AB3924">
        <v>-0.39258178847822073</v>
      </c>
    </row>
    <row r="3925" spans="4:28" x14ac:dyDescent="0.25">
      <c r="D3925" s="40">
        <v>65.28072300000288</v>
      </c>
      <c r="E3925" s="40">
        <v>19.499491679917643</v>
      </c>
      <c r="F3925" s="40">
        <v>65.266666999999984</v>
      </c>
      <c r="G3925" s="40">
        <v>17.774962548956296</v>
      </c>
      <c r="H3925" s="40">
        <v>65.266667000000012</v>
      </c>
      <c r="I3925" s="40">
        <v>13.86731112829329</v>
      </c>
      <c r="J3925" s="40">
        <v>65.2666430654767</v>
      </c>
      <c r="K3925" s="40">
        <v>12.03101643205455</v>
      </c>
      <c r="L3925" s="40"/>
      <c r="M3925" s="40"/>
      <c r="N3925" s="40"/>
      <c r="X3925">
        <v>-100</v>
      </c>
      <c r="Y3925">
        <v>47.983333000000002</v>
      </c>
      <c r="Z3925">
        <v>126.283333</v>
      </c>
      <c r="AA3925">
        <v>8.22377</v>
      </c>
      <c r="AB3925">
        <v>-0.39175815644018663</v>
      </c>
    </row>
    <row r="3926" spans="4:28" x14ac:dyDescent="0.25">
      <c r="D3926" s="40">
        <v>65.29738900000288</v>
      </c>
      <c r="E3926" s="40">
        <v>19.499491679917643</v>
      </c>
      <c r="F3926" s="40">
        <v>65.283332999999999</v>
      </c>
      <c r="G3926" s="40">
        <v>17.779577932926195</v>
      </c>
      <c r="H3926" s="40">
        <v>65.283333999999996</v>
      </c>
      <c r="I3926" s="40">
        <v>13.870663864436546</v>
      </c>
      <c r="J3926" s="40">
        <v>65.283309726191007</v>
      </c>
      <c r="K3926" s="40">
        <v>12.03101643205455</v>
      </c>
      <c r="L3926" s="40"/>
      <c r="M3926" s="40"/>
      <c r="N3926" s="40"/>
      <c r="X3926">
        <v>-100</v>
      </c>
      <c r="Y3926">
        <v>48</v>
      </c>
      <c r="Z3926">
        <v>126.3</v>
      </c>
      <c r="AA3926">
        <v>8.2238030000000002</v>
      </c>
      <c r="AB3926">
        <v>-0.39135845265702462</v>
      </c>
    </row>
    <row r="3927" spans="4:28" x14ac:dyDescent="0.25">
      <c r="D3927" s="40">
        <v>65.314055000002881</v>
      </c>
      <c r="E3927" s="40">
        <v>19.504334858507189</v>
      </c>
      <c r="F3927" s="40">
        <v>65.299999999999983</v>
      </c>
      <c r="G3927" s="40">
        <v>17.779577932926195</v>
      </c>
      <c r="H3927" s="40">
        <v>65.300000000000011</v>
      </c>
      <c r="I3927" s="40">
        <v>13.87401660057998</v>
      </c>
      <c r="J3927" s="40">
        <v>65.2999763869052</v>
      </c>
      <c r="K3927" s="40">
        <v>12.03101643205455</v>
      </c>
      <c r="L3927" s="40"/>
      <c r="M3927" s="40"/>
      <c r="N3927" s="40"/>
      <c r="X3927">
        <v>-100</v>
      </c>
      <c r="Y3927">
        <v>48.016666999999998</v>
      </c>
      <c r="Z3927">
        <v>126.316667</v>
      </c>
      <c r="AA3927">
        <v>8.2238369999999996</v>
      </c>
      <c r="AB3927">
        <v>-0.39094663663801826</v>
      </c>
    </row>
    <row r="3928" spans="4:28" x14ac:dyDescent="0.25">
      <c r="D3928" s="40">
        <v>65.330721000002882</v>
      </c>
      <c r="E3928" s="40">
        <v>19.504334858507189</v>
      </c>
      <c r="F3928" s="40">
        <v>65.316666999999995</v>
      </c>
      <c r="G3928" s="40">
        <v>17.784333177016418</v>
      </c>
      <c r="H3928" s="40">
        <v>65.316666999999995</v>
      </c>
      <c r="I3928" s="40">
        <v>13.87401660057998</v>
      </c>
      <c r="J3928" s="40">
        <v>65.316643047619493</v>
      </c>
      <c r="K3928" s="40">
        <v>12.03101643205455</v>
      </c>
      <c r="L3928" s="40"/>
      <c r="M3928" s="40"/>
      <c r="N3928" s="40"/>
      <c r="X3928">
        <v>-100</v>
      </c>
      <c r="Y3928">
        <v>48.033332999999999</v>
      </c>
      <c r="Z3928">
        <v>126.333333</v>
      </c>
      <c r="AA3928">
        <v>8.2238710000000008</v>
      </c>
      <c r="AB3928">
        <v>-0.39053482061899042</v>
      </c>
    </row>
    <row r="3929" spans="4:28" x14ac:dyDescent="0.25">
      <c r="D3929" s="40">
        <v>65.347387000002882</v>
      </c>
      <c r="E3929" s="40">
        <v>19.509035590667615</v>
      </c>
      <c r="F3929" s="40">
        <v>65.333332999999982</v>
      </c>
      <c r="G3929" s="40">
        <v>17.784333177016418</v>
      </c>
      <c r="H3929" s="40">
        <v>65.333334000000008</v>
      </c>
      <c r="I3929" s="40">
        <v>13.877270726836743</v>
      </c>
      <c r="J3929" s="40">
        <v>65.3333097083338</v>
      </c>
      <c r="K3929" s="40">
        <v>12.03101643205455</v>
      </c>
      <c r="L3929" s="40"/>
      <c r="M3929" s="40"/>
      <c r="N3929" s="40"/>
      <c r="X3929">
        <v>-100</v>
      </c>
      <c r="Y3929">
        <v>48.05</v>
      </c>
      <c r="Z3929">
        <v>126.35</v>
      </c>
      <c r="AA3929">
        <v>8.2239039999999992</v>
      </c>
      <c r="AB3929">
        <v>-0.39013511683584989</v>
      </c>
    </row>
    <row r="3930" spans="4:28" x14ac:dyDescent="0.25">
      <c r="D3930" s="40">
        <v>65.364053000002883</v>
      </c>
      <c r="E3930" s="40">
        <v>19.509035590667615</v>
      </c>
      <c r="F3930" s="40">
        <v>65.349999999999994</v>
      </c>
      <c r="G3930" s="40">
        <v>17.789088421106513</v>
      </c>
      <c r="H3930" s="40">
        <v>65.349999999999994</v>
      </c>
      <c r="I3930" s="40">
        <v>13.880623462979999</v>
      </c>
      <c r="J3930" s="40">
        <v>65.349976369048093</v>
      </c>
      <c r="K3930" s="40">
        <v>12.035724798007484</v>
      </c>
      <c r="L3930" s="40"/>
      <c r="M3930" s="40"/>
      <c r="N3930" s="40"/>
      <c r="X3930">
        <v>-100</v>
      </c>
      <c r="Y3930">
        <v>48.06666700000001</v>
      </c>
      <c r="Z3930">
        <v>126.36666700000001</v>
      </c>
      <c r="AA3930">
        <v>8.2239719999999998</v>
      </c>
      <c r="AB3930">
        <v>-0.38931148479781574</v>
      </c>
    </row>
    <row r="3931" spans="4:28" x14ac:dyDescent="0.25">
      <c r="D3931" s="40">
        <v>65.380719000002884</v>
      </c>
      <c r="E3931" s="40">
        <v>19.509035590667615</v>
      </c>
      <c r="F3931" s="40">
        <v>65.366667000000007</v>
      </c>
      <c r="G3931" s="40">
        <v>17.789088421106513</v>
      </c>
      <c r="H3931" s="40">
        <v>65.366667000000007</v>
      </c>
      <c r="I3931" s="40">
        <v>13.883976199123257</v>
      </c>
      <c r="J3931" s="40">
        <v>65.3666430297624</v>
      </c>
      <c r="K3931" s="40">
        <v>12.035724798007484</v>
      </c>
      <c r="L3931" s="40"/>
      <c r="M3931" s="40"/>
      <c r="N3931" s="40"/>
      <c r="X3931">
        <v>-100</v>
      </c>
      <c r="Y3931">
        <v>48.083332999999996</v>
      </c>
      <c r="Z3931">
        <v>126.38333299999999</v>
      </c>
      <c r="AA3931">
        <v>8.224005</v>
      </c>
      <c r="AB3931">
        <v>-0.38891178101465368</v>
      </c>
    </row>
    <row r="3932" spans="4:28" x14ac:dyDescent="0.25">
      <c r="D3932" s="40">
        <v>65.397385000002885</v>
      </c>
      <c r="E3932" s="40">
        <v>19.509035590667615</v>
      </c>
      <c r="F3932" s="40">
        <v>65.383332999999993</v>
      </c>
      <c r="G3932" s="40">
        <v>17.793703805076412</v>
      </c>
      <c r="H3932" s="40">
        <v>65.383334000000019</v>
      </c>
      <c r="I3932" s="40">
        <v>13.887230325380019</v>
      </c>
      <c r="J3932" s="40">
        <v>65.383309690476693</v>
      </c>
      <c r="K3932" s="40">
        <v>12.035724798007484</v>
      </c>
      <c r="L3932" s="40"/>
      <c r="M3932" s="40"/>
      <c r="N3932" s="40"/>
      <c r="X3932">
        <v>-100</v>
      </c>
      <c r="Y3932">
        <v>48.100000000000009</v>
      </c>
      <c r="Z3932">
        <v>126.4</v>
      </c>
      <c r="AA3932">
        <v>8.2240389999999994</v>
      </c>
      <c r="AB3932">
        <v>-0.38849996499564737</v>
      </c>
    </row>
    <row r="3933" spans="4:28" x14ac:dyDescent="0.25">
      <c r="D3933" s="40">
        <v>65.414051000002885</v>
      </c>
      <c r="E3933" s="40">
        <v>19.513878769257168</v>
      </c>
      <c r="F3933" s="40">
        <v>65.400000000000006</v>
      </c>
      <c r="G3933" s="40">
        <v>17.798459049166631</v>
      </c>
      <c r="H3933" s="40">
        <v>65.400000000000006</v>
      </c>
      <c r="I3933" s="40">
        <v>13.890583061523277</v>
      </c>
      <c r="J3933" s="40">
        <v>65.399976351191</v>
      </c>
      <c r="K3933" s="40">
        <v>12.035724798007484</v>
      </c>
      <c r="L3933" s="40"/>
      <c r="M3933" s="40"/>
      <c r="N3933" s="40"/>
      <c r="X3933">
        <v>-100</v>
      </c>
      <c r="Y3933">
        <v>48.116667000000007</v>
      </c>
      <c r="Z3933">
        <v>126.416667</v>
      </c>
      <c r="AA3933">
        <v>8.2240730000000006</v>
      </c>
      <c r="AB3933">
        <v>-0.38808814897661953</v>
      </c>
    </row>
    <row r="3934" spans="4:28" x14ac:dyDescent="0.25">
      <c r="D3934" s="40">
        <v>65.430717000002886</v>
      </c>
      <c r="E3934" s="40">
        <v>19.513878769257168</v>
      </c>
      <c r="F3934" s="40">
        <v>65.41666699999999</v>
      </c>
      <c r="G3934" s="40">
        <v>17.798459049166631</v>
      </c>
      <c r="H3934" s="40">
        <v>65.416667000000018</v>
      </c>
      <c r="I3934" s="40">
        <v>13.893935797666709</v>
      </c>
      <c r="J3934" s="40">
        <v>65.416643011905194</v>
      </c>
      <c r="K3934" s="40">
        <v>12.035724798007484</v>
      </c>
      <c r="L3934" s="40"/>
      <c r="M3934" s="40"/>
      <c r="N3934" s="40"/>
      <c r="X3934">
        <v>-100</v>
      </c>
      <c r="Y3934">
        <v>48.133333000000007</v>
      </c>
      <c r="Z3934">
        <v>126.433333</v>
      </c>
      <c r="AA3934">
        <v>8.2241060000000008</v>
      </c>
      <c r="AB3934">
        <v>-0.38768844519345746</v>
      </c>
    </row>
    <row r="3935" spans="4:28" x14ac:dyDescent="0.25">
      <c r="D3935" s="40">
        <v>65.447383000002887</v>
      </c>
      <c r="E3935" s="40">
        <v>19.513878769257168</v>
      </c>
      <c r="F3935" s="40">
        <v>65.433333000000005</v>
      </c>
      <c r="G3935" s="40">
        <v>17.80321429325685</v>
      </c>
      <c r="H3935" s="40">
        <v>65.433334000000002</v>
      </c>
      <c r="I3935" s="40">
        <v>13.897189923923472</v>
      </c>
      <c r="J3935" s="40">
        <v>65.433309672619501</v>
      </c>
      <c r="K3935" s="40">
        <v>12.035724798007484</v>
      </c>
      <c r="L3935" s="40"/>
      <c r="M3935" s="40"/>
      <c r="N3935" s="40"/>
      <c r="X3935">
        <v>-100</v>
      </c>
      <c r="Y3935">
        <v>48.150000000000006</v>
      </c>
      <c r="Z3935">
        <v>126.45</v>
      </c>
      <c r="AA3935">
        <v>8.2241739999999997</v>
      </c>
      <c r="AB3935">
        <v>-0.38686481315544485</v>
      </c>
    </row>
    <row r="3936" spans="4:28" x14ac:dyDescent="0.25">
      <c r="D3936" s="40">
        <v>65.464049000002888</v>
      </c>
      <c r="E3936" s="40">
        <v>19.51872194784659</v>
      </c>
      <c r="F3936" s="40">
        <v>65.449999999999989</v>
      </c>
      <c r="G3936" s="40">
        <v>17.807829677226625</v>
      </c>
      <c r="H3936" s="40">
        <v>65.450000000000017</v>
      </c>
      <c r="I3936" s="40">
        <v>13.897189923923472</v>
      </c>
      <c r="J3936" s="40">
        <v>65.449976333333794</v>
      </c>
      <c r="K3936" s="40">
        <v>12.035724798007484</v>
      </c>
      <c r="L3936" s="40"/>
      <c r="M3936" s="40"/>
      <c r="N3936" s="40"/>
      <c r="X3936">
        <v>-100</v>
      </c>
      <c r="Y3936">
        <v>48.166667000000004</v>
      </c>
      <c r="Z3936">
        <v>126.466667</v>
      </c>
      <c r="AA3936">
        <v>8.2242069999999998</v>
      </c>
      <c r="AB3936">
        <v>-0.38646510937228279</v>
      </c>
    </row>
    <row r="3937" spans="4:28" x14ac:dyDescent="0.25">
      <c r="D3937" s="40">
        <v>65.480715000002888</v>
      </c>
      <c r="E3937" s="40">
        <v>19.51872194784659</v>
      </c>
      <c r="F3937" s="40">
        <v>65.466667000000001</v>
      </c>
      <c r="G3937" s="40">
        <v>17.807829677226625</v>
      </c>
      <c r="H3937" s="40">
        <v>65.466667000000001</v>
      </c>
      <c r="I3937" s="40">
        <v>13.900542660066728</v>
      </c>
      <c r="J3937" s="40">
        <v>65.466642994048101</v>
      </c>
      <c r="K3937" s="40">
        <v>12.035724798007484</v>
      </c>
      <c r="L3937" s="40"/>
      <c r="M3937" s="40"/>
      <c r="N3937" s="40"/>
      <c r="X3937">
        <v>-100</v>
      </c>
      <c r="Y3937">
        <v>48.183333000000005</v>
      </c>
      <c r="Z3937">
        <v>126.483333</v>
      </c>
      <c r="AA3937">
        <v>8.2242409999999992</v>
      </c>
      <c r="AB3937">
        <v>-0.38605329335327648</v>
      </c>
    </row>
    <row r="3938" spans="4:28" x14ac:dyDescent="0.25">
      <c r="D3938" s="40">
        <v>65.497381000002889</v>
      </c>
      <c r="E3938" s="40">
        <v>19.523422680007016</v>
      </c>
      <c r="F3938" s="40">
        <v>65.483332999999988</v>
      </c>
      <c r="G3938" s="40">
        <v>17.812584921316844</v>
      </c>
      <c r="H3938" s="40">
        <v>65.483334000000013</v>
      </c>
      <c r="I3938" s="40">
        <v>13.900542660066728</v>
      </c>
      <c r="J3938" s="40">
        <v>65.483309654762394</v>
      </c>
      <c r="K3938" s="40">
        <v>12.035724798007484</v>
      </c>
      <c r="L3938" s="40"/>
      <c r="M3938" s="40"/>
      <c r="N3938" s="40"/>
      <c r="X3938">
        <v>-100</v>
      </c>
      <c r="Y3938">
        <v>48.2</v>
      </c>
      <c r="Z3938">
        <v>126.5</v>
      </c>
      <c r="AA3938">
        <v>8.2243080000000006</v>
      </c>
      <c r="AB3938">
        <v>-0.38524177355108657</v>
      </c>
    </row>
    <row r="3939" spans="4:28" x14ac:dyDescent="0.25">
      <c r="D3939" s="40">
        <v>65.51404700000289</v>
      </c>
      <c r="E3939" s="40">
        <v>19.523422680007016</v>
      </c>
      <c r="F3939" s="40">
        <v>65.5</v>
      </c>
      <c r="G3939" s="40">
        <v>17.812584921316844</v>
      </c>
      <c r="H3939" s="40">
        <v>65.5</v>
      </c>
      <c r="I3939" s="40">
        <v>13.903895396209986</v>
      </c>
      <c r="J3939" s="40">
        <v>65.499976315476701</v>
      </c>
      <c r="K3939" s="40">
        <v>12.035724798007484</v>
      </c>
      <c r="L3939" s="40"/>
      <c r="M3939" s="40"/>
      <c r="N3939" s="40"/>
      <c r="X3939">
        <v>-100</v>
      </c>
      <c r="Y3939">
        <v>48.216667000000001</v>
      </c>
      <c r="Z3939">
        <v>126.516667</v>
      </c>
      <c r="AA3939">
        <v>8.224342</v>
      </c>
      <c r="AB3939">
        <v>-0.38482995753208027</v>
      </c>
    </row>
    <row r="3940" spans="4:28" x14ac:dyDescent="0.25">
      <c r="D3940" s="40">
        <v>65.530713000002891</v>
      </c>
      <c r="E3940" s="40">
        <v>19.528265858596562</v>
      </c>
      <c r="F3940" s="40">
        <v>65.516666999999984</v>
      </c>
      <c r="G3940" s="40">
        <v>17.817340165407064</v>
      </c>
      <c r="H3940" s="40">
        <v>65.516667000000012</v>
      </c>
      <c r="I3940" s="40">
        <v>13.907149522466749</v>
      </c>
      <c r="J3940" s="40">
        <v>65.516642976190994</v>
      </c>
      <c r="K3940" s="40">
        <v>12.035724798007484</v>
      </c>
      <c r="L3940" s="40"/>
      <c r="M3940" s="40"/>
      <c r="N3940" s="40"/>
      <c r="X3940">
        <v>-100</v>
      </c>
      <c r="Y3940">
        <v>48.233333000000002</v>
      </c>
      <c r="Z3940">
        <v>126.533333</v>
      </c>
      <c r="AA3940">
        <v>8.2243759999999995</v>
      </c>
      <c r="AB3940">
        <v>-0.38441814151307396</v>
      </c>
    </row>
    <row r="3941" spans="4:28" x14ac:dyDescent="0.25">
      <c r="D3941" s="40">
        <v>65.547379000002891</v>
      </c>
      <c r="E3941" s="40">
        <v>19.528265858596562</v>
      </c>
      <c r="F3941" s="40">
        <v>65.533332999999999</v>
      </c>
      <c r="G3941" s="40">
        <v>17.821955549376838</v>
      </c>
      <c r="H3941" s="40">
        <v>65.533333999999996</v>
      </c>
      <c r="I3941" s="40">
        <v>13.910502258610181</v>
      </c>
      <c r="J3941" s="40">
        <v>65.533309636905202</v>
      </c>
      <c r="K3941" s="40">
        <v>12.040575841716716</v>
      </c>
      <c r="L3941" s="40"/>
      <c r="M3941" s="40"/>
      <c r="N3941" s="40"/>
      <c r="X3941">
        <v>-100</v>
      </c>
      <c r="Y3941">
        <v>48.25</v>
      </c>
      <c r="Z3941">
        <v>126.55</v>
      </c>
      <c r="AA3941">
        <v>8.2244430000000008</v>
      </c>
      <c r="AB3941">
        <v>-0.38360662171088405</v>
      </c>
    </row>
    <row r="3942" spans="4:28" x14ac:dyDescent="0.25">
      <c r="D3942" s="40">
        <v>65.564045000002892</v>
      </c>
      <c r="E3942" s="40">
        <v>19.528265858596562</v>
      </c>
      <c r="F3942" s="40">
        <v>65.549999999999983</v>
      </c>
      <c r="G3942" s="40">
        <v>17.821955549376838</v>
      </c>
      <c r="H3942" s="40">
        <v>65.550000000000011</v>
      </c>
      <c r="I3942" s="40">
        <v>13.910502258610181</v>
      </c>
      <c r="J3942" s="40">
        <v>65.549976297619494</v>
      </c>
      <c r="K3942" s="40">
        <v>12.040575841716716</v>
      </c>
      <c r="L3942" s="40"/>
      <c r="M3942" s="40"/>
      <c r="N3942" s="40"/>
      <c r="X3942">
        <v>-100</v>
      </c>
      <c r="Y3942">
        <v>48.266666999999998</v>
      </c>
      <c r="Z3942">
        <v>126.566667</v>
      </c>
      <c r="AA3942">
        <v>8.2244759999999992</v>
      </c>
      <c r="AB3942">
        <v>-0.38320691792774353</v>
      </c>
    </row>
    <row r="3943" spans="4:28" x14ac:dyDescent="0.25">
      <c r="D3943" s="40">
        <v>65.580711000002893</v>
      </c>
      <c r="E3943" s="40">
        <v>19.533109037185984</v>
      </c>
      <c r="F3943" s="40">
        <v>65.566666999999995</v>
      </c>
      <c r="G3943" s="40">
        <v>17.821955549376838</v>
      </c>
      <c r="H3943" s="40">
        <v>65.566666999999995</v>
      </c>
      <c r="I3943" s="40">
        <v>13.913854994753439</v>
      </c>
      <c r="J3943" s="40">
        <v>65.566642958333802</v>
      </c>
      <c r="K3943" s="40">
        <v>12.040575841716716</v>
      </c>
      <c r="L3943" s="40"/>
      <c r="M3943" s="40"/>
      <c r="N3943" s="40"/>
      <c r="X3943">
        <v>-100</v>
      </c>
      <c r="Y3943">
        <v>48.283332999999999</v>
      </c>
      <c r="Z3943">
        <v>126.583333</v>
      </c>
      <c r="AA3943">
        <v>8.2245439999999999</v>
      </c>
      <c r="AB3943">
        <v>-0.38238328588970938</v>
      </c>
    </row>
    <row r="3944" spans="4:28" x14ac:dyDescent="0.25">
      <c r="D3944" s="40">
        <v>65.597377000002894</v>
      </c>
      <c r="E3944" s="40">
        <v>19.533109037185984</v>
      </c>
      <c r="F3944" s="40">
        <v>65.583332999999982</v>
      </c>
      <c r="G3944" s="40">
        <v>17.826710793467061</v>
      </c>
      <c r="H3944" s="40">
        <v>65.583334000000008</v>
      </c>
      <c r="I3944" s="40">
        <v>13.917109121010203</v>
      </c>
      <c r="J3944" s="40">
        <v>65.583309619048094</v>
      </c>
      <c r="K3944" s="40">
        <v>12.045426885425949</v>
      </c>
      <c r="L3944" s="40"/>
      <c r="M3944" s="40"/>
      <c r="N3944" s="40"/>
      <c r="X3944">
        <v>-100</v>
      </c>
      <c r="Y3944">
        <v>48.3</v>
      </c>
      <c r="Z3944">
        <v>126.6</v>
      </c>
      <c r="AA3944">
        <v>8.224577</v>
      </c>
      <c r="AB3944">
        <v>-0.38198358210654731</v>
      </c>
    </row>
    <row r="3945" spans="4:28" x14ac:dyDescent="0.25">
      <c r="D3945" s="40">
        <v>65.614043000002894</v>
      </c>
      <c r="E3945" s="40">
        <v>19.53780976934641</v>
      </c>
      <c r="F3945" s="40">
        <v>65.599999999999994</v>
      </c>
      <c r="G3945" s="40">
        <v>17.826710793467061</v>
      </c>
      <c r="H3945" s="40">
        <v>65.599999999999994</v>
      </c>
      <c r="I3945" s="40">
        <v>13.917109121010203</v>
      </c>
      <c r="J3945" s="40">
        <v>65.599976279762402</v>
      </c>
      <c r="K3945" s="40">
        <v>12.045426885425949</v>
      </c>
      <c r="L3945" s="40"/>
      <c r="M3945" s="40"/>
      <c r="N3945" s="40"/>
      <c r="X3945">
        <v>-100</v>
      </c>
      <c r="Y3945">
        <v>48.31666700000001</v>
      </c>
      <c r="Z3945">
        <v>126.61666700000001</v>
      </c>
      <c r="AA3945">
        <v>8.2246450000000006</v>
      </c>
      <c r="AB3945">
        <v>-0.38115995006851316</v>
      </c>
    </row>
    <row r="3946" spans="4:28" x14ac:dyDescent="0.25">
      <c r="D3946" s="40">
        <v>65.630709000002895</v>
      </c>
      <c r="E3946" s="40">
        <v>19.53780976934641</v>
      </c>
      <c r="F3946" s="40">
        <v>65.616667000000007</v>
      </c>
      <c r="G3946" s="40">
        <v>17.831466037557281</v>
      </c>
      <c r="H3946" s="40">
        <v>65.616667000000007</v>
      </c>
      <c r="I3946" s="40">
        <v>13.920461857153459</v>
      </c>
      <c r="J3946" s="40">
        <v>65.616642940476694</v>
      </c>
      <c r="K3946" s="40">
        <v>12.045426885425949</v>
      </c>
      <c r="L3946" s="40"/>
      <c r="M3946" s="40"/>
      <c r="N3946" s="40"/>
      <c r="X3946">
        <v>-100</v>
      </c>
      <c r="Y3946">
        <v>48.333332999999996</v>
      </c>
      <c r="Z3946">
        <v>126.63333299999999</v>
      </c>
      <c r="AA3946">
        <v>8.2246780000000008</v>
      </c>
      <c r="AB3946">
        <v>-0.3807602462853511</v>
      </c>
    </row>
    <row r="3947" spans="4:28" x14ac:dyDescent="0.25">
      <c r="D3947" s="40">
        <v>65.647375000002896</v>
      </c>
      <c r="E3947" s="40">
        <v>19.53780976934641</v>
      </c>
      <c r="F3947" s="40">
        <v>65.633332999999993</v>
      </c>
      <c r="G3947" s="40">
        <v>17.831466037557281</v>
      </c>
      <c r="H3947" s="40">
        <v>65.633334000000019</v>
      </c>
      <c r="I3947" s="40">
        <v>13.920461857153459</v>
      </c>
      <c r="J3947" s="40">
        <v>65.633309601191002</v>
      </c>
      <c r="K3947" s="40">
        <v>12.045426885425949</v>
      </c>
      <c r="L3947" s="40"/>
      <c r="M3947" s="40"/>
      <c r="N3947" s="40"/>
      <c r="X3947">
        <v>-100</v>
      </c>
      <c r="Y3947">
        <v>48.350000000000009</v>
      </c>
      <c r="Z3947">
        <v>126.65</v>
      </c>
      <c r="AA3947">
        <v>8.2247459999999997</v>
      </c>
      <c r="AB3947">
        <v>-0.37993661424733849</v>
      </c>
    </row>
    <row r="3948" spans="4:28" x14ac:dyDescent="0.25">
      <c r="D3948" s="40">
        <v>65.664041000002896</v>
      </c>
      <c r="E3948" s="40">
        <v>19.542652947935956</v>
      </c>
      <c r="F3948" s="40">
        <v>65.650000000000006</v>
      </c>
      <c r="G3948" s="40">
        <v>17.836081421527183</v>
      </c>
      <c r="H3948" s="40">
        <v>65.650000000000006</v>
      </c>
      <c r="I3948" s="40">
        <v>13.923814593296717</v>
      </c>
      <c r="J3948" s="40">
        <v>65.649976261905195</v>
      </c>
      <c r="K3948" s="40">
        <v>12.045426885425949</v>
      </c>
      <c r="L3948" s="40"/>
      <c r="M3948" s="40"/>
      <c r="N3948" s="40"/>
      <c r="X3948">
        <v>-100</v>
      </c>
      <c r="Y3948">
        <v>48.366667000000007</v>
      </c>
      <c r="Z3948">
        <v>126.666667</v>
      </c>
      <c r="AA3948">
        <v>8.2247789999999998</v>
      </c>
      <c r="AB3948">
        <v>-0.37953691046417642</v>
      </c>
    </row>
    <row r="3949" spans="4:28" x14ac:dyDescent="0.25">
      <c r="D3949" s="40">
        <v>65.680707000002897</v>
      </c>
      <c r="E3949" s="40">
        <v>19.547496126525377</v>
      </c>
      <c r="F3949" s="40">
        <v>65.66666699999999</v>
      </c>
      <c r="G3949" s="40">
        <v>17.836081421527183</v>
      </c>
      <c r="H3949" s="40">
        <v>65.666667000000018</v>
      </c>
      <c r="I3949" s="40">
        <v>13.927167329440149</v>
      </c>
      <c r="J3949" s="40">
        <v>65.666642922619502</v>
      </c>
      <c r="K3949" s="40">
        <v>12.045426885425949</v>
      </c>
      <c r="L3949" s="40"/>
      <c r="M3949" s="40"/>
      <c r="N3949" s="40"/>
      <c r="X3949">
        <v>-100</v>
      </c>
      <c r="Y3949">
        <v>48.383333000000007</v>
      </c>
      <c r="Z3949">
        <v>126.683333</v>
      </c>
      <c r="AA3949">
        <v>8.2248470000000005</v>
      </c>
      <c r="AB3949">
        <v>-0.37871327842614227</v>
      </c>
    </row>
    <row r="3950" spans="4:28" x14ac:dyDescent="0.25">
      <c r="D3950" s="40">
        <v>65.697373000002898</v>
      </c>
      <c r="E3950" s="40">
        <v>19.547496126525377</v>
      </c>
      <c r="F3950" s="40">
        <v>65.683333000000005</v>
      </c>
      <c r="G3950" s="40">
        <v>17.840836665617275</v>
      </c>
      <c r="H3950" s="40">
        <v>65.683334000000002</v>
      </c>
      <c r="I3950" s="40">
        <v>13.927167329440149</v>
      </c>
      <c r="J3950" s="40">
        <v>65.683309583333795</v>
      </c>
      <c r="K3950" s="40">
        <v>12.050135251378881</v>
      </c>
      <c r="L3950" s="40"/>
      <c r="M3950" s="40"/>
      <c r="N3950" s="40"/>
      <c r="X3950">
        <v>-100</v>
      </c>
      <c r="Y3950">
        <v>48.400000000000006</v>
      </c>
      <c r="Z3950">
        <v>126.7</v>
      </c>
      <c r="AA3950">
        <v>8.2248800000000006</v>
      </c>
      <c r="AB3950">
        <v>-0.37831357464298021</v>
      </c>
    </row>
    <row r="3951" spans="4:28" x14ac:dyDescent="0.25">
      <c r="D3951" s="40">
        <v>65.714039000002899</v>
      </c>
      <c r="E3951" s="40">
        <v>19.552196858685804</v>
      </c>
      <c r="F3951" s="40">
        <v>65.699999999999989</v>
      </c>
      <c r="G3951" s="40">
        <v>17.840836665617275</v>
      </c>
      <c r="H3951" s="40">
        <v>65.700000000000017</v>
      </c>
      <c r="I3951" s="40">
        <v>13.93042145569691</v>
      </c>
      <c r="J3951" s="40">
        <v>65.699976244048102</v>
      </c>
      <c r="K3951" s="40">
        <v>12.050135251378881</v>
      </c>
      <c r="L3951" s="40"/>
      <c r="M3951" s="40"/>
      <c r="N3951" s="40"/>
      <c r="X3951">
        <v>-100</v>
      </c>
      <c r="Y3951">
        <v>48.416667000000004</v>
      </c>
      <c r="Z3951">
        <v>126.716667</v>
      </c>
      <c r="AA3951">
        <v>8.2249140000000001</v>
      </c>
      <c r="AB3951">
        <v>-0.3779017586239739</v>
      </c>
    </row>
    <row r="3952" spans="4:28" x14ac:dyDescent="0.25">
      <c r="D3952" s="40">
        <v>65.730705000002899</v>
      </c>
      <c r="E3952" s="40">
        <v>19.552196858685804</v>
      </c>
      <c r="F3952" s="40">
        <v>65.716667000000001</v>
      </c>
      <c r="G3952" s="40">
        <v>17.845591909707494</v>
      </c>
      <c r="H3952" s="40">
        <v>65.716667000000001</v>
      </c>
      <c r="I3952" s="40">
        <v>13.93042145569691</v>
      </c>
      <c r="J3952" s="40">
        <v>65.716642904762395</v>
      </c>
      <c r="K3952" s="40">
        <v>12.050135251378881</v>
      </c>
      <c r="L3952" s="40"/>
      <c r="M3952" s="40"/>
      <c r="N3952" s="40"/>
      <c r="X3952">
        <v>-100</v>
      </c>
      <c r="Y3952">
        <v>48.433333000000005</v>
      </c>
      <c r="Z3952">
        <v>126.733333</v>
      </c>
      <c r="AA3952">
        <v>8.2249809999999997</v>
      </c>
      <c r="AB3952">
        <v>-0.37709023882180553</v>
      </c>
    </row>
    <row r="3953" spans="4:28" x14ac:dyDescent="0.25">
      <c r="D3953" s="40">
        <v>65.7473710000029</v>
      </c>
      <c r="E3953" s="40">
        <v>19.552196858685804</v>
      </c>
      <c r="F3953" s="40">
        <v>65.733332999999988</v>
      </c>
      <c r="G3953" s="40">
        <v>17.845591909707494</v>
      </c>
      <c r="H3953" s="40">
        <v>65.733334000000013</v>
      </c>
      <c r="I3953" s="40">
        <v>13.933774191840168</v>
      </c>
      <c r="J3953" s="40">
        <v>65.733309565476702</v>
      </c>
      <c r="K3953" s="40">
        <v>12.050135251378881</v>
      </c>
      <c r="L3953" s="40"/>
      <c r="M3953" s="40"/>
      <c r="N3953" s="40"/>
      <c r="X3953">
        <v>-100</v>
      </c>
      <c r="Y3953">
        <v>48.45</v>
      </c>
      <c r="Z3953">
        <v>126.75</v>
      </c>
      <c r="AA3953">
        <v>8.2250150000000009</v>
      </c>
      <c r="AB3953">
        <v>-0.37667842280277769</v>
      </c>
    </row>
    <row r="3954" spans="4:28" x14ac:dyDescent="0.25">
      <c r="D3954" s="40">
        <v>65.764037000002901</v>
      </c>
      <c r="E3954" s="40">
        <v>19.552196858685804</v>
      </c>
      <c r="F3954" s="40">
        <v>65.75</v>
      </c>
      <c r="G3954" s="40">
        <v>17.850207293677396</v>
      </c>
      <c r="H3954" s="40">
        <v>65.75</v>
      </c>
      <c r="I3954" s="40">
        <v>13.933774191840168</v>
      </c>
      <c r="J3954" s="40">
        <v>65.749976226190995</v>
      </c>
      <c r="K3954" s="40">
        <v>12.050135251378881</v>
      </c>
      <c r="L3954" s="40"/>
      <c r="M3954" s="40"/>
      <c r="N3954" s="40"/>
      <c r="X3954">
        <v>-100</v>
      </c>
      <c r="Y3954">
        <v>48.466667000000001</v>
      </c>
      <c r="Z3954">
        <v>126.766667</v>
      </c>
      <c r="AA3954">
        <v>8.2250820000000004</v>
      </c>
      <c r="AB3954">
        <v>-0.37586690300060932</v>
      </c>
    </row>
    <row r="3955" spans="4:28" x14ac:dyDescent="0.25">
      <c r="D3955" s="40">
        <v>65.780703000002902</v>
      </c>
      <c r="E3955" s="40">
        <v>19.557040037275353</v>
      </c>
      <c r="F3955" s="40">
        <v>65.766666999999984</v>
      </c>
      <c r="G3955" s="40">
        <v>17.850207293677396</v>
      </c>
      <c r="H3955" s="40">
        <v>65.766667000000012</v>
      </c>
      <c r="I3955" s="40">
        <v>13.937126927983426</v>
      </c>
      <c r="J3955" s="40">
        <v>65.766642886905203</v>
      </c>
      <c r="K3955" s="40">
        <v>12.050135251378881</v>
      </c>
      <c r="L3955" s="40"/>
      <c r="M3955" s="40"/>
      <c r="N3955" s="40"/>
      <c r="X3955">
        <v>-100</v>
      </c>
      <c r="Y3955">
        <v>48.483333000000002</v>
      </c>
      <c r="Z3955">
        <v>126.783333</v>
      </c>
      <c r="AA3955">
        <v>8.2251159999999999</v>
      </c>
      <c r="AB3955">
        <v>-0.37545508698160301</v>
      </c>
    </row>
    <row r="3956" spans="4:28" x14ac:dyDescent="0.25">
      <c r="D3956" s="40">
        <v>65.797369000002902</v>
      </c>
      <c r="E3956" s="40">
        <v>19.557040037275353</v>
      </c>
      <c r="F3956" s="40">
        <v>65.783332999999999</v>
      </c>
      <c r="G3956" s="40">
        <v>17.854962537767488</v>
      </c>
      <c r="H3956" s="40">
        <v>65.783333999999996</v>
      </c>
      <c r="I3956" s="40">
        <v>13.937126927983426</v>
      </c>
      <c r="J3956" s="40">
        <v>65.783309547619496</v>
      </c>
      <c r="K3956" s="40">
        <v>12.050135251378881</v>
      </c>
      <c r="L3956" s="40"/>
      <c r="M3956" s="40"/>
      <c r="N3956" s="40"/>
      <c r="X3956">
        <v>-100</v>
      </c>
      <c r="Y3956">
        <v>48.5</v>
      </c>
      <c r="Z3956">
        <v>126.8</v>
      </c>
      <c r="AA3956">
        <v>8.2251829999999995</v>
      </c>
      <c r="AB3956">
        <v>-0.37464356717943459</v>
      </c>
    </row>
    <row r="3957" spans="4:28" x14ac:dyDescent="0.25">
      <c r="D3957" s="40">
        <v>65.814035000002903</v>
      </c>
      <c r="E3957" s="40">
        <v>19.557040037275353</v>
      </c>
      <c r="F3957" s="40">
        <v>65.799999999999983</v>
      </c>
      <c r="G3957" s="40">
        <v>17.859717781857707</v>
      </c>
      <c r="H3957" s="40">
        <v>65.800000000000011</v>
      </c>
      <c r="I3957" s="40">
        <v>13.940381054240188</v>
      </c>
      <c r="J3957" s="40">
        <v>65.799976208333803</v>
      </c>
      <c r="K3957" s="40">
        <v>12.050135251378881</v>
      </c>
      <c r="L3957" s="40"/>
      <c r="M3957" s="40"/>
      <c r="N3957" s="40"/>
      <c r="X3957">
        <v>-100</v>
      </c>
      <c r="Y3957">
        <v>48.516666999999998</v>
      </c>
      <c r="Z3957">
        <v>126.816667</v>
      </c>
      <c r="AA3957">
        <v>8.2252510000000001</v>
      </c>
      <c r="AB3957">
        <v>-0.37381993514140049</v>
      </c>
    </row>
    <row r="3958" spans="4:28" x14ac:dyDescent="0.25">
      <c r="D3958" s="40">
        <v>65.830701000002904</v>
      </c>
      <c r="E3958" s="40">
        <v>19.561883215864903</v>
      </c>
      <c r="F3958" s="40">
        <v>65.816666999999995</v>
      </c>
      <c r="G3958" s="40">
        <v>17.859717781857707</v>
      </c>
      <c r="H3958" s="40">
        <v>65.816666999999995</v>
      </c>
      <c r="I3958" s="40">
        <v>13.940381054240188</v>
      </c>
      <c r="J3958" s="40">
        <v>65.816642869048096</v>
      </c>
      <c r="K3958" s="40">
        <v>12.050135251378881</v>
      </c>
      <c r="L3958" s="40"/>
      <c r="M3958" s="40"/>
      <c r="N3958" s="40"/>
      <c r="X3958">
        <v>-100</v>
      </c>
      <c r="Y3958">
        <v>48.533332999999999</v>
      </c>
      <c r="Z3958">
        <v>126.833333</v>
      </c>
      <c r="AA3958">
        <v>8.2252840000000003</v>
      </c>
      <c r="AB3958">
        <v>-0.37342023135823843</v>
      </c>
    </row>
    <row r="3959" spans="4:28" x14ac:dyDescent="0.25">
      <c r="D3959" s="40">
        <v>65.847367000002905</v>
      </c>
      <c r="E3959" s="40">
        <v>19.561883215864903</v>
      </c>
      <c r="F3959" s="40">
        <v>65.833332999999982</v>
      </c>
      <c r="G3959" s="40">
        <v>17.86433316582761</v>
      </c>
      <c r="H3959" s="40">
        <v>65.833334000000008</v>
      </c>
      <c r="I3959" s="40">
        <v>13.943733790383622</v>
      </c>
      <c r="J3959" s="40">
        <v>65.833309529762403</v>
      </c>
      <c r="K3959" s="40">
        <v>12.050135251378881</v>
      </c>
      <c r="L3959" s="40"/>
      <c r="M3959" s="40"/>
      <c r="N3959" s="40"/>
      <c r="X3959">
        <v>-100</v>
      </c>
      <c r="Y3959">
        <v>48.55</v>
      </c>
      <c r="Z3959">
        <v>126.85</v>
      </c>
      <c r="AA3959">
        <v>8.2253520000000009</v>
      </c>
      <c r="AB3959">
        <v>-0.37259659932020428</v>
      </c>
    </row>
    <row r="3960" spans="4:28" x14ac:dyDescent="0.25">
      <c r="D3960" s="40">
        <v>65.864033000002905</v>
      </c>
      <c r="E3960" s="40">
        <v>19.566583948025201</v>
      </c>
      <c r="F3960" s="40">
        <v>65.849999999999994</v>
      </c>
      <c r="G3960" s="40">
        <v>17.86433316582761</v>
      </c>
      <c r="H3960" s="40">
        <v>65.849999999999994</v>
      </c>
      <c r="I3960" s="40">
        <v>13.947086526526878</v>
      </c>
      <c r="J3960" s="40">
        <v>65.849976190476696</v>
      </c>
      <c r="K3960" s="40">
        <v>12.050135251378881</v>
      </c>
      <c r="L3960" s="40"/>
      <c r="M3960" s="40"/>
      <c r="N3960" s="40"/>
      <c r="X3960">
        <v>-100</v>
      </c>
      <c r="Y3960">
        <v>48.56666700000001</v>
      </c>
      <c r="Z3960">
        <v>126.86666700000001</v>
      </c>
      <c r="AA3960">
        <v>8.2253849999999993</v>
      </c>
      <c r="AB3960">
        <v>-0.3721968955370637</v>
      </c>
    </row>
    <row r="3961" spans="4:28" x14ac:dyDescent="0.25">
      <c r="D3961" s="40">
        <v>65.880699000002906</v>
      </c>
      <c r="E3961" s="40">
        <v>19.566583948025201</v>
      </c>
      <c r="F3961" s="40">
        <v>65.866667000000007</v>
      </c>
      <c r="G3961" s="40">
        <v>17.869088409917705</v>
      </c>
      <c r="H3961" s="40">
        <v>65.866667000000007</v>
      </c>
      <c r="I3961" s="40">
        <v>13.947086526526878</v>
      </c>
      <c r="J3961" s="40">
        <v>65.866642851191003</v>
      </c>
      <c r="K3961" s="40">
        <v>12.054986295088113</v>
      </c>
      <c r="L3961" s="40"/>
      <c r="M3961" s="40"/>
      <c r="N3961" s="40"/>
      <c r="X3961">
        <v>-100</v>
      </c>
      <c r="Y3961">
        <v>48.583332999999996</v>
      </c>
      <c r="Z3961">
        <v>126.88333299999999</v>
      </c>
      <c r="AA3961">
        <v>8.2254529999999999</v>
      </c>
      <c r="AB3961">
        <v>-0.37137326349902955</v>
      </c>
    </row>
    <row r="3962" spans="4:28" x14ac:dyDescent="0.25">
      <c r="D3962" s="40">
        <v>65.897365000002907</v>
      </c>
      <c r="E3962" s="40">
        <v>19.571427126614751</v>
      </c>
      <c r="F3962" s="40">
        <v>65.883332999999993</v>
      </c>
      <c r="G3962" s="40">
        <v>17.869088409917705</v>
      </c>
      <c r="H3962" s="40">
        <v>65.883334000000019</v>
      </c>
      <c r="I3962" s="40">
        <v>13.950340652783641</v>
      </c>
      <c r="J3962" s="40">
        <v>65.883309511905196</v>
      </c>
      <c r="K3962" s="40">
        <v>12.054986295088113</v>
      </c>
      <c r="L3962" s="40"/>
      <c r="M3962" s="40"/>
      <c r="N3962" s="40"/>
      <c r="X3962">
        <v>-100</v>
      </c>
      <c r="Y3962">
        <v>48.600000000000009</v>
      </c>
      <c r="Z3962">
        <v>126.9</v>
      </c>
      <c r="AA3962">
        <v>8.2254860000000001</v>
      </c>
      <c r="AB3962">
        <v>-0.37097355971586754</v>
      </c>
    </row>
    <row r="3963" spans="4:28" x14ac:dyDescent="0.25">
      <c r="D3963" s="40">
        <v>65.914031000002907</v>
      </c>
      <c r="E3963" s="40">
        <v>19.571427126614751</v>
      </c>
      <c r="F3963" s="40">
        <v>65.900000000000006</v>
      </c>
      <c r="G3963" s="40">
        <v>17.873843654007924</v>
      </c>
      <c r="H3963" s="40">
        <v>65.900000000000006</v>
      </c>
      <c r="I3963" s="40">
        <v>13.950340652783641</v>
      </c>
      <c r="J3963" s="40">
        <v>65.899976172619503</v>
      </c>
      <c r="K3963" s="40">
        <v>12.054986295088113</v>
      </c>
      <c r="L3963" s="40"/>
      <c r="M3963" s="40"/>
      <c r="N3963" s="40"/>
      <c r="X3963">
        <v>-100</v>
      </c>
      <c r="Y3963">
        <v>48.616667000000007</v>
      </c>
      <c r="Z3963">
        <v>126.916667</v>
      </c>
      <c r="AA3963">
        <v>8.2255529999999997</v>
      </c>
      <c r="AB3963">
        <v>-0.37016203991369911</v>
      </c>
    </row>
    <row r="3964" spans="4:28" x14ac:dyDescent="0.25">
      <c r="D3964" s="40">
        <v>65.930697000002908</v>
      </c>
      <c r="E3964" s="40">
        <v>19.571427126614751</v>
      </c>
      <c r="F3964" s="40">
        <v>65.91666699999999</v>
      </c>
      <c r="G3964" s="40">
        <v>17.873843654007924</v>
      </c>
      <c r="H3964" s="40">
        <v>65.916667000000018</v>
      </c>
      <c r="I3964" s="40">
        <v>13.953693388926899</v>
      </c>
      <c r="J3964" s="40">
        <v>65.916642833333796</v>
      </c>
      <c r="K3964" s="40">
        <v>12.054986295088113</v>
      </c>
      <c r="L3964" s="40"/>
      <c r="M3964" s="40"/>
      <c r="N3964" s="40"/>
      <c r="X3964">
        <v>-100</v>
      </c>
      <c r="Y3964">
        <v>48.633333000000007</v>
      </c>
      <c r="Z3964">
        <v>126.933333</v>
      </c>
      <c r="AA3964">
        <v>8.2255870000000009</v>
      </c>
      <c r="AB3964">
        <v>-0.36975022389467133</v>
      </c>
    </row>
    <row r="3965" spans="4:28" x14ac:dyDescent="0.25">
      <c r="D3965" s="40">
        <v>65.947363000002909</v>
      </c>
      <c r="E3965" s="40">
        <v>19.571427126614751</v>
      </c>
      <c r="F3965" s="40">
        <v>65.933333000000005</v>
      </c>
      <c r="G3965" s="40">
        <v>17.878459037977827</v>
      </c>
      <c r="H3965" s="40">
        <v>65.933334000000002</v>
      </c>
      <c r="I3965" s="40">
        <v>13.957046125070157</v>
      </c>
      <c r="J3965" s="40">
        <v>65.933309494048103</v>
      </c>
      <c r="K3965" s="40">
        <v>12.059837338797346</v>
      </c>
      <c r="L3965" s="40"/>
      <c r="M3965" s="40"/>
      <c r="N3965" s="40"/>
      <c r="X3965">
        <v>-100</v>
      </c>
      <c r="Y3965">
        <v>48.650000000000006</v>
      </c>
      <c r="Z3965">
        <v>126.95</v>
      </c>
      <c r="AA3965">
        <v>8.2256540000000005</v>
      </c>
      <c r="AB3965">
        <v>-0.36893870409250296</v>
      </c>
    </row>
    <row r="3966" spans="4:28" x14ac:dyDescent="0.25">
      <c r="D3966" s="40">
        <v>65.96402900000291</v>
      </c>
      <c r="E3966" s="40">
        <v>19.571427126614751</v>
      </c>
      <c r="F3966" s="40">
        <v>65.949999999999989</v>
      </c>
      <c r="G3966" s="40">
        <v>17.878459037977827</v>
      </c>
      <c r="H3966" s="40">
        <v>65.950000000000017</v>
      </c>
      <c r="I3966" s="40">
        <v>13.96030025132692</v>
      </c>
      <c r="J3966" s="40">
        <v>65.949976154762396</v>
      </c>
      <c r="K3966" s="40">
        <v>12.059837338797346</v>
      </c>
      <c r="L3966" s="40"/>
      <c r="M3966" s="40"/>
      <c r="N3966" s="40"/>
      <c r="X3966">
        <v>-100</v>
      </c>
      <c r="Y3966">
        <v>48.666667000000004</v>
      </c>
      <c r="Z3966">
        <v>126.966667</v>
      </c>
      <c r="AA3966">
        <v>8.2256879999999999</v>
      </c>
      <c r="AB3966">
        <v>-0.36852688807349659</v>
      </c>
    </row>
    <row r="3967" spans="4:28" x14ac:dyDescent="0.25">
      <c r="D3967" s="40">
        <v>65.98069500000291</v>
      </c>
      <c r="E3967" s="40">
        <v>19.571427126614751</v>
      </c>
      <c r="F3967" s="40">
        <v>65.966667000000001</v>
      </c>
      <c r="G3967" s="40">
        <v>17.883214282068042</v>
      </c>
      <c r="H3967" s="40">
        <v>65.966667000000001</v>
      </c>
      <c r="I3967" s="40">
        <v>13.96030025132692</v>
      </c>
      <c r="J3967" s="40">
        <v>65.966642815476703</v>
      </c>
      <c r="K3967" s="40">
        <v>12.059837338797346</v>
      </c>
      <c r="L3967" s="40"/>
      <c r="M3967" s="40"/>
      <c r="N3967" s="40"/>
      <c r="X3967">
        <v>-100</v>
      </c>
      <c r="Y3967">
        <v>48.683333000000005</v>
      </c>
      <c r="Z3967">
        <v>126.983333</v>
      </c>
      <c r="AA3967">
        <v>8.2257549999999995</v>
      </c>
      <c r="AB3967">
        <v>-0.36771536827132822</v>
      </c>
    </row>
    <row r="3968" spans="4:28" x14ac:dyDescent="0.25">
      <c r="D3968" s="40">
        <v>65.997361000002911</v>
      </c>
      <c r="E3968" s="40">
        <v>19.576270305204297</v>
      </c>
      <c r="F3968" s="40">
        <v>65.983332999999988</v>
      </c>
      <c r="G3968" s="40">
        <v>17.887969526158138</v>
      </c>
      <c r="H3968" s="40">
        <v>65.983334000000013</v>
      </c>
      <c r="I3968" s="40">
        <v>13.963652987470352</v>
      </c>
      <c r="J3968" s="40">
        <v>65.983309476190996</v>
      </c>
      <c r="K3968" s="40">
        <v>12.059837338797346</v>
      </c>
      <c r="L3968" s="40"/>
      <c r="M3968" s="40"/>
      <c r="N3968" s="40"/>
      <c r="X3968">
        <v>-100</v>
      </c>
      <c r="Y3968">
        <v>48.7</v>
      </c>
      <c r="Z3968">
        <v>127</v>
      </c>
      <c r="AA3968">
        <v>8.2257890000000007</v>
      </c>
      <c r="AB3968">
        <v>-0.36730355225230044</v>
      </c>
    </row>
    <row r="3969" spans="4:28" x14ac:dyDescent="0.25">
      <c r="D3969" s="40">
        <v>66.014027000002912</v>
      </c>
      <c r="E3969" s="40">
        <v>19.576270305204297</v>
      </c>
      <c r="F3969" s="40">
        <v>66</v>
      </c>
      <c r="G3969" s="40">
        <v>17.887969526158138</v>
      </c>
      <c r="H3969" s="40">
        <v>66</v>
      </c>
      <c r="I3969" s="40">
        <v>13.967005723613608</v>
      </c>
      <c r="J3969" s="40">
        <v>65.999976136905303</v>
      </c>
      <c r="K3969" s="40">
        <v>12.059837338797346</v>
      </c>
      <c r="L3969" s="40"/>
      <c r="M3969" s="40"/>
      <c r="N3969" s="40"/>
      <c r="X3969">
        <v>-100</v>
      </c>
      <c r="Y3969">
        <v>48.716667000000001</v>
      </c>
      <c r="Z3969">
        <v>127.016667</v>
      </c>
      <c r="AA3969">
        <v>8.2258560000000003</v>
      </c>
      <c r="AB3969">
        <v>-0.36649203245013207</v>
      </c>
    </row>
    <row r="3970" spans="4:28" x14ac:dyDescent="0.25">
      <c r="D3970" s="40">
        <v>66.030693000002913</v>
      </c>
      <c r="E3970" s="40">
        <v>19.576270305204297</v>
      </c>
      <c r="F3970" s="40">
        <v>66.016666999999984</v>
      </c>
      <c r="G3970" s="40">
        <v>17.89258491012804</v>
      </c>
      <c r="H3970" s="40">
        <v>66.016667000000012</v>
      </c>
      <c r="I3970" s="40">
        <v>13.967005723613608</v>
      </c>
      <c r="J3970" s="40">
        <v>66.016642797619497</v>
      </c>
      <c r="K3970" s="40">
        <v>12.059837338797346</v>
      </c>
      <c r="L3970" s="40"/>
      <c r="M3970" s="40"/>
      <c r="N3970" s="40"/>
      <c r="X3970">
        <v>-100</v>
      </c>
      <c r="Y3970">
        <v>48.733333000000002</v>
      </c>
      <c r="Z3970">
        <v>127.033333</v>
      </c>
      <c r="AA3970">
        <v>8.2258899999999997</v>
      </c>
      <c r="AB3970">
        <v>-0.3660802164311257</v>
      </c>
    </row>
    <row r="3971" spans="4:28" x14ac:dyDescent="0.25">
      <c r="D3971" s="40">
        <v>66.047359000002913</v>
      </c>
      <c r="E3971" s="40">
        <v>19.576270305204297</v>
      </c>
      <c r="F3971" s="40">
        <v>66.033332999999999</v>
      </c>
      <c r="G3971" s="40">
        <v>17.89258491012804</v>
      </c>
      <c r="H3971" s="40">
        <v>66.033333999999996</v>
      </c>
      <c r="I3971" s="40">
        <v>13.970259849870372</v>
      </c>
      <c r="J3971" s="40">
        <v>66.033309458333804</v>
      </c>
      <c r="K3971" s="40">
        <v>12.059837338797346</v>
      </c>
      <c r="L3971" s="40"/>
      <c r="M3971" s="40"/>
      <c r="N3971" s="40"/>
      <c r="X3971">
        <v>-100</v>
      </c>
      <c r="Y3971">
        <v>48.75</v>
      </c>
      <c r="Z3971">
        <v>127.05</v>
      </c>
      <c r="AA3971">
        <v>8.2259239999999991</v>
      </c>
      <c r="AB3971">
        <v>-0.3656684004121194</v>
      </c>
    </row>
    <row r="3972" spans="4:28" x14ac:dyDescent="0.25">
      <c r="D3972" s="40">
        <v>66.064025000002914</v>
      </c>
      <c r="E3972" s="40">
        <v>19.576270305204297</v>
      </c>
      <c r="F3972" s="40">
        <v>66.049999999999983</v>
      </c>
      <c r="G3972" s="40">
        <v>17.897340154218256</v>
      </c>
      <c r="H3972" s="40">
        <v>66.050000000000011</v>
      </c>
      <c r="I3972" s="40">
        <v>13.973612586013628</v>
      </c>
      <c r="J3972" s="40">
        <v>66.049976119048097</v>
      </c>
      <c r="K3972" s="40">
        <v>12.059837338797346</v>
      </c>
      <c r="L3972" s="40"/>
      <c r="M3972" s="40"/>
      <c r="N3972" s="40"/>
      <c r="X3972">
        <v>-100</v>
      </c>
      <c r="Y3972">
        <v>48.766666999999998</v>
      </c>
      <c r="Z3972">
        <v>127.066667</v>
      </c>
      <c r="AA3972">
        <v>8.2259910000000005</v>
      </c>
      <c r="AB3972">
        <v>-0.36485688060992955</v>
      </c>
    </row>
    <row r="3973" spans="4:28" x14ac:dyDescent="0.25">
      <c r="D3973" s="40">
        <v>66.080691000002915</v>
      </c>
      <c r="E3973" s="40">
        <v>19.576270305204297</v>
      </c>
      <c r="F3973" s="40">
        <v>66.066666999999995</v>
      </c>
      <c r="G3973" s="40">
        <v>17.897340154218256</v>
      </c>
      <c r="H3973" s="40">
        <v>66.066666999999995</v>
      </c>
      <c r="I3973" s="40">
        <v>13.973612586013628</v>
      </c>
      <c r="J3973" s="40">
        <v>66.066642779762404</v>
      </c>
      <c r="K3973" s="40">
        <v>12.059837338797346</v>
      </c>
      <c r="L3973" s="40"/>
      <c r="M3973" s="40"/>
      <c r="N3973" s="40"/>
      <c r="X3973">
        <v>-100</v>
      </c>
      <c r="Y3973">
        <v>48.783332999999999</v>
      </c>
      <c r="Z3973">
        <v>127.083333</v>
      </c>
      <c r="AA3973">
        <v>8.2260249999999999</v>
      </c>
      <c r="AB3973">
        <v>-0.36444506459092318</v>
      </c>
    </row>
    <row r="3974" spans="4:28" x14ac:dyDescent="0.25">
      <c r="D3974" s="40">
        <v>66.097357000002916</v>
      </c>
      <c r="E3974" s="40">
        <v>19.576270305204297</v>
      </c>
      <c r="F3974" s="40">
        <v>66.083332999999982</v>
      </c>
      <c r="G3974" s="40">
        <v>17.897340154218256</v>
      </c>
      <c r="H3974" s="40">
        <v>66.083334000000008</v>
      </c>
      <c r="I3974" s="40">
        <v>13.97696532215706</v>
      </c>
      <c r="J3974" s="40">
        <v>66.083309440476697</v>
      </c>
      <c r="K3974" s="40">
        <v>12.059837338797346</v>
      </c>
      <c r="L3974" s="40"/>
      <c r="M3974" s="40"/>
      <c r="N3974" s="40"/>
      <c r="X3974">
        <v>-100</v>
      </c>
      <c r="Y3974">
        <v>48.8</v>
      </c>
      <c r="Z3974">
        <v>127.1</v>
      </c>
      <c r="AA3974">
        <v>8.2260919999999995</v>
      </c>
      <c r="AB3974">
        <v>-0.36363354478875481</v>
      </c>
    </row>
    <row r="3975" spans="4:28" x14ac:dyDescent="0.25">
      <c r="D3975" s="40">
        <v>66.114023000002916</v>
      </c>
      <c r="E3975" s="40">
        <v>19.576270305204297</v>
      </c>
      <c r="F3975" s="40">
        <v>66.099999999999994</v>
      </c>
      <c r="G3975" s="40">
        <v>17.902095398308351</v>
      </c>
      <c r="H3975" s="40">
        <v>66.099999999999994</v>
      </c>
      <c r="I3975" s="40">
        <v>13.980219448413649</v>
      </c>
      <c r="J3975" s="40">
        <v>66.099976101191004</v>
      </c>
      <c r="K3975" s="40">
        <v>12.059837338797346</v>
      </c>
      <c r="L3975" s="40"/>
      <c r="M3975" s="40"/>
      <c r="N3975" s="40"/>
      <c r="X3975">
        <v>-100</v>
      </c>
      <c r="Y3975">
        <v>48.81666700000001</v>
      </c>
      <c r="Z3975">
        <v>127.11666700000001</v>
      </c>
      <c r="AA3975">
        <v>8.2261260000000007</v>
      </c>
      <c r="AB3975">
        <v>-0.36322172876972703</v>
      </c>
    </row>
    <row r="3976" spans="4:28" x14ac:dyDescent="0.25">
      <c r="D3976" s="40">
        <v>66.130689000002917</v>
      </c>
      <c r="E3976" s="40">
        <v>19.576270305204297</v>
      </c>
      <c r="F3976" s="40">
        <v>66.116667000000007</v>
      </c>
      <c r="G3976" s="40">
        <v>17.902095398308351</v>
      </c>
      <c r="H3976" s="40">
        <v>66.116667000000007</v>
      </c>
      <c r="I3976" s="40">
        <v>13.980219448413649</v>
      </c>
      <c r="J3976" s="40">
        <v>66.116642761905197</v>
      </c>
      <c r="K3976" s="40">
        <v>12.059837338797346</v>
      </c>
      <c r="L3976" s="40"/>
      <c r="M3976" s="40"/>
      <c r="N3976" s="40"/>
      <c r="X3976">
        <v>-100</v>
      </c>
      <c r="Y3976">
        <v>48.833332999999996</v>
      </c>
      <c r="Z3976">
        <v>127.13333299999999</v>
      </c>
      <c r="AA3976">
        <v>8.2261590000000009</v>
      </c>
      <c r="AB3976">
        <v>-0.36282202498656496</v>
      </c>
    </row>
    <row r="3977" spans="4:28" x14ac:dyDescent="0.25">
      <c r="D3977" s="40">
        <v>66.147355000002918</v>
      </c>
      <c r="E3977" s="40">
        <v>19.576270305204297</v>
      </c>
      <c r="F3977" s="40">
        <v>66.133332999999993</v>
      </c>
      <c r="G3977" s="40">
        <v>17.902095398308351</v>
      </c>
      <c r="H3977" s="40">
        <v>66.133334000000019</v>
      </c>
      <c r="I3977" s="40">
        <v>13.983572184557081</v>
      </c>
      <c r="J3977" s="40">
        <v>66.133309422619504</v>
      </c>
      <c r="K3977" s="40">
        <v>12.059837338797346</v>
      </c>
      <c r="L3977" s="40"/>
      <c r="M3977" s="40"/>
      <c r="N3977" s="40"/>
      <c r="X3977">
        <v>-100</v>
      </c>
      <c r="Y3977">
        <v>48.850000000000009</v>
      </c>
      <c r="Z3977">
        <v>127.15</v>
      </c>
      <c r="AA3977">
        <v>8.2262269999999997</v>
      </c>
      <c r="AB3977">
        <v>-0.36199839294855229</v>
      </c>
    </row>
    <row r="3978" spans="4:28" x14ac:dyDescent="0.25">
      <c r="D3978" s="40">
        <v>66.164021000002919</v>
      </c>
      <c r="E3978" s="40">
        <v>19.580971037364595</v>
      </c>
      <c r="F3978" s="40">
        <v>66.150000000000006</v>
      </c>
      <c r="G3978" s="40">
        <v>17.906710782278253</v>
      </c>
      <c r="H3978" s="40">
        <v>66.150000000000006</v>
      </c>
      <c r="I3978" s="40">
        <v>13.986924920700339</v>
      </c>
      <c r="J3978" s="40">
        <v>66.149976083333797</v>
      </c>
      <c r="K3978" s="40">
        <v>12.059837338797346</v>
      </c>
      <c r="L3978" s="40"/>
      <c r="M3978" s="40"/>
      <c r="N3978" s="40"/>
      <c r="X3978">
        <v>-100</v>
      </c>
      <c r="Y3978">
        <v>48.866667000000007</v>
      </c>
      <c r="Z3978">
        <v>127.166667</v>
      </c>
      <c r="AA3978">
        <v>8.2262599999999999</v>
      </c>
      <c r="AB3978">
        <v>-0.36159868916539023</v>
      </c>
    </row>
    <row r="3979" spans="4:28" x14ac:dyDescent="0.25">
      <c r="D3979" s="40">
        <v>66.180687000002919</v>
      </c>
      <c r="E3979" s="40">
        <v>19.580971037364595</v>
      </c>
      <c r="F3979" s="40">
        <v>66.16666699999999</v>
      </c>
      <c r="G3979" s="40">
        <v>17.906710782278253</v>
      </c>
      <c r="H3979" s="40">
        <v>66.166667000000018</v>
      </c>
      <c r="I3979" s="40">
        <v>13.986924920700339</v>
      </c>
      <c r="J3979" s="40">
        <v>66.166642744048104</v>
      </c>
      <c r="K3979" s="40">
        <v>12.064545704750406</v>
      </c>
      <c r="L3979" s="40"/>
      <c r="M3979" s="40"/>
      <c r="N3979" s="40"/>
      <c r="X3979">
        <v>-100</v>
      </c>
      <c r="Y3979">
        <v>48.883333000000007</v>
      </c>
      <c r="Z3979">
        <v>127.183333</v>
      </c>
      <c r="AA3979">
        <v>8.2263280000000005</v>
      </c>
      <c r="AB3979">
        <v>-0.36077505712735614</v>
      </c>
    </row>
    <row r="3980" spans="4:28" x14ac:dyDescent="0.25">
      <c r="D3980" s="40">
        <v>66.19735300000292</v>
      </c>
      <c r="E3980" s="40">
        <v>19.585814215954144</v>
      </c>
      <c r="F3980" s="40">
        <v>66.183333000000005</v>
      </c>
      <c r="G3980" s="40">
        <v>17.911466026368469</v>
      </c>
      <c r="H3980" s="40">
        <v>66.183334000000002</v>
      </c>
      <c r="I3980" s="40">
        <v>13.990179046957101</v>
      </c>
      <c r="J3980" s="40">
        <v>66.183309404762397</v>
      </c>
      <c r="K3980" s="40">
        <v>12.064545704750406</v>
      </c>
      <c r="L3980" s="40"/>
      <c r="M3980" s="40"/>
      <c r="N3980" s="40"/>
      <c r="X3980">
        <v>-100</v>
      </c>
      <c r="Y3980">
        <v>48.900000000000006</v>
      </c>
      <c r="Z3980">
        <v>127.2</v>
      </c>
      <c r="AA3980">
        <v>8.2263610000000007</v>
      </c>
      <c r="AB3980">
        <v>-0.36037535334419407</v>
      </c>
    </row>
    <row r="3981" spans="4:28" x14ac:dyDescent="0.25">
      <c r="D3981" s="40">
        <v>66.214019000002921</v>
      </c>
      <c r="E3981" s="40">
        <v>19.585814215954144</v>
      </c>
      <c r="F3981" s="40">
        <v>66.199999999999989</v>
      </c>
      <c r="G3981" s="40">
        <v>17.911466026368469</v>
      </c>
      <c r="H3981" s="40">
        <v>66.200000000000017</v>
      </c>
      <c r="I3981" s="40">
        <v>13.990179046957101</v>
      </c>
      <c r="J3981" s="40">
        <v>66.199976065476704</v>
      </c>
      <c r="K3981" s="40">
        <v>12.064545704750406</v>
      </c>
      <c r="L3981" s="40"/>
      <c r="M3981" s="40"/>
      <c r="N3981" s="40"/>
      <c r="X3981">
        <v>-100</v>
      </c>
      <c r="Y3981">
        <v>48.916667000000004</v>
      </c>
      <c r="Z3981">
        <v>127.216667</v>
      </c>
      <c r="AA3981">
        <v>8.2264289999999995</v>
      </c>
      <c r="AB3981">
        <v>-0.3595517213061814</v>
      </c>
    </row>
    <row r="3982" spans="4:28" x14ac:dyDescent="0.25">
      <c r="D3982" s="40">
        <v>66.230685000002921</v>
      </c>
      <c r="E3982" s="40">
        <v>19.585814215954144</v>
      </c>
      <c r="F3982" s="40">
        <v>66.216667000000001</v>
      </c>
      <c r="G3982" s="40">
        <v>17.916221270458568</v>
      </c>
      <c r="H3982" s="40">
        <v>66.216667000000001</v>
      </c>
      <c r="I3982" s="40">
        <v>13.993531783100359</v>
      </c>
      <c r="J3982" s="40">
        <v>66.216642726190997</v>
      </c>
      <c r="K3982" s="40">
        <v>12.069396748459512</v>
      </c>
      <c r="L3982" s="40"/>
      <c r="M3982" s="40"/>
      <c r="N3982" s="40"/>
      <c r="X3982">
        <v>-100</v>
      </c>
      <c r="Y3982">
        <v>48.933333000000005</v>
      </c>
      <c r="Z3982">
        <v>127.233333</v>
      </c>
      <c r="AA3982">
        <v>8.2264619999999997</v>
      </c>
      <c r="AB3982">
        <v>-0.35915201752301934</v>
      </c>
    </row>
    <row r="3983" spans="4:28" x14ac:dyDescent="0.25">
      <c r="D3983" s="40">
        <v>66.247351000002922</v>
      </c>
      <c r="E3983" s="40">
        <v>19.590657394543694</v>
      </c>
      <c r="F3983" s="40">
        <v>66.233332999999988</v>
      </c>
      <c r="G3983" s="40">
        <v>17.916221270458568</v>
      </c>
      <c r="H3983" s="40">
        <v>66.233334000000013</v>
      </c>
      <c r="I3983" s="40">
        <v>13.996884519243791</v>
      </c>
      <c r="J3983" s="40">
        <v>66.233309386905304</v>
      </c>
      <c r="K3983" s="40">
        <v>12.069396748459512</v>
      </c>
      <c r="L3983" s="40"/>
      <c r="M3983" s="40"/>
      <c r="N3983" s="40"/>
      <c r="X3983">
        <v>-100</v>
      </c>
      <c r="Y3983">
        <v>48.95</v>
      </c>
      <c r="Z3983">
        <v>127.25</v>
      </c>
      <c r="AA3983">
        <v>8.2265300000000003</v>
      </c>
      <c r="AB3983">
        <v>-0.35832838548498519</v>
      </c>
    </row>
    <row r="3984" spans="4:28" x14ac:dyDescent="0.25">
      <c r="D3984" s="40">
        <v>66.264017000002923</v>
      </c>
      <c r="E3984" s="40">
        <v>19.590657394543694</v>
      </c>
      <c r="F3984" s="40">
        <v>66.25</v>
      </c>
      <c r="G3984" s="40">
        <v>17.920976514548787</v>
      </c>
      <c r="H3984" s="40">
        <v>66.25</v>
      </c>
      <c r="I3984" s="40">
        <v>13.996884519243791</v>
      </c>
      <c r="J3984" s="40">
        <v>66.249976047619498</v>
      </c>
      <c r="K3984" s="40">
        <v>12.069396748459512</v>
      </c>
      <c r="L3984" s="40"/>
      <c r="M3984" s="40"/>
      <c r="N3984" s="40"/>
      <c r="X3984">
        <v>-100</v>
      </c>
      <c r="Y3984">
        <v>48.966667000000001</v>
      </c>
      <c r="Z3984">
        <v>127.266667</v>
      </c>
      <c r="AA3984">
        <v>8.2265630000000005</v>
      </c>
      <c r="AB3984">
        <v>-0.35792868170182318</v>
      </c>
    </row>
    <row r="3985" spans="4:28" x14ac:dyDescent="0.25">
      <c r="D3985" s="40">
        <v>66.280683000002924</v>
      </c>
      <c r="E3985" s="40">
        <v>19.590657394543694</v>
      </c>
      <c r="F3985" s="40">
        <v>66.266666999999984</v>
      </c>
      <c r="G3985" s="40">
        <v>17.920976514548787</v>
      </c>
      <c r="H3985" s="40">
        <v>66.266667000000012</v>
      </c>
      <c r="I3985" s="40">
        <v>14.000138645500554</v>
      </c>
      <c r="J3985" s="40">
        <v>66.266642708333805</v>
      </c>
      <c r="K3985" s="40">
        <v>12.069396748459512</v>
      </c>
      <c r="L3985" s="40"/>
      <c r="M3985" s="40"/>
      <c r="N3985" s="40"/>
      <c r="X3985">
        <v>-100</v>
      </c>
      <c r="Y3985">
        <v>48.983333000000002</v>
      </c>
      <c r="Z3985">
        <v>127.283333</v>
      </c>
      <c r="AA3985">
        <v>8.2265969999999999</v>
      </c>
      <c r="AB3985">
        <v>-0.35751686568281682</v>
      </c>
    </row>
    <row r="3986" spans="4:28" x14ac:dyDescent="0.25">
      <c r="D3986" s="40">
        <v>66.297349000002924</v>
      </c>
      <c r="E3986" s="40">
        <v>19.590657394543694</v>
      </c>
      <c r="F3986" s="40">
        <v>66.283332999999999</v>
      </c>
      <c r="G3986" s="40">
        <v>17.920976514548787</v>
      </c>
      <c r="H3986" s="40">
        <v>66.283333999999996</v>
      </c>
      <c r="I3986" s="40">
        <v>14.000138645500554</v>
      </c>
      <c r="J3986" s="40">
        <v>66.283309369048098</v>
      </c>
      <c r="K3986" s="40">
        <v>12.069396748459512</v>
      </c>
      <c r="L3986" s="40"/>
      <c r="M3986" s="40"/>
      <c r="N3986" s="40"/>
      <c r="X3986">
        <v>-100</v>
      </c>
      <c r="Y3986">
        <v>49</v>
      </c>
      <c r="Z3986">
        <v>127.3</v>
      </c>
      <c r="AA3986">
        <v>8.2266639999999995</v>
      </c>
      <c r="AB3986">
        <v>-0.35670534588064845</v>
      </c>
    </row>
    <row r="3987" spans="4:28" x14ac:dyDescent="0.25">
      <c r="D3987" s="40">
        <v>66.314015000002925</v>
      </c>
      <c r="E3987" s="40">
        <v>19.590657394543694</v>
      </c>
      <c r="F3987" s="40">
        <v>66.299999999999983</v>
      </c>
      <c r="G3987" s="40">
        <v>17.925591898518686</v>
      </c>
      <c r="H3987" s="40">
        <v>66.300000000000011</v>
      </c>
      <c r="I3987" s="40">
        <v>14.003491381643812</v>
      </c>
      <c r="J3987" s="40">
        <v>66.299976029762405</v>
      </c>
      <c r="K3987" s="40">
        <v>12.069396748459512</v>
      </c>
      <c r="L3987" s="40"/>
      <c r="M3987" s="40"/>
      <c r="N3987" s="40"/>
      <c r="X3987">
        <v>-100</v>
      </c>
      <c r="Y3987">
        <v>49.016666999999998</v>
      </c>
      <c r="Z3987">
        <v>127.316667</v>
      </c>
      <c r="AA3987">
        <v>8.2266980000000007</v>
      </c>
      <c r="AB3987">
        <v>-0.35629352986162066</v>
      </c>
    </row>
    <row r="3988" spans="4:28" x14ac:dyDescent="0.25">
      <c r="D3988" s="40">
        <v>66.330681000002926</v>
      </c>
      <c r="E3988" s="40">
        <v>19.590657394543694</v>
      </c>
      <c r="F3988" s="40">
        <v>66.316666999999995</v>
      </c>
      <c r="G3988" s="40">
        <v>17.925591898518686</v>
      </c>
      <c r="H3988" s="40">
        <v>66.316666999999995</v>
      </c>
      <c r="I3988" s="40">
        <v>14.00684411778707</v>
      </c>
      <c r="J3988" s="40">
        <v>66.316642690476698</v>
      </c>
      <c r="K3988" s="40">
        <v>12.069396748459512</v>
      </c>
      <c r="L3988" s="40"/>
      <c r="M3988" s="40"/>
      <c r="N3988" s="40"/>
      <c r="X3988">
        <v>-100</v>
      </c>
      <c r="Y3988">
        <v>49.033332999999999</v>
      </c>
      <c r="Z3988">
        <v>127.333333</v>
      </c>
      <c r="AA3988">
        <v>8.2267309999999991</v>
      </c>
      <c r="AB3988">
        <v>-0.35589382607848008</v>
      </c>
    </row>
    <row r="3989" spans="4:28" x14ac:dyDescent="0.25">
      <c r="D3989" s="40">
        <v>66.347347000002927</v>
      </c>
      <c r="E3989" s="40">
        <v>19.590657394543694</v>
      </c>
      <c r="F3989" s="40">
        <v>66.333332999999982</v>
      </c>
      <c r="G3989" s="40">
        <v>17.930347142608905</v>
      </c>
      <c r="H3989" s="40">
        <v>66.333334000000008</v>
      </c>
      <c r="I3989" s="40">
        <v>14.00684411778707</v>
      </c>
      <c r="J3989" s="40">
        <v>66.333309351191005</v>
      </c>
      <c r="K3989" s="40">
        <v>12.069396748459512</v>
      </c>
      <c r="L3989" s="40"/>
      <c r="M3989" s="40"/>
      <c r="N3989" s="40"/>
      <c r="X3989">
        <v>-100</v>
      </c>
      <c r="Y3989">
        <v>49.05</v>
      </c>
      <c r="Z3989">
        <v>127.35</v>
      </c>
      <c r="AA3989">
        <v>8.2267989999999998</v>
      </c>
      <c r="AB3989">
        <v>-0.35507019404044593</v>
      </c>
    </row>
    <row r="3990" spans="4:28" x14ac:dyDescent="0.25">
      <c r="D3990" s="40">
        <v>66.364013000002927</v>
      </c>
      <c r="E3990" s="40">
        <v>19.59535812670412</v>
      </c>
      <c r="F3990" s="40">
        <v>66.349999999999994</v>
      </c>
      <c r="G3990" s="40">
        <v>17.930347142608905</v>
      </c>
      <c r="H3990" s="40">
        <v>66.349999999999994</v>
      </c>
      <c r="I3990" s="40">
        <v>14.010098244043832</v>
      </c>
      <c r="J3990" s="40">
        <v>66.349976011905198</v>
      </c>
      <c r="K3990" s="40">
        <v>12.069396748459512</v>
      </c>
      <c r="L3990" s="40"/>
      <c r="M3990" s="40"/>
      <c r="N3990" s="40"/>
      <c r="X3990">
        <v>-100</v>
      </c>
      <c r="Y3990">
        <v>49.06666700000001</v>
      </c>
      <c r="Z3990">
        <v>127.36666700000001</v>
      </c>
      <c r="AA3990">
        <v>8.2268319999999999</v>
      </c>
      <c r="AB3990">
        <v>-0.35467049025728387</v>
      </c>
    </row>
    <row r="3991" spans="4:28" x14ac:dyDescent="0.25">
      <c r="D3991" s="40">
        <v>66.380679000002928</v>
      </c>
      <c r="E3991" s="40">
        <v>19.59535812670412</v>
      </c>
      <c r="F3991" s="40">
        <v>66.366667000000007</v>
      </c>
      <c r="G3991" s="40">
        <v>17.935102386699</v>
      </c>
      <c r="H3991" s="40">
        <v>66.366667000000007</v>
      </c>
      <c r="I3991" s="40">
        <v>14.010098244043832</v>
      </c>
      <c r="J3991" s="40">
        <v>66.366642672619506</v>
      </c>
      <c r="K3991" s="40">
        <v>12.069396748459512</v>
      </c>
      <c r="L3991" s="40"/>
      <c r="M3991" s="40"/>
      <c r="N3991" s="40"/>
      <c r="X3991">
        <v>-100</v>
      </c>
      <c r="Y3991">
        <v>49.083332999999996</v>
      </c>
      <c r="Z3991">
        <v>127.38333299999999</v>
      </c>
      <c r="AA3991">
        <v>8.2269000000000005</v>
      </c>
      <c r="AB3991">
        <v>-0.35384685821924972</v>
      </c>
    </row>
    <row r="3992" spans="4:28" x14ac:dyDescent="0.25">
      <c r="D3992" s="40">
        <v>66.397345000002929</v>
      </c>
      <c r="E3992" s="40">
        <v>19.59535812670412</v>
      </c>
      <c r="F3992" s="40">
        <v>66.383332999999993</v>
      </c>
      <c r="G3992" s="40">
        <v>17.935102386699</v>
      </c>
      <c r="H3992" s="40">
        <v>66.383334000000019</v>
      </c>
      <c r="I3992" s="40">
        <v>14.013450980187089</v>
      </c>
      <c r="J3992" s="40">
        <v>66.383309333333798</v>
      </c>
      <c r="K3992" s="40">
        <v>12.069396748459512</v>
      </c>
      <c r="L3992" s="40"/>
      <c r="M3992" s="40"/>
      <c r="N3992" s="40"/>
      <c r="X3992">
        <v>-100</v>
      </c>
      <c r="Y3992">
        <v>49.100000000000009</v>
      </c>
      <c r="Z3992">
        <v>127.4</v>
      </c>
      <c r="AA3992">
        <v>8.2269330000000007</v>
      </c>
      <c r="AB3992">
        <v>-0.35344715443608771</v>
      </c>
    </row>
    <row r="3993" spans="4:28" x14ac:dyDescent="0.25">
      <c r="D3993" s="40">
        <v>66.41401100000293</v>
      </c>
      <c r="E3993" s="40">
        <v>19.59535812670412</v>
      </c>
      <c r="F3993" s="40">
        <v>66.400000000000006</v>
      </c>
      <c r="G3993" s="40">
        <v>17.939717770668903</v>
      </c>
      <c r="H3993" s="40">
        <v>66.400000000000006</v>
      </c>
      <c r="I3993" s="40">
        <v>14.013450980187089</v>
      </c>
      <c r="J3993" s="40">
        <v>66.399975994048106</v>
      </c>
      <c r="K3993" s="40">
        <v>12.069396748459512</v>
      </c>
      <c r="L3993" s="40"/>
      <c r="M3993" s="40"/>
      <c r="N3993" s="40"/>
      <c r="X3993">
        <v>-100</v>
      </c>
      <c r="Y3993">
        <v>49.116667000000007</v>
      </c>
      <c r="Z3993">
        <v>127.416667</v>
      </c>
      <c r="AA3993">
        <v>8.2269670000000001</v>
      </c>
      <c r="AB3993">
        <v>-0.35303533841708135</v>
      </c>
    </row>
    <row r="3994" spans="4:28" x14ac:dyDescent="0.25">
      <c r="D3994" s="40">
        <v>66.43067700000293</v>
      </c>
      <c r="E3994" s="40">
        <v>19.59535812670412</v>
      </c>
      <c r="F3994" s="40">
        <v>66.41666699999999</v>
      </c>
      <c r="G3994" s="40">
        <v>17.939717770668903</v>
      </c>
      <c r="H3994" s="40">
        <v>66.416667000000018</v>
      </c>
      <c r="I3994" s="40">
        <v>14.01680371633052</v>
      </c>
      <c r="J3994" s="40">
        <v>66.416642654762398</v>
      </c>
      <c r="K3994" s="40">
        <v>12.074247792168745</v>
      </c>
      <c r="L3994" s="40"/>
      <c r="M3994" s="40"/>
      <c r="N3994" s="40"/>
      <c r="X3994">
        <v>-100</v>
      </c>
      <c r="Y3994">
        <v>49.133333000000007</v>
      </c>
      <c r="Z3994">
        <v>127.433333</v>
      </c>
      <c r="AA3994">
        <v>8.2270339999999997</v>
      </c>
      <c r="AB3994">
        <v>-0.35222381861491298</v>
      </c>
    </row>
    <row r="3995" spans="4:28" x14ac:dyDescent="0.25">
      <c r="D3995" s="40">
        <v>66.447343000002931</v>
      </c>
      <c r="E3995" s="40">
        <v>19.600201305293542</v>
      </c>
      <c r="F3995" s="40">
        <v>66.433333000000005</v>
      </c>
      <c r="G3995" s="40">
        <v>17.944473014759119</v>
      </c>
      <c r="H3995" s="40">
        <v>66.433334000000002</v>
      </c>
      <c r="I3995" s="40">
        <v>14.020057842587283</v>
      </c>
      <c r="J3995" s="40">
        <v>66.433309315476706</v>
      </c>
      <c r="K3995" s="40">
        <v>12.074247792168745</v>
      </c>
      <c r="L3995" s="40"/>
      <c r="M3995" s="40"/>
      <c r="N3995" s="40"/>
      <c r="X3995">
        <v>-100</v>
      </c>
      <c r="Y3995">
        <v>49.150000000000006</v>
      </c>
      <c r="Z3995">
        <v>127.45</v>
      </c>
      <c r="AA3995">
        <v>8.2270679999999992</v>
      </c>
      <c r="AB3995">
        <v>-0.35181200259590667</v>
      </c>
    </row>
    <row r="3996" spans="4:28" x14ac:dyDescent="0.25">
      <c r="D3996" s="40">
        <v>66.464009000002932</v>
      </c>
      <c r="E3996" s="40">
        <v>19.600201305293542</v>
      </c>
      <c r="F3996" s="40">
        <v>66.449999999999989</v>
      </c>
      <c r="G3996" s="40">
        <v>17.944473014759119</v>
      </c>
      <c r="H3996" s="40">
        <v>66.450000000000017</v>
      </c>
      <c r="I3996" s="40">
        <v>14.020057842587283</v>
      </c>
      <c r="J3996" s="40">
        <v>66.449975976190998</v>
      </c>
      <c r="K3996" s="40">
        <v>12.074247792168745</v>
      </c>
      <c r="L3996" s="40"/>
      <c r="M3996" s="40"/>
      <c r="N3996" s="40"/>
      <c r="X3996">
        <v>-100</v>
      </c>
      <c r="Y3996">
        <v>49.166667000000004</v>
      </c>
      <c r="Z3996">
        <v>127.466667</v>
      </c>
      <c r="AA3996">
        <v>8.2271350000000005</v>
      </c>
      <c r="AB3996">
        <v>-0.35100048279371676</v>
      </c>
    </row>
    <row r="3997" spans="4:28" x14ac:dyDescent="0.25">
      <c r="D3997" s="40">
        <v>66.480675000002933</v>
      </c>
      <c r="E3997" s="40">
        <v>19.600201305293542</v>
      </c>
      <c r="F3997" s="40">
        <v>66.466667000000001</v>
      </c>
      <c r="G3997" s="40">
        <v>17.949228258849217</v>
      </c>
      <c r="H3997" s="40">
        <v>66.466667000000001</v>
      </c>
      <c r="I3997" s="40">
        <v>14.023410578730541</v>
      </c>
      <c r="J3997" s="40">
        <v>66.466642636905306</v>
      </c>
      <c r="K3997" s="40">
        <v>12.074247792168745</v>
      </c>
      <c r="L3997" s="40"/>
      <c r="M3997" s="40"/>
      <c r="N3997" s="40"/>
      <c r="X3997">
        <v>-100</v>
      </c>
      <c r="Y3997">
        <v>49.183333000000005</v>
      </c>
      <c r="Z3997">
        <v>127.483333</v>
      </c>
      <c r="AA3997">
        <v>8.227169</v>
      </c>
      <c r="AB3997">
        <v>-0.35058866677471046</v>
      </c>
    </row>
    <row r="3998" spans="4:28" x14ac:dyDescent="0.25">
      <c r="D3998" s="40">
        <v>66.497341000002933</v>
      </c>
      <c r="E3998" s="40">
        <v>19.605044483883088</v>
      </c>
      <c r="F3998" s="40">
        <v>66.483332999999988</v>
      </c>
      <c r="G3998" s="40">
        <v>17.949228258849217</v>
      </c>
      <c r="H3998" s="40">
        <v>66.483334000000013</v>
      </c>
      <c r="I3998" s="40">
        <v>14.023410578730541</v>
      </c>
      <c r="J3998" s="40">
        <v>66.483309297619499</v>
      </c>
      <c r="K3998" s="40">
        <v>12.078956158121803</v>
      </c>
      <c r="L3998" s="40"/>
      <c r="M3998" s="40"/>
      <c r="N3998" s="40"/>
      <c r="X3998">
        <v>-100</v>
      </c>
      <c r="Y3998">
        <v>49.2</v>
      </c>
      <c r="Z3998">
        <v>127.5</v>
      </c>
      <c r="AA3998">
        <v>8.2272359999999995</v>
      </c>
      <c r="AB3998">
        <v>-0.34977714697254209</v>
      </c>
    </row>
    <row r="3999" spans="4:28" x14ac:dyDescent="0.25">
      <c r="D3999" s="40">
        <v>66.514007000002934</v>
      </c>
      <c r="E3999" s="40">
        <v>19.605044483883088</v>
      </c>
      <c r="F3999" s="40">
        <v>66.5</v>
      </c>
      <c r="G3999" s="40">
        <v>17.95384364281912</v>
      </c>
      <c r="H3999" s="40">
        <v>66.5</v>
      </c>
      <c r="I3999" s="40">
        <v>14.026763314873799</v>
      </c>
      <c r="J3999" s="40">
        <v>66.499975958333806</v>
      </c>
      <c r="K3999" s="40">
        <v>12.078956158121803</v>
      </c>
      <c r="L3999" s="40"/>
      <c r="M3999" s="40"/>
      <c r="N3999" s="40"/>
      <c r="X3999">
        <v>-100</v>
      </c>
      <c r="Y3999">
        <v>49.216667000000001</v>
      </c>
      <c r="Z3999">
        <v>127.516667</v>
      </c>
      <c r="AA3999">
        <v>8.2272700000000007</v>
      </c>
      <c r="AB3999">
        <v>-0.34936533095351424</v>
      </c>
    </row>
    <row r="4000" spans="4:28" x14ac:dyDescent="0.25">
      <c r="D4000" s="40">
        <v>66.530673000002935</v>
      </c>
      <c r="E4000" s="40">
        <v>19.609745216043514</v>
      </c>
      <c r="F4000" s="40">
        <v>66.516666999999984</v>
      </c>
      <c r="G4000" s="40">
        <v>17.958598886909336</v>
      </c>
      <c r="H4000" s="40">
        <v>66.516667000000012</v>
      </c>
      <c r="I4000" s="40">
        <v>14.030017441130562</v>
      </c>
      <c r="J4000" s="40">
        <v>66.516642619048099</v>
      </c>
      <c r="K4000" s="40">
        <v>12.078956158121803</v>
      </c>
      <c r="L4000" s="40"/>
      <c r="M4000" s="40"/>
      <c r="N4000" s="40"/>
      <c r="X4000">
        <v>-100</v>
      </c>
      <c r="Y4000">
        <v>49.233333000000002</v>
      </c>
      <c r="Z4000">
        <v>127.533333</v>
      </c>
      <c r="AA4000">
        <v>8.2273370000000003</v>
      </c>
      <c r="AB4000">
        <v>-0.34855381115134587</v>
      </c>
    </row>
    <row r="4001" spans="4:28" x14ac:dyDescent="0.25">
      <c r="D4001" s="40">
        <v>66.547339000002935</v>
      </c>
      <c r="E4001" s="40">
        <v>19.609745216043514</v>
      </c>
      <c r="F4001" s="40">
        <v>66.533332999999999</v>
      </c>
      <c r="G4001" s="40">
        <v>17.963354130999431</v>
      </c>
      <c r="H4001" s="40">
        <v>66.533333999999996</v>
      </c>
      <c r="I4001" s="40">
        <v>14.030017441130562</v>
      </c>
      <c r="J4001" s="40">
        <v>66.533309279762406</v>
      </c>
      <c r="K4001" s="40">
        <v>12.078956158121803</v>
      </c>
      <c r="L4001" s="40"/>
      <c r="M4001" s="40"/>
      <c r="N4001" s="40"/>
      <c r="X4001">
        <v>-100</v>
      </c>
      <c r="Y4001">
        <v>49.25</v>
      </c>
      <c r="Z4001">
        <v>127.55</v>
      </c>
      <c r="AA4001">
        <v>8.2273709999999998</v>
      </c>
      <c r="AB4001">
        <v>-0.34814199513233957</v>
      </c>
    </row>
    <row r="4002" spans="4:28" x14ac:dyDescent="0.25">
      <c r="D4002" s="40">
        <v>66.564005000002936</v>
      </c>
      <c r="E4002" s="40">
        <v>19.609745216043514</v>
      </c>
      <c r="F4002" s="40">
        <v>66.549999999999983</v>
      </c>
      <c r="G4002" s="40">
        <v>17.963354130999431</v>
      </c>
      <c r="H4002" s="40">
        <v>66.550000000000011</v>
      </c>
      <c r="I4002" s="40">
        <v>14.033370177273994</v>
      </c>
      <c r="J4002" s="40">
        <v>66.549975940476699</v>
      </c>
      <c r="K4002" s="40">
        <v>12.078956158121803</v>
      </c>
      <c r="L4002" s="40"/>
      <c r="M4002" s="40"/>
      <c r="N4002" s="40"/>
      <c r="X4002">
        <v>-100</v>
      </c>
      <c r="Y4002">
        <v>49.266666999999998</v>
      </c>
      <c r="Z4002">
        <v>127.566667</v>
      </c>
      <c r="AA4002">
        <v>8.2274379999999994</v>
      </c>
      <c r="AB4002">
        <v>-0.3473304753301712</v>
      </c>
    </row>
    <row r="4003" spans="4:28" x14ac:dyDescent="0.25">
      <c r="D4003" s="40">
        <v>66.580671000002937</v>
      </c>
      <c r="E4003" s="40">
        <v>19.609745216043514</v>
      </c>
      <c r="F4003" s="40">
        <v>66.566666999999995</v>
      </c>
      <c r="G4003" s="40">
        <v>17.967969514969333</v>
      </c>
      <c r="H4003" s="40">
        <v>66.566666999999995</v>
      </c>
      <c r="I4003" s="40">
        <v>14.03672291341725</v>
      </c>
      <c r="J4003" s="40">
        <v>66.566642601191006</v>
      </c>
      <c r="K4003" s="40">
        <v>12.08380720183091</v>
      </c>
      <c r="L4003" s="40"/>
      <c r="M4003" s="40"/>
      <c r="N4003" s="40"/>
      <c r="X4003">
        <v>-100</v>
      </c>
      <c r="Y4003">
        <v>49.283332999999999</v>
      </c>
      <c r="Z4003">
        <v>127.583333</v>
      </c>
      <c r="AA4003">
        <v>8.2274720000000006</v>
      </c>
      <c r="AB4003">
        <v>-0.34691865931114335</v>
      </c>
    </row>
    <row r="4004" spans="4:28" x14ac:dyDescent="0.25">
      <c r="D4004" s="40">
        <v>66.597337000002938</v>
      </c>
      <c r="E4004" s="40">
        <v>19.609745216043514</v>
      </c>
      <c r="F4004" s="40">
        <v>66.583332999999982</v>
      </c>
      <c r="G4004" s="40">
        <v>17.972724759059549</v>
      </c>
      <c r="H4004" s="40">
        <v>66.583334000000008</v>
      </c>
      <c r="I4004" s="40">
        <v>14.03672291341725</v>
      </c>
      <c r="J4004" s="40">
        <v>66.583309261905299</v>
      </c>
      <c r="K4004" s="40">
        <v>12.08380720183091</v>
      </c>
      <c r="L4004" s="40"/>
      <c r="M4004" s="40"/>
      <c r="N4004" s="40"/>
      <c r="X4004">
        <v>-100</v>
      </c>
      <c r="Y4004">
        <v>49.3</v>
      </c>
      <c r="Z4004">
        <v>127.6</v>
      </c>
      <c r="AA4004">
        <v>8.227506</v>
      </c>
      <c r="AB4004">
        <v>-0.34650684329213705</v>
      </c>
    </row>
    <row r="4005" spans="4:28" x14ac:dyDescent="0.25">
      <c r="D4005" s="40">
        <v>66.614003000002938</v>
      </c>
      <c r="E4005" s="40">
        <v>19.609745216043514</v>
      </c>
      <c r="F4005" s="40">
        <v>66.599999999999994</v>
      </c>
      <c r="G4005" s="40">
        <v>17.977480003149644</v>
      </c>
      <c r="H4005" s="40">
        <v>66.599999999999994</v>
      </c>
      <c r="I4005" s="40">
        <v>14.039977039674014</v>
      </c>
      <c r="J4005" s="40">
        <v>66.599975922619507</v>
      </c>
      <c r="K4005" s="40">
        <v>12.08380720183091</v>
      </c>
      <c r="L4005" s="40"/>
      <c r="M4005" s="40"/>
      <c r="N4005" s="40"/>
      <c r="X4005">
        <v>-100</v>
      </c>
      <c r="Y4005">
        <v>49.31666700000001</v>
      </c>
      <c r="Z4005">
        <v>127.61666700000001</v>
      </c>
      <c r="AA4005">
        <v>8.2275390000000002</v>
      </c>
      <c r="AB4005">
        <v>-0.34610713950897498</v>
      </c>
    </row>
    <row r="4006" spans="4:28" x14ac:dyDescent="0.25">
      <c r="D4006" s="40">
        <v>66.630669000002939</v>
      </c>
      <c r="E4006" s="40">
        <v>19.609745216043514</v>
      </c>
      <c r="F4006" s="40">
        <v>66.616667000000007</v>
      </c>
      <c r="G4006" s="40">
        <v>17.977480003149644</v>
      </c>
      <c r="H4006" s="40">
        <v>66.616667000000007</v>
      </c>
      <c r="I4006" s="40">
        <v>14.043329775817272</v>
      </c>
      <c r="J4006" s="40">
        <v>66.6166425833338</v>
      </c>
      <c r="K4006" s="40">
        <v>12.08380720183091</v>
      </c>
      <c r="L4006" s="40"/>
      <c r="M4006" s="40"/>
      <c r="N4006" s="40"/>
      <c r="X4006">
        <v>-100</v>
      </c>
      <c r="Y4006">
        <v>49.333332999999996</v>
      </c>
      <c r="Z4006">
        <v>127.63333299999999</v>
      </c>
      <c r="AA4006">
        <v>8.2276070000000008</v>
      </c>
      <c r="AB4006">
        <v>-0.34528350747094083</v>
      </c>
    </row>
    <row r="4007" spans="4:28" x14ac:dyDescent="0.25">
      <c r="D4007" s="40">
        <v>66.64733500000294</v>
      </c>
      <c r="E4007" s="40">
        <v>19.609745216043514</v>
      </c>
      <c r="F4007" s="40">
        <v>66.633332999999993</v>
      </c>
      <c r="G4007" s="40">
        <v>17.982095387119546</v>
      </c>
      <c r="H4007" s="40">
        <v>66.633334000000019</v>
      </c>
      <c r="I4007" s="40">
        <v>14.043329775817272</v>
      </c>
      <c r="J4007" s="40">
        <v>66.633309244048107</v>
      </c>
      <c r="K4007" s="40">
        <v>12.08380720183091</v>
      </c>
      <c r="L4007" s="40"/>
      <c r="M4007" s="40"/>
      <c r="N4007" s="40"/>
      <c r="X4007">
        <v>-100</v>
      </c>
      <c r="Y4007">
        <v>49.350000000000009</v>
      </c>
      <c r="Z4007">
        <v>127.65</v>
      </c>
      <c r="AA4007">
        <v>8.2276399999999992</v>
      </c>
      <c r="AB4007">
        <v>-0.34488380368780036</v>
      </c>
    </row>
    <row r="4008" spans="4:28" x14ac:dyDescent="0.25">
      <c r="D4008" s="40">
        <v>66.664001000002941</v>
      </c>
      <c r="E4008" s="40">
        <v>19.609745216043514</v>
      </c>
      <c r="F4008" s="40">
        <v>66.650000000000006</v>
      </c>
      <c r="G4008" s="40">
        <v>17.982095387119546</v>
      </c>
      <c r="H4008" s="40">
        <v>66.650000000000006</v>
      </c>
      <c r="I4008" s="40">
        <v>14.04668251196053</v>
      </c>
      <c r="J4008" s="40">
        <v>66.6499759047624</v>
      </c>
      <c r="K4008" s="40">
        <v>12.088658245540142</v>
      </c>
      <c r="L4008" s="40"/>
      <c r="M4008" s="40"/>
      <c r="N4008" s="40"/>
      <c r="X4008">
        <v>-100</v>
      </c>
      <c r="Y4008">
        <v>49.366667000000007</v>
      </c>
      <c r="Z4008">
        <v>127.666667</v>
      </c>
      <c r="AA4008">
        <v>8.2277079999999998</v>
      </c>
      <c r="AB4008">
        <v>-0.34406017164976616</v>
      </c>
    </row>
    <row r="4009" spans="4:28" x14ac:dyDescent="0.25">
      <c r="D4009" s="40">
        <v>66.680667000002941</v>
      </c>
      <c r="E4009" s="40">
        <v>19.609745216043514</v>
      </c>
      <c r="F4009" s="40">
        <v>66.66666699999999</v>
      </c>
      <c r="G4009" s="40">
        <v>17.986850631209762</v>
      </c>
      <c r="H4009" s="40">
        <v>66.666667000000018</v>
      </c>
      <c r="I4009" s="40">
        <v>14.049936638217293</v>
      </c>
      <c r="J4009" s="40">
        <v>66.666642565476707</v>
      </c>
      <c r="K4009" s="40">
        <v>12.088658245540142</v>
      </c>
      <c r="L4009" s="40"/>
      <c r="M4009" s="40"/>
      <c r="N4009" s="40"/>
      <c r="X4009">
        <v>-100</v>
      </c>
      <c r="Y4009">
        <v>49.383333000000007</v>
      </c>
      <c r="Z4009">
        <v>127.683333</v>
      </c>
      <c r="AA4009">
        <v>8.227741</v>
      </c>
      <c r="AB4009">
        <v>-0.34366046786660409</v>
      </c>
    </row>
    <row r="4010" spans="4:28" x14ac:dyDescent="0.25">
      <c r="D4010" s="40">
        <v>66.697333000002942</v>
      </c>
      <c r="E4010" s="40">
        <v>19.609745216043514</v>
      </c>
      <c r="F4010" s="40">
        <v>66.683333000000005</v>
      </c>
      <c r="G4010" s="40">
        <v>17.991605875299982</v>
      </c>
      <c r="H4010" s="40">
        <v>66.683334000000002</v>
      </c>
      <c r="I4010" s="40">
        <v>14.049936638217293</v>
      </c>
      <c r="J4010" s="40">
        <v>66.683309226191</v>
      </c>
      <c r="K4010" s="40">
        <v>12.088658245540142</v>
      </c>
      <c r="L4010" s="40"/>
      <c r="M4010" s="40"/>
      <c r="N4010" s="40"/>
      <c r="X4010">
        <v>-100</v>
      </c>
      <c r="Y4010">
        <v>49.400000000000006</v>
      </c>
      <c r="Z4010">
        <v>127.7</v>
      </c>
      <c r="AA4010">
        <v>8.2278079999999996</v>
      </c>
      <c r="AB4010">
        <v>-0.34284894806443578</v>
      </c>
    </row>
    <row r="4011" spans="4:28" x14ac:dyDescent="0.25">
      <c r="D4011" s="40">
        <v>66.713999000002943</v>
      </c>
      <c r="E4011" s="40">
        <v>19.609745216043514</v>
      </c>
      <c r="F4011" s="40">
        <v>66.699999999999989</v>
      </c>
      <c r="G4011" s="40">
        <v>17.991605875299982</v>
      </c>
      <c r="H4011" s="40">
        <v>66.700000000000017</v>
      </c>
      <c r="I4011" s="40">
        <v>14.053289374360725</v>
      </c>
      <c r="J4011" s="40">
        <v>66.699975886905307</v>
      </c>
      <c r="K4011" s="40">
        <v>12.093366611493202</v>
      </c>
      <c r="L4011" s="40"/>
      <c r="M4011" s="40"/>
      <c r="N4011" s="40"/>
      <c r="X4011">
        <v>-100</v>
      </c>
      <c r="Y4011">
        <v>49.416667000000004</v>
      </c>
      <c r="Z4011">
        <v>127.716667</v>
      </c>
      <c r="AA4011">
        <v>8.2278420000000008</v>
      </c>
      <c r="AB4011">
        <v>-0.34243713204540788</v>
      </c>
    </row>
    <row r="4012" spans="4:28" x14ac:dyDescent="0.25">
      <c r="D4012" s="40">
        <v>66.730665000002944</v>
      </c>
      <c r="E4012" s="40">
        <v>19.609745216043514</v>
      </c>
      <c r="F4012" s="40">
        <v>66.716667000000001</v>
      </c>
      <c r="G4012" s="40">
        <v>17.996221259269763</v>
      </c>
      <c r="H4012" s="40">
        <v>66.716667000000001</v>
      </c>
      <c r="I4012" s="40">
        <v>14.056642110503983</v>
      </c>
      <c r="J4012" s="40">
        <v>66.7166425476195</v>
      </c>
      <c r="K4012" s="40">
        <v>12.093366611493202</v>
      </c>
      <c r="L4012" s="40"/>
      <c r="M4012" s="40"/>
      <c r="N4012" s="40"/>
      <c r="X4012">
        <v>-100</v>
      </c>
      <c r="Y4012">
        <v>49.433333000000005</v>
      </c>
      <c r="Z4012">
        <v>127.733333</v>
      </c>
      <c r="AA4012">
        <v>8.2279090000000004</v>
      </c>
      <c r="AB4012">
        <v>-0.34162561224323951</v>
      </c>
    </row>
    <row r="4013" spans="4:28" x14ac:dyDescent="0.25">
      <c r="D4013" s="40">
        <v>66.747331000002944</v>
      </c>
      <c r="E4013" s="40">
        <v>19.609745216043514</v>
      </c>
      <c r="F4013" s="40">
        <v>66.733332999999988</v>
      </c>
      <c r="G4013" s="40">
        <v>18.000976503359979</v>
      </c>
      <c r="H4013" s="40">
        <v>66.733334000000013</v>
      </c>
      <c r="I4013" s="40">
        <v>14.056642110503983</v>
      </c>
      <c r="J4013" s="40">
        <v>66.733309208333793</v>
      </c>
      <c r="K4013" s="40">
        <v>12.098217655202308</v>
      </c>
      <c r="L4013" s="40"/>
      <c r="M4013" s="40"/>
      <c r="N4013" s="40"/>
      <c r="X4013">
        <v>-100</v>
      </c>
      <c r="Y4013">
        <v>49.45</v>
      </c>
      <c r="Z4013">
        <v>127.75</v>
      </c>
      <c r="AA4013">
        <v>8.2279429999999998</v>
      </c>
      <c r="AB4013">
        <v>-0.3412137962242332</v>
      </c>
    </row>
    <row r="4014" spans="4:28" x14ac:dyDescent="0.25">
      <c r="D4014" s="40">
        <v>66.763997000002945</v>
      </c>
      <c r="E4014" s="40">
        <v>19.609745216043514</v>
      </c>
      <c r="F4014" s="40">
        <v>66.75</v>
      </c>
      <c r="G4014" s="40">
        <v>18.000976503359979</v>
      </c>
      <c r="H4014" s="40">
        <v>66.75</v>
      </c>
      <c r="I4014" s="40">
        <v>14.059994846647237</v>
      </c>
      <c r="J4014" s="40">
        <v>66.7499758690481</v>
      </c>
      <c r="K4014" s="40">
        <v>12.098217655202308</v>
      </c>
      <c r="L4014" s="40"/>
      <c r="M4014" s="40"/>
      <c r="N4014" s="40"/>
      <c r="X4014">
        <v>-100</v>
      </c>
      <c r="Y4014">
        <v>49.466667000000001</v>
      </c>
      <c r="Z4014">
        <v>127.766667</v>
      </c>
      <c r="AA4014">
        <v>8.2280099999999994</v>
      </c>
      <c r="AB4014">
        <v>-0.34040227642206489</v>
      </c>
    </row>
    <row r="4015" spans="4:28" x14ac:dyDescent="0.25">
      <c r="D4015" s="40">
        <v>66.780663000002946</v>
      </c>
      <c r="E4015" s="40">
        <v>19.614588394632936</v>
      </c>
      <c r="F4015" s="40">
        <v>66.766666999999984</v>
      </c>
      <c r="G4015" s="40">
        <v>18.005731747450199</v>
      </c>
      <c r="H4015" s="40">
        <v>66.766667000000012</v>
      </c>
      <c r="I4015" s="40">
        <v>14.063248972904001</v>
      </c>
      <c r="J4015" s="40">
        <v>66.766642529762393</v>
      </c>
      <c r="K4015" s="40">
        <v>12.098217655202308</v>
      </c>
      <c r="L4015" s="40"/>
      <c r="M4015" s="40"/>
      <c r="N4015" s="40"/>
      <c r="X4015">
        <v>-100</v>
      </c>
      <c r="Y4015">
        <v>49.483333000000002</v>
      </c>
      <c r="Z4015">
        <v>127.783333</v>
      </c>
      <c r="AA4015">
        <v>8.2280440000000006</v>
      </c>
      <c r="AB4015">
        <v>-0.33999046040303699</v>
      </c>
    </row>
    <row r="4016" spans="4:28" x14ac:dyDescent="0.25">
      <c r="D4016" s="40">
        <v>66.797329000002946</v>
      </c>
      <c r="E4016" s="40">
        <v>19.614588394632936</v>
      </c>
      <c r="F4016" s="40">
        <v>66.783332999999999</v>
      </c>
      <c r="G4016" s="40">
        <v>18.005731747450199</v>
      </c>
      <c r="H4016" s="40">
        <v>66.783333999999996</v>
      </c>
      <c r="I4016" s="40">
        <v>14.063248972904001</v>
      </c>
      <c r="J4016" s="40">
        <v>66.7833091904767</v>
      </c>
      <c r="K4016" s="40">
        <v>12.103068698911539</v>
      </c>
      <c r="L4016" s="40"/>
      <c r="M4016" s="40"/>
      <c r="N4016" s="40"/>
      <c r="X4016">
        <v>-100</v>
      </c>
      <c r="Y4016">
        <v>49.5</v>
      </c>
      <c r="Z4016">
        <v>127.8</v>
      </c>
      <c r="AA4016">
        <v>8.2281110000000002</v>
      </c>
      <c r="AB4016">
        <v>-0.33917894060086862</v>
      </c>
    </row>
    <row r="4017" spans="4:28" x14ac:dyDescent="0.25">
      <c r="D4017" s="40">
        <v>66.813995000002947</v>
      </c>
      <c r="E4017" s="40">
        <v>19.614588394632936</v>
      </c>
      <c r="F4017" s="40">
        <v>66.799999999999983</v>
      </c>
      <c r="G4017" s="40">
        <v>18.010347131420101</v>
      </c>
      <c r="H4017" s="40">
        <v>66.800000000000011</v>
      </c>
      <c r="I4017" s="40">
        <v>14.066601709047433</v>
      </c>
      <c r="J4017" s="40">
        <v>66.799975851190993</v>
      </c>
      <c r="K4017" s="40">
        <v>12.103068698911539</v>
      </c>
      <c r="L4017" s="40"/>
      <c r="M4017" s="40"/>
      <c r="N4017" s="40"/>
      <c r="X4017">
        <v>-100</v>
      </c>
      <c r="Y4017">
        <v>49.516666999999998</v>
      </c>
      <c r="Z4017">
        <v>127.816667</v>
      </c>
      <c r="AA4017">
        <v>8.2281449999999996</v>
      </c>
      <c r="AB4017">
        <v>-0.33876712458186231</v>
      </c>
    </row>
    <row r="4018" spans="4:28" x14ac:dyDescent="0.25">
      <c r="D4018" s="40">
        <v>66.830661000002948</v>
      </c>
      <c r="E4018" s="40">
        <v>19.619431573222482</v>
      </c>
      <c r="F4018" s="40">
        <v>66.816666999999995</v>
      </c>
      <c r="G4018" s="40">
        <v>18.010347131420101</v>
      </c>
      <c r="H4018" s="40">
        <v>66.816666999999995</v>
      </c>
      <c r="I4018" s="40">
        <v>14.069954445190691</v>
      </c>
      <c r="J4018" s="40">
        <v>66.8166425119053</v>
      </c>
      <c r="K4018" s="40">
        <v>12.103068698911539</v>
      </c>
      <c r="L4018" s="40"/>
      <c r="M4018" s="40"/>
      <c r="N4018" s="40"/>
      <c r="X4018">
        <v>-100</v>
      </c>
      <c r="Y4018">
        <v>49.533332999999999</v>
      </c>
      <c r="Z4018">
        <v>127.833333</v>
      </c>
      <c r="AA4018">
        <v>8.2282119999999992</v>
      </c>
      <c r="AB4018">
        <v>-0.33795560477969394</v>
      </c>
    </row>
    <row r="4019" spans="4:28" x14ac:dyDescent="0.25">
      <c r="D4019" s="40">
        <v>66.847327000002949</v>
      </c>
      <c r="E4019" s="40">
        <v>19.619431573222482</v>
      </c>
      <c r="F4019" s="40">
        <v>66.833332999999982</v>
      </c>
      <c r="G4019" s="40">
        <v>18.015102375510192</v>
      </c>
      <c r="H4019" s="40">
        <v>66.833334000000008</v>
      </c>
      <c r="I4019" s="40">
        <v>14.073208571447454</v>
      </c>
      <c r="J4019" s="40">
        <v>66.833309172619494</v>
      </c>
      <c r="K4019" s="40">
        <v>12.103068698911539</v>
      </c>
      <c r="L4019" s="40"/>
      <c r="M4019" s="40"/>
      <c r="N4019" s="40"/>
      <c r="X4019">
        <v>-100</v>
      </c>
      <c r="Y4019">
        <v>49.55</v>
      </c>
      <c r="Z4019">
        <v>127.85</v>
      </c>
      <c r="AA4019">
        <v>8.2282460000000004</v>
      </c>
      <c r="AB4019">
        <v>-0.3375437887606661</v>
      </c>
    </row>
    <row r="4020" spans="4:28" x14ac:dyDescent="0.25">
      <c r="D4020" s="40">
        <v>66.863993000002949</v>
      </c>
      <c r="E4020" s="40">
        <v>19.624132305382908</v>
      </c>
      <c r="F4020" s="40">
        <v>66.849999999999994</v>
      </c>
      <c r="G4020" s="40">
        <v>18.015102375510192</v>
      </c>
      <c r="H4020" s="40">
        <v>66.849999999999994</v>
      </c>
      <c r="I4020" s="40">
        <v>14.073208571447454</v>
      </c>
      <c r="J4020" s="40">
        <v>66.849975833333801</v>
      </c>
      <c r="K4020" s="40">
        <v>12.103068698911539</v>
      </c>
      <c r="L4020" s="40"/>
      <c r="M4020" s="40"/>
      <c r="N4020" s="40"/>
      <c r="X4020">
        <v>-100</v>
      </c>
      <c r="Y4020">
        <v>49.56666700000001</v>
      </c>
      <c r="Z4020">
        <v>127.86666700000001</v>
      </c>
      <c r="AA4020">
        <v>8.228313</v>
      </c>
      <c r="AB4020">
        <v>-0.33673226895849773</v>
      </c>
    </row>
    <row r="4021" spans="4:28" x14ac:dyDescent="0.25">
      <c r="D4021" s="40">
        <v>66.88065900000295</v>
      </c>
      <c r="E4021" s="40">
        <v>19.624132305382908</v>
      </c>
      <c r="F4021" s="40">
        <v>66.866667000000007</v>
      </c>
      <c r="G4021" s="40">
        <v>18.019857619600412</v>
      </c>
      <c r="H4021" s="40">
        <v>66.866667000000007</v>
      </c>
      <c r="I4021" s="40">
        <v>14.076561307590712</v>
      </c>
      <c r="J4021" s="40">
        <v>66.866642494048094</v>
      </c>
      <c r="K4021" s="40">
        <v>12.103068698911539</v>
      </c>
      <c r="L4021" s="40"/>
      <c r="M4021" s="40"/>
      <c r="N4021" s="40"/>
      <c r="X4021">
        <v>-100</v>
      </c>
      <c r="Y4021">
        <v>49.583332999999996</v>
      </c>
      <c r="Z4021">
        <v>127.88333299999999</v>
      </c>
      <c r="AA4021">
        <v>8.2283469999999994</v>
      </c>
      <c r="AB4021">
        <v>-0.33632045293949142</v>
      </c>
    </row>
    <row r="4022" spans="4:28" x14ac:dyDescent="0.25">
      <c r="D4022" s="40">
        <v>66.897325000002951</v>
      </c>
      <c r="E4022" s="40">
        <v>19.624132305382908</v>
      </c>
      <c r="F4022" s="40">
        <v>66.883332999999993</v>
      </c>
      <c r="G4022" s="40">
        <v>18.024473003570314</v>
      </c>
      <c r="H4022" s="40">
        <v>66.883334000000019</v>
      </c>
      <c r="I4022" s="40">
        <v>14.079914043733968</v>
      </c>
      <c r="J4022" s="40">
        <v>66.883309154762401</v>
      </c>
      <c r="K4022" s="40">
        <v>12.107777064864599</v>
      </c>
      <c r="L4022" s="40"/>
      <c r="M4022" s="40"/>
      <c r="N4022" s="40"/>
      <c r="X4022">
        <v>-100</v>
      </c>
      <c r="Y4022">
        <v>49.600000000000009</v>
      </c>
      <c r="Z4022">
        <v>127.9</v>
      </c>
      <c r="AA4022">
        <v>8.2284140000000008</v>
      </c>
      <c r="AB4022">
        <v>-0.33550893313730151</v>
      </c>
    </row>
    <row r="4023" spans="4:28" x14ac:dyDescent="0.25">
      <c r="D4023" s="40">
        <v>66.913991000002952</v>
      </c>
      <c r="E4023" s="40">
        <v>19.624132305382908</v>
      </c>
      <c r="F4023" s="40">
        <v>66.900000000000006</v>
      </c>
      <c r="G4023" s="40">
        <v>18.024473003570314</v>
      </c>
      <c r="H4023" s="40">
        <v>66.900000000000006</v>
      </c>
      <c r="I4023" s="40">
        <v>14.083168169990731</v>
      </c>
      <c r="J4023" s="40">
        <v>66.899975815476694</v>
      </c>
      <c r="K4023" s="40">
        <v>12.107777064864599</v>
      </c>
      <c r="L4023" s="40"/>
      <c r="M4023" s="40"/>
      <c r="N4023" s="40"/>
      <c r="X4023">
        <v>-100</v>
      </c>
      <c r="Y4023">
        <v>49.616667000000007</v>
      </c>
      <c r="Z4023">
        <v>127.916667</v>
      </c>
      <c r="AA4023">
        <v>8.2284480000000002</v>
      </c>
      <c r="AB4023">
        <v>-0.33509711711829521</v>
      </c>
    </row>
    <row r="4024" spans="4:28" x14ac:dyDescent="0.25">
      <c r="D4024" s="40">
        <v>66.930657000002952</v>
      </c>
      <c r="E4024" s="40">
        <v>19.624132305382908</v>
      </c>
      <c r="F4024" s="40">
        <v>66.91666699999999</v>
      </c>
      <c r="G4024" s="40">
        <v>18.029228247660406</v>
      </c>
      <c r="H4024" s="40">
        <v>66.916667000000018</v>
      </c>
      <c r="I4024" s="40">
        <v>14.083168169990731</v>
      </c>
      <c r="J4024" s="40">
        <v>66.916642476191001</v>
      </c>
      <c r="K4024" s="40">
        <v>12.107777064864599</v>
      </c>
      <c r="L4024" s="40"/>
      <c r="M4024" s="40"/>
      <c r="N4024" s="40"/>
      <c r="X4024">
        <v>-100</v>
      </c>
      <c r="Y4024">
        <v>49.633333000000007</v>
      </c>
      <c r="Z4024">
        <v>127.933333</v>
      </c>
      <c r="AA4024">
        <v>8.2285149999999998</v>
      </c>
      <c r="AB4024">
        <v>-0.33428559731612684</v>
      </c>
    </row>
    <row r="4025" spans="4:28" x14ac:dyDescent="0.25">
      <c r="D4025" s="40">
        <v>66.947323000002953</v>
      </c>
      <c r="E4025" s="40">
        <v>19.624132305382908</v>
      </c>
      <c r="F4025" s="40">
        <v>66.933333000000005</v>
      </c>
      <c r="G4025" s="40">
        <v>18.029228247660406</v>
      </c>
      <c r="H4025" s="40">
        <v>66.933334000000002</v>
      </c>
      <c r="I4025" s="40">
        <v>14.086520906134163</v>
      </c>
      <c r="J4025" s="40">
        <v>66.933309136905294</v>
      </c>
      <c r="K4025" s="40">
        <v>12.107777064864599</v>
      </c>
      <c r="L4025" s="40"/>
      <c r="M4025" s="40"/>
      <c r="N4025" s="40"/>
      <c r="X4025">
        <v>-100</v>
      </c>
      <c r="Y4025">
        <v>49.650000000000006</v>
      </c>
      <c r="Z4025">
        <v>127.95</v>
      </c>
      <c r="AA4025">
        <v>8.2285489999999992</v>
      </c>
      <c r="AB4025">
        <v>-0.33387378129712053</v>
      </c>
    </row>
    <row r="4026" spans="4:28" x14ac:dyDescent="0.25">
      <c r="D4026" s="40">
        <v>66.963989000002954</v>
      </c>
      <c r="E4026" s="40">
        <v>19.624132305382908</v>
      </c>
      <c r="F4026" s="40">
        <v>66.949999999999989</v>
      </c>
      <c r="G4026" s="40">
        <v>18.033983491750625</v>
      </c>
      <c r="H4026" s="40">
        <v>66.950000000000017</v>
      </c>
      <c r="I4026" s="40">
        <v>14.089873642277421</v>
      </c>
      <c r="J4026" s="40">
        <v>66.949975797619501</v>
      </c>
      <c r="K4026" s="40">
        <v>12.112628108573706</v>
      </c>
      <c r="L4026" s="40"/>
      <c r="M4026" s="40"/>
      <c r="N4026" s="40"/>
      <c r="X4026">
        <v>-100</v>
      </c>
      <c r="Y4026">
        <v>49.666667000000004</v>
      </c>
      <c r="Z4026">
        <v>127.966667</v>
      </c>
      <c r="AA4026">
        <v>8.2286160000000006</v>
      </c>
      <c r="AB4026">
        <v>-0.33306226149493062</v>
      </c>
    </row>
    <row r="4027" spans="4:28" x14ac:dyDescent="0.25">
      <c r="D4027" s="40">
        <v>66.980655000002955</v>
      </c>
      <c r="E4027" s="40">
        <v>19.624132305382908</v>
      </c>
      <c r="F4027" s="40">
        <v>66.966667000000001</v>
      </c>
      <c r="G4027" s="40">
        <v>18.033983491750625</v>
      </c>
      <c r="H4027" s="40">
        <v>66.966667000000001</v>
      </c>
      <c r="I4027" s="40">
        <v>14.089873642277421</v>
      </c>
      <c r="J4027" s="40">
        <v>66.966642458333794</v>
      </c>
      <c r="K4027" s="40">
        <v>12.112628108573706</v>
      </c>
      <c r="L4027" s="40"/>
      <c r="M4027" s="40"/>
      <c r="N4027" s="40"/>
      <c r="X4027">
        <v>-100</v>
      </c>
      <c r="Y4027">
        <v>49.683333000000005</v>
      </c>
      <c r="Z4027">
        <v>127.983333</v>
      </c>
      <c r="AA4027">
        <v>8.2286839999999994</v>
      </c>
      <c r="AB4027">
        <v>-0.33223862945691801</v>
      </c>
    </row>
    <row r="4028" spans="4:28" x14ac:dyDescent="0.25">
      <c r="D4028" s="40">
        <v>66.997321000002955</v>
      </c>
      <c r="E4028" s="40">
        <v>19.624132305382908</v>
      </c>
      <c r="F4028" s="40">
        <v>66.983332999999988</v>
      </c>
      <c r="G4028" s="40">
        <v>18.038598875720528</v>
      </c>
      <c r="H4028" s="40">
        <v>66.983334000000013</v>
      </c>
      <c r="I4028" s="40">
        <v>14.093127768534185</v>
      </c>
      <c r="J4028" s="40">
        <v>66.983309119048101</v>
      </c>
      <c r="K4028" s="40">
        <v>12.112628108573706</v>
      </c>
      <c r="L4028" s="40"/>
      <c r="M4028" s="40"/>
      <c r="N4028" s="40"/>
      <c r="X4028">
        <v>-100</v>
      </c>
      <c r="Y4028">
        <v>49.7</v>
      </c>
      <c r="Z4028">
        <v>128</v>
      </c>
      <c r="AA4028">
        <v>8.2287169999999996</v>
      </c>
      <c r="AB4028">
        <v>-0.33183892567375595</v>
      </c>
    </row>
    <row r="4029" spans="4:28" x14ac:dyDescent="0.25">
      <c r="D4029" s="40">
        <v>67.013987000002956</v>
      </c>
      <c r="E4029" s="40">
        <v>19.624132305382908</v>
      </c>
      <c r="F4029" s="40">
        <v>67</v>
      </c>
      <c r="G4029" s="40">
        <v>18.038598875720528</v>
      </c>
      <c r="H4029" s="40">
        <v>67</v>
      </c>
      <c r="I4029" s="40">
        <v>14.096480504677443</v>
      </c>
      <c r="J4029" s="40">
        <v>66.999975779762394</v>
      </c>
      <c r="K4029" s="40">
        <v>12.112628108573706</v>
      </c>
      <c r="L4029" s="40"/>
      <c r="M4029" s="40"/>
      <c r="N4029" s="40"/>
      <c r="X4029">
        <v>-100</v>
      </c>
      <c r="Y4029">
        <v>49.716667000000015</v>
      </c>
      <c r="Z4029">
        <v>128.01666700000001</v>
      </c>
      <c r="AA4029">
        <v>8.2287850000000002</v>
      </c>
      <c r="AB4029">
        <v>-0.3310152936357218</v>
      </c>
    </row>
    <row r="4030" spans="4:28" x14ac:dyDescent="0.25">
      <c r="D4030" s="40">
        <v>67.030653000002957</v>
      </c>
      <c r="E4030" s="40">
        <v>19.624132305382908</v>
      </c>
      <c r="F4030" s="40">
        <v>67.016666999999984</v>
      </c>
      <c r="G4030" s="40">
        <v>18.043354119810623</v>
      </c>
      <c r="H4030" s="40">
        <v>67.016667000000012</v>
      </c>
      <c r="I4030" s="40">
        <v>14.096480504677443</v>
      </c>
      <c r="J4030" s="40">
        <v>67.016642440476701</v>
      </c>
      <c r="K4030" s="40">
        <v>12.112628108573706</v>
      </c>
      <c r="L4030" s="40"/>
      <c r="M4030" s="40"/>
      <c r="N4030" s="40"/>
      <c r="X4030">
        <v>-100</v>
      </c>
      <c r="Y4030">
        <v>49.733333000000002</v>
      </c>
      <c r="Z4030">
        <v>128.033333</v>
      </c>
      <c r="AA4030">
        <v>8.2288180000000004</v>
      </c>
      <c r="AB4030">
        <v>-0.33061558985255973</v>
      </c>
    </row>
    <row r="4031" spans="4:28" x14ac:dyDescent="0.25">
      <c r="D4031" s="40">
        <v>67.047319000002958</v>
      </c>
      <c r="E4031" s="40">
        <v>19.624132305382908</v>
      </c>
      <c r="F4031" s="40">
        <v>67.033332999999999</v>
      </c>
      <c r="G4031" s="40">
        <v>18.043354119810623</v>
      </c>
      <c r="H4031" s="40">
        <v>67.033333999999996</v>
      </c>
      <c r="I4031" s="40">
        <v>14.099833240820699</v>
      </c>
      <c r="J4031" s="40">
        <v>67.033309101190994</v>
      </c>
      <c r="K4031" s="40">
        <v>12.112628108573706</v>
      </c>
      <c r="L4031" s="40"/>
      <c r="M4031" s="40"/>
      <c r="N4031" s="40"/>
      <c r="X4031">
        <v>-100</v>
      </c>
      <c r="Y4031">
        <v>49.750000000000014</v>
      </c>
      <c r="Z4031">
        <v>128.05000000000001</v>
      </c>
      <c r="AA4031">
        <v>8.228885</v>
      </c>
      <c r="AB4031">
        <v>-0.32980407005039136</v>
      </c>
    </row>
    <row r="4032" spans="4:28" x14ac:dyDescent="0.25">
      <c r="D4032" s="40">
        <v>67.063985000002958</v>
      </c>
      <c r="E4032" s="40">
        <v>19.624132305382908</v>
      </c>
      <c r="F4032" s="40">
        <v>67.049999999999983</v>
      </c>
      <c r="G4032" s="40">
        <v>18.048109363900842</v>
      </c>
      <c r="H4032" s="40">
        <v>67.050000000000011</v>
      </c>
      <c r="I4032" s="40">
        <v>14.10308736707746</v>
      </c>
      <c r="J4032" s="40">
        <v>67.049975761905301</v>
      </c>
      <c r="K4032" s="40">
        <v>12.112628108573706</v>
      </c>
      <c r="L4032" s="40"/>
      <c r="M4032" s="40"/>
      <c r="N4032" s="40"/>
      <c r="X4032">
        <v>-100</v>
      </c>
      <c r="Y4032">
        <v>49.766666999999998</v>
      </c>
      <c r="Z4032">
        <v>128.066667</v>
      </c>
      <c r="AA4032">
        <v>8.2289530000000006</v>
      </c>
      <c r="AB4032">
        <v>-0.32898043801235721</v>
      </c>
    </row>
    <row r="4033" spans="4:28" x14ac:dyDescent="0.25">
      <c r="D4033" s="40">
        <v>67.080651000002959</v>
      </c>
      <c r="E4033" s="40">
        <v>19.624132305382908</v>
      </c>
      <c r="F4033" s="40">
        <v>67.066666999999995</v>
      </c>
      <c r="G4033" s="40">
        <v>18.048109363900842</v>
      </c>
      <c r="H4033" s="40">
        <v>67.066666999999995</v>
      </c>
      <c r="I4033" s="40">
        <v>14.10308736707746</v>
      </c>
      <c r="J4033" s="40">
        <v>67.066642422619495</v>
      </c>
      <c r="K4033" s="40">
        <v>12.112628108573706</v>
      </c>
      <c r="L4033" s="40"/>
      <c r="M4033" s="40"/>
      <c r="N4033" s="40"/>
      <c r="X4033">
        <v>-100</v>
      </c>
      <c r="Y4033">
        <v>49.783333000000013</v>
      </c>
      <c r="Z4033">
        <v>128.08333300000001</v>
      </c>
      <c r="AA4033">
        <v>8.2289860000000008</v>
      </c>
      <c r="AB4033">
        <v>-0.32858073422919515</v>
      </c>
    </row>
    <row r="4034" spans="4:28" x14ac:dyDescent="0.25">
      <c r="D4034" s="40">
        <v>67.09731700000296</v>
      </c>
      <c r="E4034" s="40">
        <v>19.628975483972329</v>
      </c>
      <c r="F4034" s="40">
        <v>67.083332999999982</v>
      </c>
      <c r="G4034" s="40">
        <v>18.052724747870744</v>
      </c>
      <c r="H4034" s="40">
        <v>67.083334000000008</v>
      </c>
      <c r="I4034" s="40">
        <v>14.106440103220892</v>
      </c>
      <c r="J4034" s="40">
        <v>67.083309083333802</v>
      </c>
      <c r="K4034" s="40">
        <v>12.112628108573706</v>
      </c>
      <c r="L4034" s="40"/>
      <c r="M4034" s="40"/>
      <c r="N4034" s="40"/>
      <c r="X4034">
        <v>-100</v>
      </c>
      <c r="Y4034">
        <v>49.8</v>
      </c>
      <c r="Z4034">
        <v>128.1</v>
      </c>
      <c r="AA4034">
        <v>8.2290539999999996</v>
      </c>
      <c r="AB4034">
        <v>-0.32775710219118254</v>
      </c>
    </row>
    <row r="4035" spans="4:28" x14ac:dyDescent="0.25">
      <c r="D4035" s="40">
        <v>67.11398300000296</v>
      </c>
      <c r="E4035" s="40">
        <v>19.628975483972329</v>
      </c>
      <c r="F4035" s="40">
        <v>67.099999999999994</v>
      </c>
      <c r="G4035" s="40">
        <v>18.052724747870744</v>
      </c>
      <c r="H4035" s="40">
        <v>67.099999999999994</v>
      </c>
      <c r="I4035" s="40">
        <v>14.10979283936415</v>
      </c>
      <c r="J4035" s="40">
        <v>67.099975744048095</v>
      </c>
      <c r="K4035" s="40">
        <v>12.112628108573706</v>
      </c>
      <c r="L4035" s="40"/>
      <c r="M4035" s="40"/>
      <c r="N4035" s="40"/>
      <c r="X4035">
        <v>-100</v>
      </c>
      <c r="Y4035">
        <v>49.81666700000001</v>
      </c>
      <c r="Z4035">
        <v>128.11666700000001</v>
      </c>
      <c r="AA4035">
        <v>8.2290869999999998</v>
      </c>
      <c r="AB4035">
        <v>-0.32735739840802047</v>
      </c>
    </row>
    <row r="4036" spans="4:28" x14ac:dyDescent="0.25">
      <c r="D4036" s="40">
        <v>67.130649000002961</v>
      </c>
      <c r="E4036" s="40">
        <v>19.628975483972329</v>
      </c>
      <c r="F4036" s="40">
        <v>67.116667000000007</v>
      </c>
      <c r="G4036" s="40">
        <v>18.057479991960836</v>
      </c>
      <c r="H4036" s="40">
        <v>67.116667000000007</v>
      </c>
      <c r="I4036" s="40">
        <v>14.10979283936415</v>
      </c>
      <c r="J4036" s="40">
        <v>67.116642404762402</v>
      </c>
      <c r="K4036" s="40">
        <v>12.112628108573706</v>
      </c>
      <c r="L4036" s="40"/>
      <c r="M4036" s="40"/>
      <c r="N4036" s="40"/>
      <c r="X4036">
        <v>-100</v>
      </c>
      <c r="Y4036">
        <v>49.833332999999996</v>
      </c>
      <c r="Z4036">
        <v>128.13333299999999</v>
      </c>
      <c r="AA4036">
        <v>8.2291550000000004</v>
      </c>
      <c r="AB4036">
        <v>-0.32653376636998632</v>
      </c>
    </row>
    <row r="4037" spans="4:28" x14ac:dyDescent="0.25">
      <c r="D4037" s="40">
        <v>67.147315000002962</v>
      </c>
      <c r="E4037" s="40">
        <v>19.628975483972329</v>
      </c>
      <c r="F4037" s="40">
        <v>67.133332999999993</v>
      </c>
      <c r="G4037" s="40">
        <v>18.057479991960836</v>
      </c>
      <c r="H4037" s="40">
        <v>67.133334000000019</v>
      </c>
      <c r="I4037" s="40">
        <v>14.113046965620914</v>
      </c>
      <c r="J4037" s="40">
        <v>67.133309065476695</v>
      </c>
      <c r="K4037" s="40">
        <v>12.112628108573706</v>
      </c>
      <c r="L4037" s="40"/>
      <c r="M4037" s="40"/>
      <c r="N4037" s="40"/>
      <c r="X4037">
        <v>-100</v>
      </c>
      <c r="Y4037">
        <v>49.850000000000009</v>
      </c>
      <c r="Z4037">
        <v>128.15</v>
      </c>
      <c r="AA4037">
        <v>8.229222</v>
      </c>
      <c r="AB4037">
        <v>-0.32572224656781795</v>
      </c>
    </row>
    <row r="4038" spans="4:28" x14ac:dyDescent="0.25">
      <c r="D4038" s="40">
        <v>67.163981000002963</v>
      </c>
      <c r="E4038" s="40">
        <v>19.633818662561882</v>
      </c>
      <c r="F4038" s="40">
        <v>67.150000000000006</v>
      </c>
      <c r="G4038" s="40">
        <v>18.062235236051055</v>
      </c>
      <c r="H4038" s="40">
        <v>67.150000000000006</v>
      </c>
      <c r="I4038" s="40">
        <v>14.116399701764172</v>
      </c>
      <c r="J4038" s="40">
        <v>67.149975726191002</v>
      </c>
      <c r="K4038" s="40">
        <v>12.117479152282938</v>
      </c>
      <c r="L4038" s="40"/>
      <c r="M4038" s="40"/>
      <c r="N4038" s="40"/>
      <c r="X4038">
        <v>-100</v>
      </c>
      <c r="Y4038">
        <v>49.866666999999993</v>
      </c>
      <c r="Z4038">
        <v>128.16666699999999</v>
      </c>
      <c r="AA4038">
        <v>8.2292559999999995</v>
      </c>
      <c r="AB4038">
        <v>-0.32531043054881165</v>
      </c>
    </row>
    <row r="4039" spans="4:28" x14ac:dyDescent="0.25">
      <c r="D4039" s="40">
        <v>67.180647000002963</v>
      </c>
      <c r="E4039" s="40">
        <v>19.633818662561882</v>
      </c>
      <c r="F4039" s="40">
        <v>67.16666699999999</v>
      </c>
      <c r="G4039" s="40">
        <v>18.062235236051055</v>
      </c>
      <c r="H4039" s="40">
        <v>67.166667000000018</v>
      </c>
      <c r="I4039" s="40">
        <v>14.116399701764172</v>
      </c>
      <c r="J4039" s="40">
        <v>67.166642386905295</v>
      </c>
      <c r="K4039" s="40">
        <v>12.117479152282938</v>
      </c>
      <c r="L4039" s="40"/>
      <c r="M4039" s="40"/>
      <c r="N4039" s="40"/>
      <c r="X4039">
        <v>-100</v>
      </c>
      <c r="Y4039">
        <v>49.883333000000007</v>
      </c>
      <c r="Z4039">
        <v>128.183333</v>
      </c>
      <c r="AA4039">
        <v>8.2293230000000008</v>
      </c>
      <c r="AB4039">
        <v>-0.32449891074662174</v>
      </c>
    </row>
    <row r="4040" spans="4:28" x14ac:dyDescent="0.25">
      <c r="D4040" s="40">
        <v>67.197313000002964</v>
      </c>
      <c r="E4040" s="40">
        <v>19.633818662561882</v>
      </c>
      <c r="F4040" s="40">
        <v>67.183333000000005</v>
      </c>
      <c r="G4040" s="40">
        <v>18.066850620020958</v>
      </c>
      <c r="H4040" s="40">
        <v>67.183334000000002</v>
      </c>
      <c r="I4040" s="40">
        <v>14.119752437907604</v>
      </c>
      <c r="J4040" s="40">
        <v>67.183309047619503</v>
      </c>
      <c r="K4040" s="40">
        <v>12.117479152282938</v>
      </c>
      <c r="L4040" s="40"/>
      <c r="M4040" s="40"/>
      <c r="N4040" s="40"/>
      <c r="X4040">
        <v>-100</v>
      </c>
      <c r="Y4040">
        <v>49.899999999999991</v>
      </c>
      <c r="Z4040">
        <v>128.19999999999999</v>
      </c>
      <c r="AA4040">
        <v>8.2293570000000003</v>
      </c>
      <c r="AB4040">
        <v>-0.32408709472761543</v>
      </c>
    </row>
    <row r="4041" spans="4:28" x14ac:dyDescent="0.25">
      <c r="D4041" s="40">
        <v>67.213979000002965</v>
      </c>
      <c r="E4041" s="40">
        <v>19.633818662561882</v>
      </c>
      <c r="F4041" s="40">
        <v>67.199999999999989</v>
      </c>
      <c r="G4041" s="40">
        <v>18.071605864111177</v>
      </c>
      <c r="H4041" s="40">
        <v>67.200000000000017</v>
      </c>
      <c r="I4041" s="40">
        <v>14.123006564164367</v>
      </c>
      <c r="J4041" s="40">
        <v>67.199975708333795</v>
      </c>
      <c r="K4041" s="40">
        <v>12.117479152282938</v>
      </c>
      <c r="L4041" s="40"/>
      <c r="M4041" s="40"/>
      <c r="N4041" s="40"/>
      <c r="X4041">
        <v>-100</v>
      </c>
      <c r="Y4041">
        <v>49.916667000000004</v>
      </c>
      <c r="Z4041">
        <v>128.216667</v>
      </c>
      <c r="AA4041">
        <v>8.2294239999999999</v>
      </c>
      <c r="AB4041">
        <v>-0.32327557492544706</v>
      </c>
    </row>
    <row r="4042" spans="4:28" x14ac:dyDescent="0.25">
      <c r="D4042" s="40">
        <v>67.230645000002966</v>
      </c>
      <c r="E4042" s="40">
        <v>19.638661841151428</v>
      </c>
      <c r="F4042" s="40">
        <v>67.216667000000001</v>
      </c>
      <c r="G4042" s="40">
        <v>18.071605864111177</v>
      </c>
      <c r="H4042" s="40">
        <v>67.216667000000001</v>
      </c>
      <c r="I4042" s="40">
        <v>14.123006564164367</v>
      </c>
      <c r="J4042" s="40">
        <v>67.216642369048103</v>
      </c>
      <c r="K4042" s="40">
        <v>12.122187518235998</v>
      </c>
      <c r="L4042" s="40"/>
      <c r="M4042" s="40"/>
      <c r="N4042" s="40"/>
      <c r="X4042">
        <v>-100</v>
      </c>
      <c r="Y4042">
        <v>49.93333299999999</v>
      </c>
      <c r="Z4042">
        <v>128.23333299999999</v>
      </c>
      <c r="AA4042">
        <v>8.2294909999999994</v>
      </c>
      <c r="AB4042">
        <v>-0.32246405512327869</v>
      </c>
    </row>
    <row r="4043" spans="4:28" x14ac:dyDescent="0.25">
      <c r="D4043" s="40">
        <v>67.247311000002966</v>
      </c>
      <c r="E4043" s="40">
        <v>19.638661841151428</v>
      </c>
      <c r="F4043" s="40">
        <v>67.233332999999988</v>
      </c>
      <c r="G4043" s="40">
        <v>18.071605864111177</v>
      </c>
      <c r="H4043" s="40">
        <v>67.233334000000013</v>
      </c>
      <c r="I4043" s="40">
        <v>14.126359300307625</v>
      </c>
      <c r="J4043" s="40">
        <v>67.233309029762395</v>
      </c>
      <c r="K4043" s="40">
        <v>12.122187518235998</v>
      </c>
      <c r="L4043" s="40"/>
      <c r="M4043" s="40"/>
      <c r="N4043" s="40"/>
      <c r="X4043">
        <v>-100</v>
      </c>
      <c r="Y4043">
        <v>49.95</v>
      </c>
      <c r="Z4043">
        <v>128.25</v>
      </c>
      <c r="AA4043">
        <v>8.2295250000000006</v>
      </c>
      <c r="AB4043">
        <v>-0.32205223910425085</v>
      </c>
    </row>
    <row r="4044" spans="4:28" x14ac:dyDescent="0.25">
      <c r="D4044" s="40">
        <v>67.263977000002967</v>
      </c>
      <c r="E4044" s="40">
        <v>19.638661841151428</v>
      </c>
      <c r="F4044" s="40">
        <v>67.25</v>
      </c>
      <c r="G4044" s="40">
        <v>18.076361108201272</v>
      </c>
      <c r="H4044" s="40">
        <v>67.25</v>
      </c>
      <c r="I4044" s="40">
        <v>14.129712036450881</v>
      </c>
      <c r="J4044" s="40">
        <v>67.249975690476703</v>
      </c>
      <c r="K4044" s="40">
        <v>12.122187518235998</v>
      </c>
      <c r="L4044" s="40"/>
      <c r="M4044" s="40"/>
      <c r="N4044" s="40"/>
      <c r="X4044">
        <v>-100</v>
      </c>
      <c r="Y4044">
        <v>49.966667000000015</v>
      </c>
      <c r="Z4044">
        <v>128.26666700000001</v>
      </c>
      <c r="AA4044">
        <v>8.2295920000000002</v>
      </c>
      <c r="AB4044">
        <v>-0.32124071930208248</v>
      </c>
    </row>
    <row r="4045" spans="4:28" x14ac:dyDescent="0.25">
      <c r="D4045" s="40">
        <v>67.280643000002968</v>
      </c>
      <c r="E4045" s="40">
        <v>19.638661841151428</v>
      </c>
      <c r="F4045" s="40">
        <v>67.266666999999984</v>
      </c>
      <c r="G4045" s="40">
        <v>18.076361108201272</v>
      </c>
      <c r="H4045" s="40">
        <v>67.266667000000012</v>
      </c>
      <c r="I4045" s="40">
        <v>14.129712036450881</v>
      </c>
      <c r="J4045" s="40">
        <v>67.266642351190995</v>
      </c>
      <c r="K4045" s="40">
        <v>12.122187518235998</v>
      </c>
      <c r="L4045" s="40"/>
      <c r="M4045" s="40"/>
      <c r="N4045" s="40"/>
      <c r="X4045">
        <v>-100</v>
      </c>
      <c r="Y4045">
        <v>49.983333000000002</v>
      </c>
      <c r="Z4045">
        <v>128.283333</v>
      </c>
      <c r="AA4045">
        <v>8.2296600000000009</v>
      </c>
      <c r="AB4045">
        <v>-0.32041708726404833</v>
      </c>
    </row>
    <row r="4046" spans="4:28" x14ac:dyDescent="0.25">
      <c r="D4046" s="40">
        <v>67.297309000002969</v>
      </c>
      <c r="E4046" s="40">
        <v>19.643362573311855</v>
      </c>
      <c r="F4046" s="40">
        <v>67.283332999999999</v>
      </c>
      <c r="G4046" s="40">
        <v>18.076361108201272</v>
      </c>
      <c r="H4046" s="40">
        <v>67.283333999999996</v>
      </c>
      <c r="I4046" s="40">
        <v>14.132966162707644</v>
      </c>
      <c r="J4046" s="40">
        <v>67.283309011905303</v>
      </c>
      <c r="K4046" s="40">
        <v>12.127038561945229</v>
      </c>
      <c r="L4046" s="40"/>
      <c r="M4046" s="40"/>
      <c r="N4046" s="40"/>
      <c r="X4046">
        <v>-100</v>
      </c>
      <c r="Y4046">
        <v>50.000000000000014</v>
      </c>
      <c r="Z4046">
        <v>128.30000000000001</v>
      </c>
      <c r="AA4046">
        <v>8.2296929999999993</v>
      </c>
      <c r="AB4046">
        <v>-0.3200173834809078</v>
      </c>
    </row>
    <row r="4047" spans="4:28" x14ac:dyDescent="0.25">
      <c r="D4047" s="40">
        <v>67.313975000002969</v>
      </c>
      <c r="E4047" s="40">
        <v>19.643362573311855</v>
      </c>
      <c r="F4047" s="40">
        <v>67.299999999999983</v>
      </c>
      <c r="G4047" s="40">
        <v>18.076361108201272</v>
      </c>
      <c r="H4047" s="40">
        <v>67.300000000000011</v>
      </c>
      <c r="I4047" s="40">
        <v>14.132966162707644</v>
      </c>
      <c r="J4047" s="40">
        <v>67.299975672619496</v>
      </c>
      <c r="K4047" s="40">
        <v>12.127038561945229</v>
      </c>
      <c r="L4047" s="40"/>
      <c r="M4047" s="40"/>
      <c r="N4047" s="40"/>
      <c r="X4047">
        <v>-100</v>
      </c>
      <c r="Y4047">
        <v>50.016666999999998</v>
      </c>
      <c r="Z4047">
        <v>128.316667</v>
      </c>
      <c r="AA4047">
        <v>8.2297609999999999</v>
      </c>
      <c r="AB4047">
        <v>-0.31919375144287365</v>
      </c>
    </row>
    <row r="4048" spans="4:28" x14ac:dyDescent="0.25">
      <c r="D4048" s="40">
        <v>67.33064100000297</v>
      </c>
      <c r="E4048" s="40">
        <v>19.643362573311855</v>
      </c>
      <c r="F4048" s="40">
        <v>67.316666999999995</v>
      </c>
      <c r="G4048" s="40">
        <v>18.080976492171171</v>
      </c>
      <c r="H4048" s="40">
        <v>67.316666999999995</v>
      </c>
      <c r="I4048" s="40">
        <v>14.136318898850902</v>
      </c>
      <c r="J4048" s="40">
        <v>67.316642333333803</v>
      </c>
      <c r="K4048" s="40">
        <v>12.127038561945229</v>
      </c>
      <c r="L4048" s="40"/>
      <c r="M4048" s="40"/>
      <c r="N4048" s="40"/>
      <c r="X4048">
        <v>-100</v>
      </c>
      <c r="Y4048">
        <v>50.033333000000013</v>
      </c>
      <c r="Z4048">
        <v>128.33333300000001</v>
      </c>
      <c r="AA4048">
        <v>8.2298279999999995</v>
      </c>
      <c r="AB4048">
        <v>-0.31838223164070528</v>
      </c>
    </row>
    <row r="4049" spans="4:28" x14ac:dyDescent="0.25">
      <c r="D4049" s="40">
        <v>67.347307000002971</v>
      </c>
      <c r="E4049" s="40">
        <v>19.648205751901276</v>
      </c>
      <c r="F4049" s="40">
        <v>67.333332999999982</v>
      </c>
      <c r="G4049" s="40">
        <v>18.080976492171171</v>
      </c>
      <c r="H4049" s="40">
        <v>67.333334000000008</v>
      </c>
      <c r="I4049" s="40">
        <v>14.136318898850902</v>
      </c>
      <c r="J4049" s="40">
        <v>67.333308994048096</v>
      </c>
      <c r="K4049" s="40">
        <v>12.131889605654335</v>
      </c>
      <c r="L4049" s="40"/>
      <c r="M4049" s="40"/>
      <c r="N4049" s="40"/>
      <c r="X4049">
        <v>-100</v>
      </c>
      <c r="Y4049">
        <v>50.05</v>
      </c>
      <c r="Z4049">
        <v>128.35</v>
      </c>
      <c r="AA4049">
        <v>8.2298620000000007</v>
      </c>
      <c r="AB4049">
        <v>-0.31797041562167738</v>
      </c>
    </row>
    <row r="4050" spans="4:28" x14ac:dyDescent="0.25">
      <c r="D4050" s="40">
        <v>67.363973000002972</v>
      </c>
      <c r="E4050" s="40">
        <v>19.648205751901276</v>
      </c>
      <c r="F4050" s="40">
        <v>67.349999999999994</v>
      </c>
      <c r="G4050" s="40">
        <v>18.080976492171171</v>
      </c>
      <c r="H4050" s="40">
        <v>67.349999999999994</v>
      </c>
      <c r="I4050" s="40">
        <v>14.139671634994334</v>
      </c>
      <c r="J4050" s="40">
        <v>67.349975654762403</v>
      </c>
      <c r="K4050" s="40">
        <v>12.131889605654335</v>
      </c>
      <c r="L4050" s="40"/>
      <c r="M4050" s="40"/>
      <c r="N4050" s="40"/>
      <c r="X4050">
        <v>-100</v>
      </c>
      <c r="Y4050">
        <v>50.06666700000001</v>
      </c>
      <c r="Z4050">
        <v>128.36666700000001</v>
      </c>
      <c r="AA4050">
        <v>8.2299290000000003</v>
      </c>
      <c r="AB4050">
        <v>-0.31715889581950907</v>
      </c>
    </row>
    <row r="4051" spans="4:28" x14ac:dyDescent="0.25">
      <c r="D4051" s="40">
        <v>67.380639000002972</v>
      </c>
      <c r="E4051" s="40">
        <v>19.648205751901276</v>
      </c>
      <c r="F4051" s="40">
        <v>67.366667000000007</v>
      </c>
      <c r="G4051" s="40">
        <v>18.085731736261394</v>
      </c>
      <c r="H4051" s="40">
        <v>67.366667000000007</v>
      </c>
      <c r="I4051" s="40">
        <v>14.142925761251096</v>
      </c>
      <c r="J4051" s="40">
        <v>67.366642315476696</v>
      </c>
      <c r="K4051" s="40">
        <v>12.131889605654335</v>
      </c>
      <c r="L4051" s="40"/>
      <c r="M4051" s="40"/>
      <c r="N4051" s="40"/>
      <c r="X4051">
        <v>-100</v>
      </c>
      <c r="Y4051">
        <v>50.083332999999996</v>
      </c>
      <c r="Z4051">
        <v>128.38333299999999</v>
      </c>
      <c r="AA4051">
        <v>8.2299959999999999</v>
      </c>
      <c r="AB4051">
        <v>-0.3163473760173407</v>
      </c>
    </row>
    <row r="4052" spans="4:28" x14ac:dyDescent="0.25">
      <c r="D4052" s="40">
        <v>67.397305000002973</v>
      </c>
      <c r="E4052" s="40">
        <v>19.653048930490822</v>
      </c>
      <c r="F4052" s="40">
        <v>67.383332999999993</v>
      </c>
      <c r="G4052" s="40">
        <v>18.085731736261394</v>
      </c>
      <c r="H4052" s="40">
        <v>67.383334000000019</v>
      </c>
      <c r="I4052" s="40">
        <v>14.142925761251096</v>
      </c>
      <c r="J4052" s="40">
        <v>67.383308976191003</v>
      </c>
      <c r="K4052" s="40">
        <v>12.136597971607396</v>
      </c>
      <c r="L4052" s="40"/>
      <c r="M4052" s="40"/>
      <c r="N4052" s="40"/>
      <c r="X4052">
        <v>-100</v>
      </c>
      <c r="Y4052">
        <v>50.100000000000009</v>
      </c>
      <c r="Z4052">
        <v>128.4</v>
      </c>
      <c r="AA4052">
        <v>8.2300299999999993</v>
      </c>
      <c r="AB4052">
        <v>-0.31593555999833439</v>
      </c>
    </row>
    <row r="4053" spans="4:28" x14ac:dyDescent="0.25">
      <c r="D4053" s="40">
        <v>67.413971000002974</v>
      </c>
      <c r="E4053" s="40">
        <v>19.653048930490822</v>
      </c>
      <c r="F4053" s="40">
        <v>67.400000000000006</v>
      </c>
      <c r="G4053" s="40">
        <v>18.090486980351486</v>
      </c>
      <c r="H4053" s="40">
        <v>67.400000000000006</v>
      </c>
      <c r="I4053" s="40">
        <v>14.146278497394354</v>
      </c>
      <c r="J4053" s="40">
        <v>67.399975636905296</v>
      </c>
      <c r="K4053" s="40">
        <v>12.136597971607396</v>
      </c>
      <c r="L4053" s="40"/>
      <c r="M4053" s="40"/>
      <c r="N4053" s="40"/>
      <c r="X4053">
        <v>-100</v>
      </c>
      <c r="Y4053">
        <v>50.116666999999993</v>
      </c>
      <c r="Z4053">
        <v>128.41666699999999</v>
      </c>
      <c r="AA4053">
        <v>8.2300970000000007</v>
      </c>
      <c r="AB4053">
        <v>-0.31512404019614448</v>
      </c>
    </row>
    <row r="4054" spans="4:28" x14ac:dyDescent="0.25">
      <c r="D4054" s="40">
        <v>67.430637000002974</v>
      </c>
      <c r="E4054" s="40">
        <v>19.657749662651248</v>
      </c>
      <c r="F4054" s="40">
        <v>67.41666699999999</v>
      </c>
      <c r="G4054" s="40">
        <v>18.090486980351486</v>
      </c>
      <c r="H4054" s="40">
        <v>67.416667000000018</v>
      </c>
      <c r="I4054" s="40">
        <v>14.146278497394354</v>
      </c>
      <c r="J4054" s="40">
        <v>67.416642297619504</v>
      </c>
      <c r="K4054" s="40">
        <v>12.136597971607396</v>
      </c>
      <c r="L4054" s="40"/>
      <c r="M4054" s="40"/>
      <c r="N4054" s="40"/>
      <c r="X4054">
        <v>-100</v>
      </c>
      <c r="Y4054">
        <v>50.133333000000007</v>
      </c>
      <c r="Z4054">
        <v>128.433333</v>
      </c>
      <c r="AA4054">
        <v>8.2301640000000003</v>
      </c>
      <c r="AB4054">
        <v>-0.31431252039397611</v>
      </c>
    </row>
    <row r="4055" spans="4:28" x14ac:dyDescent="0.25">
      <c r="D4055" s="40">
        <v>67.447303000002975</v>
      </c>
      <c r="E4055" s="40">
        <v>19.657749662651248</v>
      </c>
      <c r="F4055" s="40">
        <v>67.433333000000005</v>
      </c>
      <c r="G4055" s="40">
        <v>18.090486980351486</v>
      </c>
      <c r="H4055" s="40">
        <v>67.433334000000002</v>
      </c>
      <c r="I4055" s="40">
        <v>14.14963123353761</v>
      </c>
      <c r="J4055" s="40">
        <v>67.433308958333797</v>
      </c>
      <c r="K4055" s="40">
        <v>12.141449015316628</v>
      </c>
      <c r="L4055" s="40"/>
      <c r="M4055" s="40"/>
      <c r="N4055" s="40"/>
      <c r="X4055">
        <v>-100</v>
      </c>
      <c r="Y4055">
        <v>50.149999999999991</v>
      </c>
      <c r="Z4055">
        <v>128.44999999999999</v>
      </c>
      <c r="AA4055">
        <v>8.2302320000000009</v>
      </c>
      <c r="AB4055">
        <v>-0.31348888835594196</v>
      </c>
    </row>
    <row r="4056" spans="4:28" x14ac:dyDescent="0.25">
      <c r="D4056" s="40">
        <v>67.463969000002976</v>
      </c>
      <c r="E4056" s="40">
        <v>19.657749662651248</v>
      </c>
      <c r="F4056" s="40">
        <v>67.449999999999989</v>
      </c>
      <c r="G4056" s="40">
        <v>18.090486980351486</v>
      </c>
      <c r="H4056" s="40">
        <v>67.450000000000017</v>
      </c>
      <c r="I4056" s="40">
        <v>14.14963123353761</v>
      </c>
      <c r="J4056" s="40">
        <v>67.449975619048104</v>
      </c>
      <c r="K4056" s="40">
        <v>12.141449015316628</v>
      </c>
      <c r="L4056" s="40"/>
      <c r="M4056" s="40"/>
      <c r="N4056" s="40"/>
      <c r="X4056">
        <v>-100</v>
      </c>
      <c r="Y4056">
        <v>50.166667000000004</v>
      </c>
      <c r="Z4056">
        <v>128.466667</v>
      </c>
      <c r="AA4056">
        <v>8.2302649999999993</v>
      </c>
      <c r="AB4056">
        <v>-0.31308918457280144</v>
      </c>
    </row>
    <row r="4057" spans="4:28" x14ac:dyDescent="0.25">
      <c r="D4057" s="40">
        <v>67.480635000002977</v>
      </c>
      <c r="E4057" s="40">
        <v>19.657749662651248</v>
      </c>
      <c r="F4057" s="40">
        <v>67.466667000000001</v>
      </c>
      <c r="G4057" s="40">
        <v>18.095242224441705</v>
      </c>
      <c r="H4057" s="40">
        <v>67.466667000000001</v>
      </c>
      <c r="I4057" s="40">
        <v>14.152885359794373</v>
      </c>
      <c r="J4057" s="40">
        <v>67.466642279762397</v>
      </c>
      <c r="K4057" s="40">
        <v>12.141449015316628</v>
      </c>
      <c r="L4057" s="40"/>
      <c r="M4057" s="40"/>
      <c r="N4057" s="40"/>
      <c r="X4057">
        <v>-100</v>
      </c>
      <c r="Y4057">
        <v>50.18333299999999</v>
      </c>
      <c r="Z4057">
        <v>128.48333299999999</v>
      </c>
      <c r="AA4057">
        <v>8.2303329999999999</v>
      </c>
      <c r="AB4057">
        <v>-0.31226555253476729</v>
      </c>
    </row>
    <row r="4058" spans="4:28" x14ac:dyDescent="0.25">
      <c r="D4058" s="40">
        <v>67.497301000002977</v>
      </c>
      <c r="E4058" s="40">
        <v>19.657749662651248</v>
      </c>
      <c r="F4058" s="40">
        <v>67.483332999999988</v>
      </c>
      <c r="G4058" s="40">
        <v>18.095242224441705</v>
      </c>
      <c r="H4058" s="40">
        <v>67.483334000000013</v>
      </c>
      <c r="I4058" s="40">
        <v>14.156238095937631</v>
      </c>
      <c r="J4058" s="40">
        <v>67.483308940476704</v>
      </c>
      <c r="K4058" s="40">
        <v>12.146300059025734</v>
      </c>
      <c r="L4058" s="40"/>
      <c r="M4058" s="40"/>
      <c r="N4058" s="40"/>
      <c r="X4058">
        <v>-100</v>
      </c>
      <c r="Y4058">
        <v>50.2</v>
      </c>
      <c r="Z4058">
        <v>128.5</v>
      </c>
      <c r="AA4058">
        <v>8.2303999999999995</v>
      </c>
      <c r="AB4058">
        <v>-0.31145403273259892</v>
      </c>
    </row>
    <row r="4059" spans="4:28" x14ac:dyDescent="0.25">
      <c r="D4059" s="40">
        <v>67.513967000002978</v>
      </c>
      <c r="E4059" s="40">
        <v>19.66259284124067</v>
      </c>
      <c r="F4059" s="40">
        <v>67.5</v>
      </c>
      <c r="G4059" s="40">
        <v>18.099857608411607</v>
      </c>
      <c r="H4059" s="40">
        <v>67.5</v>
      </c>
      <c r="I4059" s="40">
        <v>14.156238095937631</v>
      </c>
      <c r="J4059" s="40">
        <v>67.499975601190997</v>
      </c>
      <c r="K4059" s="40">
        <v>12.146300059025734</v>
      </c>
      <c r="L4059" s="40"/>
      <c r="M4059" s="40"/>
      <c r="N4059" s="40"/>
      <c r="X4059">
        <v>-100</v>
      </c>
      <c r="Y4059">
        <v>50.216667000000015</v>
      </c>
      <c r="Z4059">
        <v>128.51666700000001</v>
      </c>
      <c r="AA4059">
        <v>8.2304670000000009</v>
      </c>
      <c r="AB4059">
        <v>-0.31064251293040901</v>
      </c>
    </row>
    <row r="4060" spans="4:28" x14ac:dyDescent="0.25">
      <c r="D4060" s="40">
        <v>67.530633000002979</v>
      </c>
      <c r="E4060" s="40">
        <v>19.66259284124067</v>
      </c>
      <c r="F4060" s="40">
        <v>67.516666999999984</v>
      </c>
      <c r="G4060" s="40">
        <v>18.099857608411607</v>
      </c>
      <c r="H4060" s="40">
        <v>67.516667000000012</v>
      </c>
      <c r="I4060" s="40">
        <v>14.159590832081063</v>
      </c>
      <c r="J4060" s="40">
        <v>67.516642261905304</v>
      </c>
      <c r="K4060" s="40">
        <v>12.146300059025734</v>
      </c>
      <c r="L4060" s="40"/>
      <c r="M4060" s="40"/>
      <c r="N4060" s="40"/>
      <c r="X4060">
        <v>-100</v>
      </c>
      <c r="Y4060">
        <v>50.233333000000002</v>
      </c>
      <c r="Z4060">
        <v>128.533333</v>
      </c>
      <c r="AA4060">
        <v>8.2305010000000003</v>
      </c>
      <c r="AB4060">
        <v>-0.3102306969114027</v>
      </c>
    </row>
    <row r="4061" spans="4:28" x14ac:dyDescent="0.25">
      <c r="D4061" s="40">
        <v>67.54729900000298</v>
      </c>
      <c r="E4061" s="40">
        <v>19.66259284124067</v>
      </c>
      <c r="F4061" s="40">
        <v>67.533332999999999</v>
      </c>
      <c r="G4061" s="40">
        <v>18.099857608411607</v>
      </c>
      <c r="H4061" s="40">
        <v>67.533333999999996</v>
      </c>
      <c r="I4061" s="40">
        <v>14.162844958337827</v>
      </c>
      <c r="J4061" s="40">
        <v>67.533308922619497</v>
      </c>
      <c r="K4061" s="40">
        <v>12.151008424978793</v>
      </c>
      <c r="L4061" s="40"/>
      <c r="M4061" s="40"/>
      <c r="N4061" s="40"/>
      <c r="X4061">
        <v>-100</v>
      </c>
      <c r="Y4061">
        <v>50.250000000000014</v>
      </c>
      <c r="Z4061">
        <v>128.55000000000001</v>
      </c>
      <c r="AA4061">
        <v>8.2305679999999999</v>
      </c>
      <c r="AB4061">
        <v>-0.30941917710923433</v>
      </c>
    </row>
    <row r="4062" spans="4:28" x14ac:dyDescent="0.25">
      <c r="D4062" s="40">
        <v>67.56396500000298</v>
      </c>
      <c r="E4062" s="40">
        <v>19.66743601983022</v>
      </c>
      <c r="F4062" s="40">
        <v>67.549999999999983</v>
      </c>
      <c r="G4062" s="40">
        <v>18.099857608411607</v>
      </c>
      <c r="H4062" s="40">
        <v>67.550000000000011</v>
      </c>
      <c r="I4062" s="40">
        <v>14.162844958337827</v>
      </c>
      <c r="J4062" s="40">
        <v>67.549975583333804</v>
      </c>
      <c r="K4062" s="40">
        <v>12.151008424978793</v>
      </c>
      <c r="L4062" s="40"/>
      <c r="M4062" s="40"/>
      <c r="N4062" s="40"/>
      <c r="X4062">
        <v>-100</v>
      </c>
      <c r="Y4062">
        <v>50.266666999999998</v>
      </c>
      <c r="Z4062">
        <v>128.566667</v>
      </c>
      <c r="AA4062">
        <v>8.2306019999999993</v>
      </c>
      <c r="AB4062">
        <v>-0.30900736109022803</v>
      </c>
    </row>
    <row r="4063" spans="4:28" x14ac:dyDescent="0.25">
      <c r="D4063" s="40">
        <v>67.580631000002981</v>
      </c>
      <c r="E4063" s="40">
        <v>19.66743601983022</v>
      </c>
      <c r="F4063" s="40">
        <v>67.566666999999995</v>
      </c>
      <c r="G4063" s="40">
        <v>18.104612852501699</v>
      </c>
      <c r="H4063" s="40">
        <v>67.566666999999995</v>
      </c>
      <c r="I4063" s="40">
        <v>14.166197694481085</v>
      </c>
      <c r="J4063" s="40">
        <v>67.566642244048097</v>
      </c>
      <c r="K4063" s="40">
        <v>12.151008424978793</v>
      </c>
      <c r="L4063" s="40"/>
      <c r="M4063" s="40"/>
      <c r="N4063" s="40"/>
      <c r="X4063">
        <v>-100</v>
      </c>
      <c r="Y4063">
        <v>50.283333000000013</v>
      </c>
      <c r="Z4063">
        <v>128.58333300000001</v>
      </c>
      <c r="AA4063">
        <v>8.2306690000000007</v>
      </c>
      <c r="AB4063">
        <v>-0.30819584128803812</v>
      </c>
    </row>
    <row r="4064" spans="4:28" x14ac:dyDescent="0.25">
      <c r="D4064" s="40">
        <v>67.597297000002982</v>
      </c>
      <c r="E4064" s="40">
        <v>19.66743601983022</v>
      </c>
      <c r="F4064" s="40">
        <v>67.583332999999982</v>
      </c>
      <c r="G4064" s="40">
        <v>18.104612852501699</v>
      </c>
      <c r="H4064" s="40">
        <v>67.583334000000008</v>
      </c>
      <c r="I4064" s="40">
        <v>14.166197694481085</v>
      </c>
      <c r="J4064" s="40">
        <v>67.583308904762404</v>
      </c>
      <c r="K4064" s="40">
        <v>12.155859468688025</v>
      </c>
      <c r="L4064" s="40"/>
      <c r="M4064" s="40"/>
      <c r="N4064" s="40"/>
      <c r="X4064">
        <v>-100</v>
      </c>
      <c r="Y4064">
        <v>50.3</v>
      </c>
      <c r="Z4064">
        <v>128.6</v>
      </c>
      <c r="AA4064">
        <v>8.2307369999999995</v>
      </c>
      <c r="AB4064">
        <v>-0.30737220925002551</v>
      </c>
    </row>
    <row r="4065" spans="4:28" x14ac:dyDescent="0.25">
      <c r="D4065" s="40">
        <v>67.613963000002983</v>
      </c>
      <c r="E4065" s="40">
        <v>19.66743601983022</v>
      </c>
      <c r="F4065" s="40">
        <v>67.599999999999994</v>
      </c>
      <c r="G4065" s="40">
        <v>18.104612852501699</v>
      </c>
      <c r="H4065" s="40">
        <v>67.599999999999994</v>
      </c>
      <c r="I4065" s="40">
        <v>14.169550430624341</v>
      </c>
      <c r="J4065" s="40">
        <v>67.599975565476697</v>
      </c>
      <c r="K4065" s="40">
        <v>12.155859468688025</v>
      </c>
      <c r="L4065" s="40"/>
      <c r="M4065" s="40"/>
      <c r="N4065" s="40"/>
      <c r="X4065">
        <v>-100</v>
      </c>
      <c r="Y4065">
        <v>50.31666700000001</v>
      </c>
      <c r="Z4065">
        <v>128.61666700000001</v>
      </c>
      <c r="AA4065">
        <v>8.2307699999999997</v>
      </c>
      <c r="AB4065">
        <v>-0.30697250546686344</v>
      </c>
    </row>
    <row r="4066" spans="4:28" x14ac:dyDescent="0.25">
      <c r="D4066" s="40">
        <v>67.630629000002983</v>
      </c>
      <c r="E4066" s="40">
        <v>19.66743601983022</v>
      </c>
      <c r="F4066" s="40">
        <v>67.616667000000007</v>
      </c>
      <c r="G4066" s="40">
        <v>18.104612852501699</v>
      </c>
      <c r="H4066" s="40">
        <v>67.616667000000007</v>
      </c>
      <c r="I4066" s="40">
        <v>14.172804556881104</v>
      </c>
      <c r="J4066" s="40">
        <v>67.616642226191004</v>
      </c>
      <c r="K4066" s="40">
        <v>12.155859468688025</v>
      </c>
      <c r="L4066" s="40"/>
      <c r="M4066" s="40"/>
      <c r="N4066" s="40"/>
      <c r="X4066">
        <v>-100</v>
      </c>
      <c r="Y4066">
        <v>50.333332999999996</v>
      </c>
      <c r="Z4066">
        <v>128.63333299999999</v>
      </c>
      <c r="AA4066">
        <v>8.2308380000000003</v>
      </c>
      <c r="AB4066">
        <v>-0.30614887342882929</v>
      </c>
    </row>
    <row r="4067" spans="4:28" x14ac:dyDescent="0.25">
      <c r="D4067" s="40">
        <v>67.647295000002984</v>
      </c>
      <c r="E4067" s="40">
        <v>19.66743601983022</v>
      </c>
      <c r="F4067" s="40">
        <v>67.633332999999993</v>
      </c>
      <c r="G4067" s="40">
        <v>18.109368096591918</v>
      </c>
      <c r="H4067" s="40">
        <v>67.633334000000019</v>
      </c>
      <c r="I4067" s="40">
        <v>14.176157293024536</v>
      </c>
      <c r="J4067" s="40">
        <v>67.633308886905297</v>
      </c>
      <c r="K4067" s="40">
        <v>12.155859468688025</v>
      </c>
      <c r="L4067" s="40"/>
      <c r="M4067" s="40"/>
      <c r="N4067" s="40"/>
      <c r="X4067">
        <v>-100</v>
      </c>
      <c r="Y4067">
        <v>50.350000000000009</v>
      </c>
      <c r="Z4067">
        <v>128.65</v>
      </c>
      <c r="AA4067">
        <v>8.2309049999999999</v>
      </c>
      <c r="AB4067">
        <v>-0.30533735362666092</v>
      </c>
    </row>
    <row r="4068" spans="4:28" x14ac:dyDescent="0.25">
      <c r="D4068" s="40">
        <v>67.663961000002985</v>
      </c>
      <c r="E4068" s="40">
        <v>19.672136751990646</v>
      </c>
      <c r="F4068" s="40">
        <v>67.650000000000006</v>
      </c>
      <c r="G4068" s="40">
        <v>18.109368096591918</v>
      </c>
      <c r="H4068" s="40">
        <v>67.650000000000006</v>
      </c>
      <c r="I4068" s="40">
        <v>14.176157293024536</v>
      </c>
      <c r="J4068" s="40">
        <v>67.649975547619505</v>
      </c>
      <c r="K4068" s="40">
        <v>12.160710512397131</v>
      </c>
      <c r="L4068" s="40"/>
      <c r="M4068" s="40"/>
      <c r="N4068" s="40"/>
      <c r="X4068">
        <v>-100</v>
      </c>
      <c r="Y4068">
        <v>50.366666999999993</v>
      </c>
      <c r="Z4068">
        <v>128.66666699999999</v>
      </c>
      <c r="AA4068">
        <v>8.2309719999999995</v>
      </c>
      <c r="AB4068">
        <v>-0.30452583382449255</v>
      </c>
    </row>
    <row r="4069" spans="4:28" x14ac:dyDescent="0.25">
      <c r="D4069" s="40">
        <v>67.680627000002985</v>
      </c>
      <c r="E4069" s="40">
        <v>19.672136751990646</v>
      </c>
      <c r="F4069" s="40">
        <v>67.66666699999999</v>
      </c>
      <c r="G4069" s="40">
        <v>18.109368096591918</v>
      </c>
      <c r="H4069" s="40">
        <v>67.666667000000018</v>
      </c>
      <c r="I4069" s="40">
        <v>14.179510029167794</v>
      </c>
      <c r="J4069" s="40">
        <v>67.666642208333798</v>
      </c>
      <c r="K4069" s="40">
        <v>12.160710512397131</v>
      </c>
      <c r="L4069" s="40"/>
      <c r="M4069" s="40"/>
      <c r="N4069" s="40"/>
      <c r="X4069">
        <v>-100</v>
      </c>
      <c r="Y4069">
        <v>50.383333000000007</v>
      </c>
      <c r="Z4069">
        <v>128.683333</v>
      </c>
      <c r="AA4069">
        <v>8.2310060000000007</v>
      </c>
      <c r="AB4069">
        <v>-0.30411401780546471</v>
      </c>
    </row>
    <row r="4070" spans="4:28" x14ac:dyDescent="0.25">
      <c r="D4070" s="40">
        <v>67.697293000002986</v>
      </c>
      <c r="E4070" s="40">
        <v>19.672136751990646</v>
      </c>
      <c r="F4070" s="40">
        <v>67.683333000000005</v>
      </c>
      <c r="G4070" s="40">
        <v>18.113983480561821</v>
      </c>
      <c r="H4070" s="40">
        <v>67.683334000000002</v>
      </c>
      <c r="I4070" s="40">
        <v>14.182862765311052</v>
      </c>
      <c r="J4070" s="40">
        <v>67.683308869048105</v>
      </c>
      <c r="K4070" s="40">
        <v>12.160710512397131</v>
      </c>
      <c r="L4070" s="40"/>
      <c r="M4070" s="40"/>
      <c r="N4070" s="40"/>
      <c r="X4070">
        <v>-100</v>
      </c>
      <c r="Y4070">
        <v>50.399999999999991</v>
      </c>
      <c r="Z4070">
        <v>128.69999999999999</v>
      </c>
      <c r="AA4070">
        <v>8.2310730000000003</v>
      </c>
      <c r="AB4070">
        <v>-0.30330249800329634</v>
      </c>
    </row>
    <row r="4071" spans="4:28" x14ac:dyDescent="0.25">
      <c r="D4071" s="40">
        <v>67.713959000002987</v>
      </c>
      <c r="E4071" s="40">
        <v>19.672136751990646</v>
      </c>
      <c r="F4071" s="40">
        <v>67.699999999999989</v>
      </c>
      <c r="G4071" s="40">
        <v>18.11873872465204</v>
      </c>
      <c r="H4071" s="40">
        <v>67.700000000000017</v>
      </c>
      <c r="I4071" s="40">
        <v>14.186116891567815</v>
      </c>
      <c r="J4071" s="40">
        <v>67.699975529762398</v>
      </c>
      <c r="K4071" s="40">
        <v>12.160710512397131</v>
      </c>
      <c r="L4071" s="40"/>
      <c r="M4071" s="40"/>
      <c r="N4071" s="40"/>
      <c r="X4071">
        <v>-100</v>
      </c>
      <c r="Y4071">
        <v>50.416667000000004</v>
      </c>
      <c r="Z4071">
        <v>128.716667</v>
      </c>
      <c r="AA4071">
        <v>8.2311069999999997</v>
      </c>
      <c r="AB4071">
        <v>-0.30289068198429003</v>
      </c>
    </row>
    <row r="4072" spans="4:28" x14ac:dyDescent="0.25">
      <c r="D4072" s="40">
        <v>67.730625000002988</v>
      </c>
      <c r="E4072" s="40">
        <v>19.676979930580064</v>
      </c>
      <c r="F4072" s="40">
        <v>67.716667000000001</v>
      </c>
      <c r="G4072" s="40">
        <v>18.11873872465204</v>
      </c>
      <c r="H4072" s="40">
        <v>67.716667000000001</v>
      </c>
      <c r="I4072" s="40">
        <v>14.18946962771107</v>
      </c>
      <c r="J4072" s="40">
        <v>67.716642190476705</v>
      </c>
      <c r="K4072" s="40">
        <v>12.160710512397131</v>
      </c>
      <c r="L4072" s="40"/>
      <c r="M4072" s="40"/>
      <c r="N4072" s="40"/>
      <c r="X4072">
        <v>-100</v>
      </c>
      <c r="Y4072">
        <v>50.43333299999999</v>
      </c>
      <c r="Z4072">
        <v>128.73333299999999</v>
      </c>
      <c r="AA4072">
        <v>8.2311739999999993</v>
      </c>
      <c r="AB4072">
        <v>-0.30207916218212161</v>
      </c>
    </row>
    <row r="4073" spans="4:28" x14ac:dyDescent="0.25">
      <c r="D4073" s="40">
        <v>67.747291000002988</v>
      </c>
      <c r="E4073" s="40">
        <v>19.676979930580064</v>
      </c>
      <c r="F4073" s="40">
        <v>67.733332999999988</v>
      </c>
      <c r="G4073" s="40">
        <v>18.123493968742135</v>
      </c>
      <c r="H4073" s="40">
        <v>67.733334000000013</v>
      </c>
      <c r="I4073" s="40">
        <v>14.18946962771107</v>
      </c>
      <c r="J4073" s="40">
        <v>67.733308851190998</v>
      </c>
      <c r="K4073" s="40">
        <v>12.160710512397131</v>
      </c>
      <c r="L4073" s="40"/>
      <c r="M4073" s="40"/>
      <c r="N4073" s="40"/>
      <c r="X4073">
        <v>-100</v>
      </c>
      <c r="Y4073">
        <v>50.45</v>
      </c>
      <c r="Z4073">
        <v>128.75</v>
      </c>
      <c r="AA4073">
        <v>8.2312410000000007</v>
      </c>
      <c r="AB4073">
        <v>-0.30126764237993175</v>
      </c>
    </row>
    <row r="4074" spans="4:28" x14ac:dyDescent="0.25">
      <c r="D4074" s="40">
        <v>67.763957000002989</v>
      </c>
      <c r="E4074" s="40">
        <v>19.676979930580064</v>
      </c>
      <c r="F4074" s="40">
        <v>67.75</v>
      </c>
      <c r="G4074" s="40">
        <v>18.123493968742135</v>
      </c>
      <c r="H4074" s="40">
        <v>67.75</v>
      </c>
      <c r="I4074" s="40">
        <v>14.192822363854503</v>
      </c>
      <c r="J4074" s="40">
        <v>67.749975511905305</v>
      </c>
      <c r="K4074" s="40">
        <v>12.160710512397131</v>
      </c>
      <c r="L4074" s="40"/>
      <c r="M4074" s="40"/>
      <c r="N4074" s="40"/>
      <c r="X4074">
        <v>-100</v>
      </c>
      <c r="Y4074">
        <v>50.466667000000015</v>
      </c>
      <c r="Z4074">
        <v>128.76666700000001</v>
      </c>
      <c r="AA4074">
        <v>8.2312750000000001</v>
      </c>
      <c r="AB4074">
        <v>-0.30085582636092545</v>
      </c>
    </row>
    <row r="4075" spans="4:28" x14ac:dyDescent="0.25">
      <c r="D4075" s="40">
        <v>67.78062300000299</v>
      </c>
      <c r="E4075" s="40">
        <v>19.676979930580064</v>
      </c>
      <c r="F4075" s="40">
        <v>67.766666999999984</v>
      </c>
      <c r="G4075" s="40">
        <v>18.128109352712038</v>
      </c>
      <c r="H4075" s="40">
        <v>67.766667000000012</v>
      </c>
      <c r="I4075" s="40">
        <v>14.196076490111267</v>
      </c>
      <c r="J4075" s="40">
        <v>67.766642172619498</v>
      </c>
      <c r="K4075" s="40">
        <v>12.160710512397131</v>
      </c>
      <c r="L4075" s="40"/>
      <c r="M4075" s="40"/>
      <c r="N4075" s="40"/>
      <c r="X4075">
        <v>-100</v>
      </c>
      <c r="Y4075">
        <v>50.483333000000002</v>
      </c>
      <c r="Z4075">
        <v>128.783333</v>
      </c>
      <c r="AA4075">
        <v>8.2313419999999997</v>
      </c>
      <c r="AB4075">
        <v>-0.30004430655875708</v>
      </c>
    </row>
    <row r="4076" spans="4:28" x14ac:dyDescent="0.25">
      <c r="D4076" s="40">
        <v>67.797289000002991</v>
      </c>
      <c r="E4076" s="40">
        <v>19.676979930580064</v>
      </c>
      <c r="F4076" s="40">
        <v>67.783332999999999</v>
      </c>
      <c r="G4076" s="40">
        <v>18.128109352712038</v>
      </c>
      <c r="H4076" s="40">
        <v>67.783333999999996</v>
      </c>
      <c r="I4076" s="40">
        <v>14.199429226254523</v>
      </c>
      <c r="J4076" s="40">
        <v>67.783308833333805</v>
      </c>
      <c r="K4076" s="40">
        <v>12.160710512397131</v>
      </c>
      <c r="L4076" s="40"/>
      <c r="M4076" s="40"/>
      <c r="N4076" s="40"/>
      <c r="X4076">
        <v>-100</v>
      </c>
      <c r="Y4076">
        <v>50.500000000000014</v>
      </c>
      <c r="Z4076">
        <v>128.80000000000001</v>
      </c>
      <c r="AA4076">
        <v>8.2314100000000003</v>
      </c>
      <c r="AB4076">
        <v>-0.29922067452072293</v>
      </c>
    </row>
    <row r="4077" spans="4:28" x14ac:dyDescent="0.25">
      <c r="D4077" s="40">
        <v>67.813955000002991</v>
      </c>
      <c r="E4077" s="40">
        <v>19.676979930580064</v>
      </c>
      <c r="F4077" s="40">
        <v>67.799999999999983</v>
      </c>
      <c r="G4077" s="40">
        <v>18.128109352712038</v>
      </c>
      <c r="H4077" s="40">
        <v>67.800000000000011</v>
      </c>
      <c r="I4077" s="40">
        <v>14.199429226254523</v>
      </c>
      <c r="J4077" s="40">
        <v>67.799975494048098</v>
      </c>
      <c r="K4077" s="40">
        <v>12.160710512397131</v>
      </c>
      <c r="L4077" s="40"/>
      <c r="M4077" s="40"/>
      <c r="N4077" s="40"/>
      <c r="X4077">
        <v>-100</v>
      </c>
      <c r="Y4077">
        <v>50.516666999999998</v>
      </c>
      <c r="Z4077">
        <v>128.816667</v>
      </c>
      <c r="AA4077">
        <v>8.2314430000000005</v>
      </c>
      <c r="AB4077">
        <v>-0.29882097073756086</v>
      </c>
    </row>
    <row r="4078" spans="4:28" x14ac:dyDescent="0.25">
      <c r="D4078" s="40">
        <v>67.830621000002992</v>
      </c>
      <c r="E4078" s="40">
        <v>19.676979930580064</v>
      </c>
      <c r="F4078" s="40">
        <v>67.816666999999995</v>
      </c>
      <c r="G4078" s="40">
        <v>18.132864596802257</v>
      </c>
      <c r="H4078" s="40">
        <v>67.816666999999995</v>
      </c>
      <c r="I4078" s="40">
        <v>14.202781962397781</v>
      </c>
      <c r="J4078" s="40">
        <v>67.816642154762405</v>
      </c>
      <c r="K4078" s="40">
        <v>12.160710512397131</v>
      </c>
      <c r="L4078" s="40"/>
      <c r="M4078" s="40"/>
      <c r="N4078" s="40"/>
      <c r="X4078">
        <v>-100</v>
      </c>
      <c r="Y4078">
        <v>50.533333000000013</v>
      </c>
      <c r="Z4078">
        <v>128.83333300000001</v>
      </c>
      <c r="AA4078">
        <v>8.2315109999999994</v>
      </c>
      <c r="AB4078">
        <v>-0.2979973386995482</v>
      </c>
    </row>
    <row r="4079" spans="4:28" x14ac:dyDescent="0.25">
      <c r="D4079" s="40">
        <v>67.847287000002993</v>
      </c>
      <c r="E4079" s="40">
        <v>19.681823109169617</v>
      </c>
      <c r="F4079" s="40">
        <v>67.833332999999982</v>
      </c>
      <c r="G4079" s="40">
        <v>18.132864596802257</v>
      </c>
      <c r="H4079" s="40">
        <v>67.833334000000008</v>
      </c>
      <c r="I4079" s="40">
        <v>14.206036088654544</v>
      </c>
      <c r="J4079" s="40">
        <v>67.833308815476698</v>
      </c>
      <c r="K4079" s="40">
        <v>12.160710512397131</v>
      </c>
      <c r="L4079" s="40"/>
      <c r="M4079" s="40"/>
      <c r="N4079" s="40"/>
      <c r="X4079">
        <v>-100</v>
      </c>
      <c r="Y4079">
        <v>50.55</v>
      </c>
      <c r="Z4079">
        <v>128.85</v>
      </c>
      <c r="AA4079">
        <v>8.2315439999999995</v>
      </c>
      <c r="AB4079">
        <v>-0.29759763491638613</v>
      </c>
    </row>
    <row r="4080" spans="4:28" x14ac:dyDescent="0.25">
      <c r="D4080" s="40">
        <v>67.863953000002994</v>
      </c>
      <c r="E4080" s="40">
        <v>19.681823109169617</v>
      </c>
      <c r="F4080" s="40">
        <v>67.849999999999994</v>
      </c>
      <c r="G4080" s="40">
        <v>18.132864596802257</v>
      </c>
      <c r="H4080" s="40">
        <v>67.849999999999994</v>
      </c>
      <c r="I4080" s="40">
        <v>14.209388824797976</v>
      </c>
      <c r="J4080" s="40">
        <v>67.849975476191005</v>
      </c>
      <c r="K4080" s="40">
        <v>12.160710512397131</v>
      </c>
      <c r="L4080" s="40"/>
      <c r="M4080" s="40"/>
      <c r="N4080" s="40"/>
      <c r="X4080">
        <v>-100</v>
      </c>
      <c r="Y4080">
        <v>50.56666700000001</v>
      </c>
      <c r="Z4080">
        <v>128.86666700000001</v>
      </c>
      <c r="AA4080">
        <v>8.2316120000000002</v>
      </c>
      <c r="AB4080">
        <v>-0.29677400287835204</v>
      </c>
    </row>
    <row r="4081" spans="4:28" x14ac:dyDescent="0.25">
      <c r="D4081" s="40">
        <v>67.880619000002994</v>
      </c>
      <c r="E4081" s="40">
        <v>19.681823109169617</v>
      </c>
      <c r="F4081" s="40">
        <v>67.866667000000007</v>
      </c>
      <c r="G4081" s="40">
        <v>18.137619840892349</v>
      </c>
      <c r="H4081" s="40">
        <v>67.866667000000007</v>
      </c>
      <c r="I4081" s="40">
        <v>14.209388824797976</v>
      </c>
      <c r="J4081" s="40">
        <v>67.866642136905298</v>
      </c>
      <c r="K4081" s="40">
        <v>12.160710512397131</v>
      </c>
      <c r="L4081" s="40"/>
      <c r="M4081" s="40"/>
      <c r="N4081" s="40"/>
      <c r="X4081">
        <v>-100</v>
      </c>
      <c r="Y4081">
        <v>50.583332999999996</v>
      </c>
      <c r="Z4081">
        <v>128.88333299999999</v>
      </c>
      <c r="AA4081">
        <v>8.2316450000000003</v>
      </c>
      <c r="AB4081">
        <v>-0.29637429909518997</v>
      </c>
    </row>
    <row r="4082" spans="4:28" x14ac:dyDescent="0.25">
      <c r="D4082" s="40">
        <v>67.897285000002995</v>
      </c>
      <c r="E4082" s="40">
        <v>19.68652384133004</v>
      </c>
      <c r="F4082" s="40">
        <v>67.883332999999993</v>
      </c>
      <c r="G4082" s="40">
        <v>18.137619840892349</v>
      </c>
      <c r="H4082" s="40">
        <v>67.883334000000019</v>
      </c>
      <c r="I4082" s="40">
        <v>14.212741560941234</v>
      </c>
      <c r="J4082" s="40">
        <v>67.883308797619506</v>
      </c>
      <c r="K4082" s="40">
        <v>12.160710512397131</v>
      </c>
      <c r="L4082" s="40"/>
      <c r="M4082" s="40"/>
      <c r="N4082" s="40"/>
      <c r="X4082">
        <v>-100</v>
      </c>
      <c r="Y4082">
        <v>50.600000000000009</v>
      </c>
      <c r="Z4082">
        <v>128.9</v>
      </c>
      <c r="AA4082">
        <v>8.2317129999999992</v>
      </c>
      <c r="AB4082">
        <v>-0.29555066705717731</v>
      </c>
    </row>
    <row r="4083" spans="4:28" x14ac:dyDescent="0.25">
      <c r="D4083" s="40">
        <v>67.913951000002996</v>
      </c>
      <c r="E4083" s="40">
        <v>19.68652384133004</v>
      </c>
      <c r="F4083" s="40">
        <v>67.900000000000006</v>
      </c>
      <c r="G4083" s="40">
        <v>18.137619840892349</v>
      </c>
      <c r="H4083" s="40">
        <v>67.900000000000006</v>
      </c>
      <c r="I4083" s="40">
        <v>14.215995687197998</v>
      </c>
      <c r="J4083" s="40">
        <v>67.899975458333799</v>
      </c>
      <c r="K4083" s="40">
        <v>12.160710512397131</v>
      </c>
      <c r="L4083" s="40"/>
      <c r="M4083" s="40"/>
      <c r="N4083" s="40"/>
      <c r="X4083">
        <v>-100</v>
      </c>
      <c r="Y4083">
        <v>50.616666999999993</v>
      </c>
      <c r="Z4083">
        <v>128.91666699999999</v>
      </c>
      <c r="AA4083">
        <v>8.2317800000000005</v>
      </c>
      <c r="AB4083">
        <v>-0.29473914725498745</v>
      </c>
    </row>
    <row r="4084" spans="4:28" x14ac:dyDescent="0.25">
      <c r="D4084" s="40">
        <v>67.930617000002997</v>
      </c>
      <c r="E4084" s="40">
        <v>19.68652384133004</v>
      </c>
      <c r="F4084" s="40">
        <v>67.91666699999999</v>
      </c>
      <c r="G4084" s="40">
        <v>18.142235224862251</v>
      </c>
      <c r="H4084" s="40">
        <v>67.916667000000018</v>
      </c>
      <c r="I4084" s="40">
        <v>14.215995687197998</v>
      </c>
      <c r="J4084" s="40">
        <v>67.916642119048106</v>
      </c>
      <c r="K4084" s="40">
        <v>12.160710512397131</v>
      </c>
      <c r="L4084" s="40"/>
      <c r="M4084" s="40"/>
      <c r="N4084" s="40"/>
      <c r="X4084">
        <v>-100</v>
      </c>
      <c r="Y4084">
        <v>50.633333000000007</v>
      </c>
      <c r="Z4084">
        <v>128.933333</v>
      </c>
      <c r="AA4084">
        <v>8.231814</v>
      </c>
      <c r="AB4084">
        <v>-0.29432733123598115</v>
      </c>
    </row>
    <row r="4085" spans="4:28" x14ac:dyDescent="0.25">
      <c r="D4085" s="40">
        <v>67.947283000002997</v>
      </c>
      <c r="E4085" s="40">
        <v>19.691367019919465</v>
      </c>
      <c r="F4085" s="40">
        <v>67.933333000000005</v>
      </c>
      <c r="G4085" s="40">
        <v>18.142235224862251</v>
      </c>
      <c r="H4085" s="40">
        <v>67.933334000000002</v>
      </c>
      <c r="I4085" s="40">
        <v>14.219348423341254</v>
      </c>
      <c r="J4085" s="40">
        <v>67.933308779762399</v>
      </c>
      <c r="K4085" s="40">
        <v>12.160710512397131</v>
      </c>
      <c r="L4085" s="40"/>
      <c r="M4085" s="40"/>
      <c r="N4085" s="40"/>
      <c r="X4085">
        <v>-100</v>
      </c>
      <c r="Y4085">
        <v>50.649999999999991</v>
      </c>
      <c r="Z4085">
        <v>128.94999999999999</v>
      </c>
      <c r="AA4085">
        <v>8.2318809999999996</v>
      </c>
      <c r="AB4085">
        <v>-0.29351581143381272</v>
      </c>
    </row>
    <row r="4086" spans="4:28" x14ac:dyDescent="0.25">
      <c r="D4086" s="40">
        <v>67.963949000002998</v>
      </c>
      <c r="E4086" s="40">
        <v>19.691367019919465</v>
      </c>
      <c r="F4086" s="40">
        <v>67.949999999999989</v>
      </c>
      <c r="G4086" s="40">
        <v>18.142235224862251</v>
      </c>
      <c r="H4086" s="40">
        <v>67.950000000000017</v>
      </c>
      <c r="I4086" s="40">
        <v>14.219348423341254</v>
      </c>
      <c r="J4086" s="40">
        <v>67.949975440476706</v>
      </c>
      <c r="K4086" s="40">
        <v>12.160710512397131</v>
      </c>
      <c r="L4086" s="40"/>
      <c r="M4086" s="40"/>
      <c r="N4086" s="40"/>
      <c r="X4086">
        <v>-100</v>
      </c>
      <c r="Y4086">
        <v>50.666667000000004</v>
      </c>
      <c r="Z4086">
        <v>128.966667</v>
      </c>
      <c r="AA4086">
        <v>8.2319150000000008</v>
      </c>
      <c r="AB4086">
        <v>-0.29310399541478493</v>
      </c>
    </row>
    <row r="4087" spans="4:28" x14ac:dyDescent="0.25">
      <c r="D4087" s="40">
        <v>67.980615000002999</v>
      </c>
      <c r="E4087" s="40">
        <v>19.691367019919465</v>
      </c>
      <c r="F4087" s="40">
        <v>67.966667000000001</v>
      </c>
      <c r="G4087" s="40">
        <v>18.14699046895247</v>
      </c>
      <c r="H4087" s="40">
        <v>67.966667000000001</v>
      </c>
      <c r="I4087" s="40">
        <v>14.222701159484512</v>
      </c>
      <c r="J4087" s="40">
        <v>67.966642101190999</v>
      </c>
      <c r="K4087" s="40">
        <v>12.160710512397131</v>
      </c>
      <c r="L4087" s="40"/>
      <c r="M4087" s="40"/>
      <c r="N4087" s="40"/>
      <c r="X4087">
        <v>-100</v>
      </c>
      <c r="Y4087">
        <v>50.68333299999999</v>
      </c>
      <c r="Z4087">
        <v>128.98333299999999</v>
      </c>
      <c r="AA4087">
        <v>8.2319820000000004</v>
      </c>
      <c r="AB4087">
        <v>-0.29229247561261656</v>
      </c>
    </row>
    <row r="4088" spans="4:28" x14ac:dyDescent="0.25">
      <c r="D4088" s="40">
        <v>67.997281000002999</v>
      </c>
      <c r="E4088" s="40">
        <v>19.691367019919465</v>
      </c>
      <c r="F4088" s="40">
        <v>67.983332999999988</v>
      </c>
      <c r="G4088" s="40">
        <v>18.14699046895247</v>
      </c>
      <c r="H4088" s="40">
        <v>67.983334000000013</v>
      </c>
      <c r="I4088" s="40">
        <v>14.225955285741275</v>
      </c>
      <c r="J4088" s="40">
        <v>67.983308761905306</v>
      </c>
      <c r="K4088" s="40">
        <v>12.160710512397131</v>
      </c>
      <c r="L4088" s="40"/>
      <c r="M4088" s="40"/>
      <c r="N4088" s="40"/>
      <c r="X4088">
        <v>-100</v>
      </c>
      <c r="Y4088">
        <v>50.7</v>
      </c>
      <c r="Z4088">
        <v>129</v>
      </c>
      <c r="AA4088">
        <v>8.2320489999999999</v>
      </c>
      <c r="AB4088">
        <v>-0.29148095581044819</v>
      </c>
    </row>
    <row r="4089" spans="4:28" x14ac:dyDescent="0.25">
      <c r="D4089" s="40">
        <v>68.013947000003</v>
      </c>
      <c r="E4089" s="40">
        <v>19.696210198509011</v>
      </c>
      <c r="F4089" s="40">
        <v>68</v>
      </c>
      <c r="G4089" s="40">
        <v>18.14699046895247</v>
      </c>
      <c r="H4089" s="40">
        <v>68</v>
      </c>
      <c r="I4089" s="40">
        <v>14.225955285741275</v>
      </c>
      <c r="J4089" s="40">
        <v>67.999975422619599</v>
      </c>
      <c r="K4089" s="40">
        <v>12.160710512397131</v>
      </c>
      <c r="L4089" s="40"/>
      <c r="M4089" s="40"/>
      <c r="N4089" s="40"/>
      <c r="X4089">
        <v>-100</v>
      </c>
      <c r="Y4089">
        <v>50.716667000000015</v>
      </c>
      <c r="Z4089">
        <v>129.01666700000001</v>
      </c>
      <c r="AA4089">
        <v>8.2320829999999994</v>
      </c>
      <c r="AB4089">
        <v>-0.29106913979144183</v>
      </c>
    </row>
    <row r="4090" spans="4:28" x14ac:dyDescent="0.25">
      <c r="D4090" s="40">
        <v>68.030613000003001</v>
      </c>
      <c r="E4090" s="40">
        <v>19.696210198509011</v>
      </c>
      <c r="F4090" s="40">
        <v>68.016666999999984</v>
      </c>
      <c r="G4090" s="40">
        <v>18.151745713042562</v>
      </c>
      <c r="H4090" s="40">
        <v>68.016667000000012</v>
      </c>
      <c r="I4090" s="40">
        <v>14.229308021884705</v>
      </c>
      <c r="J4090" s="40">
        <v>68.016642083333807</v>
      </c>
      <c r="K4090" s="40">
        <v>12.165418878350192</v>
      </c>
      <c r="L4090" s="40"/>
      <c r="M4090" s="40"/>
      <c r="N4090" s="40"/>
      <c r="X4090">
        <v>-100</v>
      </c>
      <c r="Y4090">
        <v>50.733333000000002</v>
      </c>
      <c r="Z4090">
        <v>129.033333</v>
      </c>
      <c r="AA4090">
        <v>8.2321500000000007</v>
      </c>
      <c r="AB4090">
        <v>-0.29025761998925198</v>
      </c>
    </row>
    <row r="4091" spans="4:28" x14ac:dyDescent="0.25">
      <c r="D4091" s="40">
        <v>68.047279000003002</v>
      </c>
      <c r="E4091" s="40">
        <v>19.696210198509011</v>
      </c>
      <c r="F4091" s="40">
        <v>68.033332999999999</v>
      </c>
      <c r="G4091" s="40">
        <v>18.151745713042562</v>
      </c>
      <c r="H4091" s="40">
        <v>68.033333999999996</v>
      </c>
      <c r="I4091" s="40">
        <v>14.232660758027963</v>
      </c>
      <c r="J4091" s="40">
        <v>68.033308744048099</v>
      </c>
      <c r="K4091" s="40">
        <v>12.165418878350192</v>
      </c>
      <c r="L4091" s="40"/>
      <c r="M4091" s="40"/>
      <c r="N4091" s="40"/>
      <c r="X4091">
        <v>-100</v>
      </c>
      <c r="Y4091">
        <v>50.750000000000014</v>
      </c>
      <c r="Z4091">
        <v>129.05000000000001</v>
      </c>
      <c r="AA4091">
        <v>8.2322179999999996</v>
      </c>
      <c r="AB4091">
        <v>-0.28943398795123931</v>
      </c>
    </row>
    <row r="4092" spans="4:28" x14ac:dyDescent="0.25">
      <c r="D4092" s="40">
        <v>68.063945000003002</v>
      </c>
      <c r="E4092" s="40">
        <v>19.696210198509011</v>
      </c>
      <c r="F4092" s="40">
        <v>68.049999999999983</v>
      </c>
      <c r="G4092" s="40">
        <v>18.156361097012464</v>
      </c>
      <c r="H4092" s="40">
        <v>68.050000000000011</v>
      </c>
      <c r="I4092" s="40">
        <v>14.232660758027963</v>
      </c>
      <c r="J4092" s="40">
        <v>68.049975404762407</v>
      </c>
      <c r="K4092" s="40">
        <v>12.165418878350192</v>
      </c>
      <c r="L4092" s="40"/>
      <c r="M4092" s="40"/>
      <c r="N4092" s="40"/>
      <c r="X4092">
        <v>-100</v>
      </c>
      <c r="Y4092">
        <v>50.766666999999998</v>
      </c>
      <c r="Z4092">
        <v>129.066667</v>
      </c>
      <c r="AA4092">
        <v>8.2322849999999992</v>
      </c>
      <c r="AB4092">
        <v>-0.28862246814907094</v>
      </c>
    </row>
    <row r="4093" spans="4:28" x14ac:dyDescent="0.25">
      <c r="D4093" s="40">
        <v>68.080611000003003</v>
      </c>
      <c r="E4093" s="40">
        <v>19.696210198509011</v>
      </c>
      <c r="F4093" s="40">
        <v>68.066666999999995</v>
      </c>
      <c r="G4093" s="40">
        <v>18.156361097012464</v>
      </c>
      <c r="H4093" s="40">
        <v>68.066666999999995</v>
      </c>
      <c r="I4093" s="40">
        <v>14.235914884284727</v>
      </c>
      <c r="J4093" s="40">
        <v>68.066642065476699</v>
      </c>
      <c r="K4093" s="40">
        <v>12.165418878350192</v>
      </c>
      <c r="L4093" s="40"/>
      <c r="M4093" s="40"/>
      <c r="N4093" s="40"/>
      <c r="X4093">
        <v>-100</v>
      </c>
      <c r="Y4093">
        <v>50.783333000000013</v>
      </c>
      <c r="Z4093">
        <v>129.08333300000001</v>
      </c>
      <c r="AA4093">
        <v>8.2323179999999994</v>
      </c>
      <c r="AB4093">
        <v>-0.28822276436590888</v>
      </c>
    </row>
    <row r="4094" spans="4:28" x14ac:dyDescent="0.25">
      <c r="D4094" s="40">
        <v>68.097277000003004</v>
      </c>
      <c r="E4094" s="40">
        <v>19.696210198509011</v>
      </c>
      <c r="F4094" s="40">
        <v>68.083332999999982</v>
      </c>
      <c r="G4094" s="40">
        <v>18.161116341102684</v>
      </c>
      <c r="H4094" s="40">
        <v>68.083334000000008</v>
      </c>
      <c r="I4094" s="40">
        <v>14.235914884284727</v>
      </c>
      <c r="J4094" s="40">
        <v>68.083308726191007</v>
      </c>
      <c r="K4094" s="40">
        <v>12.165418878350192</v>
      </c>
      <c r="L4094" s="40"/>
      <c r="M4094" s="40"/>
      <c r="N4094" s="40"/>
      <c r="X4094">
        <v>-100</v>
      </c>
      <c r="Y4094">
        <v>50.8</v>
      </c>
      <c r="Z4094">
        <v>129.1</v>
      </c>
      <c r="AA4094">
        <v>8.232386</v>
      </c>
      <c r="AB4094">
        <v>-0.28739913232787473</v>
      </c>
    </row>
    <row r="4095" spans="4:28" x14ac:dyDescent="0.25">
      <c r="D4095" s="40">
        <v>68.113943000003005</v>
      </c>
      <c r="E4095" s="40">
        <v>19.696210198509011</v>
      </c>
      <c r="F4095" s="40">
        <v>68.099999999999994</v>
      </c>
      <c r="G4095" s="40">
        <v>18.161116341102684</v>
      </c>
      <c r="H4095" s="40">
        <v>68.099999999999994</v>
      </c>
      <c r="I4095" s="40">
        <v>14.239267620427983</v>
      </c>
      <c r="J4095" s="40">
        <v>68.0999753869053</v>
      </c>
      <c r="K4095" s="40">
        <v>12.165418878350192</v>
      </c>
      <c r="L4095" s="40"/>
      <c r="M4095" s="40"/>
      <c r="N4095" s="40"/>
      <c r="X4095">
        <v>-100</v>
      </c>
      <c r="Y4095">
        <v>50.81666700000001</v>
      </c>
      <c r="Z4095">
        <v>129.11666700000001</v>
      </c>
      <c r="AA4095">
        <v>8.2324529999999996</v>
      </c>
      <c r="AB4095">
        <v>-0.28658761252570636</v>
      </c>
    </row>
    <row r="4096" spans="4:28" x14ac:dyDescent="0.25">
      <c r="D4096" s="40">
        <v>68.130609000003005</v>
      </c>
      <c r="E4096" s="40">
        <v>19.700910930669437</v>
      </c>
      <c r="F4096" s="40">
        <v>68.116667000000007</v>
      </c>
      <c r="G4096" s="40">
        <v>18.161116341102684</v>
      </c>
      <c r="H4096" s="40">
        <v>68.116667000000007</v>
      </c>
      <c r="I4096" s="40">
        <v>14.242620356571416</v>
      </c>
      <c r="J4096" s="40">
        <v>68.116642047619493</v>
      </c>
      <c r="K4096" s="40">
        <v>12.165418878350192</v>
      </c>
      <c r="L4096" s="40"/>
      <c r="M4096" s="40"/>
      <c r="N4096" s="40"/>
      <c r="X4096">
        <v>-100</v>
      </c>
      <c r="Y4096">
        <v>50.833332999999996</v>
      </c>
      <c r="Z4096">
        <v>129.13333299999999</v>
      </c>
      <c r="AA4096">
        <v>8.2324870000000008</v>
      </c>
      <c r="AB4096">
        <v>-0.28617579650667857</v>
      </c>
    </row>
    <row r="4097" spans="4:28" x14ac:dyDescent="0.25">
      <c r="D4097" s="40">
        <v>68.147275000003006</v>
      </c>
      <c r="E4097" s="40">
        <v>19.700910930669437</v>
      </c>
      <c r="F4097" s="40">
        <v>68.133332999999993</v>
      </c>
      <c r="G4097" s="40">
        <v>18.165871585192903</v>
      </c>
      <c r="H4097" s="40">
        <v>68.133334000000019</v>
      </c>
      <c r="I4097" s="40">
        <v>14.242620356571416</v>
      </c>
      <c r="J4097" s="40">
        <v>68.1333087083338</v>
      </c>
      <c r="K4097" s="40">
        <v>12.165418878350192</v>
      </c>
      <c r="L4097" s="40"/>
      <c r="M4097" s="40"/>
      <c r="N4097" s="40"/>
      <c r="X4097">
        <v>-100</v>
      </c>
      <c r="Y4097">
        <v>50.850000000000009</v>
      </c>
      <c r="Z4097">
        <v>129.15</v>
      </c>
      <c r="AA4097">
        <v>8.2325540000000004</v>
      </c>
      <c r="AB4097">
        <v>-0.2853642767045102</v>
      </c>
    </row>
    <row r="4098" spans="4:28" x14ac:dyDescent="0.25">
      <c r="D4098" s="40">
        <v>68.163941000003007</v>
      </c>
      <c r="E4098" s="40">
        <v>19.700910930669437</v>
      </c>
      <c r="F4098" s="40">
        <v>68.150000000000006</v>
      </c>
      <c r="G4098" s="40">
        <v>18.165871585192903</v>
      </c>
      <c r="H4098" s="40">
        <v>68.150000000000006</v>
      </c>
      <c r="I4098" s="40">
        <v>14.245874482828004</v>
      </c>
      <c r="J4098" s="40">
        <v>68.149975369048093</v>
      </c>
      <c r="K4098" s="40">
        <v>12.165418878350192</v>
      </c>
      <c r="L4098" s="40"/>
      <c r="M4098" s="40"/>
      <c r="N4098" s="40"/>
      <c r="X4098">
        <v>-100</v>
      </c>
      <c r="Y4098">
        <v>50.866666999999993</v>
      </c>
      <c r="Z4098">
        <v>129.16666699999999</v>
      </c>
      <c r="AA4098">
        <v>8.232621</v>
      </c>
      <c r="AB4098">
        <v>-0.28455275690234177</v>
      </c>
    </row>
    <row r="4099" spans="4:28" x14ac:dyDescent="0.25">
      <c r="D4099" s="40">
        <v>68.180607000003008</v>
      </c>
      <c r="E4099" s="40">
        <v>19.700910930669437</v>
      </c>
      <c r="F4099" s="40">
        <v>68.16666699999999</v>
      </c>
      <c r="G4099" s="40">
        <v>18.165871585192903</v>
      </c>
      <c r="H4099" s="40">
        <v>68.166667000000018</v>
      </c>
      <c r="I4099" s="40">
        <v>14.245874482828004</v>
      </c>
      <c r="J4099" s="40">
        <v>68.1666420297624</v>
      </c>
      <c r="K4099" s="40">
        <v>12.165418878350192</v>
      </c>
      <c r="L4099" s="40"/>
      <c r="M4099" s="40"/>
      <c r="N4099" s="40"/>
      <c r="X4099">
        <v>-100</v>
      </c>
      <c r="Y4099">
        <v>50.883333000000007</v>
      </c>
      <c r="Z4099">
        <v>129.183333</v>
      </c>
      <c r="AA4099">
        <v>8.2326890000000006</v>
      </c>
      <c r="AB4099">
        <v>-0.28372912486430768</v>
      </c>
    </row>
    <row r="4100" spans="4:28" x14ac:dyDescent="0.25">
      <c r="D4100" s="40">
        <v>68.197273000003008</v>
      </c>
      <c r="E4100" s="40">
        <v>19.705754109258987</v>
      </c>
      <c r="F4100" s="40">
        <v>68.183333000000005</v>
      </c>
      <c r="G4100" s="40">
        <v>18.170486969162681</v>
      </c>
      <c r="H4100" s="40">
        <v>68.183334000000002</v>
      </c>
      <c r="I4100" s="40">
        <v>14.249227218971436</v>
      </c>
      <c r="J4100" s="40">
        <v>68.183308690476693</v>
      </c>
      <c r="K4100" s="40">
        <v>12.165418878350192</v>
      </c>
      <c r="L4100" s="40"/>
      <c r="M4100" s="40"/>
      <c r="N4100" s="40"/>
      <c r="X4100">
        <v>-100</v>
      </c>
      <c r="Y4100">
        <v>50.899999999999991</v>
      </c>
      <c r="Z4100">
        <v>129.19999999999999</v>
      </c>
      <c r="AA4100">
        <v>8.2327220000000008</v>
      </c>
      <c r="AB4100">
        <v>-0.28332942108114562</v>
      </c>
    </row>
    <row r="4101" spans="4:28" x14ac:dyDescent="0.25">
      <c r="D4101" s="40">
        <v>68.213939000003009</v>
      </c>
      <c r="E4101" s="40">
        <v>19.705754109258987</v>
      </c>
      <c r="F4101" s="40">
        <v>68.199999999999989</v>
      </c>
      <c r="G4101" s="40">
        <v>18.170486969162681</v>
      </c>
      <c r="H4101" s="40">
        <v>68.200000000000017</v>
      </c>
      <c r="I4101" s="40">
        <v>14.249227218971436</v>
      </c>
      <c r="J4101" s="40">
        <v>68.199975351191</v>
      </c>
      <c r="K4101" s="40">
        <v>12.165418878350192</v>
      </c>
      <c r="L4101" s="40"/>
      <c r="M4101" s="40"/>
      <c r="N4101" s="40"/>
      <c r="X4101">
        <v>-100</v>
      </c>
      <c r="Y4101">
        <v>50.916667000000004</v>
      </c>
      <c r="Z4101">
        <v>129.216667</v>
      </c>
      <c r="AA4101">
        <v>8.2327899999999996</v>
      </c>
      <c r="AB4101">
        <v>-0.28250578904313295</v>
      </c>
    </row>
    <row r="4102" spans="4:28" x14ac:dyDescent="0.25">
      <c r="D4102" s="40">
        <v>68.23060500000301</v>
      </c>
      <c r="E4102" s="40">
        <v>19.705754109258987</v>
      </c>
      <c r="F4102" s="40">
        <v>68.216667000000001</v>
      </c>
      <c r="G4102" s="40">
        <v>18.170486969162681</v>
      </c>
      <c r="H4102" s="40">
        <v>68.216667000000001</v>
      </c>
      <c r="I4102" s="40">
        <v>14.252579955114694</v>
      </c>
      <c r="J4102" s="40">
        <v>68.216642011905293</v>
      </c>
      <c r="K4102" s="40">
        <v>12.165418878350192</v>
      </c>
      <c r="L4102" s="40"/>
      <c r="M4102" s="40"/>
      <c r="N4102" s="40"/>
      <c r="X4102">
        <v>-100</v>
      </c>
      <c r="Y4102">
        <v>50.93333299999999</v>
      </c>
      <c r="Z4102">
        <v>129.23333299999999</v>
      </c>
      <c r="AA4102">
        <v>8.2328569999999992</v>
      </c>
      <c r="AB4102">
        <v>-0.28169426924096458</v>
      </c>
    </row>
    <row r="4103" spans="4:28" x14ac:dyDescent="0.25">
      <c r="D4103" s="40">
        <v>68.24727100000301</v>
      </c>
      <c r="E4103" s="40">
        <v>19.710597287848408</v>
      </c>
      <c r="F4103" s="40">
        <v>68.233332999999988</v>
      </c>
      <c r="G4103" s="40">
        <v>18.170486969162681</v>
      </c>
      <c r="H4103" s="40">
        <v>68.233334000000013</v>
      </c>
      <c r="I4103" s="40">
        <v>14.252579955114694</v>
      </c>
      <c r="J4103" s="40">
        <v>68.2333086726196</v>
      </c>
      <c r="K4103" s="40">
        <v>12.165418878350192</v>
      </c>
      <c r="L4103" s="40"/>
      <c r="M4103" s="40"/>
      <c r="N4103" s="40"/>
      <c r="X4103">
        <v>-100</v>
      </c>
      <c r="Y4103">
        <v>50.95</v>
      </c>
      <c r="Z4103">
        <v>129.25</v>
      </c>
      <c r="AA4103">
        <v>8.2328910000000004</v>
      </c>
      <c r="AB4103">
        <v>-0.28128245322193673</v>
      </c>
    </row>
    <row r="4104" spans="4:28" x14ac:dyDescent="0.25">
      <c r="D4104" s="40">
        <v>68.263937000003011</v>
      </c>
      <c r="E4104" s="40">
        <v>19.710597287848408</v>
      </c>
      <c r="F4104" s="40">
        <v>68.25</v>
      </c>
      <c r="G4104" s="40">
        <v>18.175242213252901</v>
      </c>
      <c r="H4104" s="40">
        <v>68.25</v>
      </c>
      <c r="I4104" s="40">
        <v>14.255834081371457</v>
      </c>
      <c r="J4104" s="40">
        <v>68.249975333333794</v>
      </c>
      <c r="K4104" s="40">
        <v>12.165418878350192</v>
      </c>
      <c r="L4104" s="40"/>
      <c r="M4104" s="40"/>
      <c r="N4104" s="40"/>
      <c r="X4104">
        <v>-100</v>
      </c>
      <c r="Y4104">
        <v>50.966667000000015</v>
      </c>
      <c r="Z4104">
        <v>129.26666700000001</v>
      </c>
      <c r="AA4104">
        <v>8.232958</v>
      </c>
      <c r="AB4104">
        <v>-0.28047093341976836</v>
      </c>
    </row>
    <row r="4105" spans="4:28" x14ac:dyDescent="0.25">
      <c r="D4105" s="40">
        <v>68.280603000003012</v>
      </c>
      <c r="E4105" s="40">
        <v>19.710597287848408</v>
      </c>
      <c r="F4105" s="40">
        <v>68.266666999999984</v>
      </c>
      <c r="G4105" s="40">
        <v>18.175242213252901</v>
      </c>
      <c r="H4105" s="40">
        <v>68.266667000000012</v>
      </c>
      <c r="I4105" s="40">
        <v>14.259186817514713</v>
      </c>
      <c r="J4105" s="40">
        <v>68.266641994048101</v>
      </c>
      <c r="K4105" s="40">
        <v>12.170269922059424</v>
      </c>
      <c r="L4105" s="40"/>
      <c r="M4105" s="40"/>
      <c r="N4105" s="40"/>
      <c r="X4105">
        <v>-100</v>
      </c>
      <c r="Y4105">
        <v>50.983333000000002</v>
      </c>
      <c r="Z4105">
        <v>129.283333</v>
      </c>
      <c r="AA4105">
        <v>8.2330249999999996</v>
      </c>
      <c r="AB4105">
        <v>-0.27965941361759999</v>
      </c>
    </row>
    <row r="4106" spans="4:28" x14ac:dyDescent="0.25">
      <c r="D4106" s="40">
        <v>68.297269000003013</v>
      </c>
      <c r="E4106" s="40">
        <v>19.710597287848408</v>
      </c>
      <c r="F4106" s="40">
        <v>68.283332999999999</v>
      </c>
      <c r="G4106" s="40">
        <v>18.179997457343116</v>
      </c>
      <c r="H4106" s="40">
        <v>68.283333999999996</v>
      </c>
      <c r="I4106" s="40">
        <v>14.259186817514713</v>
      </c>
      <c r="J4106" s="40">
        <v>68.283308654762394</v>
      </c>
      <c r="K4106" s="40">
        <v>12.170269922059424</v>
      </c>
      <c r="L4106" s="40"/>
      <c r="M4106" s="40"/>
      <c r="N4106" s="40"/>
      <c r="X4106">
        <v>-100</v>
      </c>
      <c r="Y4106">
        <v>51.000000000000014</v>
      </c>
      <c r="Z4106">
        <v>129.30000000000001</v>
      </c>
      <c r="AA4106">
        <v>8.2330930000000002</v>
      </c>
      <c r="AB4106">
        <v>-0.27883578157956584</v>
      </c>
    </row>
    <row r="4107" spans="4:28" x14ac:dyDescent="0.25">
      <c r="D4107" s="40">
        <v>68.313935000003013</v>
      </c>
      <c r="E4107" s="40">
        <v>19.710597287848408</v>
      </c>
      <c r="F4107" s="40">
        <v>68.299999999999983</v>
      </c>
      <c r="G4107" s="40">
        <v>18.179997457343116</v>
      </c>
      <c r="H4107" s="40">
        <v>68.300000000000011</v>
      </c>
      <c r="I4107" s="40">
        <v>14.262539553658147</v>
      </c>
      <c r="J4107" s="40">
        <v>68.299975315476701</v>
      </c>
      <c r="K4107" s="40">
        <v>12.170269922059424</v>
      </c>
      <c r="L4107" s="40"/>
      <c r="M4107" s="40"/>
      <c r="N4107" s="40"/>
      <c r="X4107">
        <v>-100</v>
      </c>
      <c r="Y4107">
        <v>51.016666999999998</v>
      </c>
      <c r="Z4107">
        <v>129.316667</v>
      </c>
      <c r="AA4107">
        <v>8.2331599999999998</v>
      </c>
      <c r="AB4107">
        <v>-0.27802426177739747</v>
      </c>
    </row>
    <row r="4108" spans="4:28" x14ac:dyDescent="0.25">
      <c r="D4108" s="40">
        <v>68.330601000003014</v>
      </c>
      <c r="E4108" s="40">
        <v>19.710597287848408</v>
      </c>
      <c r="F4108" s="40">
        <v>68.316666999999995</v>
      </c>
      <c r="G4108" s="40">
        <v>18.184612841312894</v>
      </c>
      <c r="H4108" s="40">
        <v>68.316666999999995</v>
      </c>
      <c r="I4108" s="40">
        <v>14.265793679914911</v>
      </c>
      <c r="J4108" s="40">
        <v>68.316641976190994</v>
      </c>
      <c r="K4108" s="40">
        <v>12.170269922059424</v>
      </c>
      <c r="L4108" s="40"/>
      <c r="M4108" s="40"/>
      <c r="N4108" s="40"/>
      <c r="X4108">
        <v>-100</v>
      </c>
      <c r="Y4108">
        <v>51.033333000000013</v>
      </c>
      <c r="Z4108">
        <v>129.33333300000001</v>
      </c>
      <c r="AA4108">
        <v>8.2332269999999994</v>
      </c>
      <c r="AB4108">
        <v>-0.2772127419752291</v>
      </c>
    </row>
    <row r="4109" spans="4:28" x14ac:dyDescent="0.25">
      <c r="D4109" s="40">
        <v>68.347267000003015</v>
      </c>
      <c r="E4109" s="40">
        <v>19.710597287848408</v>
      </c>
      <c r="F4109" s="40">
        <v>68.333332999999982</v>
      </c>
      <c r="G4109" s="40">
        <v>18.184612841312894</v>
      </c>
      <c r="H4109" s="40">
        <v>68.333334000000008</v>
      </c>
      <c r="I4109" s="40">
        <v>14.265793679914911</v>
      </c>
      <c r="J4109" s="40">
        <v>68.333308636905301</v>
      </c>
      <c r="K4109" s="40">
        <v>12.170269922059424</v>
      </c>
      <c r="L4109" s="40"/>
      <c r="M4109" s="40"/>
      <c r="N4109" s="40"/>
      <c r="X4109">
        <v>-100</v>
      </c>
      <c r="Y4109">
        <v>51.05</v>
      </c>
      <c r="Z4109">
        <v>129.35</v>
      </c>
      <c r="AA4109">
        <v>8.2332610000000006</v>
      </c>
      <c r="AB4109">
        <v>-0.27680092595620126</v>
      </c>
    </row>
    <row r="4110" spans="4:28" x14ac:dyDescent="0.25">
      <c r="D4110" s="40">
        <v>68.363933000003016</v>
      </c>
      <c r="E4110" s="40">
        <v>19.710597287848408</v>
      </c>
      <c r="F4110" s="40">
        <v>68.349999999999994</v>
      </c>
      <c r="G4110" s="40">
        <v>18.189368085403114</v>
      </c>
      <c r="H4110" s="40">
        <v>68.349999999999994</v>
      </c>
      <c r="I4110" s="40">
        <v>14.269146416058167</v>
      </c>
      <c r="J4110" s="40">
        <v>68.349975297619594</v>
      </c>
      <c r="K4110" s="40">
        <v>12.175120965768658</v>
      </c>
      <c r="L4110" s="40"/>
      <c r="M4110" s="40"/>
      <c r="N4110" s="40"/>
      <c r="X4110">
        <v>-100</v>
      </c>
      <c r="Y4110">
        <v>51.06666700000001</v>
      </c>
      <c r="Z4110">
        <v>129.36666700000001</v>
      </c>
      <c r="AA4110">
        <v>8.2333280000000002</v>
      </c>
      <c r="AB4110">
        <v>-0.27598940615403289</v>
      </c>
    </row>
    <row r="4111" spans="4:28" x14ac:dyDescent="0.25">
      <c r="D4111" s="40">
        <v>68.380599000003016</v>
      </c>
      <c r="E4111" s="40">
        <v>19.710597287848408</v>
      </c>
      <c r="F4111" s="40">
        <v>68.366667000000007</v>
      </c>
      <c r="G4111" s="40">
        <v>18.189368085403114</v>
      </c>
      <c r="H4111" s="40">
        <v>68.366667000000007</v>
      </c>
      <c r="I4111" s="40">
        <v>14.272499152201425</v>
      </c>
      <c r="J4111" s="40">
        <v>68.366641958333801</v>
      </c>
      <c r="K4111" s="40">
        <v>12.175120965768658</v>
      </c>
      <c r="L4111" s="40"/>
      <c r="M4111" s="40"/>
      <c r="N4111" s="40"/>
      <c r="X4111">
        <v>-100</v>
      </c>
      <c r="Y4111">
        <v>51.083332999999996</v>
      </c>
      <c r="Z4111">
        <v>129.38333299999999</v>
      </c>
      <c r="AA4111">
        <v>8.2333949999999998</v>
      </c>
      <c r="AB4111">
        <v>-0.27517788635186452</v>
      </c>
    </row>
    <row r="4112" spans="4:28" x14ac:dyDescent="0.25">
      <c r="D4112" s="40">
        <v>68.397265000003017</v>
      </c>
      <c r="E4112" s="40">
        <v>19.710597287848408</v>
      </c>
      <c r="F4112" s="40">
        <v>68.383332999999993</v>
      </c>
      <c r="G4112" s="40">
        <v>18.189368085403114</v>
      </c>
      <c r="H4112" s="40">
        <v>68.383334000000019</v>
      </c>
      <c r="I4112" s="40">
        <v>14.272499152201425</v>
      </c>
      <c r="J4112" s="40">
        <v>68.383308619048094</v>
      </c>
      <c r="K4112" s="40">
        <v>12.175120965768658</v>
      </c>
      <c r="L4112" s="40"/>
      <c r="M4112" s="40"/>
      <c r="N4112" s="40"/>
      <c r="X4112">
        <v>-100</v>
      </c>
      <c r="Y4112">
        <v>51.100000000000009</v>
      </c>
      <c r="Z4112">
        <v>129.4</v>
      </c>
      <c r="AA4112">
        <v>8.2334630000000004</v>
      </c>
      <c r="AB4112">
        <v>-0.27435425431383037</v>
      </c>
    </row>
    <row r="4113" spans="4:28" x14ac:dyDescent="0.25">
      <c r="D4113" s="40">
        <v>68.413931000003018</v>
      </c>
      <c r="E4113" s="40">
        <v>19.710597287848408</v>
      </c>
      <c r="F4113" s="40">
        <v>68.400000000000006</v>
      </c>
      <c r="G4113" s="40">
        <v>18.19412332949333</v>
      </c>
      <c r="H4113" s="40">
        <v>68.400000000000006</v>
      </c>
      <c r="I4113" s="40">
        <v>14.275753278458186</v>
      </c>
      <c r="J4113" s="40">
        <v>68.399975279762401</v>
      </c>
      <c r="K4113" s="40">
        <v>12.175120965768658</v>
      </c>
      <c r="L4113" s="40"/>
      <c r="M4113" s="40"/>
      <c r="N4113" s="40"/>
      <c r="X4113">
        <v>-100</v>
      </c>
      <c r="Y4113">
        <v>51.116666999999993</v>
      </c>
      <c r="Z4113">
        <v>129.41666699999999</v>
      </c>
      <c r="AA4113">
        <v>8.23353</v>
      </c>
      <c r="AB4113">
        <v>-0.273542734511662</v>
      </c>
    </row>
    <row r="4114" spans="4:28" x14ac:dyDescent="0.25">
      <c r="D4114" s="40">
        <v>68.430597000003019</v>
      </c>
      <c r="E4114" s="40">
        <v>19.710597287848408</v>
      </c>
      <c r="F4114" s="40">
        <v>68.41666699999999</v>
      </c>
      <c r="G4114" s="40">
        <v>18.19412332949333</v>
      </c>
      <c r="H4114" s="40">
        <v>68.416667000000018</v>
      </c>
      <c r="I4114" s="40">
        <v>14.279106014601442</v>
      </c>
      <c r="J4114" s="40">
        <v>68.416641940476694</v>
      </c>
      <c r="K4114" s="40">
        <v>12.175120965768658</v>
      </c>
      <c r="L4114" s="40"/>
      <c r="M4114" s="40"/>
      <c r="N4114" s="40"/>
      <c r="X4114">
        <v>-100</v>
      </c>
      <c r="Y4114">
        <v>51.133333000000007</v>
      </c>
      <c r="Z4114">
        <v>129.433333</v>
      </c>
      <c r="AA4114">
        <v>8.2335969999999996</v>
      </c>
      <c r="AB4114">
        <v>-0.27273121470949363</v>
      </c>
    </row>
    <row r="4115" spans="4:28" x14ac:dyDescent="0.25">
      <c r="D4115" s="40">
        <v>68.447263000003019</v>
      </c>
      <c r="E4115" s="40">
        <v>19.710597287848408</v>
      </c>
      <c r="F4115" s="40">
        <v>68.433333000000005</v>
      </c>
      <c r="G4115" s="40">
        <v>18.19412332949333</v>
      </c>
      <c r="H4115" s="40">
        <v>68.433334000000002</v>
      </c>
      <c r="I4115" s="40">
        <v>14.279106014601442</v>
      </c>
      <c r="J4115" s="40">
        <v>68.433308601191001</v>
      </c>
      <c r="K4115" s="40">
        <v>12.175120965768658</v>
      </c>
      <c r="L4115" s="40"/>
      <c r="M4115" s="40"/>
      <c r="N4115" s="40"/>
      <c r="X4115">
        <v>-100</v>
      </c>
      <c r="Y4115">
        <v>51.149999999999991</v>
      </c>
      <c r="Z4115">
        <v>129.44999999999999</v>
      </c>
      <c r="AA4115">
        <v>8.2336310000000008</v>
      </c>
      <c r="AB4115">
        <v>-0.27231939869046579</v>
      </c>
    </row>
    <row r="4116" spans="4:28" x14ac:dyDescent="0.25">
      <c r="D4116" s="40">
        <v>68.46392900000302</v>
      </c>
      <c r="E4116" s="40">
        <v>19.710597287848408</v>
      </c>
      <c r="F4116" s="40">
        <v>68.449999999999989</v>
      </c>
      <c r="G4116" s="40">
        <v>18.19412332949333</v>
      </c>
      <c r="H4116" s="40">
        <v>68.450000000000017</v>
      </c>
      <c r="I4116" s="40">
        <v>14.282458750744876</v>
      </c>
      <c r="J4116" s="40">
        <v>68.449975261905294</v>
      </c>
      <c r="K4116" s="40">
        <v>12.175120965768658</v>
      </c>
      <c r="L4116" s="40"/>
      <c r="M4116" s="40"/>
      <c r="N4116" s="40"/>
      <c r="X4116">
        <v>-100</v>
      </c>
      <c r="Y4116">
        <v>51.166667000000004</v>
      </c>
      <c r="Z4116">
        <v>129.466667</v>
      </c>
      <c r="AA4116">
        <v>8.2336980000000004</v>
      </c>
      <c r="AB4116">
        <v>-0.27150787888829742</v>
      </c>
    </row>
    <row r="4117" spans="4:28" x14ac:dyDescent="0.25">
      <c r="D4117" s="40">
        <v>68.480595000003021</v>
      </c>
      <c r="E4117" s="40">
        <v>19.710597287848408</v>
      </c>
      <c r="F4117" s="40">
        <v>68.466667000000001</v>
      </c>
      <c r="G4117" s="40">
        <v>18.198738713463232</v>
      </c>
      <c r="H4117" s="40">
        <v>68.466667000000001</v>
      </c>
      <c r="I4117" s="40">
        <v>14.282458750744876</v>
      </c>
      <c r="J4117" s="40">
        <v>68.466641922619601</v>
      </c>
      <c r="K4117" s="40">
        <v>12.179972009477762</v>
      </c>
      <c r="L4117" s="40"/>
      <c r="M4117" s="40"/>
      <c r="N4117" s="40"/>
      <c r="X4117">
        <v>-100</v>
      </c>
      <c r="Y4117">
        <v>51.18333299999999</v>
      </c>
      <c r="Z4117">
        <v>129.48333299999999</v>
      </c>
      <c r="AA4117">
        <v>8.2337659999999993</v>
      </c>
      <c r="AB4117">
        <v>-0.2706842468502848</v>
      </c>
    </row>
    <row r="4118" spans="4:28" x14ac:dyDescent="0.25">
      <c r="D4118" s="40">
        <v>68.497261000003022</v>
      </c>
      <c r="E4118" s="40">
        <v>19.710597287848408</v>
      </c>
      <c r="F4118" s="40">
        <v>68.483332999999988</v>
      </c>
      <c r="G4118" s="40">
        <v>18.198738713463232</v>
      </c>
      <c r="H4118" s="40">
        <v>68.483334000000013</v>
      </c>
      <c r="I4118" s="40">
        <v>14.285712877001639</v>
      </c>
      <c r="J4118" s="40">
        <v>68.483308583333795</v>
      </c>
      <c r="K4118" s="40">
        <v>12.179972009477762</v>
      </c>
      <c r="L4118" s="40"/>
      <c r="M4118" s="40"/>
      <c r="N4118" s="40"/>
      <c r="X4118">
        <v>-100</v>
      </c>
      <c r="Y4118">
        <v>51.2</v>
      </c>
      <c r="Z4118">
        <v>129.5</v>
      </c>
      <c r="AA4118">
        <v>8.2338330000000006</v>
      </c>
      <c r="AB4118">
        <v>-0.2698727270480949</v>
      </c>
    </row>
    <row r="4119" spans="4:28" x14ac:dyDescent="0.25">
      <c r="D4119" s="40">
        <v>68.513927000003022</v>
      </c>
      <c r="E4119" s="40">
        <v>19.715298020008831</v>
      </c>
      <c r="F4119" s="40">
        <v>68.5</v>
      </c>
      <c r="G4119" s="40">
        <v>18.203493957553327</v>
      </c>
      <c r="H4119" s="40">
        <v>68.5</v>
      </c>
      <c r="I4119" s="40">
        <v>14.289065613144896</v>
      </c>
      <c r="J4119" s="40">
        <v>68.499975244048102</v>
      </c>
      <c r="K4119" s="40">
        <v>12.179972009477762</v>
      </c>
      <c r="L4119" s="40"/>
      <c r="M4119" s="40"/>
      <c r="N4119" s="40"/>
      <c r="X4119">
        <v>-100</v>
      </c>
      <c r="Y4119">
        <v>51.216667000000015</v>
      </c>
      <c r="Z4119">
        <v>129.51666700000001</v>
      </c>
      <c r="AA4119">
        <v>8.233867</v>
      </c>
      <c r="AB4119">
        <v>-0.26946091102908859</v>
      </c>
    </row>
    <row r="4120" spans="4:28" x14ac:dyDescent="0.25">
      <c r="D4120" s="40">
        <v>68.530593000003023</v>
      </c>
      <c r="E4120" s="40">
        <v>19.715298020008831</v>
      </c>
      <c r="F4120" s="40">
        <v>68.516666999999984</v>
      </c>
      <c r="G4120" s="40">
        <v>18.203493957553327</v>
      </c>
      <c r="H4120" s="40">
        <v>68.516667000000012</v>
      </c>
      <c r="I4120" s="40">
        <v>14.292418349288154</v>
      </c>
      <c r="J4120" s="40">
        <v>68.516641904762395</v>
      </c>
      <c r="K4120" s="40">
        <v>12.179972009477762</v>
      </c>
      <c r="L4120" s="40"/>
      <c r="M4120" s="40"/>
      <c r="N4120" s="40"/>
      <c r="X4120">
        <v>-100</v>
      </c>
      <c r="Y4120">
        <v>51.233333000000002</v>
      </c>
      <c r="Z4120">
        <v>129.533333</v>
      </c>
      <c r="AA4120">
        <v>8.2339339999999996</v>
      </c>
      <c r="AB4120">
        <v>-0.26864939122692022</v>
      </c>
    </row>
    <row r="4121" spans="4:28" x14ac:dyDescent="0.25">
      <c r="D4121" s="40">
        <v>68.547259000003024</v>
      </c>
      <c r="E4121" s="40">
        <v>19.715298020008831</v>
      </c>
      <c r="F4121" s="40">
        <v>68.533332999999999</v>
      </c>
      <c r="G4121" s="40">
        <v>18.208249201643547</v>
      </c>
      <c r="H4121" s="40">
        <v>68.533333999999996</v>
      </c>
      <c r="I4121" s="40">
        <v>14.292418349288154</v>
      </c>
      <c r="J4121" s="40">
        <v>68.533308565476702</v>
      </c>
      <c r="K4121" s="40">
        <v>12.184680375430821</v>
      </c>
      <c r="L4121" s="40"/>
      <c r="M4121" s="40"/>
      <c r="N4121" s="40"/>
      <c r="X4121">
        <v>-100</v>
      </c>
      <c r="Y4121">
        <v>51.250000000000014</v>
      </c>
      <c r="Z4121">
        <v>129.55000000000001</v>
      </c>
      <c r="AA4121">
        <v>8.2340009999999992</v>
      </c>
      <c r="AB4121">
        <v>-0.26783787142475185</v>
      </c>
    </row>
    <row r="4122" spans="4:28" x14ac:dyDescent="0.25">
      <c r="D4122" s="40">
        <v>68.563925000003024</v>
      </c>
      <c r="E4122" s="40">
        <v>19.715298020008831</v>
      </c>
      <c r="F4122" s="40">
        <v>68.549999999999983</v>
      </c>
      <c r="G4122" s="40">
        <v>18.208249201643547</v>
      </c>
      <c r="H4122" s="40">
        <v>68.550000000000011</v>
      </c>
      <c r="I4122" s="40">
        <v>14.295672475544917</v>
      </c>
      <c r="J4122" s="40">
        <v>68.549975226190995</v>
      </c>
      <c r="K4122" s="40">
        <v>12.184680375430821</v>
      </c>
      <c r="L4122" s="40"/>
      <c r="M4122" s="40"/>
      <c r="N4122" s="40"/>
      <c r="X4122">
        <v>-100</v>
      </c>
      <c r="Y4122">
        <v>51.266666999999998</v>
      </c>
      <c r="Z4122">
        <v>129.566667</v>
      </c>
      <c r="AA4122">
        <v>8.2340689999999999</v>
      </c>
      <c r="AB4122">
        <v>-0.2670142393867177</v>
      </c>
    </row>
    <row r="4123" spans="4:28" x14ac:dyDescent="0.25">
      <c r="D4123" s="40">
        <v>68.580591000003025</v>
      </c>
      <c r="E4123" s="40">
        <v>19.72014119859838</v>
      </c>
      <c r="F4123" s="40">
        <v>68.566666999999995</v>
      </c>
      <c r="G4123" s="40">
        <v>18.208249201643547</v>
      </c>
      <c r="H4123" s="40">
        <v>68.566666999999995</v>
      </c>
      <c r="I4123" s="40">
        <v>14.299025211688349</v>
      </c>
      <c r="J4123" s="40">
        <v>68.566641886905302</v>
      </c>
      <c r="K4123" s="40">
        <v>12.189531419140055</v>
      </c>
      <c r="L4123" s="40"/>
      <c r="M4123" s="40"/>
      <c r="N4123" s="40"/>
      <c r="X4123">
        <v>-100</v>
      </c>
      <c r="Y4123">
        <v>51.283333000000013</v>
      </c>
      <c r="Z4123">
        <v>129.58333300000001</v>
      </c>
      <c r="AA4123">
        <v>8.2341359999999995</v>
      </c>
      <c r="AB4123">
        <v>-0.26620271958454933</v>
      </c>
    </row>
    <row r="4124" spans="4:28" x14ac:dyDescent="0.25">
      <c r="D4124" s="40">
        <v>68.597257000003026</v>
      </c>
      <c r="E4124" s="40">
        <v>19.72014119859838</v>
      </c>
      <c r="F4124" s="40">
        <v>68.583332999999982</v>
      </c>
      <c r="G4124" s="40">
        <v>18.212864585613449</v>
      </c>
      <c r="H4124" s="40">
        <v>68.583334000000008</v>
      </c>
      <c r="I4124" s="40">
        <v>14.299025211688349</v>
      </c>
      <c r="J4124" s="40">
        <v>68.583308547619595</v>
      </c>
      <c r="K4124" s="40">
        <v>12.189531419140055</v>
      </c>
      <c r="L4124" s="40"/>
      <c r="M4124" s="40"/>
      <c r="N4124" s="40"/>
      <c r="X4124">
        <v>-100</v>
      </c>
      <c r="Y4124">
        <v>51.3</v>
      </c>
      <c r="Z4124">
        <v>129.6</v>
      </c>
      <c r="AA4124">
        <v>8.2342030000000008</v>
      </c>
      <c r="AB4124">
        <v>-0.26539119978235942</v>
      </c>
    </row>
    <row r="4125" spans="4:28" x14ac:dyDescent="0.25">
      <c r="D4125" s="40">
        <v>68.613923000003027</v>
      </c>
      <c r="E4125" s="40">
        <v>19.724984377187802</v>
      </c>
      <c r="F4125" s="40">
        <v>68.599999999999994</v>
      </c>
      <c r="G4125" s="40">
        <v>18.212864585613449</v>
      </c>
      <c r="H4125" s="40">
        <v>68.599999999999994</v>
      </c>
      <c r="I4125" s="40">
        <v>14.302377947831607</v>
      </c>
      <c r="J4125" s="40">
        <v>68.599975208333802</v>
      </c>
      <c r="K4125" s="40">
        <v>12.189531419140055</v>
      </c>
      <c r="L4125" s="40"/>
      <c r="M4125" s="40"/>
      <c r="N4125" s="40"/>
      <c r="X4125">
        <v>-100</v>
      </c>
      <c r="Y4125">
        <v>51.31666700000001</v>
      </c>
      <c r="Z4125">
        <v>129.61666700000001</v>
      </c>
      <c r="AA4125">
        <v>8.2342709999999997</v>
      </c>
      <c r="AB4125">
        <v>-0.26456756774434681</v>
      </c>
    </row>
    <row r="4126" spans="4:28" x14ac:dyDescent="0.25">
      <c r="D4126" s="40">
        <v>68.630589000003027</v>
      </c>
      <c r="E4126" s="40">
        <v>19.729685109348228</v>
      </c>
      <c r="F4126" s="40">
        <v>68.616667000000007</v>
      </c>
      <c r="G4126" s="40">
        <v>18.217619829703544</v>
      </c>
      <c r="H4126" s="40">
        <v>68.616667000000007</v>
      </c>
      <c r="I4126" s="40">
        <v>14.30563207408837</v>
      </c>
      <c r="J4126" s="40">
        <v>68.616641869048095</v>
      </c>
      <c r="K4126" s="40">
        <v>12.194382462849161</v>
      </c>
      <c r="L4126" s="40"/>
      <c r="M4126" s="40"/>
      <c r="N4126" s="40"/>
      <c r="X4126">
        <v>-100</v>
      </c>
      <c r="Y4126">
        <v>51.333332999999996</v>
      </c>
      <c r="Z4126">
        <v>129.63333299999999</v>
      </c>
      <c r="AA4126">
        <v>8.2343379999999993</v>
      </c>
      <c r="AB4126">
        <v>-0.26375604794217844</v>
      </c>
    </row>
    <row r="4127" spans="4:28" x14ac:dyDescent="0.25">
      <c r="D4127" s="40">
        <v>68.647255000003028</v>
      </c>
      <c r="E4127" s="40">
        <v>19.734528287937774</v>
      </c>
      <c r="F4127" s="40">
        <v>68.633332999999993</v>
      </c>
      <c r="G4127" s="40">
        <v>18.217619829703544</v>
      </c>
      <c r="H4127" s="40">
        <v>68.633334000000019</v>
      </c>
      <c r="I4127" s="40">
        <v>14.30563207408837</v>
      </c>
      <c r="J4127" s="40">
        <v>68.633308529762402</v>
      </c>
      <c r="K4127" s="40">
        <v>12.194382462849161</v>
      </c>
      <c r="L4127" s="40"/>
      <c r="M4127" s="40"/>
      <c r="N4127" s="40"/>
      <c r="X4127">
        <v>-100</v>
      </c>
      <c r="Y4127">
        <v>51.350000000000009</v>
      </c>
      <c r="Z4127">
        <v>129.65</v>
      </c>
      <c r="AA4127">
        <v>8.2344050000000006</v>
      </c>
      <c r="AB4127">
        <v>-0.26294452813998853</v>
      </c>
    </row>
    <row r="4128" spans="4:28" x14ac:dyDescent="0.25">
      <c r="D4128" s="40">
        <v>68.663921000003029</v>
      </c>
      <c r="E4128" s="40">
        <v>19.739371466527196</v>
      </c>
      <c r="F4128" s="40">
        <v>68.650000000000006</v>
      </c>
      <c r="G4128" s="40">
        <v>18.222375073793764</v>
      </c>
      <c r="H4128" s="40">
        <v>68.650000000000006</v>
      </c>
      <c r="I4128" s="40">
        <v>14.308984810231626</v>
      </c>
      <c r="J4128" s="40">
        <v>68.649975190476695</v>
      </c>
      <c r="K4128" s="40">
        <v>12.194382462849161</v>
      </c>
      <c r="L4128" s="40"/>
      <c r="M4128" s="40"/>
      <c r="N4128" s="40"/>
      <c r="X4128">
        <v>-100</v>
      </c>
      <c r="Y4128">
        <v>51.366666999999993</v>
      </c>
      <c r="Z4128">
        <v>129.66666699999999</v>
      </c>
      <c r="AA4128">
        <v>8.2344720000000002</v>
      </c>
      <c r="AB4128">
        <v>-0.26213300833782016</v>
      </c>
    </row>
    <row r="4129" spans="4:28" x14ac:dyDescent="0.25">
      <c r="D4129" s="40">
        <v>68.68058700000303</v>
      </c>
      <c r="E4129" s="40">
        <v>19.744072198687622</v>
      </c>
      <c r="F4129" s="40">
        <v>68.66666699999999</v>
      </c>
      <c r="G4129" s="40">
        <v>18.226990457763662</v>
      </c>
      <c r="H4129" s="40">
        <v>68.666667000000018</v>
      </c>
      <c r="I4129" s="40">
        <v>14.312337546374884</v>
      </c>
      <c r="J4129" s="40">
        <v>68.666641851191002</v>
      </c>
      <c r="K4129" s="40">
        <v>12.19909082880222</v>
      </c>
      <c r="L4129" s="40"/>
      <c r="M4129" s="40"/>
      <c r="N4129" s="40"/>
      <c r="X4129">
        <v>-100</v>
      </c>
      <c r="Y4129">
        <v>51.383333000000007</v>
      </c>
      <c r="Z4129">
        <v>129.683333</v>
      </c>
      <c r="AA4129">
        <v>8.2345400000000009</v>
      </c>
      <c r="AB4129">
        <v>-0.26130937629978601</v>
      </c>
    </row>
    <row r="4130" spans="4:28" x14ac:dyDescent="0.25">
      <c r="D4130" s="40">
        <v>68.69725300000303</v>
      </c>
      <c r="E4130" s="40">
        <v>19.748915377277172</v>
      </c>
      <c r="F4130" s="40">
        <v>68.683333000000005</v>
      </c>
      <c r="G4130" s="40">
        <v>18.226990457763662</v>
      </c>
      <c r="H4130" s="40">
        <v>68.683334000000002</v>
      </c>
      <c r="I4130" s="40">
        <v>14.312337546374884</v>
      </c>
      <c r="J4130" s="40">
        <v>68.683308511905295</v>
      </c>
      <c r="K4130" s="40">
        <v>12.19909082880222</v>
      </c>
      <c r="L4130" s="40"/>
      <c r="M4130" s="40"/>
      <c r="N4130" s="40"/>
      <c r="X4130">
        <v>-100</v>
      </c>
      <c r="Y4130">
        <v>51.399999999999991</v>
      </c>
      <c r="Z4130">
        <v>129.69999999999999</v>
      </c>
      <c r="AA4130">
        <v>8.2346070000000005</v>
      </c>
      <c r="AB4130">
        <v>-0.26049785649761764</v>
      </c>
    </row>
    <row r="4131" spans="4:28" x14ac:dyDescent="0.25">
      <c r="D4131" s="40">
        <v>68.713919000003031</v>
      </c>
      <c r="E4131" s="40">
        <v>19.753758555866721</v>
      </c>
      <c r="F4131" s="40">
        <v>68.699999999999989</v>
      </c>
      <c r="G4131" s="40">
        <v>18.231745701853757</v>
      </c>
      <c r="H4131" s="40">
        <v>68.700000000000017</v>
      </c>
      <c r="I4131" s="40">
        <v>14.315690282518316</v>
      </c>
      <c r="J4131" s="40">
        <v>68.699975172619602</v>
      </c>
      <c r="K4131" s="40">
        <v>12.19909082880222</v>
      </c>
      <c r="L4131" s="40"/>
      <c r="M4131" s="40"/>
      <c r="N4131" s="40"/>
      <c r="X4131">
        <v>-100</v>
      </c>
      <c r="Y4131">
        <v>51.416667000000004</v>
      </c>
      <c r="Z4131">
        <v>129.716667</v>
      </c>
      <c r="AA4131">
        <v>8.234674</v>
      </c>
      <c r="AB4131">
        <v>-0.25968633669544927</v>
      </c>
    </row>
    <row r="4132" spans="4:28" x14ac:dyDescent="0.25">
      <c r="D4132" s="40">
        <v>68.730585000003032</v>
      </c>
      <c r="E4132" s="40">
        <v>19.758459288027019</v>
      </c>
      <c r="F4132" s="40">
        <v>68.716667000000001</v>
      </c>
      <c r="G4132" s="40">
        <v>18.231745701853757</v>
      </c>
      <c r="H4132" s="40">
        <v>68.716667000000001</v>
      </c>
      <c r="I4132" s="40">
        <v>14.315690282518316</v>
      </c>
      <c r="J4132" s="40">
        <v>68.716641833333796</v>
      </c>
      <c r="K4132" s="40">
        <v>12.19909082880222</v>
      </c>
      <c r="L4132" s="40"/>
      <c r="M4132" s="40"/>
      <c r="N4132" s="40"/>
      <c r="X4132">
        <v>-100</v>
      </c>
      <c r="Y4132">
        <v>51.43333299999999</v>
      </c>
      <c r="Z4132">
        <v>129.73333299999999</v>
      </c>
      <c r="AA4132">
        <v>8.2347079999999995</v>
      </c>
      <c r="AB4132">
        <v>-0.25927452067644297</v>
      </c>
    </row>
    <row r="4133" spans="4:28" x14ac:dyDescent="0.25">
      <c r="D4133" s="40">
        <v>68.747251000003033</v>
      </c>
      <c r="E4133" s="40">
        <v>19.763302466616569</v>
      </c>
      <c r="F4133" s="40">
        <v>68.733332999999988</v>
      </c>
      <c r="G4133" s="40">
        <v>18.231745701853757</v>
      </c>
      <c r="H4133" s="40">
        <v>68.733334000000013</v>
      </c>
      <c r="I4133" s="40">
        <v>14.318944408775078</v>
      </c>
      <c r="J4133" s="40">
        <v>68.733308494048103</v>
      </c>
      <c r="K4133" s="40">
        <v>12.203941872511452</v>
      </c>
      <c r="L4133" s="40"/>
      <c r="M4133" s="40"/>
      <c r="N4133" s="40"/>
      <c r="X4133">
        <v>-100</v>
      </c>
      <c r="Y4133">
        <v>51.45</v>
      </c>
      <c r="Z4133">
        <v>129.75</v>
      </c>
      <c r="AA4133">
        <v>8.2347750000000008</v>
      </c>
      <c r="AB4133">
        <v>-0.25846300087425306</v>
      </c>
    </row>
    <row r="4134" spans="4:28" x14ac:dyDescent="0.25">
      <c r="D4134" s="40">
        <v>68.763917000003033</v>
      </c>
      <c r="E4134" s="40">
        <v>19.763302466616569</v>
      </c>
      <c r="F4134" s="40">
        <v>68.75</v>
      </c>
      <c r="G4134" s="40">
        <v>18.236500945943977</v>
      </c>
      <c r="H4134" s="40">
        <v>68.75</v>
      </c>
      <c r="I4134" s="40">
        <v>14.322297144918336</v>
      </c>
      <c r="J4134" s="40">
        <v>68.749975154762396</v>
      </c>
      <c r="K4134" s="40">
        <v>12.203941872511452</v>
      </c>
      <c r="L4134" s="40"/>
      <c r="M4134" s="40"/>
      <c r="N4134" s="40"/>
      <c r="X4134">
        <v>-100</v>
      </c>
      <c r="Y4134">
        <v>51.466667000000015</v>
      </c>
      <c r="Z4134">
        <v>129.76666700000001</v>
      </c>
      <c r="AA4134">
        <v>8.2348429999999997</v>
      </c>
      <c r="AB4134">
        <v>-0.25763936883624039</v>
      </c>
    </row>
    <row r="4135" spans="4:28" x14ac:dyDescent="0.25">
      <c r="D4135" s="40">
        <v>68.780583000003034</v>
      </c>
      <c r="E4135" s="40">
        <v>19.768145645206115</v>
      </c>
      <c r="F4135" s="40">
        <v>68.766666999999984</v>
      </c>
      <c r="G4135" s="40">
        <v>18.236500945943977</v>
      </c>
      <c r="H4135" s="40">
        <v>68.766667000000012</v>
      </c>
      <c r="I4135" s="40">
        <v>14.322297144918336</v>
      </c>
      <c r="J4135" s="40">
        <v>68.766641815476703</v>
      </c>
      <c r="K4135" s="40">
        <v>12.203941872511452</v>
      </c>
      <c r="L4135" s="40"/>
      <c r="M4135" s="40"/>
      <c r="N4135" s="40"/>
      <c r="X4135">
        <v>-100</v>
      </c>
      <c r="Y4135">
        <v>51.483333000000002</v>
      </c>
      <c r="Z4135">
        <v>129.783333</v>
      </c>
      <c r="AA4135">
        <v>8.2349099999999993</v>
      </c>
      <c r="AB4135">
        <v>-0.25682784903407208</v>
      </c>
    </row>
    <row r="4136" spans="4:28" x14ac:dyDescent="0.25">
      <c r="D4136" s="40">
        <v>68.797249000003035</v>
      </c>
      <c r="E4136" s="40">
        <v>19.772846377366417</v>
      </c>
      <c r="F4136" s="40">
        <v>68.783332999999999</v>
      </c>
      <c r="G4136" s="40">
        <v>18.241116329913876</v>
      </c>
      <c r="H4136" s="40">
        <v>68.783333999999996</v>
      </c>
      <c r="I4136" s="40">
        <v>14.325649881061592</v>
      </c>
      <c r="J4136" s="40">
        <v>68.783308476190996</v>
      </c>
      <c r="K4136" s="40">
        <v>12.203941872511452</v>
      </c>
      <c r="L4136" s="40"/>
      <c r="M4136" s="40"/>
      <c r="N4136" s="40"/>
      <c r="X4136">
        <v>-100</v>
      </c>
      <c r="Y4136">
        <v>51.500000000000014</v>
      </c>
      <c r="Z4136">
        <v>129.80000000000001</v>
      </c>
      <c r="AA4136">
        <v>8.2349770000000007</v>
      </c>
      <c r="AB4136">
        <v>-0.25601632923188217</v>
      </c>
    </row>
    <row r="4137" spans="4:28" x14ac:dyDescent="0.25">
      <c r="D4137" s="40">
        <v>68.813915000003036</v>
      </c>
      <c r="E4137" s="40">
        <v>19.777689555955963</v>
      </c>
      <c r="F4137" s="40">
        <v>68.799999999999983</v>
      </c>
      <c r="G4137" s="40">
        <v>18.241116329913876</v>
      </c>
      <c r="H4137" s="40">
        <v>68.800000000000011</v>
      </c>
      <c r="I4137" s="40">
        <v>14.328904007318355</v>
      </c>
      <c r="J4137" s="40">
        <v>68.799975136905303</v>
      </c>
      <c r="K4137" s="40">
        <v>12.203941872511452</v>
      </c>
      <c r="L4137" s="40"/>
      <c r="M4137" s="40"/>
      <c r="N4137" s="40"/>
      <c r="X4137">
        <v>-100</v>
      </c>
      <c r="Y4137">
        <v>51.516666999999998</v>
      </c>
      <c r="Z4137">
        <v>129.816667</v>
      </c>
      <c r="AA4137">
        <v>8.2350449999999995</v>
      </c>
      <c r="AB4137">
        <v>-0.2551926971938695</v>
      </c>
    </row>
    <row r="4138" spans="4:28" x14ac:dyDescent="0.25">
      <c r="D4138" s="40">
        <v>68.830581000003036</v>
      </c>
      <c r="E4138" s="40">
        <v>19.782532734545509</v>
      </c>
      <c r="F4138" s="40">
        <v>68.816666999999995</v>
      </c>
      <c r="G4138" s="40">
        <v>18.245871574003974</v>
      </c>
      <c r="H4138" s="40">
        <v>68.816666999999995</v>
      </c>
      <c r="I4138" s="40">
        <v>14.332256743461789</v>
      </c>
      <c r="J4138" s="40">
        <v>68.816641797619596</v>
      </c>
      <c r="K4138" s="40">
        <v>12.208792916220558</v>
      </c>
      <c r="L4138" s="40"/>
      <c r="M4138" s="40"/>
      <c r="N4138" s="40"/>
      <c r="X4138">
        <v>-100</v>
      </c>
      <c r="Y4138">
        <v>51.533333000000013</v>
      </c>
      <c r="Z4138">
        <v>129.83333300000001</v>
      </c>
      <c r="AA4138">
        <v>8.2351120000000009</v>
      </c>
      <c r="AB4138">
        <v>-0.25438117739167965</v>
      </c>
    </row>
    <row r="4139" spans="4:28" x14ac:dyDescent="0.25">
      <c r="D4139" s="40">
        <v>68.847247000003037</v>
      </c>
      <c r="E4139" s="40">
        <v>19.787233466705935</v>
      </c>
      <c r="F4139" s="40">
        <v>68.833332999999982</v>
      </c>
      <c r="G4139" s="40">
        <v>18.250626818094194</v>
      </c>
      <c r="H4139" s="40">
        <v>68.833334000000008</v>
      </c>
      <c r="I4139" s="40">
        <v>14.332256743461789</v>
      </c>
      <c r="J4139" s="40">
        <v>68.833308458333804</v>
      </c>
      <c r="K4139" s="40">
        <v>12.208792916220558</v>
      </c>
      <c r="L4139" s="40"/>
      <c r="M4139" s="40"/>
      <c r="N4139" s="40"/>
      <c r="X4139">
        <v>-100</v>
      </c>
      <c r="Y4139">
        <v>51.55</v>
      </c>
      <c r="Z4139">
        <v>129.85</v>
      </c>
      <c r="AA4139">
        <v>8.2351790000000005</v>
      </c>
      <c r="AB4139">
        <v>-0.25356965758951128</v>
      </c>
    </row>
    <row r="4140" spans="4:28" x14ac:dyDescent="0.25">
      <c r="D4140" s="40">
        <v>68.863913000003038</v>
      </c>
      <c r="E4140" s="40">
        <v>19.787233466705935</v>
      </c>
      <c r="F4140" s="40">
        <v>68.849999999999994</v>
      </c>
      <c r="G4140" s="40">
        <v>18.250626818094194</v>
      </c>
      <c r="H4140" s="40">
        <v>68.849999999999994</v>
      </c>
      <c r="I4140" s="40">
        <v>14.335609479605045</v>
      </c>
      <c r="J4140" s="40">
        <v>68.849975119048096</v>
      </c>
      <c r="K4140" s="40">
        <v>12.208792916220558</v>
      </c>
      <c r="L4140" s="40"/>
      <c r="M4140" s="40"/>
      <c r="N4140" s="40"/>
      <c r="X4140">
        <v>-100</v>
      </c>
      <c r="Y4140">
        <v>51.56666700000001</v>
      </c>
      <c r="Z4140">
        <v>129.86666700000001</v>
      </c>
      <c r="AA4140">
        <v>8.2352469999999993</v>
      </c>
      <c r="AB4140">
        <v>-0.25274602555149861</v>
      </c>
    </row>
    <row r="4141" spans="4:28" x14ac:dyDescent="0.25">
      <c r="D4141" s="40">
        <v>68.880579000003038</v>
      </c>
      <c r="E4141" s="40">
        <v>19.787233466705935</v>
      </c>
      <c r="F4141" s="40">
        <v>68.866667000000007</v>
      </c>
      <c r="G4141" s="40">
        <v>18.255242202064093</v>
      </c>
      <c r="H4141" s="40">
        <v>68.866667000000007</v>
      </c>
      <c r="I4141" s="40">
        <v>14.338863605861809</v>
      </c>
      <c r="J4141" s="40">
        <v>68.866641779762404</v>
      </c>
      <c r="K4141" s="40">
        <v>12.208792916220558</v>
      </c>
      <c r="L4141" s="40"/>
      <c r="M4141" s="40"/>
      <c r="N4141" s="40"/>
      <c r="X4141">
        <v>-100</v>
      </c>
      <c r="Y4141">
        <v>51.583332999999996</v>
      </c>
      <c r="Z4141">
        <v>129.88333299999999</v>
      </c>
      <c r="AA4141">
        <v>8.2353140000000007</v>
      </c>
      <c r="AB4141">
        <v>-0.25193450574930876</v>
      </c>
    </row>
    <row r="4142" spans="4:28" x14ac:dyDescent="0.25">
      <c r="D4142" s="40">
        <v>68.897245000003039</v>
      </c>
      <c r="E4142" s="40">
        <v>19.792076645295356</v>
      </c>
      <c r="F4142" s="40">
        <v>68.883332999999993</v>
      </c>
      <c r="G4142" s="40">
        <v>18.259997446154312</v>
      </c>
      <c r="H4142" s="40">
        <v>68.883334000000019</v>
      </c>
      <c r="I4142" s="40">
        <v>14.342216342005067</v>
      </c>
      <c r="J4142" s="40">
        <v>68.883308440476696</v>
      </c>
      <c r="K4142" s="40">
        <v>12.208792916220558</v>
      </c>
      <c r="L4142" s="40"/>
      <c r="M4142" s="40"/>
      <c r="N4142" s="40"/>
      <c r="X4142">
        <v>-100</v>
      </c>
      <c r="Y4142">
        <v>51.600000000000009</v>
      </c>
      <c r="Z4142">
        <v>129.9</v>
      </c>
      <c r="AA4142">
        <v>8.2353810000000003</v>
      </c>
      <c r="AB4142">
        <v>-0.25112298594714039</v>
      </c>
    </row>
    <row r="4143" spans="4:28" x14ac:dyDescent="0.25">
      <c r="D4143" s="40">
        <v>68.91391100000304</v>
      </c>
      <c r="E4143" s="40">
        <v>19.792076645295356</v>
      </c>
      <c r="F4143" s="40">
        <v>68.900000000000006</v>
      </c>
      <c r="G4143" s="40">
        <v>18.259997446154312</v>
      </c>
      <c r="H4143" s="40">
        <v>68.900000000000006</v>
      </c>
      <c r="I4143" s="40">
        <v>14.342216342005067</v>
      </c>
      <c r="J4143" s="40">
        <v>68.899975101191004</v>
      </c>
      <c r="K4143" s="40">
        <v>12.208792916220558</v>
      </c>
      <c r="L4143" s="40"/>
      <c r="M4143" s="40"/>
      <c r="N4143" s="40"/>
      <c r="X4143">
        <v>-100</v>
      </c>
      <c r="Y4143">
        <v>51.616666999999993</v>
      </c>
      <c r="Z4143">
        <v>129.91666699999999</v>
      </c>
      <c r="AA4143">
        <v>8.2354489999999991</v>
      </c>
      <c r="AB4143">
        <v>-0.25029935390912778</v>
      </c>
    </row>
    <row r="4144" spans="4:28" x14ac:dyDescent="0.25">
      <c r="D4144" s="40">
        <v>68.930577000003041</v>
      </c>
      <c r="E4144" s="40">
        <v>19.79691982388491</v>
      </c>
      <c r="F4144" s="40">
        <v>68.91666699999999</v>
      </c>
      <c r="G4144" s="40">
        <v>18.264752690244407</v>
      </c>
      <c r="H4144" s="40">
        <v>68.916667000000018</v>
      </c>
      <c r="I4144" s="40">
        <v>14.345569078148323</v>
      </c>
      <c r="J4144" s="40">
        <v>68.916641761905296</v>
      </c>
      <c r="K4144" s="40">
        <v>12.208792916220558</v>
      </c>
      <c r="L4144" s="40"/>
      <c r="M4144" s="40"/>
      <c r="N4144" s="40"/>
      <c r="X4144">
        <v>-100</v>
      </c>
      <c r="Y4144">
        <v>51.633333000000007</v>
      </c>
      <c r="Z4144">
        <v>129.933333</v>
      </c>
      <c r="AA4144">
        <v>8.2355160000000005</v>
      </c>
      <c r="AB4144">
        <v>-0.24948783410693787</v>
      </c>
    </row>
    <row r="4145" spans="4:28" x14ac:dyDescent="0.25">
      <c r="D4145" s="40">
        <v>68.947243000003041</v>
      </c>
      <c r="E4145" s="40">
        <v>19.79691982388491</v>
      </c>
      <c r="F4145" s="40">
        <v>68.933333000000005</v>
      </c>
      <c r="G4145" s="40">
        <v>18.264752690244407</v>
      </c>
      <c r="H4145" s="40">
        <v>68.933334000000002</v>
      </c>
      <c r="I4145" s="40">
        <v>14.348823204405086</v>
      </c>
      <c r="J4145" s="40">
        <v>68.933308422619604</v>
      </c>
      <c r="K4145" s="40">
        <v>12.213501282173617</v>
      </c>
      <c r="L4145" s="40"/>
      <c r="M4145" s="40"/>
      <c r="N4145" s="40"/>
      <c r="X4145">
        <v>-100</v>
      </c>
      <c r="Y4145">
        <v>51.649999999999991</v>
      </c>
      <c r="Z4145">
        <v>129.94999999999999</v>
      </c>
      <c r="AA4145">
        <v>8.2355830000000001</v>
      </c>
      <c r="AB4145">
        <v>-0.24867631430476947</v>
      </c>
    </row>
    <row r="4146" spans="4:28" x14ac:dyDescent="0.25">
      <c r="D4146" s="40">
        <v>68.963909000003042</v>
      </c>
      <c r="E4146" s="40">
        <v>19.79691982388491</v>
      </c>
      <c r="F4146" s="40">
        <v>68.949999999999989</v>
      </c>
      <c r="G4146" s="40">
        <v>18.269368074214306</v>
      </c>
      <c r="H4146" s="40">
        <v>68.950000000000017</v>
      </c>
      <c r="I4146" s="40">
        <v>14.348823204405086</v>
      </c>
      <c r="J4146" s="40">
        <v>68.949975083333797</v>
      </c>
      <c r="K4146" s="40">
        <v>12.213501282173617</v>
      </c>
      <c r="L4146" s="40"/>
      <c r="M4146" s="40"/>
      <c r="N4146" s="40"/>
      <c r="X4146">
        <v>-100</v>
      </c>
      <c r="Y4146">
        <v>51.666667000000004</v>
      </c>
      <c r="Z4146">
        <v>129.966667</v>
      </c>
      <c r="AA4146">
        <v>8.2356499999999997</v>
      </c>
      <c r="AB4146">
        <v>-0.2478647945026011</v>
      </c>
    </row>
    <row r="4147" spans="4:28" x14ac:dyDescent="0.25">
      <c r="D4147" s="40">
        <v>68.980575000003043</v>
      </c>
      <c r="E4147" s="40">
        <v>19.79691982388491</v>
      </c>
      <c r="F4147" s="40">
        <v>68.966667000000001</v>
      </c>
      <c r="G4147" s="40">
        <v>18.269368074214306</v>
      </c>
      <c r="H4147" s="40">
        <v>68.966667000000001</v>
      </c>
      <c r="I4147" s="40">
        <v>14.35217594054852</v>
      </c>
      <c r="J4147" s="40">
        <v>68.966641744048104</v>
      </c>
      <c r="K4147" s="40">
        <v>12.213501282173617</v>
      </c>
      <c r="L4147" s="40"/>
      <c r="M4147" s="40"/>
      <c r="N4147" s="40"/>
      <c r="X4147">
        <v>-100</v>
      </c>
      <c r="Y4147">
        <v>51.68333299999999</v>
      </c>
      <c r="Z4147">
        <v>129.98333299999999</v>
      </c>
      <c r="AA4147">
        <v>8.2357180000000003</v>
      </c>
      <c r="AB4147">
        <v>-0.24704116246456695</v>
      </c>
    </row>
    <row r="4148" spans="4:28" x14ac:dyDescent="0.25">
      <c r="D4148" s="40">
        <v>68.997241000003044</v>
      </c>
      <c r="E4148" s="40">
        <v>19.792076645295356</v>
      </c>
      <c r="F4148" s="40">
        <v>68.983332999999988</v>
      </c>
      <c r="G4148" s="40">
        <v>18.269368074214306</v>
      </c>
      <c r="H4148" s="40">
        <v>68.983334000000013</v>
      </c>
      <c r="I4148" s="40">
        <v>14.355528676691776</v>
      </c>
      <c r="J4148" s="40">
        <v>68.983308404762397</v>
      </c>
      <c r="K4148" s="40">
        <v>12.213501282173617</v>
      </c>
      <c r="L4148" s="40"/>
      <c r="M4148" s="40"/>
      <c r="N4148" s="40"/>
      <c r="X4148">
        <v>-100</v>
      </c>
      <c r="Y4148">
        <v>51.7</v>
      </c>
      <c r="Z4148">
        <v>130</v>
      </c>
      <c r="AA4148">
        <v>8.2357510000000005</v>
      </c>
      <c r="AB4148">
        <v>-0.24664145868140494</v>
      </c>
    </row>
    <row r="4149" spans="4:28" x14ac:dyDescent="0.25">
      <c r="D4149" s="40">
        <v>69.013907000003044</v>
      </c>
      <c r="E4149" s="40">
        <v>19.792076645295356</v>
      </c>
      <c r="F4149" s="40">
        <v>69</v>
      </c>
      <c r="G4149" s="40">
        <v>18.274123318304525</v>
      </c>
      <c r="H4149" s="40">
        <v>69</v>
      </c>
      <c r="I4149" s="40">
        <v>14.358782802948538</v>
      </c>
      <c r="J4149" s="40">
        <v>68.999975065476704</v>
      </c>
      <c r="K4149" s="40">
        <v>12.213501282173617</v>
      </c>
      <c r="L4149" s="40"/>
      <c r="M4149" s="40"/>
      <c r="N4149" s="40"/>
      <c r="X4149">
        <v>-100</v>
      </c>
      <c r="Y4149">
        <v>51.716667000000015</v>
      </c>
      <c r="Z4149">
        <v>130.01666700000001</v>
      </c>
      <c r="AA4149">
        <v>8.2358189999999993</v>
      </c>
      <c r="AB4149">
        <v>-0.24581782664339227</v>
      </c>
    </row>
    <row r="4150" spans="4:28" x14ac:dyDescent="0.25">
      <c r="D4150" s="40">
        <v>69.030573000003045</v>
      </c>
      <c r="E4150" s="40">
        <v>19.792076645295356</v>
      </c>
      <c r="F4150" s="40">
        <v>69.016666999999984</v>
      </c>
      <c r="G4150" s="40">
        <v>18.27887856239462</v>
      </c>
      <c r="H4150" s="40">
        <v>69.016667000000012</v>
      </c>
      <c r="I4150" s="40">
        <v>14.358782802948538</v>
      </c>
      <c r="J4150" s="40">
        <v>69.016641726190997</v>
      </c>
      <c r="K4150" s="40">
        <v>12.213501282173617</v>
      </c>
      <c r="L4150" s="40"/>
      <c r="M4150" s="40"/>
      <c r="N4150" s="40"/>
      <c r="X4150">
        <v>-100</v>
      </c>
      <c r="Y4150">
        <v>51.733333000000002</v>
      </c>
      <c r="Z4150">
        <v>130.033333</v>
      </c>
      <c r="AA4150">
        <v>8.2358860000000007</v>
      </c>
      <c r="AB4150">
        <v>-0.24500630684120239</v>
      </c>
    </row>
    <row r="4151" spans="4:28" x14ac:dyDescent="0.25">
      <c r="D4151" s="40">
        <v>69.047239000003046</v>
      </c>
      <c r="E4151" s="40">
        <v>19.787233466705935</v>
      </c>
      <c r="F4151" s="40">
        <v>69.033332999999999</v>
      </c>
      <c r="G4151" s="40">
        <v>18.27887856239462</v>
      </c>
      <c r="H4151" s="40">
        <v>69.033333999999996</v>
      </c>
      <c r="I4151" s="40">
        <v>14.362135539091796</v>
      </c>
      <c r="J4151" s="40">
        <v>69.033308386905304</v>
      </c>
      <c r="K4151" s="40">
        <v>12.218352325882851</v>
      </c>
      <c r="L4151" s="40"/>
      <c r="M4151" s="40"/>
      <c r="N4151" s="40"/>
      <c r="X4151">
        <v>-100</v>
      </c>
      <c r="Y4151">
        <v>51.750000000000014</v>
      </c>
      <c r="Z4151">
        <v>130.05000000000001</v>
      </c>
      <c r="AA4151">
        <v>8.2359530000000003</v>
      </c>
      <c r="AB4151">
        <v>-0.24419478703903405</v>
      </c>
    </row>
    <row r="4152" spans="4:28" x14ac:dyDescent="0.25">
      <c r="D4152" s="40">
        <v>69.063905000003047</v>
      </c>
      <c r="E4152" s="40">
        <v>19.787233466705935</v>
      </c>
      <c r="F4152" s="40">
        <v>69.049999999999983</v>
      </c>
      <c r="G4152" s="40">
        <v>18.283633806484836</v>
      </c>
      <c r="H4152" s="40">
        <v>69.050000000000011</v>
      </c>
      <c r="I4152" s="40">
        <v>14.365488275235228</v>
      </c>
      <c r="J4152" s="40">
        <v>69.049975047619597</v>
      </c>
      <c r="K4152" s="40">
        <v>12.218352325882851</v>
      </c>
      <c r="L4152" s="40"/>
      <c r="M4152" s="40"/>
      <c r="N4152" s="40"/>
      <c r="X4152">
        <v>-100</v>
      </c>
      <c r="Y4152">
        <v>51.766666999999998</v>
      </c>
      <c r="Z4152">
        <v>130.066667</v>
      </c>
      <c r="AA4152">
        <v>8.2360209999999991</v>
      </c>
      <c r="AB4152">
        <v>-0.24337115500102138</v>
      </c>
    </row>
    <row r="4153" spans="4:28" x14ac:dyDescent="0.25">
      <c r="D4153" s="40">
        <v>69.080571000003047</v>
      </c>
      <c r="E4153" s="40">
        <v>19.782532734545509</v>
      </c>
      <c r="F4153" s="40">
        <v>69.066666999999995</v>
      </c>
      <c r="G4153" s="40">
        <v>18.283633806484836</v>
      </c>
      <c r="H4153" s="40">
        <v>69.066666999999995</v>
      </c>
      <c r="I4153" s="40">
        <v>14.368742401491815</v>
      </c>
      <c r="J4153" s="40">
        <v>69.066641708333805</v>
      </c>
      <c r="K4153" s="40">
        <v>12.218352325882851</v>
      </c>
      <c r="L4153" s="40"/>
      <c r="M4153" s="40"/>
      <c r="N4153" s="40"/>
      <c r="X4153">
        <v>-100</v>
      </c>
      <c r="Y4153">
        <v>51.783333000000013</v>
      </c>
      <c r="Z4153">
        <v>130.08333300000001</v>
      </c>
      <c r="AA4153">
        <v>8.2360880000000005</v>
      </c>
      <c r="AB4153">
        <v>-0.2425596351988315</v>
      </c>
    </row>
    <row r="4154" spans="4:28" x14ac:dyDescent="0.25">
      <c r="D4154" s="40">
        <v>69.097237000003048</v>
      </c>
      <c r="E4154" s="40">
        <v>19.782532734545509</v>
      </c>
      <c r="F4154" s="40">
        <v>69.083332999999982</v>
      </c>
      <c r="G4154" s="40">
        <v>18.288249190454739</v>
      </c>
      <c r="H4154" s="40">
        <v>69.083334000000008</v>
      </c>
      <c r="I4154" s="40">
        <v>14.368742401491815</v>
      </c>
      <c r="J4154" s="40">
        <v>69.083308369048098</v>
      </c>
      <c r="K4154" s="40">
        <v>12.218352325882851</v>
      </c>
      <c r="L4154" s="40"/>
      <c r="M4154" s="40"/>
      <c r="N4154" s="40"/>
      <c r="X4154">
        <v>-100</v>
      </c>
      <c r="Y4154">
        <v>51.8</v>
      </c>
      <c r="Z4154">
        <v>130.1</v>
      </c>
      <c r="AA4154">
        <v>8.2361550000000001</v>
      </c>
      <c r="AB4154">
        <v>-0.2417481153966631</v>
      </c>
    </row>
    <row r="4155" spans="4:28" x14ac:dyDescent="0.25">
      <c r="D4155" s="40">
        <v>69.113903000003049</v>
      </c>
      <c r="E4155" s="40">
        <v>19.777689555955963</v>
      </c>
      <c r="F4155" s="40">
        <v>69.099999999999994</v>
      </c>
      <c r="G4155" s="40">
        <v>18.288249190454739</v>
      </c>
      <c r="H4155" s="40">
        <v>69.099999999999994</v>
      </c>
      <c r="I4155" s="40">
        <v>14.372095137635249</v>
      </c>
      <c r="J4155" s="40">
        <v>69.099975029762405</v>
      </c>
      <c r="K4155" s="40">
        <v>12.218352325882851</v>
      </c>
      <c r="L4155" s="40"/>
      <c r="M4155" s="40"/>
      <c r="N4155" s="40"/>
      <c r="X4155">
        <v>-100</v>
      </c>
      <c r="Y4155">
        <v>51.81666700000001</v>
      </c>
      <c r="Z4155">
        <v>130.11666700000001</v>
      </c>
      <c r="AA4155">
        <v>8.2361889999999995</v>
      </c>
      <c r="AB4155">
        <v>-0.2413362993776568</v>
      </c>
    </row>
    <row r="4156" spans="4:28" x14ac:dyDescent="0.25">
      <c r="D4156" s="40">
        <v>69.130569000003049</v>
      </c>
      <c r="E4156" s="40">
        <v>19.777689555955963</v>
      </c>
      <c r="F4156" s="40">
        <v>69.116667000000007</v>
      </c>
      <c r="G4156" s="40">
        <v>18.288249190454739</v>
      </c>
      <c r="H4156" s="40">
        <v>69.116667000000007</v>
      </c>
      <c r="I4156" s="40">
        <v>14.375447873778505</v>
      </c>
      <c r="J4156" s="40">
        <v>69.116641690476698</v>
      </c>
      <c r="K4156" s="40">
        <v>12.218352325882851</v>
      </c>
      <c r="L4156" s="40"/>
      <c r="M4156" s="40"/>
      <c r="N4156" s="40"/>
      <c r="X4156">
        <v>-100</v>
      </c>
      <c r="Y4156">
        <v>51.833332999999996</v>
      </c>
      <c r="Z4156">
        <v>130.13333299999999</v>
      </c>
      <c r="AA4156">
        <v>8.2362559999999991</v>
      </c>
      <c r="AB4156">
        <v>-0.24052477957548843</v>
      </c>
    </row>
    <row r="4157" spans="4:28" x14ac:dyDescent="0.25">
      <c r="D4157" s="40">
        <v>69.14723500000305</v>
      </c>
      <c r="E4157" s="40">
        <v>19.772846377366417</v>
      </c>
      <c r="F4157" s="40">
        <v>69.133332999999993</v>
      </c>
      <c r="G4157" s="40">
        <v>18.293004434544837</v>
      </c>
      <c r="H4157" s="40">
        <v>69.133334000000019</v>
      </c>
      <c r="I4157" s="40">
        <v>14.378702000035268</v>
      </c>
      <c r="J4157" s="40">
        <v>69.133308351191005</v>
      </c>
      <c r="K4157" s="40">
        <v>12.218352325882851</v>
      </c>
      <c r="L4157" s="40"/>
      <c r="M4157" s="40"/>
      <c r="N4157" s="40"/>
      <c r="X4157">
        <v>-100</v>
      </c>
      <c r="Y4157">
        <v>51.850000000000009</v>
      </c>
      <c r="Z4157">
        <v>130.15</v>
      </c>
      <c r="AA4157">
        <v>8.2363239999999998</v>
      </c>
      <c r="AB4157">
        <v>-0.23970114753745428</v>
      </c>
    </row>
    <row r="4158" spans="4:28" x14ac:dyDescent="0.25">
      <c r="D4158" s="40">
        <v>69.163901000003051</v>
      </c>
      <c r="E4158" s="40">
        <v>19.772846377366417</v>
      </c>
      <c r="F4158" s="40">
        <v>69.150000000000006</v>
      </c>
      <c r="G4158" s="40">
        <v>18.293004434544837</v>
      </c>
      <c r="H4158" s="40">
        <v>69.150000000000006</v>
      </c>
      <c r="I4158" s="40">
        <v>14.382054736178526</v>
      </c>
      <c r="J4158" s="40">
        <v>69.149975011905298</v>
      </c>
      <c r="K4158" s="40">
        <v>12.218352325882851</v>
      </c>
      <c r="L4158" s="40"/>
      <c r="M4158" s="40"/>
      <c r="N4158" s="40"/>
      <c r="X4158">
        <v>-100</v>
      </c>
      <c r="Y4158">
        <v>51.866666999999993</v>
      </c>
      <c r="Z4158">
        <v>130.16666699999999</v>
      </c>
      <c r="AA4158">
        <v>8.2363909999999994</v>
      </c>
      <c r="AB4158">
        <v>-0.23888962773528591</v>
      </c>
    </row>
    <row r="4159" spans="4:28" x14ac:dyDescent="0.25">
      <c r="D4159" s="40">
        <v>69.180567000003052</v>
      </c>
      <c r="E4159" s="40">
        <v>19.772846377366417</v>
      </c>
      <c r="F4159" s="40">
        <v>69.16666699999999</v>
      </c>
      <c r="G4159" s="40">
        <v>18.297759678635053</v>
      </c>
      <c r="H4159" s="40">
        <v>69.166667000000018</v>
      </c>
      <c r="I4159" s="40">
        <v>14.382054736178526</v>
      </c>
      <c r="J4159" s="40">
        <v>69.166641672619605</v>
      </c>
      <c r="K4159" s="40">
        <v>12.218352325882851</v>
      </c>
      <c r="L4159" s="40"/>
      <c r="M4159" s="40"/>
      <c r="N4159" s="40"/>
      <c r="X4159">
        <v>-100</v>
      </c>
      <c r="Y4159">
        <v>51.883333000000007</v>
      </c>
      <c r="Z4159">
        <v>130.183333</v>
      </c>
      <c r="AA4159">
        <v>8.2364580000000007</v>
      </c>
      <c r="AB4159">
        <v>-0.23807810793309603</v>
      </c>
    </row>
    <row r="4160" spans="4:28" x14ac:dyDescent="0.25">
      <c r="D4160" s="40">
        <v>69.197233000003052</v>
      </c>
      <c r="E4160" s="40">
        <v>19.772846377366417</v>
      </c>
      <c r="F4160" s="40">
        <v>69.183333000000005</v>
      </c>
      <c r="G4160" s="40">
        <v>18.297759678635053</v>
      </c>
      <c r="H4160" s="40">
        <v>69.183334000000002</v>
      </c>
      <c r="I4160" s="40">
        <v>14.385407472321958</v>
      </c>
      <c r="J4160" s="40">
        <v>69.183308333333798</v>
      </c>
      <c r="K4160" s="40">
        <v>12.223203369592083</v>
      </c>
      <c r="L4160" s="40"/>
      <c r="M4160" s="40"/>
      <c r="N4160" s="40"/>
    </row>
    <row r="4161" spans="4:14" x14ac:dyDescent="0.25">
      <c r="D4161" s="40">
        <v>69.213899000003053</v>
      </c>
      <c r="E4161" s="40">
        <v>19.768145645206115</v>
      </c>
      <c r="F4161" s="40">
        <v>69.199999999999989</v>
      </c>
      <c r="G4161" s="40">
        <v>18.297759678635053</v>
      </c>
      <c r="H4161" s="40">
        <v>69.200000000000017</v>
      </c>
      <c r="I4161" s="40">
        <v>14.388661598578722</v>
      </c>
      <c r="J4161" s="40">
        <v>69.199974994048105</v>
      </c>
      <c r="K4161" s="40">
        <v>12.223203369592083</v>
      </c>
      <c r="L4161" s="40"/>
      <c r="M4161" s="40"/>
      <c r="N4161" s="40"/>
    </row>
    <row r="4162" spans="4:14" x14ac:dyDescent="0.25">
      <c r="D4162" s="40">
        <v>69.230565000003054</v>
      </c>
      <c r="E4162" s="40">
        <v>19.768145645206115</v>
      </c>
      <c r="F4162" s="40">
        <v>69.216667000000001</v>
      </c>
      <c r="G4162" s="40">
        <v>18.302375062604956</v>
      </c>
      <c r="H4162" s="40">
        <v>69.216667000000001</v>
      </c>
      <c r="I4162" s="40">
        <v>14.39201433472198</v>
      </c>
      <c r="J4162" s="40">
        <v>69.216641654762398</v>
      </c>
      <c r="K4162" s="40">
        <v>12.223203369592083</v>
      </c>
      <c r="L4162" s="40"/>
      <c r="M4162" s="40"/>
      <c r="N4162" s="40"/>
    </row>
    <row r="4163" spans="4:14" x14ac:dyDescent="0.25">
      <c r="D4163" s="40">
        <v>69.247231000003055</v>
      </c>
      <c r="E4163" s="40">
        <v>19.768145645206115</v>
      </c>
      <c r="F4163" s="40">
        <v>69.233332999999988</v>
      </c>
      <c r="G4163" s="40">
        <v>18.302375062604956</v>
      </c>
      <c r="H4163" s="40">
        <v>69.233334000000013</v>
      </c>
      <c r="I4163" s="40">
        <v>14.395367070865236</v>
      </c>
      <c r="J4163" s="40">
        <v>69.233308315476705</v>
      </c>
      <c r="K4163" s="40">
        <v>12.223203369592083</v>
      </c>
      <c r="L4163" s="40"/>
      <c r="M4163" s="40"/>
      <c r="N4163" s="40"/>
    </row>
    <row r="4164" spans="4:14" x14ac:dyDescent="0.25">
      <c r="D4164" s="40">
        <v>69.263897000003055</v>
      </c>
      <c r="E4164" s="40">
        <v>19.768145645206115</v>
      </c>
      <c r="F4164" s="40">
        <v>69.25</v>
      </c>
      <c r="G4164" s="40">
        <v>18.307130306695175</v>
      </c>
      <c r="H4164" s="40">
        <v>69.25</v>
      </c>
      <c r="I4164" s="40">
        <v>14.395367070865236</v>
      </c>
      <c r="J4164" s="40">
        <v>69.249974976190998</v>
      </c>
      <c r="K4164" s="40">
        <v>12.223203369592083</v>
      </c>
      <c r="L4164" s="40"/>
      <c r="M4164" s="40"/>
      <c r="N4164" s="40"/>
    </row>
    <row r="4165" spans="4:14" x14ac:dyDescent="0.25">
      <c r="D4165" s="40">
        <v>69.280563000003056</v>
      </c>
      <c r="E4165" s="40">
        <v>19.768145645206115</v>
      </c>
      <c r="F4165" s="40">
        <v>69.266666999999984</v>
      </c>
      <c r="G4165" s="40">
        <v>18.307130306695175</v>
      </c>
      <c r="H4165" s="40">
        <v>69.266667000000012</v>
      </c>
      <c r="I4165" s="40">
        <v>14.398621197121999</v>
      </c>
      <c r="J4165" s="40">
        <v>69.266641636905305</v>
      </c>
      <c r="K4165" s="40">
        <v>12.227911735545014</v>
      </c>
      <c r="L4165" s="40"/>
      <c r="M4165" s="40"/>
      <c r="N4165" s="40"/>
    </row>
    <row r="4166" spans="4:14" x14ac:dyDescent="0.25">
      <c r="D4166" s="40">
        <v>69.297229000003057</v>
      </c>
      <c r="E4166" s="40">
        <v>19.768145645206115</v>
      </c>
      <c r="F4166" s="40">
        <v>69.283332999999999</v>
      </c>
      <c r="G4166" s="40">
        <v>18.307130306695175</v>
      </c>
      <c r="H4166" s="40">
        <v>69.283333999999996</v>
      </c>
      <c r="I4166" s="40">
        <v>14.401973933265255</v>
      </c>
      <c r="J4166" s="40">
        <v>69.283308297619598</v>
      </c>
      <c r="K4166" s="40">
        <v>12.227911735545014</v>
      </c>
      <c r="L4166" s="40"/>
      <c r="M4166" s="40"/>
      <c r="N4166" s="40"/>
    </row>
    <row r="4167" spans="4:14" x14ac:dyDescent="0.25">
      <c r="D4167" s="40">
        <v>69.313895000003058</v>
      </c>
      <c r="E4167" s="40">
        <v>19.768145645206115</v>
      </c>
      <c r="F4167" s="40">
        <v>69.299999999999983</v>
      </c>
      <c r="G4167" s="40">
        <v>18.307130306695175</v>
      </c>
      <c r="H4167" s="40">
        <v>69.300000000000011</v>
      </c>
      <c r="I4167" s="40">
        <v>14.405326669408687</v>
      </c>
      <c r="J4167" s="40">
        <v>69.299974958333806</v>
      </c>
      <c r="K4167" s="40">
        <v>12.227911735545014</v>
      </c>
      <c r="L4167" s="40"/>
      <c r="M4167" s="40"/>
      <c r="N4167" s="40"/>
    </row>
    <row r="4168" spans="4:14" x14ac:dyDescent="0.25">
      <c r="D4168" s="40">
        <v>69.330561000003058</v>
      </c>
      <c r="E4168" s="40">
        <v>19.772846377366417</v>
      </c>
      <c r="F4168" s="40">
        <v>69.316666999999995</v>
      </c>
      <c r="G4168" s="40">
        <v>18.311885550785266</v>
      </c>
      <c r="H4168" s="40">
        <v>69.316666999999995</v>
      </c>
      <c r="I4168" s="40">
        <v>14.405326669408687</v>
      </c>
      <c r="J4168" s="40">
        <v>69.316641619048099</v>
      </c>
      <c r="K4168" s="40">
        <v>12.227911735545014</v>
      </c>
      <c r="L4168" s="40"/>
      <c r="M4168" s="40"/>
      <c r="N4168" s="40"/>
    </row>
    <row r="4169" spans="4:14" x14ac:dyDescent="0.25">
      <c r="D4169" s="40">
        <v>69.347227000003059</v>
      </c>
      <c r="E4169" s="40">
        <v>19.772846377366417</v>
      </c>
      <c r="F4169" s="40">
        <v>69.333332999999982</v>
      </c>
      <c r="G4169" s="40">
        <v>18.311885550785266</v>
      </c>
      <c r="H4169" s="40">
        <v>69.333334000000008</v>
      </c>
      <c r="I4169" s="40">
        <v>14.408580795665451</v>
      </c>
      <c r="J4169" s="40">
        <v>69.333308279762406</v>
      </c>
      <c r="K4169" s="40">
        <v>12.232762779254248</v>
      </c>
      <c r="L4169" s="40"/>
      <c r="M4169" s="40"/>
      <c r="N4169" s="40"/>
    </row>
    <row r="4170" spans="4:14" x14ac:dyDescent="0.25">
      <c r="D4170" s="40">
        <v>69.36389300000306</v>
      </c>
      <c r="E4170" s="40">
        <v>19.772846377366417</v>
      </c>
      <c r="F4170" s="40">
        <v>69.349999999999994</v>
      </c>
      <c r="G4170" s="40">
        <v>18.316500934755169</v>
      </c>
      <c r="H4170" s="40">
        <v>69.349999999999994</v>
      </c>
      <c r="I4170" s="40">
        <v>14.411933531808709</v>
      </c>
      <c r="J4170" s="40">
        <v>69.349974940476699</v>
      </c>
      <c r="K4170" s="40">
        <v>12.232762779254248</v>
      </c>
      <c r="L4170" s="40"/>
      <c r="M4170" s="40"/>
      <c r="N4170" s="40"/>
    </row>
    <row r="4171" spans="4:14" x14ac:dyDescent="0.25">
      <c r="D4171" s="40">
        <v>69.380559000003061</v>
      </c>
      <c r="E4171" s="40">
        <v>19.777689555955963</v>
      </c>
      <c r="F4171" s="40">
        <v>69.366667000000007</v>
      </c>
      <c r="G4171" s="40">
        <v>18.316500934755169</v>
      </c>
      <c r="H4171" s="40">
        <v>69.366667000000007</v>
      </c>
      <c r="I4171" s="40">
        <v>14.415286267951966</v>
      </c>
      <c r="J4171" s="40">
        <v>69.366641601191006</v>
      </c>
      <c r="K4171" s="40">
        <v>12.232762779254248</v>
      </c>
      <c r="L4171" s="40"/>
      <c r="M4171" s="40"/>
      <c r="N4171" s="40"/>
    </row>
    <row r="4172" spans="4:14" x14ac:dyDescent="0.25">
      <c r="D4172" s="40">
        <v>69.397225000003061</v>
      </c>
      <c r="E4172" s="40">
        <v>19.777689555955963</v>
      </c>
      <c r="F4172" s="40">
        <v>69.383332999999993</v>
      </c>
      <c r="G4172" s="40">
        <v>18.321256178845388</v>
      </c>
      <c r="H4172" s="40">
        <v>69.383334000000019</v>
      </c>
      <c r="I4172" s="40">
        <v>14.418540394208728</v>
      </c>
      <c r="J4172" s="40">
        <v>69.383308261905299</v>
      </c>
      <c r="K4172" s="40">
        <v>12.232762779254248</v>
      </c>
      <c r="L4172" s="40"/>
      <c r="M4172" s="40"/>
      <c r="N4172" s="40"/>
    </row>
    <row r="4173" spans="4:14" x14ac:dyDescent="0.25">
      <c r="D4173" s="40">
        <v>69.413891000003062</v>
      </c>
      <c r="E4173" s="40">
        <v>19.782532734545509</v>
      </c>
      <c r="F4173" s="40">
        <v>69.400000000000006</v>
      </c>
      <c r="G4173" s="40">
        <v>18.321256178845388</v>
      </c>
      <c r="H4173" s="40">
        <v>69.400000000000006</v>
      </c>
      <c r="I4173" s="40">
        <v>14.421893130351986</v>
      </c>
      <c r="J4173" s="40">
        <v>69.399974922619606</v>
      </c>
      <c r="K4173" s="40">
        <v>12.227911735545014</v>
      </c>
      <c r="L4173" s="40"/>
      <c r="M4173" s="40"/>
      <c r="N4173" s="40"/>
    </row>
    <row r="4174" spans="4:14" x14ac:dyDescent="0.25">
      <c r="D4174" s="40">
        <v>69.430557000003063</v>
      </c>
      <c r="E4174" s="40">
        <v>19.782532734545509</v>
      </c>
      <c r="F4174" s="40">
        <v>69.41666699999999</v>
      </c>
      <c r="G4174" s="40">
        <v>18.321256178845388</v>
      </c>
      <c r="H4174" s="40">
        <v>69.416667000000018</v>
      </c>
      <c r="I4174" s="40">
        <v>14.421893130351986</v>
      </c>
      <c r="J4174" s="40">
        <v>69.416641583333899</v>
      </c>
      <c r="K4174" s="40">
        <v>12.227911735545014</v>
      </c>
      <c r="L4174" s="40"/>
      <c r="M4174" s="40"/>
      <c r="N4174" s="40"/>
    </row>
    <row r="4175" spans="4:14" x14ac:dyDescent="0.25">
      <c r="D4175" s="40">
        <v>69.447223000003063</v>
      </c>
      <c r="E4175" s="40">
        <v>19.787233466705935</v>
      </c>
      <c r="F4175" s="40">
        <v>69.433333000000005</v>
      </c>
      <c r="G4175" s="40">
        <v>18.321256178845388</v>
      </c>
      <c r="H4175" s="40">
        <v>69.433334000000002</v>
      </c>
      <c r="I4175" s="40">
        <v>14.425245866495418</v>
      </c>
      <c r="J4175" s="40">
        <v>69.433308244048106</v>
      </c>
      <c r="K4175" s="40">
        <v>12.227911735545014</v>
      </c>
      <c r="L4175" s="40"/>
      <c r="M4175" s="40"/>
      <c r="N4175" s="40"/>
    </row>
    <row r="4176" spans="4:14" x14ac:dyDescent="0.25">
      <c r="D4176" s="40">
        <v>69.463889000003064</v>
      </c>
      <c r="E4176" s="40">
        <v>19.787233466705935</v>
      </c>
      <c r="F4176" s="40">
        <v>69.449999999999989</v>
      </c>
      <c r="G4176" s="40">
        <v>18.32601142293548</v>
      </c>
      <c r="H4176" s="40">
        <v>69.450000000000017</v>
      </c>
      <c r="I4176" s="40">
        <v>14.428499992752181</v>
      </c>
      <c r="J4176" s="40">
        <v>69.449974904762399</v>
      </c>
      <c r="K4176" s="40">
        <v>12.232762779254248</v>
      </c>
      <c r="L4176" s="40"/>
      <c r="M4176" s="40"/>
      <c r="N4176" s="40"/>
    </row>
    <row r="4177" spans="4:14" x14ac:dyDescent="0.25">
      <c r="D4177" s="40">
        <v>69.480555000003065</v>
      </c>
      <c r="E4177" s="40">
        <v>19.792076645295356</v>
      </c>
      <c r="F4177" s="40">
        <v>69.466667000000001</v>
      </c>
      <c r="G4177" s="40">
        <v>18.32601142293548</v>
      </c>
      <c r="H4177" s="40">
        <v>69.466667000000001</v>
      </c>
      <c r="I4177" s="40">
        <v>14.428499992752181</v>
      </c>
      <c r="J4177" s="40">
        <v>69.466641565476706</v>
      </c>
      <c r="K4177" s="40">
        <v>12.232762779254248</v>
      </c>
      <c r="L4177" s="40"/>
      <c r="M4177" s="40"/>
      <c r="N4177" s="40"/>
    </row>
    <row r="4178" spans="4:14" x14ac:dyDescent="0.25">
      <c r="D4178" s="40">
        <v>69.497221000003066</v>
      </c>
      <c r="E4178" s="40">
        <v>19.792076645295356</v>
      </c>
      <c r="F4178" s="40">
        <v>69.483332999999988</v>
      </c>
      <c r="G4178" s="40">
        <v>18.32601142293548</v>
      </c>
      <c r="H4178" s="40">
        <v>69.483334000000013</v>
      </c>
      <c r="I4178" s="40">
        <v>14.431852728895439</v>
      </c>
      <c r="J4178" s="40">
        <v>69.483308226190999</v>
      </c>
      <c r="K4178" s="40">
        <v>12.232762779254248</v>
      </c>
      <c r="L4178" s="40"/>
      <c r="M4178" s="40"/>
      <c r="N4178" s="40"/>
    </row>
    <row r="4179" spans="4:14" x14ac:dyDescent="0.25">
      <c r="D4179" s="40">
        <v>69.513887000003066</v>
      </c>
      <c r="E4179" s="40">
        <v>19.79691982388491</v>
      </c>
      <c r="F4179" s="40">
        <v>69.5</v>
      </c>
      <c r="G4179" s="40">
        <v>18.330626806905382</v>
      </c>
      <c r="H4179" s="40">
        <v>69.5</v>
      </c>
      <c r="I4179" s="40">
        <v>14.435205465038697</v>
      </c>
      <c r="J4179" s="40">
        <v>69.499974886905306</v>
      </c>
      <c r="K4179" s="40">
        <v>12.232762779254248</v>
      </c>
      <c r="L4179" s="40"/>
      <c r="M4179" s="40"/>
      <c r="N4179" s="40"/>
    </row>
    <row r="4180" spans="4:14" x14ac:dyDescent="0.25">
      <c r="D4180" s="40">
        <v>69.530553000003067</v>
      </c>
      <c r="E4180" s="40">
        <v>19.79691982388491</v>
      </c>
      <c r="F4180" s="40">
        <v>69.516666999999984</v>
      </c>
      <c r="G4180" s="40">
        <v>18.330626806905382</v>
      </c>
      <c r="H4180" s="40">
        <v>69.516667000000012</v>
      </c>
      <c r="I4180" s="40">
        <v>14.438558201182129</v>
      </c>
      <c r="J4180" s="40">
        <v>69.516641547619599</v>
      </c>
      <c r="K4180" s="40">
        <v>12.232762779254248</v>
      </c>
      <c r="L4180" s="40"/>
      <c r="M4180" s="40"/>
      <c r="N4180" s="40"/>
    </row>
    <row r="4181" spans="4:14" x14ac:dyDescent="0.25">
      <c r="D4181" s="40">
        <v>69.547219000003068</v>
      </c>
      <c r="E4181" s="40">
        <v>19.79691982388491</v>
      </c>
      <c r="F4181" s="40">
        <v>69.533332999999999</v>
      </c>
      <c r="G4181" s="40">
        <v>18.335382050995605</v>
      </c>
      <c r="H4181" s="40">
        <v>69.533333999999996</v>
      </c>
      <c r="I4181" s="40">
        <v>14.438558201182129</v>
      </c>
      <c r="J4181" s="40">
        <v>69.533308208333807</v>
      </c>
      <c r="K4181" s="40">
        <v>12.232762779254248</v>
      </c>
      <c r="L4181" s="40"/>
      <c r="M4181" s="40"/>
      <c r="N4181" s="40"/>
    </row>
    <row r="4182" spans="4:14" x14ac:dyDescent="0.25">
      <c r="D4182" s="40">
        <v>69.563885000003069</v>
      </c>
      <c r="E4182" s="40">
        <v>19.801620556045332</v>
      </c>
      <c r="F4182" s="40">
        <v>69.549999999999983</v>
      </c>
      <c r="G4182" s="40">
        <v>18.335382050995605</v>
      </c>
      <c r="H4182" s="40">
        <v>69.550000000000011</v>
      </c>
      <c r="I4182" s="40">
        <v>14.441812327438893</v>
      </c>
      <c r="J4182" s="40">
        <v>69.5499748690481</v>
      </c>
      <c r="K4182" s="40">
        <v>12.232762779254248</v>
      </c>
      <c r="L4182" s="40"/>
      <c r="M4182" s="40"/>
      <c r="N4182" s="40"/>
    </row>
    <row r="4183" spans="4:14" x14ac:dyDescent="0.25">
      <c r="D4183" s="40">
        <v>69.580551000003069</v>
      </c>
      <c r="E4183" s="40">
        <v>19.801620556045332</v>
      </c>
      <c r="F4183" s="40">
        <v>69.566666999999995</v>
      </c>
      <c r="G4183" s="40">
        <v>18.340137295085697</v>
      </c>
      <c r="H4183" s="40">
        <v>69.566666999999995</v>
      </c>
      <c r="I4183" s="40">
        <v>14.445165063582147</v>
      </c>
      <c r="J4183" s="40">
        <v>69.566641529762407</v>
      </c>
      <c r="K4183" s="40">
        <v>12.23761382296348</v>
      </c>
      <c r="L4183" s="40"/>
      <c r="M4183" s="40"/>
      <c r="N4183" s="40"/>
    </row>
    <row r="4184" spans="4:14" x14ac:dyDescent="0.25">
      <c r="D4184" s="40">
        <v>69.59721700000307</v>
      </c>
      <c r="E4184" s="40">
        <v>19.801620556045332</v>
      </c>
      <c r="F4184" s="40">
        <v>69.583332999999982</v>
      </c>
      <c r="G4184" s="40">
        <v>18.340137295085697</v>
      </c>
      <c r="H4184" s="40">
        <v>69.583334000000008</v>
      </c>
      <c r="I4184" s="40">
        <v>14.445165063582147</v>
      </c>
      <c r="J4184" s="40">
        <v>69.5833081904767</v>
      </c>
      <c r="K4184" s="40">
        <v>12.23761382296348</v>
      </c>
      <c r="L4184" s="40"/>
      <c r="M4184" s="40"/>
      <c r="N4184" s="40"/>
    </row>
    <row r="4185" spans="4:14" x14ac:dyDescent="0.25">
      <c r="D4185" s="40">
        <v>69.613883000003071</v>
      </c>
      <c r="E4185" s="40">
        <v>19.806463734634757</v>
      </c>
      <c r="F4185" s="40">
        <v>69.599999999999994</v>
      </c>
      <c r="G4185" s="40">
        <v>18.344752679055599</v>
      </c>
      <c r="H4185" s="40">
        <v>69.599999999999994</v>
      </c>
      <c r="I4185" s="40">
        <v>14.448517799725405</v>
      </c>
      <c r="J4185" s="40">
        <v>69.599974851191007</v>
      </c>
      <c r="K4185" s="40">
        <v>12.23761382296348</v>
      </c>
      <c r="L4185" s="40"/>
      <c r="M4185" s="40"/>
      <c r="N4185" s="40"/>
    </row>
    <row r="4186" spans="4:14" x14ac:dyDescent="0.25">
      <c r="D4186" s="40">
        <v>69.630549000003072</v>
      </c>
      <c r="E4186" s="40">
        <v>19.806463734634757</v>
      </c>
      <c r="F4186" s="40">
        <v>69.616667000000007</v>
      </c>
      <c r="G4186" s="40">
        <v>18.344752679055599</v>
      </c>
      <c r="H4186" s="40">
        <v>69.616667000000007</v>
      </c>
      <c r="I4186" s="40">
        <v>14.451771925982168</v>
      </c>
      <c r="J4186" s="40">
        <v>69.6166415119053</v>
      </c>
      <c r="K4186" s="40">
        <v>12.23761382296348</v>
      </c>
      <c r="L4186" s="40"/>
      <c r="M4186" s="40"/>
      <c r="N4186" s="40"/>
    </row>
    <row r="4187" spans="4:14" x14ac:dyDescent="0.25">
      <c r="D4187" s="40">
        <v>69.647215000003072</v>
      </c>
      <c r="E4187" s="40">
        <v>19.811306913224303</v>
      </c>
      <c r="F4187" s="40">
        <v>69.633332999999993</v>
      </c>
      <c r="G4187" s="40">
        <v>18.344752679055599</v>
      </c>
      <c r="H4187" s="40">
        <v>69.633334000000019</v>
      </c>
      <c r="I4187" s="40">
        <v>14.451771925982168</v>
      </c>
      <c r="J4187" s="40">
        <v>69.633308172619607</v>
      </c>
      <c r="K4187" s="40">
        <v>12.242322188916413</v>
      </c>
      <c r="L4187" s="40"/>
      <c r="M4187" s="40"/>
      <c r="N4187" s="40"/>
    </row>
    <row r="4188" spans="4:14" x14ac:dyDescent="0.25">
      <c r="D4188" s="40">
        <v>69.663881000003073</v>
      </c>
      <c r="E4188" s="40">
        <v>19.811306913224303</v>
      </c>
      <c r="F4188" s="40">
        <v>69.650000000000006</v>
      </c>
      <c r="G4188" s="40">
        <v>18.349507923145818</v>
      </c>
      <c r="H4188" s="40">
        <v>69.650000000000006</v>
      </c>
      <c r="I4188" s="40">
        <v>14.455124662125426</v>
      </c>
      <c r="J4188" s="40">
        <v>69.6499748333339</v>
      </c>
      <c r="K4188" s="40">
        <v>12.242322188916413</v>
      </c>
      <c r="L4188" s="40"/>
      <c r="M4188" s="40"/>
      <c r="N4188" s="40"/>
    </row>
    <row r="4189" spans="4:14" x14ac:dyDescent="0.25">
      <c r="D4189" s="40">
        <v>69.680547000003074</v>
      </c>
      <c r="E4189" s="40">
        <v>19.811306913224303</v>
      </c>
      <c r="F4189" s="40">
        <v>69.66666699999999</v>
      </c>
      <c r="G4189" s="40">
        <v>18.349507923145818</v>
      </c>
      <c r="H4189" s="40">
        <v>69.666667000000018</v>
      </c>
      <c r="I4189" s="40">
        <v>14.458477398268858</v>
      </c>
      <c r="J4189" s="40">
        <v>69.666641494048093</v>
      </c>
      <c r="K4189" s="40">
        <v>12.242322188916413</v>
      </c>
      <c r="L4189" s="40"/>
      <c r="M4189" s="40"/>
      <c r="N4189" s="40"/>
    </row>
    <row r="4190" spans="4:14" x14ac:dyDescent="0.25">
      <c r="D4190" s="40">
        <v>69.697213000003075</v>
      </c>
      <c r="E4190" s="40">
        <v>19.81600764538473</v>
      </c>
      <c r="F4190" s="40">
        <v>69.683333000000005</v>
      </c>
      <c r="G4190" s="40">
        <v>18.354263167236038</v>
      </c>
      <c r="H4190" s="40">
        <v>69.683334000000002</v>
      </c>
      <c r="I4190" s="40">
        <v>14.458477398268858</v>
      </c>
      <c r="J4190" s="40">
        <v>69.6833081547624</v>
      </c>
      <c r="K4190" s="40">
        <v>12.242322188916413</v>
      </c>
      <c r="L4190" s="40"/>
      <c r="M4190" s="40"/>
      <c r="N4190" s="40"/>
    </row>
    <row r="4191" spans="4:14" x14ac:dyDescent="0.25">
      <c r="D4191" s="40">
        <v>69.713879000003075</v>
      </c>
      <c r="E4191" s="40">
        <v>19.81600764538473</v>
      </c>
      <c r="F4191" s="40">
        <v>69.699999999999989</v>
      </c>
      <c r="G4191" s="40">
        <v>18.354263167236038</v>
      </c>
      <c r="H4191" s="40">
        <v>69.700000000000017</v>
      </c>
      <c r="I4191" s="40">
        <v>14.461731524525621</v>
      </c>
      <c r="J4191" s="40">
        <v>69.699974815476693</v>
      </c>
      <c r="K4191" s="40">
        <v>12.242322188916413</v>
      </c>
      <c r="L4191" s="40"/>
      <c r="M4191" s="40"/>
      <c r="N4191" s="40"/>
    </row>
    <row r="4192" spans="4:14" x14ac:dyDescent="0.25">
      <c r="D4192" s="40">
        <v>69.730545000003076</v>
      </c>
      <c r="E4192" s="40">
        <v>19.81600764538473</v>
      </c>
      <c r="F4192" s="40">
        <v>69.716667000000001</v>
      </c>
      <c r="G4192" s="40">
        <v>18.358878551205812</v>
      </c>
      <c r="H4192" s="40">
        <v>69.716667000000001</v>
      </c>
      <c r="I4192" s="40">
        <v>14.465084260668878</v>
      </c>
      <c r="J4192" s="40">
        <v>69.716641476191</v>
      </c>
      <c r="K4192" s="40">
        <v>12.242322188916413</v>
      </c>
      <c r="L4192" s="40"/>
      <c r="M4192" s="40"/>
      <c r="N4192" s="40"/>
    </row>
    <row r="4193" spans="4:14" x14ac:dyDescent="0.25">
      <c r="D4193" s="40">
        <v>69.747211000003077</v>
      </c>
      <c r="E4193" s="40">
        <v>19.820850823974151</v>
      </c>
      <c r="F4193" s="40">
        <v>69.733332999999988</v>
      </c>
      <c r="G4193" s="40">
        <v>18.363633795296032</v>
      </c>
      <c r="H4193" s="40">
        <v>69.733334000000013</v>
      </c>
      <c r="I4193" s="40">
        <v>14.465084260668878</v>
      </c>
      <c r="J4193" s="40">
        <v>69.733308136905293</v>
      </c>
      <c r="K4193" s="40">
        <v>12.242322188916413</v>
      </c>
      <c r="L4193" s="40"/>
      <c r="M4193" s="40"/>
      <c r="N4193" s="40"/>
    </row>
    <row r="4194" spans="4:14" x14ac:dyDescent="0.25">
      <c r="D4194" s="40">
        <v>69.763877000003077</v>
      </c>
      <c r="E4194" s="40">
        <v>19.820850823974151</v>
      </c>
      <c r="F4194" s="40">
        <v>69.75</v>
      </c>
      <c r="G4194" s="40">
        <v>18.363633795296032</v>
      </c>
      <c r="H4194" s="40">
        <v>69.75</v>
      </c>
      <c r="I4194" s="40">
        <v>14.468436996812136</v>
      </c>
      <c r="J4194" s="40">
        <v>69.749974797619601</v>
      </c>
      <c r="K4194" s="40">
        <v>12.247173232625647</v>
      </c>
      <c r="L4194" s="40"/>
      <c r="M4194" s="40"/>
      <c r="N4194" s="40"/>
    </row>
    <row r="4195" spans="4:14" x14ac:dyDescent="0.25">
      <c r="D4195" s="40">
        <v>69.780543000003078</v>
      </c>
      <c r="E4195" s="40">
        <v>19.820850823974151</v>
      </c>
      <c r="F4195" s="40">
        <v>69.766666999999984</v>
      </c>
      <c r="G4195" s="40">
        <v>18.363633795296032</v>
      </c>
      <c r="H4195" s="40">
        <v>69.766667000000012</v>
      </c>
      <c r="I4195" s="40">
        <v>14.471691123068899</v>
      </c>
      <c r="J4195" s="40">
        <v>69.766641458333794</v>
      </c>
      <c r="K4195" s="40">
        <v>12.247173232625647</v>
      </c>
      <c r="L4195" s="40"/>
      <c r="M4195" s="40"/>
      <c r="N4195" s="40"/>
    </row>
    <row r="4196" spans="4:14" x14ac:dyDescent="0.25">
      <c r="D4196" s="40">
        <v>69.797209000003079</v>
      </c>
      <c r="E4196" s="40">
        <v>19.820850823974151</v>
      </c>
      <c r="F4196" s="40">
        <v>69.783332999999999</v>
      </c>
      <c r="G4196" s="40">
        <v>18.368389039386251</v>
      </c>
      <c r="H4196" s="40">
        <v>69.783333999999996</v>
      </c>
      <c r="I4196" s="40">
        <v>14.471691123068899</v>
      </c>
      <c r="J4196" s="40">
        <v>69.783308119048101</v>
      </c>
      <c r="K4196" s="40">
        <v>12.247173232625647</v>
      </c>
      <c r="L4196" s="40"/>
      <c r="M4196" s="40"/>
      <c r="N4196" s="40"/>
    </row>
    <row r="4197" spans="4:14" x14ac:dyDescent="0.25">
      <c r="D4197" s="40">
        <v>69.81387500000308</v>
      </c>
      <c r="E4197" s="40">
        <v>19.820850823974151</v>
      </c>
      <c r="F4197" s="40">
        <v>69.799999999999983</v>
      </c>
      <c r="G4197" s="40">
        <v>18.368389039386251</v>
      </c>
      <c r="H4197" s="40">
        <v>69.800000000000011</v>
      </c>
      <c r="I4197" s="40">
        <v>14.475043859212331</v>
      </c>
      <c r="J4197" s="40">
        <v>69.799974779762394</v>
      </c>
      <c r="K4197" s="40">
        <v>12.252024276334879</v>
      </c>
      <c r="L4197" s="40"/>
      <c r="M4197" s="40"/>
      <c r="N4197" s="40"/>
    </row>
    <row r="4198" spans="4:14" x14ac:dyDescent="0.25">
      <c r="D4198" s="40">
        <v>69.83054100000308</v>
      </c>
      <c r="E4198" s="40">
        <v>19.825694002563697</v>
      </c>
      <c r="F4198" s="40">
        <v>69.816666999999995</v>
      </c>
      <c r="G4198" s="40">
        <v>18.373004423356026</v>
      </c>
      <c r="H4198" s="40">
        <v>69.816666999999995</v>
      </c>
      <c r="I4198" s="40">
        <v>14.475043859212331</v>
      </c>
      <c r="J4198" s="40">
        <v>69.816641440476701</v>
      </c>
      <c r="K4198" s="40">
        <v>12.256732642287938</v>
      </c>
      <c r="L4198" s="40"/>
      <c r="M4198" s="40"/>
      <c r="N4198" s="40"/>
    </row>
    <row r="4199" spans="4:14" x14ac:dyDescent="0.25">
      <c r="D4199" s="40">
        <v>69.847207000003081</v>
      </c>
      <c r="E4199" s="40">
        <v>19.825694002563697</v>
      </c>
      <c r="F4199" s="40">
        <v>69.833332999999982</v>
      </c>
      <c r="G4199" s="40">
        <v>18.373004423356026</v>
      </c>
      <c r="H4199" s="40">
        <v>69.833334000000008</v>
      </c>
      <c r="I4199" s="40">
        <v>14.478396595355589</v>
      </c>
      <c r="J4199" s="40">
        <v>69.833308101190994</v>
      </c>
      <c r="K4199" s="40">
        <v>12.256732642287938</v>
      </c>
      <c r="L4199" s="40"/>
      <c r="M4199" s="40"/>
      <c r="N4199" s="40"/>
    </row>
    <row r="4200" spans="4:14" x14ac:dyDescent="0.25">
      <c r="D4200" s="40">
        <v>69.863873000003082</v>
      </c>
      <c r="E4200" s="40">
        <v>19.825694002563697</v>
      </c>
      <c r="F4200" s="40">
        <v>69.849999999999994</v>
      </c>
      <c r="G4200" s="40">
        <v>18.373004423356026</v>
      </c>
      <c r="H4200" s="40">
        <v>69.849999999999994</v>
      </c>
      <c r="I4200" s="40">
        <v>14.481650721612352</v>
      </c>
      <c r="J4200" s="40">
        <v>69.849974761905301</v>
      </c>
      <c r="K4200" s="40">
        <v>12.261583685997044</v>
      </c>
      <c r="L4200" s="40"/>
      <c r="M4200" s="40"/>
      <c r="N4200" s="40"/>
    </row>
    <row r="4201" spans="4:14" x14ac:dyDescent="0.25">
      <c r="D4201" s="40">
        <v>69.880539000003083</v>
      </c>
      <c r="E4201" s="40">
        <v>19.825694002563697</v>
      </c>
      <c r="F4201" s="40">
        <v>69.866667000000007</v>
      </c>
      <c r="G4201" s="40">
        <v>18.377759667446249</v>
      </c>
      <c r="H4201" s="40">
        <v>69.866667000000007</v>
      </c>
      <c r="I4201" s="40">
        <v>14.481650721612352</v>
      </c>
      <c r="J4201" s="40">
        <v>69.866641422619594</v>
      </c>
      <c r="K4201" s="40">
        <v>12.261583685997044</v>
      </c>
      <c r="L4201" s="40"/>
      <c r="M4201" s="40"/>
      <c r="N4201" s="40"/>
    </row>
    <row r="4202" spans="4:14" x14ac:dyDescent="0.25">
      <c r="D4202" s="40">
        <v>69.897205000003083</v>
      </c>
      <c r="E4202" s="40">
        <v>19.830537181153247</v>
      </c>
      <c r="F4202" s="40">
        <v>69.883332999999993</v>
      </c>
      <c r="G4202" s="40">
        <v>18.377759667446249</v>
      </c>
      <c r="H4202" s="40">
        <v>69.883334000000019</v>
      </c>
      <c r="I4202" s="40">
        <v>14.485003457755608</v>
      </c>
      <c r="J4202" s="40">
        <v>69.883308083333901</v>
      </c>
      <c r="K4202" s="40">
        <v>12.261583685997044</v>
      </c>
      <c r="L4202" s="40"/>
      <c r="M4202" s="40"/>
      <c r="N4202" s="40"/>
    </row>
    <row r="4203" spans="4:14" x14ac:dyDescent="0.25">
      <c r="D4203" s="40">
        <v>69.913871000003084</v>
      </c>
      <c r="E4203" s="40">
        <v>19.830537181153247</v>
      </c>
      <c r="F4203" s="40">
        <v>69.900000000000006</v>
      </c>
      <c r="G4203" s="40">
        <v>18.382514911536468</v>
      </c>
      <c r="H4203" s="40">
        <v>69.900000000000006</v>
      </c>
      <c r="I4203" s="40">
        <v>14.485003457755608</v>
      </c>
      <c r="J4203" s="40">
        <v>69.899974744048095</v>
      </c>
      <c r="K4203" s="40">
        <v>12.261583685997044</v>
      </c>
      <c r="L4203" s="40"/>
      <c r="M4203" s="40"/>
      <c r="N4203" s="40"/>
    </row>
    <row r="4204" spans="4:14" x14ac:dyDescent="0.25">
      <c r="D4204" s="40">
        <v>69.930537000003085</v>
      </c>
      <c r="E4204" s="40">
        <v>19.830537181153247</v>
      </c>
      <c r="F4204" s="40">
        <v>69.91666699999999</v>
      </c>
      <c r="G4204" s="40">
        <v>18.382514911536468</v>
      </c>
      <c r="H4204" s="40">
        <v>69.916667000000018</v>
      </c>
      <c r="I4204" s="40">
        <v>14.488356193898866</v>
      </c>
      <c r="J4204" s="40">
        <v>69.916641404762402</v>
      </c>
      <c r="K4204" s="40">
        <v>12.261583685997044</v>
      </c>
      <c r="L4204" s="40"/>
      <c r="M4204" s="40"/>
      <c r="N4204" s="40"/>
    </row>
    <row r="4205" spans="4:14" x14ac:dyDescent="0.25">
      <c r="D4205" s="40">
        <v>69.947203000003086</v>
      </c>
      <c r="E4205" s="40">
        <v>19.830537181153247</v>
      </c>
      <c r="F4205" s="40">
        <v>69.933333000000005</v>
      </c>
      <c r="G4205" s="40">
        <v>18.387130295506367</v>
      </c>
      <c r="H4205" s="40">
        <v>69.933334000000002</v>
      </c>
      <c r="I4205" s="40">
        <v>14.491610320155628</v>
      </c>
      <c r="J4205" s="40">
        <v>69.933308065476695</v>
      </c>
      <c r="K4205" s="40">
        <v>12.266434729706276</v>
      </c>
      <c r="L4205" s="40"/>
      <c r="M4205" s="40"/>
      <c r="N4205" s="40"/>
    </row>
    <row r="4206" spans="4:14" x14ac:dyDescent="0.25">
      <c r="D4206" s="40">
        <v>69.963869000003086</v>
      </c>
      <c r="E4206" s="40">
        <v>19.835237913313673</v>
      </c>
      <c r="F4206" s="40">
        <v>69.949999999999989</v>
      </c>
      <c r="G4206" s="40">
        <v>18.387130295506367</v>
      </c>
      <c r="H4206" s="40">
        <v>69.950000000000017</v>
      </c>
      <c r="I4206" s="40">
        <v>14.491610320155628</v>
      </c>
      <c r="J4206" s="40">
        <v>69.949974726191002</v>
      </c>
      <c r="K4206" s="40">
        <v>12.266434729706276</v>
      </c>
      <c r="L4206" s="40"/>
      <c r="M4206" s="40"/>
      <c r="N4206" s="40"/>
    </row>
    <row r="4207" spans="4:14" x14ac:dyDescent="0.25">
      <c r="D4207" s="40">
        <v>69.980535000003087</v>
      </c>
      <c r="E4207" s="40">
        <v>19.835237913313673</v>
      </c>
      <c r="F4207" s="40">
        <v>69.966667000000001</v>
      </c>
      <c r="G4207" s="40">
        <v>18.387130295506367</v>
      </c>
      <c r="H4207" s="40">
        <v>69.966667000000001</v>
      </c>
      <c r="I4207" s="40">
        <v>14.49496305629906</v>
      </c>
      <c r="J4207" s="40">
        <v>69.966641386905295</v>
      </c>
      <c r="K4207" s="40">
        <v>12.271143095659337</v>
      </c>
      <c r="L4207" s="40"/>
      <c r="M4207" s="40"/>
      <c r="N4207" s="40"/>
    </row>
    <row r="4208" spans="4:14" x14ac:dyDescent="0.25">
      <c r="D4208" s="40">
        <v>69.997201000003088</v>
      </c>
      <c r="E4208" s="40">
        <v>19.835237913313673</v>
      </c>
      <c r="F4208" s="40">
        <v>69.983332999999988</v>
      </c>
      <c r="G4208" s="40">
        <v>18.391885539596462</v>
      </c>
      <c r="H4208" s="40">
        <v>69.983334000000013</v>
      </c>
      <c r="I4208" s="40">
        <v>14.498315792442318</v>
      </c>
      <c r="J4208" s="40">
        <v>69.983308047619602</v>
      </c>
      <c r="K4208" s="40">
        <v>12.271143095659337</v>
      </c>
      <c r="L4208" s="40"/>
      <c r="M4208" s="40"/>
      <c r="N4208" s="40"/>
    </row>
    <row r="4209" spans="4:14" x14ac:dyDescent="0.25">
      <c r="D4209" s="40">
        <v>70.013867000003088</v>
      </c>
      <c r="E4209" s="40">
        <v>19.840081091903095</v>
      </c>
      <c r="F4209" s="40">
        <v>70</v>
      </c>
      <c r="G4209" s="40">
        <v>18.391885539596462</v>
      </c>
      <c r="H4209" s="40">
        <v>70</v>
      </c>
      <c r="I4209" s="40">
        <v>14.498315792442318</v>
      </c>
      <c r="J4209" s="40">
        <v>69.999974708333795</v>
      </c>
      <c r="K4209" s="40">
        <v>12.275994139368443</v>
      </c>
      <c r="L4209" s="40"/>
      <c r="M4209" s="40"/>
      <c r="N4209" s="40"/>
    </row>
    <row r="4210" spans="4:14" x14ac:dyDescent="0.25">
      <c r="D4210" s="40">
        <v>70.030533000003089</v>
      </c>
      <c r="E4210" s="40">
        <v>19.840081091903095</v>
      </c>
      <c r="F4210" s="40">
        <v>70.016666999999984</v>
      </c>
      <c r="G4210" s="40">
        <v>18.396640783686681</v>
      </c>
      <c r="H4210" s="40">
        <v>70.016667000000012</v>
      </c>
      <c r="I4210" s="40">
        <v>14.501569918699081</v>
      </c>
      <c r="J4210" s="40">
        <v>70.016641369048102</v>
      </c>
      <c r="K4210" s="40">
        <v>12.275994139368443</v>
      </c>
      <c r="L4210" s="40"/>
      <c r="M4210" s="40"/>
      <c r="N4210" s="40"/>
    </row>
    <row r="4211" spans="4:14" x14ac:dyDescent="0.25">
      <c r="D4211" s="40">
        <v>70.04719900000309</v>
      </c>
      <c r="E4211" s="40">
        <v>19.840081091903095</v>
      </c>
      <c r="F4211" s="40">
        <v>70.033332999999999</v>
      </c>
      <c r="G4211" s="40">
        <v>18.396640783686681</v>
      </c>
      <c r="H4211" s="40">
        <v>70.033333999999996</v>
      </c>
      <c r="I4211" s="40">
        <v>14.504922654842339</v>
      </c>
      <c r="J4211" s="40">
        <v>70.033308029762395</v>
      </c>
      <c r="K4211" s="40">
        <v>12.275994139368443</v>
      </c>
      <c r="L4211" s="40"/>
      <c r="M4211" s="40"/>
      <c r="N4211" s="40"/>
    </row>
    <row r="4212" spans="4:14" x14ac:dyDescent="0.25">
      <c r="D4212" s="40">
        <v>70.063865000003091</v>
      </c>
      <c r="E4212" s="40">
        <v>19.840081091903095</v>
      </c>
      <c r="F4212" s="40">
        <v>70.049999999999983</v>
      </c>
      <c r="G4212" s="40">
        <v>18.40125616765658</v>
      </c>
      <c r="H4212" s="40">
        <v>70.050000000000011</v>
      </c>
      <c r="I4212" s="40">
        <v>14.504922654842339</v>
      </c>
      <c r="J4212" s="40">
        <v>70.049974690476702</v>
      </c>
      <c r="K4212" s="40">
        <v>12.275994139368443</v>
      </c>
      <c r="L4212" s="40"/>
      <c r="M4212" s="40"/>
      <c r="N4212" s="40"/>
    </row>
    <row r="4213" spans="4:14" x14ac:dyDescent="0.25">
      <c r="D4213" s="40">
        <v>70.080531000003091</v>
      </c>
      <c r="E4213" s="40">
        <v>19.844924270492641</v>
      </c>
      <c r="F4213" s="40">
        <v>70.066666999999995</v>
      </c>
      <c r="G4213" s="40">
        <v>18.40125616765658</v>
      </c>
      <c r="H4213" s="40">
        <v>70.066666999999995</v>
      </c>
      <c r="I4213" s="40">
        <v>14.508275390985771</v>
      </c>
      <c r="J4213" s="40">
        <v>70.066641351190995</v>
      </c>
      <c r="K4213" s="40">
        <v>12.280845183077673</v>
      </c>
      <c r="L4213" s="40"/>
      <c r="M4213" s="40"/>
      <c r="N4213" s="40"/>
    </row>
    <row r="4214" spans="4:14" x14ac:dyDescent="0.25">
      <c r="D4214" s="40">
        <v>70.097197000003092</v>
      </c>
      <c r="E4214" s="40">
        <v>19.844924270492641</v>
      </c>
      <c r="F4214" s="40">
        <v>70.083332999999982</v>
      </c>
      <c r="G4214" s="40">
        <v>18.406011411746675</v>
      </c>
      <c r="H4214" s="40">
        <v>70.083334000000008</v>
      </c>
      <c r="I4214" s="40">
        <v>14.511529517242359</v>
      </c>
      <c r="J4214" s="40">
        <v>70.083308011905302</v>
      </c>
      <c r="K4214" s="40">
        <v>12.280845183077673</v>
      </c>
      <c r="L4214" s="40"/>
      <c r="M4214" s="40"/>
      <c r="N4214" s="40"/>
    </row>
    <row r="4215" spans="4:14" x14ac:dyDescent="0.25">
      <c r="D4215" s="40">
        <v>70.113863000003093</v>
      </c>
      <c r="E4215" s="40">
        <v>19.844924270492641</v>
      </c>
      <c r="F4215" s="40">
        <v>70.099999999999994</v>
      </c>
      <c r="G4215" s="40">
        <v>18.406011411746675</v>
      </c>
      <c r="H4215" s="40">
        <v>70.099999999999994</v>
      </c>
      <c r="I4215" s="40">
        <v>14.511529517242359</v>
      </c>
      <c r="J4215" s="40">
        <v>70.099974672619595</v>
      </c>
      <c r="K4215" s="40">
        <v>12.280845183077673</v>
      </c>
      <c r="L4215" s="40"/>
      <c r="M4215" s="40"/>
      <c r="N4215" s="40"/>
    </row>
    <row r="4216" spans="4:14" x14ac:dyDescent="0.25">
      <c r="D4216" s="40">
        <v>70.130529000003094</v>
      </c>
      <c r="E4216" s="40">
        <v>19.844924270492641</v>
      </c>
      <c r="F4216" s="40">
        <v>70.116667000000007</v>
      </c>
      <c r="G4216" s="40">
        <v>18.406011411746675</v>
      </c>
      <c r="H4216" s="40">
        <v>70.116667000000007</v>
      </c>
      <c r="I4216" s="40">
        <v>14.514882253385791</v>
      </c>
      <c r="J4216" s="40">
        <v>70.116641333333902</v>
      </c>
      <c r="K4216" s="40">
        <v>12.285553549030734</v>
      </c>
      <c r="L4216" s="40"/>
      <c r="M4216" s="40"/>
      <c r="N4216" s="40"/>
    </row>
    <row r="4217" spans="4:14" x14ac:dyDescent="0.25">
      <c r="D4217" s="40">
        <v>70.147195000003094</v>
      </c>
      <c r="E4217" s="40">
        <v>19.844924270492641</v>
      </c>
      <c r="F4217" s="40">
        <v>70.133332999999993</v>
      </c>
      <c r="G4217" s="40">
        <v>18.406011411746675</v>
      </c>
      <c r="H4217" s="40">
        <v>70.133334000000019</v>
      </c>
      <c r="I4217" s="40">
        <v>14.518234989529049</v>
      </c>
      <c r="J4217" s="40">
        <v>70.133307994048096</v>
      </c>
      <c r="K4217" s="40">
        <v>12.285553549030734</v>
      </c>
      <c r="L4217" s="40"/>
      <c r="M4217" s="40"/>
      <c r="N4217" s="40"/>
    </row>
    <row r="4218" spans="4:14" x14ac:dyDescent="0.25">
      <c r="D4218" s="40">
        <v>70.163861000003095</v>
      </c>
      <c r="E4218" s="40">
        <v>19.844924270492641</v>
      </c>
      <c r="F4218" s="40">
        <v>70.150000000000006</v>
      </c>
      <c r="G4218" s="40">
        <v>18.406011411746675</v>
      </c>
      <c r="H4218" s="40">
        <v>70.150000000000006</v>
      </c>
      <c r="I4218" s="40">
        <v>14.521489115785812</v>
      </c>
      <c r="J4218" s="40">
        <v>70.149974654762403</v>
      </c>
      <c r="K4218" s="40">
        <v>12.285553549030734</v>
      </c>
      <c r="L4218" s="40"/>
      <c r="M4218" s="40"/>
      <c r="N4218" s="40"/>
    </row>
    <row r="4219" spans="4:14" x14ac:dyDescent="0.25">
      <c r="D4219" s="40">
        <v>70.180527000003096</v>
      </c>
      <c r="E4219" s="40">
        <v>19.849625002653067</v>
      </c>
      <c r="F4219" s="40">
        <v>70.16666699999999</v>
      </c>
      <c r="G4219" s="40">
        <v>18.406011411746675</v>
      </c>
      <c r="H4219" s="40">
        <v>70.166667000000018</v>
      </c>
      <c r="I4219" s="40">
        <v>14.521489115785812</v>
      </c>
      <c r="J4219" s="40">
        <v>70.166641315476696</v>
      </c>
      <c r="K4219" s="40">
        <v>12.285553549030734</v>
      </c>
      <c r="L4219" s="40"/>
      <c r="M4219" s="40"/>
      <c r="N4219" s="40"/>
    </row>
    <row r="4220" spans="4:14" x14ac:dyDescent="0.25">
      <c r="D4220" s="40">
        <v>70.197193000003097</v>
      </c>
      <c r="E4220" s="40">
        <v>19.849625002653067</v>
      </c>
      <c r="F4220" s="40">
        <v>70.183333000000005</v>
      </c>
      <c r="G4220" s="40">
        <v>18.410766655836895</v>
      </c>
      <c r="H4220" s="40">
        <v>70.183334000000002</v>
      </c>
      <c r="I4220" s="40">
        <v>14.52484185192907</v>
      </c>
      <c r="J4220" s="40">
        <v>70.183307976191003</v>
      </c>
      <c r="K4220" s="40">
        <v>12.285553549030734</v>
      </c>
      <c r="L4220" s="40"/>
      <c r="M4220" s="40"/>
      <c r="N4220" s="40"/>
    </row>
    <row r="4221" spans="4:14" x14ac:dyDescent="0.25">
      <c r="D4221" s="40">
        <v>70.213859000003097</v>
      </c>
      <c r="E4221" s="40">
        <v>19.849625002653067</v>
      </c>
      <c r="F4221" s="40">
        <v>70.199999999999989</v>
      </c>
      <c r="G4221" s="40">
        <v>18.410766655836895</v>
      </c>
      <c r="H4221" s="40">
        <v>70.200000000000017</v>
      </c>
      <c r="I4221" s="40">
        <v>14.528194588072502</v>
      </c>
      <c r="J4221" s="40">
        <v>70.199974636905296</v>
      </c>
      <c r="K4221" s="40">
        <v>12.285553549030734</v>
      </c>
      <c r="L4221" s="40"/>
      <c r="M4221" s="40"/>
      <c r="N4221" s="40"/>
    </row>
    <row r="4222" spans="4:14" x14ac:dyDescent="0.25">
      <c r="D4222" s="40">
        <v>70.230525000003098</v>
      </c>
      <c r="E4222" s="40">
        <v>19.849625002653067</v>
      </c>
      <c r="F4222" s="40">
        <v>70.216667000000001</v>
      </c>
      <c r="G4222" s="40">
        <v>18.410766655836895</v>
      </c>
      <c r="H4222" s="40">
        <v>70.216667000000001</v>
      </c>
      <c r="I4222" s="40">
        <v>14.531448714329263</v>
      </c>
      <c r="J4222" s="40">
        <v>70.216641297619603</v>
      </c>
      <c r="K4222" s="40">
        <v>12.285553549030734</v>
      </c>
      <c r="L4222" s="40"/>
      <c r="M4222" s="40"/>
      <c r="N4222" s="40"/>
    </row>
    <row r="4223" spans="4:14" x14ac:dyDescent="0.25">
      <c r="D4223" s="40">
        <v>70.247191000003099</v>
      </c>
      <c r="E4223" s="40">
        <v>19.849625002653067</v>
      </c>
      <c r="F4223" s="40">
        <v>70.233332999999988</v>
      </c>
      <c r="G4223" s="40">
        <v>18.415382039806794</v>
      </c>
      <c r="H4223" s="40">
        <v>70.233334000000013</v>
      </c>
      <c r="I4223" s="40">
        <v>14.531448714329263</v>
      </c>
      <c r="J4223" s="40">
        <v>70.233307958333796</v>
      </c>
      <c r="K4223" s="40">
        <v>12.280845183077673</v>
      </c>
      <c r="L4223" s="40"/>
      <c r="M4223" s="40"/>
      <c r="N4223" s="40"/>
    </row>
    <row r="4224" spans="4:14" x14ac:dyDescent="0.25">
      <c r="D4224" s="40">
        <v>70.2638570000031</v>
      </c>
      <c r="E4224" s="40">
        <v>19.854468181242488</v>
      </c>
      <c r="F4224" s="40">
        <v>70.25</v>
      </c>
      <c r="G4224" s="40">
        <v>18.420137283896892</v>
      </c>
      <c r="H4224" s="40">
        <v>70.25</v>
      </c>
      <c r="I4224" s="40">
        <v>14.53480145047252</v>
      </c>
      <c r="J4224" s="40">
        <v>70.249974619048103</v>
      </c>
      <c r="K4224" s="40">
        <v>12.280845183077673</v>
      </c>
      <c r="L4224" s="40"/>
      <c r="M4224" s="40"/>
      <c r="N4224" s="40"/>
    </row>
    <row r="4225" spans="4:14" x14ac:dyDescent="0.25">
      <c r="D4225" s="40">
        <v>70.2805230000031</v>
      </c>
      <c r="E4225" s="40">
        <v>19.854468181242488</v>
      </c>
      <c r="F4225" s="40">
        <v>70.266666999999984</v>
      </c>
      <c r="G4225" s="40">
        <v>18.420137283896892</v>
      </c>
      <c r="H4225" s="40">
        <v>70.266667000000012</v>
      </c>
      <c r="I4225" s="40">
        <v>14.538154186615778</v>
      </c>
      <c r="J4225" s="40">
        <v>70.266641279762396</v>
      </c>
      <c r="K4225" s="40">
        <v>12.280845183077673</v>
      </c>
      <c r="L4225" s="40"/>
      <c r="M4225" s="40"/>
      <c r="N4225" s="40"/>
    </row>
    <row r="4226" spans="4:14" x14ac:dyDescent="0.25">
      <c r="D4226" s="40">
        <v>70.297189000003101</v>
      </c>
      <c r="E4226" s="40">
        <v>19.854468181242488</v>
      </c>
      <c r="F4226" s="40">
        <v>70.283332999999999</v>
      </c>
      <c r="G4226" s="40">
        <v>18.424892527987112</v>
      </c>
      <c r="H4226" s="40">
        <v>70.283333999999996</v>
      </c>
      <c r="I4226" s="40">
        <v>14.541408312872541</v>
      </c>
      <c r="J4226" s="40">
        <v>70.283307940476703</v>
      </c>
      <c r="K4226" s="40">
        <v>12.285553549030734</v>
      </c>
      <c r="L4226" s="40"/>
      <c r="M4226" s="40"/>
      <c r="N4226" s="40"/>
    </row>
    <row r="4227" spans="4:14" x14ac:dyDescent="0.25">
      <c r="D4227" s="40">
        <v>70.313855000003102</v>
      </c>
      <c r="E4227" s="40">
        <v>19.854468181242488</v>
      </c>
      <c r="F4227" s="40">
        <v>70.299999999999983</v>
      </c>
      <c r="G4227" s="40">
        <v>18.424892527987112</v>
      </c>
      <c r="H4227" s="40">
        <v>70.300000000000011</v>
      </c>
      <c r="I4227" s="40">
        <v>14.544761049015799</v>
      </c>
      <c r="J4227" s="40">
        <v>70.299974601190996</v>
      </c>
      <c r="K4227" s="40">
        <v>12.285553549030734</v>
      </c>
      <c r="L4227" s="40"/>
      <c r="M4227" s="40"/>
      <c r="N4227" s="40"/>
    </row>
    <row r="4228" spans="4:14" x14ac:dyDescent="0.25">
      <c r="D4228" s="40">
        <v>70.330521000003102</v>
      </c>
      <c r="E4228" s="40">
        <v>19.859311359832038</v>
      </c>
      <c r="F4228" s="40">
        <v>70.316666999999995</v>
      </c>
      <c r="G4228" s="40">
        <v>18.424892527987112</v>
      </c>
      <c r="H4228" s="40">
        <v>70.316666999999995</v>
      </c>
      <c r="I4228" s="40">
        <v>14.544761049015799</v>
      </c>
      <c r="J4228" s="40">
        <v>70.316641261905303</v>
      </c>
      <c r="K4228" s="40">
        <v>12.285553549030734</v>
      </c>
      <c r="L4228" s="40"/>
      <c r="M4228" s="40"/>
      <c r="N4228" s="40"/>
    </row>
    <row r="4229" spans="4:14" x14ac:dyDescent="0.25">
      <c r="D4229" s="40">
        <v>70.347187000003103</v>
      </c>
      <c r="E4229" s="40">
        <v>19.859311359832038</v>
      </c>
      <c r="F4229" s="40">
        <v>70.333332999999982</v>
      </c>
      <c r="G4229" s="40">
        <v>18.42950791195701</v>
      </c>
      <c r="H4229" s="40">
        <v>70.333334000000008</v>
      </c>
      <c r="I4229" s="40">
        <v>14.548113785159231</v>
      </c>
      <c r="J4229" s="40">
        <v>70.333307922619596</v>
      </c>
      <c r="K4229" s="40">
        <v>12.285553549030734</v>
      </c>
      <c r="L4229" s="40"/>
      <c r="M4229" s="40"/>
      <c r="N4229" s="40"/>
    </row>
    <row r="4230" spans="4:14" x14ac:dyDescent="0.25">
      <c r="D4230" s="40">
        <v>70.363853000003104</v>
      </c>
      <c r="E4230" s="40">
        <v>19.859311359832038</v>
      </c>
      <c r="F4230" s="40">
        <v>70.349999999999994</v>
      </c>
      <c r="G4230" s="40">
        <v>18.42950791195701</v>
      </c>
      <c r="H4230" s="40">
        <v>70.349999999999994</v>
      </c>
      <c r="I4230" s="40">
        <v>14.551367911415994</v>
      </c>
      <c r="J4230" s="40">
        <v>70.349974583333903</v>
      </c>
      <c r="K4230" s="40">
        <v>12.285553549030734</v>
      </c>
      <c r="L4230" s="40"/>
      <c r="M4230" s="40"/>
      <c r="N4230" s="40"/>
    </row>
    <row r="4231" spans="4:14" x14ac:dyDescent="0.25">
      <c r="D4231" s="40">
        <v>70.380519000003105</v>
      </c>
      <c r="E4231" s="40">
        <v>19.859311359832038</v>
      </c>
      <c r="F4231" s="40">
        <v>70.366667000000007</v>
      </c>
      <c r="G4231" s="40">
        <v>18.42950791195701</v>
      </c>
      <c r="H4231" s="40">
        <v>70.366667000000007</v>
      </c>
      <c r="I4231" s="40">
        <v>14.55472064755925</v>
      </c>
      <c r="J4231" s="40">
        <v>70.366641244048097</v>
      </c>
      <c r="K4231" s="40">
        <v>12.285553549030734</v>
      </c>
      <c r="L4231" s="40"/>
      <c r="M4231" s="40"/>
      <c r="N4231" s="40"/>
    </row>
    <row r="4232" spans="4:14" x14ac:dyDescent="0.25">
      <c r="D4232" s="40">
        <v>70.397185000003105</v>
      </c>
      <c r="E4232" s="40">
        <v>19.864012091992464</v>
      </c>
      <c r="F4232" s="40">
        <v>70.383332999999993</v>
      </c>
      <c r="G4232" s="40">
        <v>18.434263156047106</v>
      </c>
      <c r="H4232" s="40">
        <v>70.383334000000019</v>
      </c>
      <c r="I4232" s="40">
        <v>14.55472064755925</v>
      </c>
      <c r="J4232" s="40">
        <v>70.383307904762404</v>
      </c>
      <c r="K4232" s="40">
        <v>12.285553549030734</v>
      </c>
      <c r="L4232" s="40"/>
      <c r="M4232" s="40"/>
      <c r="N4232" s="40"/>
    </row>
    <row r="4233" spans="4:14" x14ac:dyDescent="0.25">
      <c r="D4233" s="40">
        <v>70.413851000003106</v>
      </c>
      <c r="E4233" s="40">
        <v>19.864012091992464</v>
      </c>
      <c r="F4233" s="40">
        <v>70.400000000000006</v>
      </c>
      <c r="G4233" s="40">
        <v>18.434263156047106</v>
      </c>
      <c r="H4233" s="40">
        <v>70.400000000000006</v>
      </c>
      <c r="I4233" s="40">
        <v>14.558073383702508</v>
      </c>
      <c r="J4233" s="40">
        <v>70.399974565476697</v>
      </c>
      <c r="K4233" s="40">
        <v>12.285553549030734</v>
      </c>
      <c r="L4233" s="40"/>
      <c r="M4233" s="40"/>
      <c r="N4233" s="40"/>
    </row>
    <row r="4234" spans="4:14" x14ac:dyDescent="0.25">
      <c r="D4234" s="40">
        <v>70.430517000003107</v>
      </c>
      <c r="E4234" s="40">
        <v>19.868855270581886</v>
      </c>
      <c r="F4234" s="40">
        <v>70.41666699999999</v>
      </c>
      <c r="G4234" s="40">
        <v>18.434263156047106</v>
      </c>
      <c r="H4234" s="40">
        <v>70.416667000000018</v>
      </c>
      <c r="I4234" s="40">
        <v>14.561327509959272</v>
      </c>
      <c r="J4234" s="40">
        <v>70.416641226191004</v>
      </c>
      <c r="K4234" s="40">
        <v>12.285553549030734</v>
      </c>
      <c r="L4234" s="40"/>
      <c r="M4234" s="40"/>
      <c r="N4234" s="40"/>
    </row>
    <row r="4235" spans="4:14" x14ac:dyDescent="0.25">
      <c r="D4235" s="40">
        <v>70.447183000003108</v>
      </c>
      <c r="E4235" s="40">
        <v>19.868855270581886</v>
      </c>
      <c r="F4235" s="40">
        <v>70.433333000000005</v>
      </c>
      <c r="G4235" s="40">
        <v>18.434263156047106</v>
      </c>
      <c r="H4235" s="40">
        <v>70.433334000000002</v>
      </c>
      <c r="I4235" s="40">
        <v>14.561327509959272</v>
      </c>
      <c r="J4235" s="40">
        <v>70.433307886905297</v>
      </c>
      <c r="K4235" s="40">
        <v>12.285553549030734</v>
      </c>
      <c r="L4235" s="40"/>
      <c r="M4235" s="40"/>
      <c r="N4235" s="40"/>
    </row>
    <row r="4236" spans="4:14" x14ac:dyDescent="0.25">
      <c r="D4236" s="40">
        <v>70.463849000003108</v>
      </c>
      <c r="E4236" s="40">
        <v>19.868855270581886</v>
      </c>
      <c r="F4236" s="40">
        <v>70.449999999999989</v>
      </c>
      <c r="G4236" s="40">
        <v>18.439018400137325</v>
      </c>
      <c r="H4236" s="40">
        <v>70.450000000000017</v>
      </c>
      <c r="I4236" s="40">
        <v>14.564680246102704</v>
      </c>
      <c r="J4236" s="40">
        <v>70.449974547619604</v>
      </c>
      <c r="K4236" s="40">
        <v>12.280845183077673</v>
      </c>
      <c r="L4236" s="40"/>
      <c r="M4236" s="40"/>
      <c r="N4236" s="40"/>
    </row>
    <row r="4237" spans="4:14" x14ac:dyDescent="0.25">
      <c r="D4237" s="40">
        <v>70.480515000003109</v>
      </c>
      <c r="E4237" s="40">
        <v>19.873698449171435</v>
      </c>
      <c r="F4237" s="40">
        <v>70.466667000000001</v>
      </c>
      <c r="G4237" s="40">
        <v>18.439018400137325</v>
      </c>
      <c r="H4237" s="40">
        <v>70.466667000000001</v>
      </c>
      <c r="I4237" s="40">
        <v>14.568032982245962</v>
      </c>
      <c r="J4237" s="40">
        <v>70.466641208333797</v>
      </c>
      <c r="K4237" s="40">
        <v>12.285553549030734</v>
      </c>
      <c r="L4237" s="40"/>
      <c r="M4237" s="40"/>
      <c r="N4237" s="40"/>
    </row>
    <row r="4238" spans="4:14" x14ac:dyDescent="0.25">
      <c r="D4238" s="40">
        <v>70.49718100000311</v>
      </c>
      <c r="E4238" s="40">
        <v>19.873698449171435</v>
      </c>
      <c r="F4238" s="40">
        <v>70.483332999999988</v>
      </c>
      <c r="G4238" s="40">
        <v>18.439018400137325</v>
      </c>
      <c r="H4238" s="40">
        <v>70.483334000000013</v>
      </c>
      <c r="I4238" s="40">
        <v>14.571385718389219</v>
      </c>
      <c r="J4238" s="40">
        <v>70.483307869048105</v>
      </c>
      <c r="K4238" s="40">
        <v>12.285553549030734</v>
      </c>
      <c r="L4238" s="40"/>
      <c r="M4238" s="40"/>
      <c r="N4238" s="40"/>
    </row>
    <row r="4239" spans="4:14" x14ac:dyDescent="0.25">
      <c r="D4239" s="40">
        <v>70.513847000003111</v>
      </c>
      <c r="E4239" s="40">
        <v>19.878399181331861</v>
      </c>
      <c r="F4239" s="40">
        <v>70.5</v>
      </c>
      <c r="G4239" s="40">
        <v>18.443633784107224</v>
      </c>
      <c r="H4239" s="40">
        <v>70.5</v>
      </c>
      <c r="I4239" s="40">
        <v>14.571385718389219</v>
      </c>
      <c r="J4239" s="40">
        <v>70.499974529762397</v>
      </c>
      <c r="K4239" s="40">
        <v>12.280845183077673</v>
      </c>
      <c r="L4239" s="40"/>
      <c r="M4239" s="40"/>
      <c r="N4239" s="40"/>
    </row>
    <row r="4240" spans="4:14" x14ac:dyDescent="0.25">
      <c r="D4240" s="40">
        <v>70.530513000003111</v>
      </c>
      <c r="E4240" s="40">
        <v>19.878399181331861</v>
      </c>
      <c r="F4240" s="40">
        <v>70.516666999999984</v>
      </c>
      <c r="G4240" s="40">
        <v>18.443633784107224</v>
      </c>
      <c r="H4240" s="40">
        <v>70.516667000000012</v>
      </c>
      <c r="I4240" s="40">
        <v>14.574639844645981</v>
      </c>
      <c r="J4240" s="40">
        <v>70.516641190476705</v>
      </c>
      <c r="K4240" s="40">
        <v>12.280845183077673</v>
      </c>
      <c r="L4240" s="40"/>
      <c r="M4240" s="40"/>
      <c r="N4240" s="40"/>
    </row>
    <row r="4241" spans="4:14" x14ac:dyDescent="0.25">
      <c r="D4241" s="40">
        <v>70.547179000003112</v>
      </c>
      <c r="E4241" s="40">
        <v>19.878399181331861</v>
      </c>
      <c r="F4241" s="40">
        <v>70.533332999999999</v>
      </c>
      <c r="G4241" s="40">
        <v>18.443633784107224</v>
      </c>
      <c r="H4241" s="40">
        <v>70.533333999999996</v>
      </c>
      <c r="I4241" s="40">
        <v>14.577992580789237</v>
      </c>
      <c r="J4241" s="40">
        <v>70.533307851190997</v>
      </c>
      <c r="K4241" s="40">
        <v>12.280845183077673</v>
      </c>
      <c r="L4241" s="40"/>
      <c r="M4241" s="40"/>
      <c r="N4241" s="40"/>
    </row>
    <row r="4242" spans="4:14" x14ac:dyDescent="0.25">
      <c r="D4242" s="40">
        <v>70.563845000003113</v>
      </c>
      <c r="E4242" s="40">
        <v>19.878399181331861</v>
      </c>
      <c r="F4242" s="40">
        <v>70.549999999999983</v>
      </c>
      <c r="G4242" s="40">
        <v>18.448389028197443</v>
      </c>
      <c r="H4242" s="40">
        <v>70.550000000000011</v>
      </c>
      <c r="I4242" s="40">
        <v>14.577992580789237</v>
      </c>
      <c r="J4242" s="40">
        <v>70.549974511905305</v>
      </c>
      <c r="K4242" s="40">
        <v>12.285553549030734</v>
      </c>
      <c r="L4242" s="40"/>
      <c r="M4242" s="40"/>
      <c r="N4242" s="40"/>
    </row>
    <row r="4243" spans="4:14" x14ac:dyDescent="0.25">
      <c r="D4243" s="40">
        <v>70.580511000003114</v>
      </c>
      <c r="E4243" s="40">
        <v>19.878399181331861</v>
      </c>
      <c r="F4243" s="40">
        <v>70.566666999999995</v>
      </c>
      <c r="G4243" s="40">
        <v>18.448389028197443</v>
      </c>
      <c r="H4243" s="40">
        <v>70.566666999999995</v>
      </c>
      <c r="I4243" s="40">
        <v>14.581345316932669</v>
      </c>
      <c r="J4243" s="40">
        <v>70.566641172619597</v>
      </c>
      <c r="K4243" s="40">
        <v>12.285553549030734</v>
      </c>
      <c r="L4243" s="40"/>
      <c r="M4243" s="40"/>
      <c r="N4243" s="40"/>
    </row>
    <row r="4244" spans="4:14" x14ac:dyDescent="0.25">
      <c r="D4244" s="40">
        <v>70.597177000003114</v>
      </c>
      <c r="E4244" s="40">
        <v>19.883242359921407</v>
      </c>
      <c r="F4244" s="40">
        <v>70.583332999999982</v>
      </c>
      <c r="G4244" s="40">
        <v>18.453144272287538</v>
      </c>
      <c r="H4244" s="40">
        <v>70.583334000000008</v>
      </c>
      <c r="I4244" s="40">
        <v>14.584599443189433</v>
      </c>
      <c r="J4244" s="40">
        <v>70.583307833333905</v>
      </c>
      <c r="K4244" s="40">
        <v>12.285553549030734</v>
      </c>
      <c r="L4244" s="40"/>
      <c r="M4244" s="40"/>
      <c r="N4244" s="40"/>
    </row>
    <row r="4245" spans="4:14" x14ac:dyDescent="0.25">
      <c r="D4245" s="40">
        <v>70.613843000003115</v>
      </c>
      <c r="E4245" s="40">
        <v>19.883242359921407</v>
      </c>
      <c r="F4245" s="40">
        <v>70.599999999999994</v>
      </c>
      <c r="G4245" s="40">
        <v>18.453144272287538</v>
      </c>
      <c r="H4245" s="40">
        <v>70.599999999999994</v>
      </c>
      <c r="I4245" s="40">
        <v>14.584599443189433</v>
      </c>
      <c r="J4245" s="40">
        <v>70.599974494048098</v>
      </c>
      <c r="K4245" s="40">
        <v>12.285553549030734</v>
      </c>
      <c r="L4245" s="40"/>
      <c r="M4245" s="40"/>
      <c r="N4245" s="40"/>
    </row>
    <row r="4246" spans="4:14" x14ac:dyDescent="0.25">
      <c r="D4246" s="40">
        <v>70.630509000003116</v>
      </c>
      <c r="E4246" s="40">
        <v>19.883242359921407</v>
      </c>
      <c r="F4246" s="40">
        <v>70.616667000000007</v>
      </c>
      <c r="G4246" s="40">
        <v>18.453144272287538</v>
      </c>
      <c r="H4246" s="40">
        <v>70.616667000000007</v>
      </c>
      <c r="I4246" s="40">
        <v>14.587952179332691</v>
      </c>
      <c r="J4246" s="40">
        <v>70.616641154762405</v>
      </c>
      <c r="K4246" s="40">
        <v>12.29040459273984</v>
      </c>
      <c r="L4246" s="40"/>
      <c r="M4246" s="40"/>
      <c r="N4246" s="40"/>
    </row>
    <row r="4247" spans="4:14" x14ac:dyDescent="0.25">
      <c r="D4247" s="40">
        <v>70.647175000003116</v>
      </c>
      <c r="E4247" s="40">
        <v>19.883242359921407</v>
      </c>
      <c r="F4247" s="40">
        <v>70.633332999999993</v>
      </c>
      <c r="G4247" s="40">
        <v>18.457899516377761</v>
      </c>
      <c r="H4247" s="40">
        <v>70.633334000000019</v>
      </c>
      <c r="I4247" s="40">
        <v>14.591304915475948</v>
      </c>
      <c r="J4247" s="40">
        <v>70.633307815476698</v>
      </c>
      <c r="K4247" s="40">
        <v>12.29040459273984</v>
      </c>
      <c r="L4247" s="40"/>
      <c r="M4247" s="40"/>
      <c r="N4247" s="40"/>
    </row>
    <row r="4248" spans="4:14" x14ac:dyDescent="0.25">
      <c r="D4248" s="40">
        <v>70.663841000003117</v>
      </c>
      <c r="E4248" s="40">
        <v>19.883242359921407</v>
      </c>
      <c r="F4248" s="40">
        <v>70.650000000000006</v>
      </c>
      <c r="G4248" s="40">
        <v>18.457899516377761</v>
      </c>
      <c r="H4248" s="40">
        <v>70.650000000000006</v>
      </c>
      <c r="I4248" s="40">
        <v>14.591304915475948</v>
      </c>
      <c r="J4248" s="40">
        <v>70.649974476191005</v>
      </c>
      <c r="K4248" s="40">
        <v>12.29040459273984</v>
      </c>
      <c r="L4248" s="40"/>
      <c r="M4248" s="40"/>
      <c r="N4248" s="40"/>
    </row>
    <row r="4249" spans="4:14" x14ac:dyDescent="0.25">
      <c r="D4249" s="40">
        <v>70.680507000003118</v>
      </c>
      <c r="E4249" s="40">
        <v>19.883242359921407</v>
      </c>
      <c r="F4249" s="40">
        <v>70.66666699999999</v>
      </c>
      <c r="G4249" s="40">
        <v>18.462514900347657</v>
      </c>
      <c r="H4249" s="40">
        <v>70.666667000000018</v>
      </c>
      <c r="I4249" s="40">
        <v>14.594559041732712</v>
      </c>
      <c r="J4249" s="40">
        <v>70.666641136905298</v>
      </c>
      <c r="K4249" s="40">
        <v>12.29040459273984</v>
      </c>
      <c r="L4249" s="40"/>
      <c r="M4249" s="40"/>
      <c r="N4249" s="40"/>
    </row>
    <row r="4250" spans="4:14" x14ac:dyDescent="0.25">
      <c r="D4250" s="40">
        <v>70.697173000003119</v>
      </c>
      <c r="E4250" s="40">
        <v>19.883242359921407</v>
      </c>
      <c r="F4250" s="40">
        <v>70.683333000000005</v>
      </c>
      <c r="G4250" s="40">
        <v>18.467270144437755</v>
      </c>
      <c r="H4250" s="40">
        <v>70.683334000000002</v>
      </c>
      <c r="I4250" s="40">
        <v>14.594559041732712</v>
      </c>
      <c r="J4250" s="40">
        <v>70.683307797619605</v>
      </c>
      <c r="K4250" s="40">
        <v>12.29040459273984</v>
      </c>
      <c r="L4250" s="40"/>
      <c r="M4250" s="40"/>
      <c r="N4250" s="40"/>
    </row>
    <row r="4251" spans="4:14" x14ac:dyDescent="0.25">
      <c r="D4251" s="40">
        <v>70.713839000003119</v>
      </c>
      <c r="E4251" s="40">
        <v>19.883242359921407</v>
      </c>
      <c r="F4251" s="40">
        <v>70.699999999999989</v>
      </c>
      <c r="G4251" s="40">
        <v>18.467270144437755</v>
      </c>
      <c r="H4251" s="40">
        <v>70.700000000000017</v>
      </c>
      <c r="I4251" s="40">
        <v>14.597911777876144</v>
      </c>
      <c r="J4251" s="40">
        <v>70.699974458333799</v>
      </c>
      <c r="K4251" s="40">
        <v>12.29040459273984</v>
      </c>
      <c r="L4251" s="40"/>
      <c r="M4251" s="40"/>
      <c r="N4251" s="40"/>
    </row>
    <row r="4252" spans="4:14" x14ac:dyDescent="0.25">
      <c r="D4252" s="40">
        <v>70.73050500000312</v>
      </c>
      <c r="E4252" s="40">
        <v>19.883242359921407</v>
      </c>
      <c r="F4252" s="40">
        <v>70.716667000000001</v>
      </c>
      <c r="G4252" s="40">
        <v>18.472025388527975</v>
      </c>
      <c r="H4252" s="40">
        <v>70.716667000000001</v>
      </c>
      <c r="I4252" s="40">
        <v>14.601264514019402</v>
      </c>
      <c r="J4252" s="40">
        <v>70.716641119048106</v>
      </c>
      <c r="K4252" s="40">
        <v>12.29040459273984</v>
      </c>
      <c r="L4252" s="40"/>
      <c r="M4252" s="40"/>
      <c r="N4252" s="40"/>
    </row>
    <row r="4253" spans="4:14" x14ac:dyDescent="0.25">
      <c r="D4253" s="40">
        <v>70.747171000003121</v>
      </c>
      <c r="E4253" s="40">
        <v>19.883242359921407</v>
      </c>
      <c r="F4253" s="40">
        <v>70.733332999999988</v>
      </c>
      <c r="G4253" s="40">
        <v>18.472025388527975</v>
      </c>
      <c r="H4253" s="40">
        <v>70.733334000000013</v>
      </c>
      <c r="I4253" s="40">
        <v>14.604518640276163</v>
      </c>
      <c r="J4253" s="40">
        <v>70.733307779762399</v>
      </c>
      <c r="K4253" s="40">
        <v>12.29040459273984</v>
      </c>
      <c r="L4253" s="40"/>
      <c r="M4253" s="40"/>
      <c r="N4253" s="40"/>
    </row>
    <row r="4254" spans="4:14" x14ac:dyDescent="0.25">
      <c r="D4254" s="40">
        <v>70.763837000003122</v>
      </c>
      <c r="E4254" s="40">
        <v>19.888085538510829</v>
      </c>
      <c r="F4254" s="40">
        <v>70.75</v>
      </c>
      <c r="G4254" s="40">
        <v>18.476640772497873</v>
      </c>
      <c r="H4254" s="40">
        <v>70.75</v>
      </c>
      <c r="I4254" s="40">
        <v>14.607871376419421</v>
      </c>
      <c r="J4254" s="40">
        <v>70.749974440476706</v>
      </c>
      <c r="K4254" s="40">
        <v>12.29040459273984</v>
      </c>
      <c r="L4254" s="40"/>
      <c r="M4254" s="40"/>
      <c r="N4254" s="40"/>
    </row>
    <row r="4255" spans="4:14" x14ac:dyDescent="0.25">
      <c r="D4255" s="40">
        <v>70.780503000003122</v>
      </c>
      <c r="E4255" s="40">
        <v>19.888085538510829</v>
      </c>
      <c r="F4255" s="40">
        <v>70.766666999999984</v>
      </c>
      <c r="G4255" s="40">
        <v>18.481396016587968</v>
      </c>
      <c r="H4255" s="40">
        <v>70.766667000000012</v>
      </c>
      <c r="I4255" s="40">
        <v>14.607871376419421</v>
      </c>
      <c r="J4255" s="40">
        <v>70.766641101190999</v>
      </c>
      <c r="K4255" s="40">
        <v>12.29040459273984</v>
      </c>
      <c r="L4255" s="40"/>
      <c r="M4255" s="40"/>
      <c r="N4255" s="40"/>
    </row>
    <row r="4256" spans="4:14" x14ac:dyDescent="0.25">
      <c r="D4256" s="40">
        <v>70.797169000003123</v>
      </c>
      <c r="E4256" s="40">
        <v>19.888085538510829</v>
      </c>
      <c r="F4256" s="40">
        <v>70.783332999999999</v>
      </c>
      <c r="G4256" s="40">
        <v>18.481396016587968</v>
      </c>
      <c r="H4256" s="40">
        <v>70.783333999999996</v>
      </c>
      <c r="I4256" s="40">
        <v>14.611224112562679</v>
      </c>
      <c r="J4256" s="40">
        <v>70.783307761905306</v>
      </c>
      <c r="K4256" s="40">
        <v>12.29040459273984</v>
      </c>
      <c r="L4256" s="40"/>
      <c r="M4256" s="40"/>
      <c r="N4256" s="40"/>
    </row>
    <row r="4257" spans="4:14" x14ac:dyDescent="0.25">
      <c r="D4257" s="40">
        <v>70.813835000003124</v>
      </c>
      <c r="E4257" s="40">
        <v>19.888085538510829</v>
      </c>
      <c r="F4257" s="40">
        <v>70.799999999999983</v>
      </c>
      <c r="G4257" s="40">
        <v>18.481396016587968</v>
      </c>
      <c r="H4257" s="40">
        <v>70.800000000000011</v>
      </c>
      <c r="I4257" s="40">
        <v>14.614478238819443</v>
      </c>
      <c r="J4257" s="40">
        <v>70.799974422619599</v>
      </c>
      <c r="K4257" s="40">
        <v>12.29040459273984</v>
      </c>
      <c r="L4257" s="40"/>
      <c r="M4257" s="40"/>
      <c r="N4257" s="40"/>
    </row>
    <row r="4258" spans="4:14" x14ac:dyDescent="0.25">
      <c r="D4258" s="40">
        <v>70.830501000003125</v>
      </c>
      <c r="E4258" s="40">
        <v>19.888085538510829</v>
      </c>
      <c r="F4258" s="40">
        <v>70.816666999999995</v>
      </c>
      <c r="G4258" s="40">
        <v>18.486151260678188</v>
      </c>
      <c r="H4258" s="40">
        <v>70.816666999999995</v>
      </c>
      <c r="I4258" s="40">
        <v>14.614478238819443</v>
      </c>
      <c r="J4258" s="40">
        <v>70.816641083333906</v>
      </c>
      <c r="K4258" s="40">
        <v>12.29040459273984</v>
      </c>
      <c r="L4258" s="40"/>
      <c r="M4258" s="40"/>
      <c r="N4258" s="40"/>
    </row>
    <row r="4259" spans="4:14" x14ac:dyDescent="0.25">
      <c r="D4259" s="40">
        <v>70.847167000003125</v>
      </c>
      <c r="E4259" s="40">
        <v>19.888085538510829</v>
      </c>
      <c r="F4259" s="40">
        <v>70.833332999999982</v>
      </c>
      <c r="G4259" s="40">
        <v>18.490766644648087</v>
      </c>
      <c r="H4259" s="40">
        <v>70.833334000000008</v>
      </c>
      <c r="I4259" s="40">
        <v>14.617830974962873</v>
      </c>
      <c r="J4259" s="40">
        <v>70.833307744048199</v>
      </c>
      <c r="K4259" s="40">
        <v>12.29040459273984</v>
      </c>
      <c r="L4259" s="40"/>
      <c r="M4259" s="40"/>
      <c r="N4259" s="40"/>
    </row>
    <row r="4260" spans="4:14" x14ac:dyDescent="0.25">
      <c r="D4260" s="40">
        <v>70.863833000003126</v>
      </c>
      <c r="E4260" s="40">
        <v>19.888085538510829</v>
      </c>
      <c r="F4260" s="40">
        <v>70.849999999999994</v>
      </c>
      <c r="G4260" s="40">
        <v>18.490766644648087</v>
      </c>
      <c r="H4260" s="40">
        <v>70.849999999999994</v>
      </c>
      <c r="I4260" s="40">
        <v>14.621183711106131</v>
      </c>
      <c r="J4260" s="40">
        <v>70.849974404762406</v>
      </c>
      <c r="K4260" s="40">
        <v>12.29040459273984</v>
      </c>
      <c r="L4260" s="40"/>
      <c r="M4260" s="40"/>
      <c r="N4260" s="40"/>
    </row>
    <row r="4261" spans="4:14" x14ac:dyDescent="0.25">
      <c r="D4261" s="40">
        <v>70.880499000003127</v>
      </c>
      <c r="E4261" s="40">
        <v>19.888085538510829</v>
      </c>
      <c r="F4261" s="40">
        <v>70.866667000000007</v>
      </c>
      <c r="G4261" s="40">
        <v>18.495521888738306</v>
      </c>
      <c r="H4261" s="40">
        <v>70.866667000000007</v>
      </c>
      <c r="I4261" s="40">
        <v>14.624437837362892</v>
      </c>
      <c r="J4261" s="40">
        <v>70.866641065476699</v>
      </c>
      <c r="K4261" s="40">
        <v>12.29040459273984</v>
      </c>
      <c r="L4261" s="40"/>
      <c r="M4261" s="40"/>
      <c r="N4261" s="40"/>
    </row>
    <row r="4262" spans="4:14" x14ac:dyDescent="0.25">
      <c r="D4262" s="40">
        <v>70.897165000003127</v>
      </c>
      <c r="E4262" s="40">
        <v>19.888085538510829</v>
      </c>
      <c r="F4262" s="40">
        <v>70.883332999999993</v>
      </c>
      <c r="G4262" s="40">
        <v>18.495521888738306</v>
      </c>
      <c r="H4262" s="40">
        <v>70.883334000000019</v>
      </c>
      <c r="I4262" s="40">
        <v>14.624437837362892</v>
      </c>
      <c r="J4262" s="40">
        <v>70.883307726191006</v>
      </c>
      <c r="K4262" s="40">
        <v>12.29040459273984</v>
      </c>
      <c r="L4262" s="40"/>
      <c r="M4262" s="40"/>
      <c r="N4262" s="40"/>
    </row>
    <row r="4263" spans="4:14" x14ac:dyDescent="0.25">
      <c r="D4263" s="40">
        <v>70.913831000003128</v>
      </c>
      <c r="E4263" s="40">
        <v>19.888085538510829</v>
      </c>
      <c r="F4263" s="40">
        <v>70.900000000000006</v>
      </c>
      <c r="G4263" s="40">
        <v>18.495521888738306</v>
      </c>
      <c r="H4263" s="40">
        <v>70.900000000000006</v>
      </c>
      <c r="I4263" s="40">
        <v>14.62779057350615</v>
      </c>
      <c r="J4263" s="40">
        <v>70.899974386905299</v>
      </c>
      <c r="K4263" s="40">
        <v>12.29040459273984</v>
      </c>
      <c r="L4263" s="40"/>
      <c r="M4263" s="40"/>
      <c r="N4263" s="40"/>
    </row>
    <row r="4264" spans="4:14" x14ac:dyDescent="0.25">
      <c r="D4264" s="40">
        <v>70.930497000003129</v>
      </c>
      <c r="E4264" s="40">
        <v>19.888085538510829</v>
      </c>
      <c r="F4264" s="40">
        <v>70.91666699999999</v>
      </c>
      <c r="G4264" s="40">
        <v>18.500277132828405</v>
      </c>
      <c r="H4264" s="40">
        <v>70.916667000000018</v>
      </c>
      <c r="I4264" s="40">
        <v>14.631143309649582</v>
      </c>
      <c r="J4264" s="40">
        <v>70.916641047619606</v>
      </c>
      <c r="K4264" s="40">
        <v>12.29040459273984</v>
      </c>
      <c r="L4264" s="40"/>
      <c r="M4264" s="40"/>
      <c r="N4264" s="40"/>
    </row>
    <row r="4265" spans="4:14" x14ac:dyDescent="0.25">
      <c r="D4265" s="40">
        <v>70.94716300000313</v>
      </c>
      <c r="E4265" s="40">
        <v>19.888085538510829</v>
      </c>
      <c r="F4265" s="40">
        <v>70.933333000000005</v>
      </c>
      <c r="G4265" s="40">
        <v>18.500277132828405</v>
      </c>
      <c r="H4265" s="40">
        <v>70.933334000000002</v>
      </c>
      <c r="I4265" s="40">
        <v>14.631143309649582</v>
      </c>
      <c r="J4265" s="40">
        <v>70.933307708333899</v>
      </c>
      <c r="K4265" s="40">
        <v>12.29040459273984</v>
      </c>
      <c r="L4265" s="40"/>
      <c r="M4265" s="40"/>
      <c r="N4265" s="40"/>
    </row>
    <row r="4266" spans="4:14" x14ac:dyDescent="0.25">
      <c r="D4266" s="40">
        <v>70.96382900000313</v>
      </c>
      <c r="E4266" s="40">
        <v>19.892786270671255</v>
      </c>
      <c r="F4266" s="40">
        <v>70.949999999999989</v>
      </c>
      <c r="G4266" s="40">
        <v>18.504892516798304</v>
      </c>
      <c r="H4266" s="40">
        <v>70.950000000000017</v>
      </c>
      <c r="I4266" s="40">
        <v>14.634397435906171</v>
      </c>
      <c r="J4266" s="40">
        <v>70.949974369048107</v>
      </c>
      <c r="K4266" s="40">
        <v>12.29040459273984</v>
      </c>
      <c r="L4266" s="40"/>
      <c r="M4266" s="40"/>
      <c r="N4266" s="40"/>
    </row>
    <row r="4267" spans="4:14" x14ac:dyDescent="0.25">
      <c r="D4267" s="40">
        <v>70.980495000003131</v>
      </c>
      <c r="E4267" s="40">
        <v>19.892786270671255</v>
      </c>
      <c r="F4267" s="40">
        <v>70.966667000000001</v>
      </c>
      <c r="G4267" s="40">
        <v>18.504892516798304</v>
      </c>
      <c r="H4267" s="40">
        <v>70.966667000000001</v>
      </c>
      <c r="I4267" s="40">
        <v>14.637750172049603</v>
      </c>
      <c r="J4267" s="40">
        <v>70.9666410297624</v>
      </c>
      <c r="K4267" s="40">
        <v>12.29040459273984</v>
      </c>
      <c r="L4267" s="40"/>
      <c r="M4267" s="40"/>
      <c r="N4267" s="40"/>
    </row>
    <row r="4268" spans="4:14" x14ac:dyDescent="0.25">
      <c r="D4268" s="40">
        <v>70.997161000003132</v>
      </c>
      <c r="E4268" s="40">
        <v>19.892786270671255</v>
      </c>
      <c r="F4268" s="40">
        <v>70.983332999999988</v>
      </c>
      <c r="G4268" s="40">
        <v>18.509647760888523</v>
      </c>
      <c r="H4268" s="40">
        <v>70.983334000000013</v>
      </c>
      <c r="I4268" s="40">
        <v>14.641102908192861</v>
      </c>
      <c r="J4268" s="40">
        <v>70.983307690476707</v>
      </c>
      <c r="K4268" s="40">
        <v>12.29040459273984</v>
      </c>
      <c r="L4268" s="40"/>
      <c r="M4268" s="40"/>
      <c r="N4268" s="40"/>
    </row>
    <row r="4269" spans="4:14" x14ac:dyDescent="0.25">
      <c r="D4269" s="40">
        <v>71.013827000003133</v>
      </c>
      <c r="E4269" s="40">
        <v>19.892786270671255</v>
      </c>
      <c r="F4269" s="40">
        <v>71</v>
      </c>
      <c r="G4269" s="40">
        <v>18.509647760888523</v>
      </c>
      <c r="H4269" s="40">
        <v>71</v>
      </c>
      <c r="I4269" s="40">
        <v>14.644357034449625</v>
      </c>
      <c r="J4269" s="40">
        <v>70.999974351191</v>
      </c>
      <c r="K4269" s="40">
        <v>12.29040459273984</v>
      </c>
      <c r="L4269" s="40"/>
      <c r="M4269" s="40"/>
      <c r="N4269" s="40"/>
    </row>
    <row r="4270" spans="4:14" x14ac:dyDescent="0.25">
      <c r="D4270" s="40">
        <v>71.030493000003133</v>
      </c>
      <c r="E4270" s="40">
        <v>19.897629449260801</v>
      </c>
      <c r="F4270" s="40">
        <v>71.016666999999984</v>
      </c>
      <c r="G4270" s="40">
        <v>18.514403004978618</v>
      </c>
      <c r="H4270" s="40">
        <v>71.016667000000012</v>
      </c>
      <c r="I4270" s="40">
        <v>14.644357034449625</v>
      </c>
      <c r="J4270" s="40">
        <v>71.016641011905307</v>
      </c>
      <c r="K4270" s="40">
        <v>12.29040459273984</v>
      </c>
      <c r="L4270" s="40"/>
      <c r="M4270" s="40"/>
      <c r="N4270" s="40"/>
    </row>
    <row r="4271" spans="4:14" x14ac:dyDescent="0.25">
      <c r="D4271" s="40">
        <v>71.047159000003134</v>
      </c>
      <c r="E4271" s="40">
        <v>19.897629449260801</v>
      </c>
      <c r="F4271" s="40">
        <v>71.033332999999999</v>
      </c>
      <c r="G4271" s="40">
        <v>18.514403004978618</v>
      </c>
      <c r="H4271" s="40">
        <v>71.033333999999996</v>
      </c>
      <c r="I4271" s="40">
        <v>14.647709770592881</v>
      </c>
      <c r="J4271" s="40">
        <v>71.0333076726196</v>
      </c>
      <c r="K4271" s="40">
        <v>12.29040459273984</v>
      </c>
      <c r="L4271" s="40"/>
      <c r="M4271" s="40"/>
      <c r="N4271" s="40"/>
    </row>
    <row r="4272" spans="4:14" x14ac:dyDescent="0.25">
      <c r="D4272" s="40">
        <v>71.063825000003135</v>
      </c>
      <c r="E4272" s="40">
        <v>19.902472627850223</v>
      </c>
      <c r="F4272" s="40">
        <v>71.049999999999983</v>
      </c>
      <c r="G4272" s="40">
        <v>18.514403004978618</v>
      </c>
      <c r="H4272" s="40">
        <v>71.050000000000011</v>
      </c>
      <c r="I4272" s="40">
        <v>14.651062506736313</v>
      </c>
      <c r="J4272" s="40">
        <v>71.049974333333907</v>
      </c>
      <c r="K4272" s="40">
        <v>12.29040459273984</v>
      </c>
      <c r="L4272" s="40"/>
      <c r="M4272" s="40"/>
      <c r="N4272" s="40"/>
    </row>
    <row r="4273" spans="4:14" x14ac:dyDescent="0.25">
      <c r="D4273" s="40">
        <v>71.080491000003136</v>
      </c>
      <c r="E4273" s="40">
        <v>19.902472627850223</v>
      </c>
      <c r="F4273" s="40">
        <v>71.066666999999995</v>
      </c>
      <c r="G4273" s="40">
        <v>18.519018388948517</v>
      </c>
      <c r="H4273" s="40">
        <v>71.066666999999995</v>
      </c>
      <c r="I4273" s="40">
        <v>14.651062506736313</v>
      </c>
      <c r="J4273" s="40">
        <v>71.0666409940482</v>
      </c>
      <c r="K4273" s="40">
        <v>12.29040459273984</v>
      </c>
      <c r="L4273" s="40"/>
      <c r="M4273" s="40"/>
      <c r="N4273" s="40"/>
    </row>
    <row r="4274" spans="4:14" x14ac:dyDescent="0.25">
      <c r="D4274" s="40">
        <v>71.097157000003136</v>
      </c>
      <c r="E4274" s="40">
        <v>19.902472627850223</v>
      </c>
      <c r="F4274" s="40">
        <v>71.083332999999982</v>
      </c>
      <c r="G4274" s="40">
        <v>18.519018388948517</v>
      </c>
      <c r="H4274" s="40">
        <v>71.083334000000008</v>
      </c>
      <c r="I4274" s="40">
        <v>14.654316632993076</v>
      </c>
      <c r="J4274" s="40">
        <v>71.083307654762393</v>
      </c>
      <c r="K4274" s="40">
        <v>12.29040459273984</v>
      </c>
      <c r="L4274" s="40"/>
      <c r="M4274" s="40"/>
      <c r="N4274" s="40"/>
    </row>
    <row r="4275" spans="4:14" x14ac:dyDescent="0.25">
      <c r="D4275" s="40">
        <v>71.113823000003137</v>
      </c>
      <c r="E4275" s="40">
        <v>19.902472627850223</v>
      </c>
      <c r="F4275" s="40">
        <v>71.099999999999994</v>
      </c>
      <c r="G4275" s="40">
        <v>18.519018388948517</v>
      </c>
      <c r="H4275" s="40">
        <v>71.099999999999994</v>
      </c>
      <c r="I4275" s="40">
        <v>14.657669369136334</v>
      </c>
      <c r="J4275" s="40">
        <v>71.0999743154767</v>
      </c>
      <c r="K4275" s="40">
        <v>12.29040459273984</v>
      </c>
      <c r="L4275" s="40"/>
      <c r="M4275" s="40"/>
      <c r="N4275" s="40"/>
    </row>
    <row r="4276" spans="4:14" x14ac:dyDescent="0.25">
      <c r="D4276" s="40">
        <v>71.130489000003138</v>
      </c>
      <c r="E4276" s="40">
        <v>19.902472627850223</v>
      </c>
      <c r="F4276" s="40">
        <v>71.116667000000007</v>
      </c>
      <c r="G4276" s="40">
        <v>18.519018388948517</v>
      </c>
      <c r="H4276" s="40">
        <v>71.116667000000007</v>
      </c>
      <c r="I4276" s="40">
        <v>14.657669369136334</v>
      </c>
      <c r="J4276" s="40">
        <v>71.116640976190993</v>
      </c>
      <c r="K4276" s="40">
        <v>12.295255636449072</v>
      </c>
      <c r="L4276" s="40"/>
      <c r="M4276" s="40"/>
      <c r="N4276" s="40"/>
    </row>
    <row r="4277" spans="4:14" x14ac:dyDescent="0.25">
      <c r="D4277" s="40">
        <v>71.147155000003139</v>
      </c>
      <c r="E4277" s="40">
        <v>19.907173360010649</v>
      </c>
      <c r="F4277" s="40">
        <v>71.133332999999993</v>
      </c>
      <c r="G4277" s="40">
        <v>18.523773633038736</v>
      </c>
      <c r="H4277" s="40">
        <v>71.133334000000019</v>
      </c>
      <c r="I4277" s="40">
        <v>14.66102210527959</v>
      </c>
      <c r="J4277" s="40">
        <v>71.1333076369053</v>
      </c>
      <c r="K4277" s="40">
        <v>12.295255636449072</v>
      </c>
      <c r="L4277" s="40"/>
      <c r="M4277" s="40"/>
      <c r="N4277" s="40"/>
    </row>
    <row r="4278" spans="4:14" x14ac:dyDescent="0.25">
      <c r="D4278" s="40">
        <v>71.163821000003139</v>
      </c>
      <c r="E4278" s="40">
        <v>19.907173360010649</v>
      </c>
      <c r="F4278" s="40">
        <v>71.150000000000006</v>
      </c>
      <c r="G4278" s="40">
        <v>18.523773633038736</v>
      </c>
      <c r="H4278" s="40">
        <v>71.150000000000006</v>
      </c>
      <c r="I4278" s="40">
        <v>14.66102210527959</v>
      </c>
      <c r="J4278" s="40">
        <v>71.149974297619593</v>
      </c>
      <c r="K4278" s="40">
        <v>12.295255636449072</v>
      </c>
      <c r="L4278" s="40"/>
      <c r="M4278" s="40"/>
      <c r="N4278" s="40"/>
    </row>
    <row r="4279" spans="4:14" x14ac:dyDescent="0.25">
      <c r="D4279" s="40">
        <v>71.18048700000314</v>
      </c>
      <c r="E4279" s="40">
        <v>19.907173360010649</v>
      </c>
      <c r="F4279" s="40">
        <v>71.16666699999999</v>
      </c>
      <c r="G4279" s="40">
        <v>18.528528877128831</v>
      </c>
      <c r="H4279" s="40">
        <v>71.166667000000018</v>
      </c>
      <c r="I4279" s="40">
        <v>14.664276231536354</v>
      </c>
      <c r="J4279" s="40">
        <v>71.1666409583339</v>
      </c>
      <c r="K4279" s="40">
        <v>12.295255636449072</v>
      </c>
      <c r="L4279" s="40"/>
      <c r="M4279" s="40"/>
      <c r="N4279" s="40"/>
    </row>
    <row r="4280" spans="4:14" x14ac:dyDescent="0.25">
      <c r="D4280" s="40">
        <v>71.197153000003141</v>
      </c>
      <c r="E4280" s="40">
        <v>19.907173360010649</v>
      </c>
      <c r="F4280" s="40">
        <v>71.183333000000005</v>
      </c>
      <c r="G4280" s="40">
        <v>18.53314426109873</v>
      </c>
      <c r="H4280" s="40">
        <v>71.183334000000002</v>
      </c>
      <c r="I4280" s="40">
        <v>14.66762896767961</v>
      </c>
      <c r="J4280" s="40">
        <v>71.183307619048094</v>
      </c>
      <c r="K4280" s="40">
        <v>12.295255636449072</v>
      </c>
      <c r="L4280" s="40"/>
      <c r="M4280" s="40"/>
      <c r="N4280" s="40"/>
    </row>
    <row r="4281" spans="4:14" x14ac:dyDescent="0.25">
      <c r="D4281" s="40">
        <v>71.213819000003141</v>
      </c>
      <c r="E4281" s="40">
        <v>19.907173360010649</v>
      </c>
      <c r="F4281" s="40">
        <v>71.199999999999989</v>
      </c>
      <c r="G4281" s="40">
        <v>18.53789950518895</v>
      </c>
      <c r="H4281" s="40">
        <v>71.200000000000017</v>
      </c>
      <c r="I4281" s="40">
        <v>14.66762896767961</v>
      </c>
      <c r="J4281" s="40">
        <v>71.199974279762401</v>
      </c>
      <c r="K4281" s="40">
        <v>12.299964002402133</v>
      </c>
      <c r="L4281" s="40"/>
      <c r="M4281" s="40"/>
      <c r="N4281" s="40"/>
    </row>
    <row r="4282" spans="4:14" x14ac:dyDescent="0.25">
      <c r="D4282" s="40">
        <v>71.230485000003142</v>
      </c>
      <c r="E4282" s="40">
        <v>19.907173360010649</v>
      </c>
      <c r="F4282" s="40">
        <v>71.216667000000001</v>
      </c>
      <c r="G4282" s="40">
        <v>18.542654749279169</v>
      </c>
      <c r="H4282" s="40">
        <v>71.216667000000001</v>
      </c>
      <c r="I4282" s="40">
        <v>14.670981703823044</v>
      </c>
      <c r="J4282" s="40">
        <v>71.216640940476694</v>
      </c>
      <c r="K4282" s="40">
        <v>12.299964002402133</v>
      </c>
      <c r="L4282" s="40"/>
      <c r="M4282" s="40"/>
      <c r="N4282" s="40"/>
    </row>
    <row r="4283" spans="4:14" x14ac:dyDescent="0.25">
      <c r="D4283" s="40">
        <v>71.247151000003143</v>
      </c>
      <c r="E4283" s="40">
        <v>19.907173360010649</v>
      </c>
      <c r="F4283" s="40">
        <v>71.233332999999988</v>
      </c>
      <c r="G4283" s="40">
        <v>18.542654749279169</v>
      </c>
      <c r="H4283" s="40">
        <v>71.233334000000013</v>
      </c>
      <c r="I4283" s="40">
        <v>14.674235830079805</v>
      </c>
      <c r="J4283" s="40">
        <v>71.233307601191001</v>
      </c>
      <c r="K4283" s="40">
        <v>12.299964002402133</v>
      </c>
      <c r="L4283" s="40"/>
      <c r="M4283" s="40"/>
      <c r="N4283" s="40"/>
    </row>
    <row r="4284" spans="4:14" x14ac:dyDescent="0.25">
      <c r="D4284" s="40">
        <v>71.263817000003144</v>
      </c>
      <c r="E4284" s="40">
        <v>19.907173360010649</v>
      </c>
      <c r="F4284" s="40">
        <v>71.25</v>
      </c>
      <c r="G4284" s="40">
        <v>18.542654749279169</v>
      </c>
      <c r="H4284" s="40">
        <v>71.25</v>
      </c>
      <c r="I4284" s="40">
        <v>14.677588566223063</v>
      </c>
      <c r="J4284" s="40">
        <v>71.249974261905294</v>
      </c>
      <c r="K4284" s="40">
        <v>12.304815046111363</v>
      </c>
      <c r="L4284" s="40"/>
      <c r="M4284" s="40"/>
      <c r="N4284" s="40"/>
    </row>
    <row r="4285" spans="4:14" x14ac:dyDescent="0.25">
      <c r="D4285" s="40">
        <v>71.280483000003144</v>
      </c>
      <c r="E4285" s="40">
        <v>19.907173360010649</v>
      </c>
      <c r="F4285" s="40">
        <v>71.266666999999984</v>
      </c>
      <c r="G4285" s="40">
        <v>18.547270133248947</v>
      </c>
      <c r="H4285" s="40">
        <v>71.266667000000012</v>
      </c>
      <c r="I4285" s="40">
        <v>14.677588566223063</v>
      </c>
      <c r="J4285" s="40">
        <v>71.266640922619601</v>
      </c>
      <c r="K4285" s="40">
        <v>12.304815046111363</v>
      </c>
      <c r="L4285" s="40"/>
      <c r="M4285" s="40"/>
      <c r="N4285" s="40"/>
    </row>
    <row r="4286" spans="4:14" x14ac:dyDescent="0.25">
      <c r="D4286" s="40">
        <v>71.297149000003145</v>
      </c>
      <c r="E4286" s="40">
        <v>19.907173360010649</v>
      </c>
      <c r="F4286" s="40">
        <v>71.283332999999999</v>
      </c>
      <c r="G4286" s="40">
        <v>18.552025377339167</v>
      </c>
      <c r="H4286" s="40">
        <v>71.283333999999996</v>
      </c>
      <c r="I4286" s="40">
        <v>14.680941302366321</v>
      </c>
      <c r="J4286" s="40">
        <v>71.283307583333894</v>
      </c>
      <c r="K4286" s="40">
        <v>12.304815046111363</v>
      </c>
      <c r="L4286" s="40"/>
      <c r="M4286" s="40"/>
      <c r="N4286" s="40"/>
    </row>
    <row r="4287" spans="4:14" x14ac:dyDescent="0.25">
      <c r="D4287" s="40">
        <v>71.313815000003146</v>
      </c>
      <c r="E4287" s="40">
        <v>19.907173360010649</v>
      </c>
      <c r="F4287" s="40">
        <v>71.299999999999983</v>
      </c>
      <c r="G4287" s="40">
        <v>18.552025377339167</v>
      </c>
      <c r="H4287" s="40">
        <v>71.300000000000011</v>
      </c>
      <c r="I4287" s="40">
        <v>14.680941302366321</v>
      </c>
      <c r="J4287" s="40">
        <v>71.299974244048201</v>
      </c>
      <c r="K4287" s="40">
        <v>12.304815046111363</v>
      </c>
      <c r="L4287" s="40"/>
      <c r="M4287" s="40"/>
      <c r="N4287" s="40"/>
    </row>
    <row r="4288" spans="4:14" x14ac:dyDescent="0.25">
      <c r="D4288" s="40">
        <v>71.330481000003147</v>
      </c>
      <c r="E4288" s="40">
        <v>19.907173360010649</v>
      </c>
      <c r="F4288" s="40">
        <v>71.316666999999995</v>
      </c>
      <c r="G4288" s="40">
        <v>18.556780621429386</v>
      </c>
      <c r="H4288" s="40">
        <v>71.316666999999995</v>
      </c>
      <c r="I4288" s="40">
        <v>14.684195428623084</v>
      </c>
      <c r="J4288" s="40">
        <v>71.316640904762394</v>
      </c>
      <c r="K4288" s="40">
        <v>12.309666089820469</v>
      </c>
      <c r="L4288" s="40"/>
      <c r="M4288" s="40"/>
      <c r="N4288" s="40"/>
    </row>
    <row r="4289" spans="4:14" x14ac:dyDescent="0.25">
      <c r="D4289" s="40">
        <v>71.347147000003147</v>
      </c>
      <c r="E4289" s="40">
        <v>19.907173360010649</v>
      </c>
      <c r="F4289" s="40">
        <v>71.333332999999982</v>
      </c>
      <c r="G4289" s="40">
        <v>18.556780621429386</v>
      </c>
      <c r="H4289" s="40">
        <v>71.333334000000008</v>
      </c>
      <c r="I4289" s="40">
        <v>14.687548164766516</v>
      </c>
      <c r="J4289" s="40">
        <v>71.333307565476701</v>
      </c>
      <c r="K4289" s="40">
        <v>12.309666089820469</v>
      </c>
      <c r="L4289" s="40"/>
      <c r="M4289" s="40"/>
      <c r="N4289" s="40"/>
    </row>
    <row r="4290" spans="4:14" x14ac:dyDescent="0.25">
      <c r="D4290" s="40">
        <v>71.363813000003148</v>
      </c>
      <c r="E4290" s="40">
        <v>19.907173360010649</v>
      </c>
      <c r="F4290" s="40">
        <v>71.349999999999994</v>
      </c>
      <c r="G4290" s="40">
        <v>18.56139600539916</v>
      </c>
      <c r="H4290" s="40">
        <v>71.349999999999994</v>
      </c>
      <c r="I4290" s="40">
        <v>14.687548164766516</v>
      </c>
      <c r="J4290" s="40">
        <v>71.349974226190994</v>
      </c>
      <c r="K4290" s="40">
        <v>12.309666089820469</v>
      </c>
      <c r="L4290" s="40"/>
      <c r="M4290" s="40"/>
      <c r="N4290" s="40"/>
    </row>
    <row r="4291" spans="4:14" x14ac:dyDescent="0.25">
      <c r="D4291" s="40">
        <v>71.380479000003149</v>
      </c>
      <c r="E4291" s="40">
        <v>19.907173360010649</v>
      </c>
      <c r="F4291" s="40">
        <v>71.366667000000007</v>
      </c>
      <c r="G4291" s="40">
        <v>18.56615124948938</v>
      </c>
      <c r="H4291" s="40">
        <v>71.366667000000007</v>
      </c>
      <c r="I4291" s="40">
        <v>14.690900900909774</v>
      </c>
      <c r="J4291" s="40">
        <v>71.366640886905301</v>
      </c>
      <c r="K4291" s="40">
        <v>12.31437445577353</v>
      </c>
      <c r="L4291" s="40"/>
      <c r="M4291" s="40"/>
      <c r="N4291" s="40"/>
    </row>
    <row r="4292" spans="4:14" x14ac:dyDescent="0.25">
      <c r="D4292" s="40">
        <v>71.39714500000315</v>
      </c>
      <c r="E4292" s="40">
        <v>19.907173360010649</v>
      </c>
      <c r="F4292" s="40">
        <v>71.383332999999993</v>
      </c>
      <c r="G4292" s="40">
        <v>18.56615124948938</v>
      </c>
      <c r="H4292" s="40">
        <v>71.383334000000019</v>
      </c>
      <c r="I4292" s="40">
        <v>14.694253637053031</v>
      </c>
      <c r="J4292" s="40">
        <v>71.383307547619594</v>
      </c>
      <c r="K4292" s="40">
        <v>12.31437445577353</v>
      </c>
      <c r="L4292" s="40"/>
      <c r="M4292" s="40"/>
      <c r="N4292" s="40"/>
    </row>
    <row r="4293" spans="4:14" x14ac:dyDescent="0.25">
      <c r="D4293" s="40">
        <v>71.41381100000315</v>
      </c>
      <c r="E4293" s="40">
        <v>19.912016538600199</v>
      </c>
      <c r="F4293" s="40">
        <v>71.400000000000006</v>
      </c>
      <c r="G4293" s="40">
        <v>18.570906493579599</v>
      </c>
      <c r="H4293" s="40">
        <v>71.400000000000006</v>
      </c>
      <c r="I4293" s="40">
        <v>14.694253637053031</v>
      </c>
      <c r="J4293" s="40">
        <v>71.399974208333902</v>
      </c>
      <c r="K4293" s="40">
        <v>12.31437445577353</v>
      </c>
      <c r="L4293" s="40"/>
      <c r="M4293" s="40"/>
      <c r="N4293" s="40"/>
    </row>
    <row r="4294" spans="4:14" x14ac:dyDescent="0.25">
      <c r="D4294" s="40">
        <v>71.430477000003151</v>
      </c>
      <c r="E4294" s="40">
        <v>19.912016538600199</v>
      </c>
      <c r="F4294" s="40">
        <v>71.41666699999999</v>
      </c>
      <c r="G4294" s="40">
        <v>18.575521877549498</v>
      </c>
      <c r="H4294" s="40">
        <v>71.416667000000018</v>
      </c>
      <c r="I4294" s="40">
        <v>14.697507763309794</v>
      </c>
      <c r="J4294" s="40">
        <v>71.416640869048095</v>
      </c>
      <c r="K4294" s="40">
        <v>12.31437445577353</v>
      </c>
      <c r="L4294" s="40"/>
      <c r="M4294" s="40"/>
      <c r="N4294" s="40"/>
    </row>
    <row r="4295" spans="4:14" x14ac:dyDescent="0.25">
      <c r="D4295" s="40">
        <v>71.447143000003152</v>
      </c>
      <c r="E4295" s="40">
        <v>19.912016538600199</v>
      </c>
      <c r="F4295" s="40">
        <v>71.433333000000005</v>
      </c>
      <c r="G4295" s="40">
        <v>18.575521877549498</v>
      </c>
      <c r="H4295" s="40">
        <v>71.433334000000002</v>
      </c>
      <c r="I4295" s="40">
        <v>14.700860499453052</v>
      </c>
      <c r="J4295" s="40">
        <v>71.433307529762402</v>
      </c>
      <c r="K4295" s="40">
        <v>12.319225499482762</v>
      </c>
      <c r="L4295" s="40"/>
      <c r="M4295" s="40"/>
      <c r="N4295" s="40"/>
    </row>
    <row r="4296" spans="4:14" x14ac:dyDescent="0.25">
      <c r="D4296" s="40">
        <v>71.463809000003153</v>
      </c>
      <c r="E4296" s="40">
        <v>19.912016538600199</v>
      </c>
      <c r="F4296" s="40">
        <v>71.449999999999989</v>
      </c>
      <c r="G4296" s="40">
        <v>18.575521877549498</v>
      </c>
      <c r="H4296" s="40">
        <v>71.450000000000017</v>
      </c>
      <c r="I4296" s="40">
        <v>14.700860499453052</v>
      </c>
      <c r="J4296" s="40">
        <v>71.449974190476695</v>
      </c>
      <c r="K4296" s="40">
        <v>12.319225499482762</v>
      </c>
      <c r="L4296" s="40"/>
      <c r="M4296" s="40"/>
      <c r="N4296" s="40"/>
    </row>
    <row r="4297" spans="4:14" x14ac:dyDescent="0.25">
      <c r="D4297" s="40">
        <v>71.480475000003153</v>
      </c>
      <c r="E4297" s="40">
        <v>19.907173360010649</v>
      </c>
      <c r="F4297" s="40">
        <v>71.466667000000001</v>
      </c>
      <c r="G4297" s="40">
        <v>18.580277121639593</v>
      </c>
      <c r="H4297" s="40">
        <v>71.466667000000001</v>
      </c>
      <c r="I4297" s="40">
        <v>14.704213235596482</v>
      </c>
      <c r="J4297" s="40">
        <v>71.466640851191002</v>
      </c>
      <c r="K4297" s="40">
        <v>12.324076543191868</v>
      </c>
      <c r="L4297" s="40"/>
      <c r="M4297" s="40"/>
      <c r="N4297" s="40"/>
    </row>
    <row r="4298" spans="4:14" x14ac:dyDescent="0.25">
      <c r="D4298" s="40">
        <v>71.497141000003154</v>
      </c>
      <c r="E4298" s="40">
        <v>19.907173360010649</v>
      </c>
      <c r="F4298" s="40">
        <v>71.483332999999988</v>
      </c>
      <c r="G4298" s="40">
        <v>18.580277121639593</v>
      </c>
      <c r="H4298" s="40">
        <v>71.483334000000013</v>
      </c>
      <c r="I4298" s="40">
        <v>14.707467361853245</v>
      </c>
      <c r="J4298" s="40">
        <v>71.483307511905295</v>
      </c>
      <c r="K4298" s="40">
        <v>12.324076543191868</v>
      </c>
      <c r="L4298" s="40"/>
      <c r="M4298" s="40"/>
      <c r="N4298" s="40"/>
    </row>
    <row r="4299" spans="4:14" x14ac:dyDescent="0.25">
      <c r="D4299" s="40">
        <v>71.513807000003155</v>
      </c>
      <c r="E4299" s="40">
        <v>19.907173360010649</v>
      </c>
      <c r="F4299" s="40">
        <v>71.5</v>
      </c>
      <c r="G4299" s="40">
        <v>18.585032365729813</v>
      </c>
      <c r="H4299" s="40">
        <v>71.5</v>
      </c>
      <c r="I4299" s="40">
        <v>14.707467361853245</v>
      </c>
      <c r="J4299" s="40">
        <v>71.499974172619602</v>
      </c>
      <c r="K4299" s="40">
        <v>12.324076543191868</v>
      </c>
      <c r="L4299" s="40"/>
      <c r="M4299" s="40"/>
      <c r="N4299" s="40"/>
    </row>
    <row r="4300" spans="4:14" x14ac:dyDescent="0.25">
      <c r="D4300" s="40">
        <v>71.530473000003155</v>
      </c>
      <c r="E4300" s="40">
        <v>19.907173360010649</v>
      </c>
      <c r="F4300" s="40">
        <v>71.516666999999984</v>
      </c>
      <c r="G4300" s="40">
        <v>18.585032365729813</v>
      </c>
      <c r="H4300" s="40">
        <v>71.516667000000012</v>
      </c>
      <c r="I4300" s="40">
        <v>14.710820097996503</v>
      </c>
      <c r="J4300" s="40">
        <v>71.516640833333895</v>
      </c>
      <c r="K4300" s="40">
        <v>12.328784909144927</v>
      </c>
      <c r="L4300" s="40"/>
      <c r="M4300" s="40"/>
      <c r="N4300" s="40"/>
    </row>
    <row r="4301" spans="4:14" x14ac:dyDescent="0.25">
      <c r="D4301" s="40">
        <v>71.547139000003156</v>
      </c>
      <c r="E4301" s="40">
        <v>19.907173360010649</v>
      </c>
      <c r="F4301" s="40">
        <v>71.533332999999999</v>
      </c>
      <c r="G4301" s="40">
        <v>18.589647749699711</v>
      </c>
      <c r="H4301" s="40">
        <v>71.533333999999996</v>
      </c>
      <c r="I4301" s="40">
        <v>14.71417283413976</v>
      </c>
      <c r="J4301" s="40">
        <v>71.533307494048202</v>
      </c>
      <c r="K4301" s="40">
        <v>12.328784909144927</v>
      </c>
      <c r="L4301" s="40"/>
      <c r="M4301" s="40"/>
      <c r="N4301" s="40"/>
    </row>
    <row r="4302" spans="4:14" x14ac:dyDescent="0.25">
      <c r="D4302" s="40">
        <v>71.563805000003157</v>
      </c>
      <c r="E4302" s="40">
        <v>19.907173360010649</v>
      </c>
      <c r="F4302" s="40">
        <v>71.549999999999983</v>
      </c>
      <c r="G4302" s="40">
        <v>18.589647749699711</v>
      </c>
      <c r="H4302" s="40">
        <v>71.550000000000011</v>
      </c>
      <c r="I4302" s="40">
        <v>14.71417283413976</v>
      </c>
      <c r="J4302" s="40">
        <v>71.549974154762396</v>
      </c>
      <c r="K4302" s="40">
        <v>12.328784909144927</v>
      </c>
      <c r="L4302" s="40"/>
      <c r="M4302" s="40"/>
      <c r="N4302" s="40"/>
    </row>
    <row r="4303" spans="4:14" x14ac:dyDescent="0.25">
      <c r="D4303" s="40">
        <v>71.580471000003158</v>
      </c>
      <c r="E4303" s="40">
        <v>19.907173360010649</v>
      </c>
      <c r="F4303" s="40">
        <v>71.566666999999995</v>
      </c>
      <c r="G4303" s="40">
        <v>18.59440299378981</v>
      </c>
      <c r="H4303" s="40">
        <v>71.566666999999995</v>
      </c>
      <c r="I4303" s="40">
        <v>14.717426960396523</v>
      </c>
      <c r="J4303" s="40">
        <v>71.566640815476703</v>
      </c>
      <c r="K4303" s="40">
        <v>12.333635952854159</v>
      </c>
      <c r="L4303" s="40"/>
      <c r="M4303" s="40"/>
      <c r="N4303" s="40"/>
    </row>
    <row r="4304" spans="4:14" x14ac:dyDescent="0.25">
      <c r="D4304" s="40">
        <v>71.597137000003158</v>
      </c>
      <c r="E4304" s="40">
        <v>19.907173360010649</v>
      </c>
      <c r="F4304" s="40">
        <v>71.583332999999982</v>
      </c>
      <c r="G4304" s="40">
        <v>18.59440299378981</v>
      </c>
      <c r="H4304" s="40">
        <v>71.583334000000008</v>
      </c>
      <c r="I4304" s="40">
        <v>14.720779696539781</v>
      </c>
      <c r="J4304" s="40">
        <v>71.583307476190996</v>
      </c>
      <c r="K4304" s="40">
        <v>12.333635952854159</v>
      </c>
      <c r="L4304" s="40"/>
      <c r="M4304" s="40"/>
      <c r="N4304" s="40"/>
    </row>
    <row r="4305" spans="4:14" x14ac:dyDescent="0.25">
      <c r="D4305" s="40">
        <v>71.613803000003159</v>
      </c>
      <c r="E4305" s="40">
        <v>19.907173360010649</v>
      </c>
      <c r="F4305" s="40">
        <v>71.599999999999994</v>
      </c>
      <c r="G4305" s="40">
        <v>18.59915823788003</v>
      </c>
      <c r="H4305" s="40">
        <v>71.599999999999994</v>
      </c>
      <c r="I4305" s="40">
        <v>14.720779696539781</v>
      </c>
      <c r="J4305" s="40">
        <v>71.599974136905303</v>
      </c>
      <c r="K4305" s="40">
        <v>12.333635952854159</v>
      </c>
      <c r="L4305" s="40"/>
      <c r="M4305" s="40"/>
      <c r="N4305" s="40"/>
    </row>
    <row r="4306" spans="4:14" x14ac:dyDescent="0.25">
      <c r="D4306" s="40">
        <v>71.63046900000316</v>
      </c>
      <c r="E4306" s="40">
        <v>19.907173360010649</v>
      </c>
      <c r="F4306" s="40">
        <v>71.616667000000007</v>
      </c>
      <c r="G4306" s="40">
        <v>18.59915823788003</v>
      </c>
      <c r="H4306" s="40">
        <v>71.616667000000007</v>
      </c>
      <c r="I4306" s="40">
        <v>14.724132432683213</v>
      </c>
      <c r="J4306" s="40">
        <v>71.616640797619596</v>
      </c>
      <c r="K4306" s="40">
        <v>12.333635952854159</v>
      </c>
      <c r="L4306" s="40"/>
      <c r="M4306" s="40"/>
      <c r="N4306" s="40"/>
    </row>
    <row r="4307" spans="4:14" x14ac:dyDescent="0.25">
      <c r="D4307" s="40">
        <v>71.647135000003161</v>
      </c>
      <c r="E4307" s="40">
        <v>19.912016538600199</v>
      </c>
      <c r="F4307" s="40">
        <v>71.633332999999993</v>
      </c>
      <c r="G4307" s="40">
        <v>18.59915823788003</v>
      </c>
      <c r="H4307" s="40">
        <v>71.633334000000019</v>
      </c>
      <c r="I4307" s="40">
        <v>14.727386558939976</v>
      </c>
      <c r="J4307" s="40">
        <v>71.633307458333903</v>
      </c>
      <c r="K4307" s="40">
        <v>12.333635952854159</v>
      </c>
      <c r="L4307" s="40"/>
      <c r="M4307" s="40"/>
      <c r="N4307" s="40"/>
    </row>
    <row r="4308" spans="4:14" x14ac:dyDescent="0.25">
      <c r="D4308" s="40">
        <v>71.663801000003161</v>
      </c>
      <c r="E4308" s="40">
        <v>19.912016538600199</v>
      </c>
      <c r="F4308" s="40">
        <v>71.650000000000006</v>
      </c>
      <c r="G4308" s="40">
        <v>18.603773621849928</v>
      </c>
      <c r="H4308" s="40">
        <v>71.650000000000006</v>
      </c>
      <c r="I4308" s="40">
        <v>14.727386558939976</v>
      </c>
      <c r="J4308" s="40">
        <v>71.649974119048096</v>
      </c>
      <c r="K4308" s="40">
        <v>12.333635952854159</v>
      </c>
      <c r="L4308" s="40"/>
      <c r="M4308" s="40"/>
      <c r="N4308" s="40"/>
    </row>
    <row r="4309" spans="4:14" x14ac:dyDescent="0.25">
      <c r="D4309" s="40">
        <v>71.680467000003162</v>
      </c>
      <c r="E4309" s="40">
        <v>19.912016538600199</v>
      </c>
      <c r="F4309" s="40">
        <v>71.66666699999999</v>
      </c>
      <c r="G4309" s="40">
        <v>18.603773621849928</v>
      </c>
      <c r="H4309" s="40">
        <v>71.666667000000018</v>
      </c>
      <c r="I4309" s="40">
        <v>14.730739295083234</v>
      </c>
      <c r="J4309" s="40">
        <v>71.666640779762403</v>
      </c>
      <c r="K4309" s="40">
        <v>12.338486996563265</v>
      </c>
      <c r="L4309" s="40"/>
      <c r="M4309" s="40"/>
      <c r="N4309" s="40"/>
    </row>
    <row r="4310" spans="4:14" x14ac:dyDescent="0.25">
      <c r="D4310" s="40">
        <v>71.697133000003163</v>
      </c>
      <c r="E4310" s="40">
        <v>19.912016538600199</v>
      </c>
      <c r="F4310" s="40">
        <v>71.683333000000005</v>
      </c>
      <c r="G4310" s="40">
        <v>18.603773621849928</v>
      </c>
      <c r="H4310" s="40">
        <v>71.683334000000002</v>
      </c>
      <c r="I4310" s="40">
        <v>14.730739295083234</v>
      </c>
      <c r="J4310" s="40">
        <v>71.683307440476696</v>
      </c>
      <c r="K4310" s="40">
        <v>12.338486996563265</v>
      </c>
      <c r="L4310" s="40"/>
      <c r="M4310" s="40"/>
      <c r="N4310" s="40"/>
    </row>
    <row r="4311" spans="4:14" x14ac:dyDescent="0.25">
      <c r="D4311" s="40">
        <v>71.713799000003164</v>
      </c>
      <c r="E4311" s="40">
        <v>19.912016538600199</v>
      </c>
      <c r="F4311" s="40">
        <v>71.699999999999989</v>
      </c>
      <c r="G4311" s="40">
        <v>18.608528865940023</v>
      </c>
      <c r="H4311" s="40">
        <v>71.700000000000017</v>
      </c>
      <c r="I4311" s="40">
        <v>14.73409203122649</v>
      </c>
      <c r="J4311" s="40">
        <v>71.699974101191003</v>
      </c>
      <c r="K4311" s="40">
        <v>12.338486996563265</v>
      </c>
      <c r="L4311" s="40"/>
      <c r="M4311" s="40"/>
      <c r="N4311" s="40"/>
    </row>
    <row r="4312" spans="4:14" x14ac:dyDescent="0.25">
      <c r="D4312" s="40">
        <v>71.730465000003164</v>
      </c>
      <c r="E4312" s="40">
        <v>19.916859717189624</v>
      </c>
      <c r="F4312" s="40">
        <v>71.716667000000001</v>
      </c>
      <c r="G4312" s="40">
        <v>18.608528865940023</v>
      </c>
      <c r="H4312" s="40">
        <v>71.716667000000001</v>
      </c>
      <c r="I4312" s="40">
        <v>14.737346157483254</v>
      </c>
      <c r="J4312" s="40">
        <v>71.716640761905296</v>
      </c>
      <c r="K4312" s="40">
        <v>12.338486996563265</v>
      </c>
      <c r="L4312" s="40"/>
      <c r="M4312" s="40"/>
      <c r="N4312" s="40"/>
    </row>
    <row r="4313" spans="4:14" x14ac:dyDescent="0.25">
      <c r="D4313" s="40">
        <v>71.747131000003165</v>
      </c>
      <c r="E4313" s="40">
        <v>19.916859717189624</v>
      </c>
      <c r="F4313" s="40">
        <v>71.733332999999988</v>
      </c>
      <c r="G4313" s="40">
        <v>18.608528865940023</v>
      </c>
      <c r="H4313" s="40">
        <v>71.733334000000013</v>
      </c>
      <c r="I4313" s="40">
        <v>14.740698893626687</v>
      </c>
      <c r="J4313" s="40">
        <v>71.733307422619603</v>
      </c>
      <c r="K4313" s="40">
        <v>12.338486996563265</v>
      </c>
      <c r="L4313" s="40"/>
      <c r="M4313" s="40"/>
      <c r="N4313" s="40"/>
    </row>
    <row r="4314" spans="4:14" x14ac:dyDescent="0.25">
      <c r="D4314" s="40">
        <v>71.763797000003166</v>
      </c>
      <c r="E4314" s="40">
        <v>19.916859717189624</v>
      </c>
      <c r="F4314" s="40">
        <v>71.75</v>
      </c>
      <c r="G4314" s="40">
        <v>18.608528865940023</v>
      </c>
      <c r="H4314" s="40">
        <v>71.75</v>
      </c>
      <c r="I4314" s="40">
        <v>14.740698893626687</v>
      </c>
      <c r="J4314" s="40">
        <v>71.749974083333896</v>
      </c>
      <c r="K4314" s="40">
        <v>12.338486996563265</v>
      </c>
      <c r="L4314" s="40"/>
      <c r="M4314" s="40"/>
      <c r="N4314" s="40"/>
    </row>
    <row r="4315" spans="4:14" x14ac:dyDescent="0.25">
      <c r="D4315" s="40">
        <v>71.780463000003166</v>
      </c>
      <c r="E4315" s="40">
        <v>19.916859717189624</v>
      </c>
      <c r="F4315" s="40">
        <v>71.766666999999984</v>
      </c>
      <c r="G4315" s="40">
        <v>18.613284110030243</v>
      </c>
      <c r="H4315" s="40">
        <v>71.766667000000012</v>
      </c>
      <c r="I4315" s="40">
        <v>14.744051629769944</v>
      </c>
      <c r="J4315" s="40">
        <v>71.766640744048203</v>
      </c>
      <c r="K4315" s="40">
        <v>12.338486996563265</v>
      </c>
      <c r="L4315" s="40"/>
      <c r="M4315" s="40"/>
      <c r="N4315" s="40"/>
    </row>
    <row r="4316" spans="4:14" x14ac:dyDescent="0.25">
      <c r="D4316" s="40">
        <v>71.797129000003167</v>
      </c>
      <c r="E4316" s="40">
        <v>19.916859717189624</v>
      </c>
      <c r="F4316" s="40">
        <v>71.783332999999999</v>
      </c>
      <c r="G4316" s="40">
        <v>18.613284110030243</v>
      </c>
      <c r="H4316" s="40">
        <v>71.783333999999996</v>
      </c>
      <c r="I4316" s="40">
        <v>14.744051629769944</v>
      </c>
      <c r="J4316" s="40">
        <v>71.783307404762397</v>
      </c>
      <c r="K4316" s="40">
        <v>12.338486996563265</v>
      </c>
      <c r="L4316" s="40"/>
      <c r="M4316" s="40"/>
      <c r="N4316" s="40"/>
    </row>
    <row r="4317" spans="4:14" x14ac:dyDescent="0.25">
      <c r="D4317" s="40">
        <v>71.813795000003168</v>
      </c>
      <c r="E4317" s="40">
        <v>19.916859717189624</v>
      </c>
      <c r="F4317" s="40">
        <v>71.799999999999983</v>
      </c>
      <c r="G4317" s="40">
        <v>18.613284110030243</v>
      </c>
      <c r="H4317" s="40">
        <v>71.800000000000011</v>
      </c>
      <c r="I4317" s="40">
        <v>14.747305756026705</v>
      </c>
      <c r="J4317" s="40">
        <v>71.799974065476704</v>
      </c>
      <c r="K4317" s="40">
        <v>12.338486996563265</v>
      </c>
      <c r="L4317" s="40"/>
      <c r="M4317" s="40"/>
      <c r="N4317" s="40"/>
    </row>
    <row r="4318" spans="4:14" x14ac:dyDescent="0.25">
      <c r="D4318" s="40">
        <v>71.830461000003169</v>
      </c>
      <c r="E4318" s="40">
        <v>19.916859717189624</v>
      </c>
      <c r="F4318" s="40">
        <v>71.816666999999995</v>
      </c>
      <c r="G4318" s="40">
        <v>18.617899494000142</v>
      </c>
      <c r="H4318" s="40">
        <v>71.816666999999995</v>
      </c>
      <c r="I4318" s="40">
        <v>14.750658492169963</v>
      </c>
      <c r="J4318" s="40">
        <v>71.816640726190997</v>
      </c>
      <c r="K4318" s="40">
        <v>12.338486996563265</v>
      </c>
      <c r="L4318" s="40"/>
      <c r="M4318" s="40"/>
      <c r="N4318" s="40"/>
    </row>
    <row r="4319" spans="4:14" x14ac:dyDescent="0.25">
      <c r="D4319" s="40">
        <v>71.847127000003169</v>
      </c>
      <c r="E4319" s="40">
        <v>19.921560449350043</v>
      </c>
      <c r="F4319" s="40">
        <v>71.833332999999982</v>
      </c>
      <c r="G4319" s="40">
        <v>18.617899494000142</v>
      </c>
      <c r="H4319" s="40">
        <v>71.833334000000008</v>
      </c>
      <c r="I4319" s="40">
        <v>14.750658492169963</v>
      </c>
      <c r="J4319" s="40">
        <v>71.833307386905304</v>
      </c>
      <c r="K4319" s="40">
        <v>12.338486996563265</v>
      </c>
      <c r="L4319" s="40"/>
      <c r="M4319" s="40"/>
      <c r="N4319" s="40"/>
    </row>
    <row r="4320" spans="4:14" x14ac:dyDescent="0.25">
      <c r="D4320" s="40">
        <v>71.86379300000317</v>
      </c>
      <c r="E4320" s="40">
        <v>19.921560449350043</v>
      </c>
      <c r="F4320" s="40">
        <v>71.849999999999994</v>
      </c>
      <c r="G4320" s="40">
        <v>18.622654738090361</v>
      </c>
      <c r="H4320" s="40">
        <v>71.849999999999994</v>
      </c>
      <c r="I4320" s="40">
        <v>14.754011228313219</v>
      </c>
      <c r="J4320" s="40">
        <v>71.849974047619597</v>
      </c>
      <c r="K4320" s="40">
        <v>12.338486996563265</v>
      </c>
      <c r="L4320" s="40"/>
      <c r="M4320" s="40"/>
      <c r="N4320" s="40"/>
    </row>
    <row r="4321" spans="4:14" x14ac:dyDescent="0.25">
      <c r="D4321" s="40">
        <v>71.880459000003171</v>
      </c>
      <c r="E4321" s="40">
        <v>19.921560449350043</v>
      </c>
      <c r="F4321" s="40">
        <v>71.866667000000007</v>
      </c>
      <c r="G4321" s="40">
        <v>18.622654738090361</v>
      </c>
      <c r="H4321" s="40">
        <v>71.866667000000007</v>
      </c>
      <c r="I4321" s="40">
        <v>14.757265354569983</v>
      </c>
      <c r="J4321" s="40">
        <v>71.866640708333904</v>
      </c>
      <c r="K4321" s="40">
        <v>12.338486996563265</v>
      </c>
      <c r="L4321" s="40"/>
      <c r="M4321" s="40"/>
      <c r="N4321" s="40"/>
    </row>
    <row r="4322" spans="4:14" x14ac:dyDescent="0.25">
      <c r="D4322" s="40">
        <v>71.897125000003172</v>
      </c>
      <c r="E4322" s="40">
        <v>19.921560449350043</v>
      </c>
      <c r="F4322" s="40">
        <v>71.883332999999993</v>
      </c>
      <c r="G4322" s="40">
        <v>18.622654738090361</v>
      </c>
      <c r="H4322" s="40">
        <v>71.883334000000019</v>
      </c>
      <c r="I4322" s="40">
        <v>14.757265354569983</v>
      </c>
      <c r="J4322" s="40">
        <v>71.883307369048097</v>
      </c>
      <c r="K4322" s="40">
        <v>12.338486996563265</v>
      </c>
      <c r="L4322" s="40"/>
      <c r="M4322" s="40"/>
      <c r="N4322" s="40"/>
    </row>
    <row r="4323" spans="4:14" x14ac:dyDescent="0.25">
      <c r="D4323" s="40">
        <v>71.913791000003172</v>
      </c>
      <c r="E4323" s="40">
        <v>19.926403627939596</v>
      </c>
      <c r="F4323" s="40">
        <v>71.900000000000006</v>
      </c>
      <c r="G4323" s="40">
        <v>18.62740998218046</v>
      </c>
      <c r="H4323" s="40">
        <v>71.900000000000006</v>
      </c>
      <c r="I4323" s="40">
        <v>14.760618090713416</v>
      </c>
      <c r="J4323" s="40">
        <v>71.899974029762404</v>
      </c>
      <c r="K4323" s="40">
        <v>12.338486996563265</v>
      </c>
      <c r="L4323" s="40"/>
      <c r="M4323" s="40"/>
      <c r="N4323" s="40"/>
    </row>
    <row r="4324" spans="4:14" x14ac:dyDescent="0.25">
      <c r="D4324" s="40">
        <v>71.930457000003173</v>
      </c>
      <c r="E4324" s="40">
        <v>19.926403627939596</v>
      </c>
      <c r="F4324" s="40">
        <v>71.91666699999999</v>
      </c>
      <c r="G4324" s="40">
        <v>18.62740998218046</v>
      </c>
      <c r="H4324" s="40">
        <v>71.916667000000018</v>
      </c>
      <c r="I4324" s="40">
        <v>14.763970826856673</v>
      </c>
      <c r="J4324" s="40">
        <v>71.916640690476697</v>
      </c>
      <c r="K4324" s="40">
        <v>12.343195362516326</v>
      </c>
      <c r="L4324" s="40"/>
      <c r="M4324" s="40"/>
      <c r="N4324" s="40"/>
    </row>
    <row r="4325" spans="4:14" x14ac:dyDescent="0.25">
      <c r="D4325" s="40">
        <v>71.947123000003174</v>
      </c>
      <c r="E4325" s="40">
        <v>19.926403627939596</v>
      </c>
      <c r="F4325" s="40">
        <v>71.933333000000005</v>
      </c>
      <c r="G4325" s="40">
        <v>18.62740998218046</v>
      </c>
      <c r="H4325" s="40">
        <v>71.933334000000002</v>
      </c>
      <c r="I4325" s="40">
        <v>14.763970826856673</v>
      </c>
      <c r="J4325" s="40">
        <v>71.933307351191004</v>
      </c>
      <c r="K4325" s="40">
        <v>12.343195362516326</v>
      </c>
      <c r="L4325" s="40"/>
      <c r="M4325" s="40"/>
      <c r="N4325" s="40"/>
    </row>
    <row r="4326" spans="4:14" x14ac:dyDescent="0.25">
      <c r="D4326" s="40">
        <v>71.963789000003175</v>
      </c>
      <c r="E4326" s="40">
        <v>19.926403627939596</v>
      </c>
      <c r="F4326" s="40">
        <v>71.949999999999989</v>
      </c>
      <c r="G4326" s="40">
        <v>18.62740998218046</v>
      </c>
      <c r="H4326" s="40">
        <v>71.950000000000017</v>
      </c>
      <c r="I4326" s="40">
        <v>14.767224953113436</v>
      </c>
      <c r="J4326" s="40">
        <v>71.949974011905297</v>
      </c>
      <c r="K4326" s="40">
        <v>12.338486996563265</v>
      </c>
      <c r="L4326" s="40"/>
      <c r="M4326" s="40"/>
      <c r="N4326" s="40"/>
    </row>
    <row r="4327" spans="4:14" x14ac:dyDescent="0.25">
      <c r="D4327" s="40">
        <v>71.980455000003175</v>
      </c>
      <c r="E4327" s="40">
        <v>19.931246806529018</v>
      </c>
      <c r="F4327" s="40">
        <v>71.966667000000001</v>
      </c>
      <c r="G4327" s="40">
        <v>18.62740998218046</v>
      </c>
      <c r="H4327" s="40">
        <v>71.966667000000001</v>
      </c>
      <c r="I4327" s="40">
        <v>14.770577689256694</v>
      </c>
      <c r="J4327" s="40">
        <v>71.966640672619604</v>
      </c>
      <c r="K4327" s="40">
        <v>12.338486996563265</v>
      </c>
      <c r="L4327" s="40"/>
      <c r="M4327" s="40"/>
      <c r="N4327" s="40"/>
    </row>
    <row r="4328" spans="4:14" x14ac:dyDescent="0.25">
      <c r="D4328" s="40">
        <v>71.997121000003176</v>
      </c>
      <c r="E4328" s="40">
        <v>19.931246806529018</v>
      </c>
      <c r="F4328" s="40">
        <v>71.983332999999988</v>
      </c>
      <c r="G4328" s="40">
        <v>18.62740998218046</v>
      </c>
      <c r="H4328" s="40">
        <v>71.983334000000013</v>
      </c>
      <c r="I4328" s="40">
        <v>14.773930425400126</v>
      </c>
      <c r="J4328" s="40">
        <v>71.983307333333897</v>
      </c>
      <c r="K4328" s="40">
        <v>12.338486996563265</v>
      </c>
      <c r="L4328" s="40"/>
      <c r="M4328" s="40"/>
      <c r="N4328" s="40"/>
    </row>
    <row r="4329" spans="4:14" x14ac:dyDescent="0.25">
      <c r="D4329" s="40">
        <v>72.013787000003177</v>
      </c>
      <c r="E4329" s="40">
        <v>19.931246806529018</v>
      </c>
      <c r="F4329" s="40">
        <v>72</v>
      </c>
      <c r="G4329" s="40">
        <v>18.632025366150355</v>
      </c>
      <c r="H4329" s="40">
        <v>72</v>
      </c>
      <c r="I4329" s="40">
        <v>14.773930425400126</v>
      </c>
      <c r="J4329" s="40">
        <v>71.999973994048204</v>
      </c>
      <c r="K4329" s="40">
        <v>12.338486996563265</v>
      </c>
      <c r="L4329" s="40"/>
      <c r="M4329" s="40"/>
      <c r="N4329" s="40"/>
    </row>
    <row r="4330" spans="4:14" x14ac:dyDescent="0.25">
      <c r="D4330" s="40">
        <v>72.030453000003178</v>
      </c>
      <c r="E4330" s="40">
        <v>19.931246806529018</v>
      </c>
      <c r="F4330" s="40">
        <v>72.016666999999984</v>
      </c>
      <c r="G4330" s="40">
        <v>18.632025366150355</v>
      </c>
      <c r="H4330" s="40">
        <v>72.016667000000012</v>
      </c>
      <c r="I4330" s="40">
        <v>14.777184551656713</v>
      </c>
      <c r="J4330" s="40">
        <v>72.016640654762398</v>
      </c>
      <c r="K4330" s="40">
        <v>12.338486996563265</v>
      </c>
      <c r="L4330" s="40"/>
      <c r="M4330" s="40"/>
      <c r="N4330" s="40"/>
    </row>
    <row r="4331" spans="4:14" x14ac:dyDescent="0.25">
      <c r="D4331" s="40">
        <v>72.047119000003178</v>
      </c>
      <c r="E4331" s="40">
        <v>19.931246806529018</v>
      </c>
      <c r="F4331" s="40">
        <v>72.033332999999999</v>
      </c>
      <c r="G4331" s="40">
        <v>18.632025366150355</v>
      </c>
      <c r="H4331" s="40">
        <v>72.033333999999996</v>
      </c>
      <c r="I4331" s="40">
        <v>14.780537287800147</v>
      </c>
      <c r="J4331" s="40">
        <v>72.033307315476705</v>
      </c>
      <c r="K4331" s="40">
        <v>12.338486996563265</v>
      </c>
      <c r="L4331" s="40"/>
      <c r="M4331" s="40"/>
      <c r="N4331" s="40"/>
    </row>
    <row r="4332" spans="4:14" x14ac:dyDescent="0.25">
      <c r="D4332" s="40">
        <v>72.063785000003179</v>
      </c>
      <c r="E4332" s="40">
        <v>19.931246806529018</v>
      </c>
      <c r="F4332" s="40">
        <v>72.049999999999983</v>
      </c>
      <c r="G4332" s="40">
        <v>18.632025366150355</v>
      </c>
      <c r="H4332" s="40">
        <v>72.050000000000011</v>
      </c>
      <c r="I4332" s="40">
        <v>14.783890023943403</v>
      </c>
      <c r="J4332" s="40">
        <v>72.049973976190998</v>
      </c>
      <c r="K4332" s="40">
        <v>12.338486996563265</v>
      </c>
      <c r="L4332" s="40"/>
      <c r="M4332" s="40"/>
      <c r="N4332" s="40"/>
    </row>
    <row r="4333" spans="4:14" x14ac:dyDescent="0.25">
      <c r="D4333" s="40">
        <v>72.08045100000318</v>
      </c>
      <c r="E4333" s="40">
        <v>19.931246806529018</v>
      </c>
      <c r="F4333" s="40">
        <v>72.066666999999995</v>
      </c>
      <c r="G4333" s="40">
        <v>18.632025366150355</v>
      </c>
      <c r="H4333" s="40">
        <v>72.066666999999995</v>
      </c>
      <c r="I4333" s="40">
        <v>14.783890023943403</v>
      </c>
      <c r="J4333" s="40">
        <v>72.066640636905305</v>
      </c>
      <c r="K4333" s="40">
        <v>12.338486996563265</v>
      </c>
      <c r="L4333" s="40"/>
      <c r="M4333" s="40"/>
      <c r="N4333" s="40"/>
    </row>
    <row r="4334" spans="4:14" x14ac:dyDescent="0.25">
      <c r="D4334" s="40">
        <v>72.09711700000318</v>
      </c>
      <c r="E4334" s="40">
        <v>19.935947538689444</v>
      </c>
      <c r="F4334" s="40">
        <v>72.083332999999982</v>
      </c>
      <c r="G4334" s="40">
        <v>18.636780610240578</v>
      </c>
      <c r="H4334" s="40">
        <v>72.083334000000008</v>
      </c>
      <c r="I4334" s="40">
        <v>14.787144150200167</v>
      </c>
      <c r="J4334" s="40">
        <v>72.083307297619598</v>
      </c>
      <c r="K4334" s="40">
        <v>12.338486996563265</v>
      </c>
      <c r="L4334" s="40"/>
      <c r="M4334" s="40"/>
      <c r="N4334" s="40"/>
    </row>
    <row r="4335" spans="4:14" x14ac:dyDescent="0.25">
      <c r="D4335" s="40">
        <v>72.113783000003181</v>
      </c>
      <c r="E4335" s="40">
        <v>19.935947538689444</v>
      </c>
      <c r="F4335" s="40">
        <v>72.099999999999994</v>
      </c>
      <c r="G4335" s="40">
        <v>18.636780610240578</v>
      </c>
      <c r="H4335" s="40">
        <v>72.099999999999994</v>
      </c>
      <c r="I4335" s="40">
        <v>14.787144150200167</v>
      </c>
      <c r="J4335" s="40">
        <v>72.099973958333905</v>
      </c>
      <c r="K4335" s="40">
        <v>12.338486996563265</v>
      </c>
      <c r="L4335" s="40"/>
      <c r="M4335" s="40"/>
      <c r="N4335" s="40"/>
    </row>
    <row r="4336" spans="4:14" x14ac:dyDescent="0.25">
      <c r="D4336" s="40">
        <v>72.130449000003182</v>
      </c>
      <c r="E4336" s="40">
        <v>19.935947538689444</v>
      </c>
      <c r="F4336" s="40">
        <v>72.116667000000007</v>
      </c>
      <c r="G4336" s="40">
        <v>18.641535854330673</v>
      </c>
      <c r="H4336" s="40">
        <v>72.116667000000007</v>
      </c>
      <c r="I4336" s="40">
        <v>14.790496886343423</v>
      </c>
      <c r="J4336" s="40">
        <v>72.116640619048098</v>
      </c>
      <c r="K4336" s="40">
        <v>12.338486996563265</v>
      </c>
      <c r="L4336" s="40"/>
      <c r="M4336" s="40"/>
      <c r="N4336" s="40"/>
    </row>
    <row r="4337" spans="4:14" x14ac:dyDescent="0.25">
      <c r="D4337" s="40">
        <v>72.147115000003183</v>
      </c>
      <c r="E4337" s="40">
        <v>19.94079071727899</v>
      </c>
      <c r="F4337" s="40">
        <v>72.133332999999993</v>
      </c>
      <c r="G4337" s="40">
        <v>18.641535854330673</v>
      </c>
      <c r="H4337" s="40">
        <v>72.133334000000019</v>
      </c>
      <c r="I4337" s="40">
        <v>14.793849622486855</v>
      </c>
      <c r="J4337" s="40">
        <v>72.133307279762406</v>
      </c>
      <c r="K4337" s="40">
        <v>12.338486996563265</v>
      </c>
      <c r="L4337" s="40"/>
      <c r="M4337" s="40"/>
      <c r="N4337" s="40"/>
    </row>
    <row r="4338" spans="4:14" x14ac:dyDescent="0.25">
      <c r="D4338" s="40">
        <v>72.163781000003183</v>
      </c>
      <c r="E4338" s="40">
        <v>19.94079071727899</v>
      </c>
      <c r="F4338" s="40">
        <v>72.150000000000006</v>
      </c>
      <c r="G4338" s="40">
        <v>18.646291098420892</v>
      </c>
      <c r="H4338" s="40">
        <v>72.150000000000006</v>
      </c>
      <c r="I4338" s="40">
        <v>14.793849622486855</v>
      </c>
      <c r="J4338" s="40">
        <v>72.149973940476698</v>
      </c>
      <c r="K4338" s="40">
        <v>12.338486996563265</v>
      </c>
      <c r="L4338" s="40"/>
      <c r="M4338" s="40"/>
      <c r="N4338" s="40"/>
    </row>
    <row r="4339" spans="4:14" x14ac:dyDescent="0.25">
      <c r="D4339" s="40">
        <v>72.180447000003184</v>
      </c>
      <c r="E4339" s="40">
        <v>19.94079071727899</v>
      </c>
      <c r="F4339" s="40">
        <v>72.16666699999999</v>
      </c>
      <c r="G4339" s="40">
        <v>18.646291098420892</v>
      </c>
      <c r="H4339" s="40">
        <v>72.166667000000018</v>
      </c>
      <c r="I4339" s="40">
        <v>14.797103748743618</v>
      </c>
      <c r="J4339" s="40">
        <v>72.166640601191006</v>
      </c>
      <c r="K4339" s="40">
        <v>12.338486996563265</v>
      </c>
      <c r="L4339" s="40"/>
      <c r="M4339" s="40"/>
      <c r="N4339" s="40"/>
    </row>
    <row r="4340" spans="4:14" x14ac:dyDescent="0.25">
      <c r="D4340" s="40">
        <v>72.197113000003185</v>
      </c>
      <c r="E4340" s="40">
        <v>19.94079071727899</v>
      </c>
      <c r="F4340" s="40">
        <v>72.183333000000005</v>
      </c>
      <c r="G4340" s="40">
        <v>18.650906482390791</v>
      </c>
      <c r="H4340" s="40">
        <v>72.183334000000002</v>
      </c>
      <c r="I4340" s="40">
        <v>14.800456484886876</v>
      </c>
      <c r="J4340" s="40">
        <v>72.183307261905298</v>
      </c>
      <c r="K4340" s="40">
        <v>12.338486996563265</v>
      </c>
      <c r="L4340" s="40"/>
      <c r="M4340" s="40"/>
      <c r="N4340" s="40"/>
    </row>
    <row r="4341" spans="4:14" x14ac:dyDescent="0.25">
      <c r="D4341" s="40">
        <v>72.213779000003186</v>
      </c>
      <c r="E4341" s="40">
        <v>19.94079071727899</v>
      </c>
      <c r="F4341" s="40">
        <v>72.199999999999989</v>
      </c>
      <c r="G4341" s="40">
        <v>18.655661726480886</v>
      </c>
      <c r="H4341" s="40">
        <v>72.200000000000017</v>
      </c>
      <c r="I4341" s="40">
        <v>14.800456484886876</v>
      </c>
      <c r="J4341" s="40">
        <v>72.199973922619606</v>
      </c>
      <c r="K4341" s="40">
        <v>12.343195362516326</v>
      </c>
      <c r="L4341" s="40"/>
      <c r="M4341" s="40"/>
      <c r="N4341" s="40"/>
    </row>
    <row r="4342" spans="4:14" x14ac:dyDescent="0.25">
      <c r="D4342" s="40">
        <v>72.230445000003186</v>
      </c>
      <c r="E4342" s="40">
        <v>19.94079071727899</v>
      </c>
      <c r="F4342" s="40">
        <v>72.216667000000001</v>
      </c>
      <c r="G4342" s="40">
        <v>18.655661726480886</v>
      </c>
      <c r="H4342" s="40">
        <v>72.216667000000001</v>
      </c>
      <c r="I4342" s="40">
        <v>14.803809221030132</v>
      </c>
      <c r="J4342" s="40">
        <v>72.216640583333898</v>
      </c>
      <c r="K4342" s="40">
        <v>12.343195362516326</v>
      </c>
      <c r="L4342" s="40"/>
      <c r="M4342" s="40"/>
      <c r="N4342" s="40"/>
    </row>
    <row r="4343" spans="4:14" x14ac:dyDescent="0.25">
      <c r="D4343" s="40">
        <v>72.247111000003187</v>
      </c>
      <c r="E4343" s="40">
        <v>19.94079071727899</v>
      </c>
      <c r="F4343" s="40">
        <v>72.233332999999988</v>
      </c>
      <c r="G4343" s="40">
        <v>18.660416970571106</v>
      </c>
      <c r="H4343" s="40">
        <v>72.233334000000013</v>
      </c>
      <c r="I4343" s="40">
        <v>14.807063347286896</v>
      </c>
      <c r="J4343" s="40">
        <v>72.233307244048206</v>
      </c>
      <c r="K4343" s="40">
        <v>12.343195362516326</v>
      </c>
      <c r="L4343" s="40"/>
      <c r="M4343" s="40"/>
      <c r="N4343" s="40"/>
    </row>
    <row r="4344" spans="4:14" x14ac:dyDescent="0.25">
      <c r="D4344" s="40">
        <v>72.263777000003188</v>
      </c>
      <c r="E4344" s="40">
        <v>19.94079071727899</v>
      </c>
      <c r="F4344" s="40">
        <v>72.25</v>
      </c>
      <c r="G4344" s="40">
        <v>18.665032354541005</v>
      </c>
      <c r="H4344" s="40">
        <v>72.25</v>
      </c>
      <c r="I4344" s="40">
        <v>14.807063347286896</v>
      </c>
      <c r="J4344" s="40">
        <v>72.249973904762399</v>
      </c>
      <c r="K4344" s="40">
        <v>12.343195362516326</v>
      </c>
      <c r="L4344" s="40"/>
      <c r="M4344" s="40"/>
      <c r="N4344" s="40"/>
    </row>
    <row r="4345" spans="4:14" x14ac:dyDescent="0.25">
      <c r="D4345" s="40">
        <v>72.280443000003189</v>
      </c>
      <c r="E4345" s="40">
        <v>19.94079071727899</v>
      </c>
      <c r="F4345" s="40">
        <v>72.266666999999984</v>
      </c>
      <c r="G4345" s="40">
        <v>18.665032354541005</v>
      </c>
      <c r="H4345" s="40">
        <v>72.266667000000012</v>
      </c>
      <c r="I4345" s="40">
        <v>14.810416083430153</v>
      </c>
      <c r="J4345" s="40">
        <v>72.266640565476706</v>
      </c>
      <c r="K4345" s="40">
        <v>12.343195362516326</v>
      </c>
      <c r="L4345" s="40"/>
      <c r="M4345" s="40"/>
      <c r="N4345" s="40"/>
    </row>
    <row r="4346" spans="4:14" x14ac:dyDescent="0.25">
      <c r="D4346" s="40">
        <v>72.297109000003189</v>
      </c>
      <c r="E4346" s="40">
        <v>19.94079071727899</v>
      </c>
      <c r="F4346" s="40">
        <v>72.283332999999999</v>
      </c>
      <c r="G4346" s="40">
        <v>18.665032354541005</v>
      </c>
      <c r="H4346" s="40">
        <v>72.283333999999996</v>
      </c>
      <c r="I4346" s="40">
        <v>14.813768819573585</v>
      </c>
      <c r="J4346" s="40">
        <v>72.283307226190999</v>
      </c>
      <c r="K4346" s="40">
        <v>12.343195362516326</v>
      </c>
      <c r="L4346" s="40"/>
      <c r="M4346" s="40"/>
      <c r="N4346" s="40"/>
    </row>
    <row r="4347" spans="4:14" x14ac:dyDescent="0.25">
      <c r="D4347" s="40">
        <v>72.31377500000319</v>
      </c>
      <c r="E4347" s="40">
        <v>19.94079071727899</v>
      </c>
      <c r="F4347" s="40">
        <v>72.299999999999983</v>
      </c>
      <c r="G4347" s="40">
        <v>18.669787598631103</v>
      </c>
      <c r="H4347" s="40">
        <v>72.300000000000011</v>
      </c>
      <c r="I4347" s="40">
        <v>14.813768819573585</v>
      </c>
      <c r="J4347" s="40">
        <v>72.299973886905306</v>
      </c>
      <c r="K4347" s="40">
        <v>12.343195362516326</v>
      </c>
      <c r="L4347" s="40"/>
      <c r="M4347" s="40"/>
      <c r="N4347" s="40"/>
    </row>
    <row r="4348" spans="4:14" x14ac:dyDescent="0.25">
      <c r="D4348" s="40">
        <v>72.330441000003191</v>
      </c>
      <c r="E4348" s="40">
        <v>19.94079071727899</v>
      </c>
      <c r="F4348" s="40">
        <v>72.316666999999995</v>
      </c>
      <c r="G4348" s="40">
        <v>18.669787598631103</v>
      </c>
      <c r="H4348" s="40">
        <v>72.316666999999995</v>
      </c>
      <c r="I4348" s="40">
        <v>14.817022945830349</v>
      </c>
      <c r="J4348" s="40">
        <v>72.316640547619599</v>
      </c>
      <c r="K4348" s="40">
        <v>12.343195362516326</v>
      </c>
      <c r="L4348" s="40"/>
      <c r="M4348" s="40"/>
      <c r="N4348" s="40"/>
    </row>
    <row r="4349" spans="4:14" x14ac:dyDescent="0.25">
      <c r="D4349" s="40">
        <v>72.347107000003192</v>
      </c>
      <c r="E4349" s="40">
        <v>19.94079071727899</v>
      </c>
      <c r="F4349" s="40">
        <v>72.333332999999982</v>
      </c>
      <c r="G4349" s="40">
        <v>18.674542842721323</v>
      </c>
      <c r="H4349" s="40">
        <v>72.333334000000008</v>
      </c>
      <c r="I4349" s="40">
        <v>14.820375681973607</v>
      </c>
      <c r="J4349" s="40">
        <v>72.333307208333906</v>
      </c>
      <c r="K4349" s="40">
        <v>12.343195362516326</v>
      </c>
      <c r="L4349" s="40"/>
      <c r="M4349" s="40"/>
      <c r="N4349" s="40"/>
    </row>
    <row r="4350" spans="4:14" x14ac:dyDescent="0.25">
      <c r="D4350" s="40">
        <v>72.363773000003192</v>
      </c>
      <c r="E4350" s="40">
        <v>19.94079071727899</v>
      </c>
      <c r="F4350" s="40">
        <v>72.349999999999994</v>
      </c>
      <c r="G4350" s="40">
        <v>18.674542842721323</v>
      </c>
      <c r="H4350" s="40">
        <v>72.349999999999994</v>
      </c>
      <c r="I4350" s="40">
        <v>14.820375681973607</v>
      </c>
      <c r="J4350" s="40">
        <v>72.349973869048199</v>
      </c>
      <c r="K4350" s="40">
        <v>12.343195362516326</v>
      </c>
      <c r="L4350" s="40"/>
      <c r="M4350" s="40"/>
      <c r="N4350" s="40"/>
    </row>
    <row r="4351" spans="4:14" x14ac:dyDescent="0.25">
      <c r="D4351" s="40">
        <v>72.380439000003193</v>
      </c>
      <c r="E4351" s="40">
        <v>19.94079071727899</v>
      </c>
      <c r="F4351" s="40">
        <v>72.366667000000007</v>
      </c>
      <c r="G4351" s="40">
        <v>18.679158226691222</v>
      </c>
      <c r="H4351" s="40">
        <v>72.366667000000007</v>
      </c>
      <c r="I4351" s="40">
        <v>14.823728418116863</v>
      </c>
      <c r="J4351" s="40">
        <v>72.366640529762407</v>
      </c>
      <c r="K4351" s="40">
        <v>12.343195362516326</v>
      </c>
      <c r="L4351" s="40"/>
      <c r="M4351" s="40"/>
      <c r="N4351" s="40"/>
    </row>
    <row r="4352" spans="4:14" x14ac:dyDescent="0.25">
      <c r="D4352" s="40">
        <v>72.397105000003194</v>
      </c>
      <c r="E4352" s="40">
        <v>19.94079071727899</v>
      </c>
      <c r="F4352" s="40">
        <v>72.383332999999993</v>
      </c>
      <c r="G4352" s="40">
        <v>18.679158226691222</v>
      </c>
      <c r="H4352" s="40">
        <v>72.383334000000019</v>
      </c>
      <c r="I4352" s="40">
        <v>14.827081154260297</v>
      </c>
      <c r="J4352" s="40">
        <v>72.3833071904767</v>
      </c>
      <c r="K4352" s="40">
        <v>12.348046406225558</v>
      </c>
      <c r="L4352" s="40"/>
      <c r="M4352" s="40"/>
      <c r="N4352" s="40"/>
    </row>
    <row r="4353" spans="4:14" x14ac:dyDescent="0.25">
      <c r="D4353" s="40">
        <v>72.413771000003194</v>
      </c>
      <c r="E4353" s="40">
        <v>19.945633895868539</v>
      </c>
      <c r="F4353" s="40">
        <v>72.400000000000006</v>
      </c>
      <c r="G4353" s="40">
        <v>18.679158226691222</v>
      </c>
      <c r="H4353" s="40">
        <v>72.400000000000006</v>
      </c>
      <c r="I4353" s="40">
        <v>14.83033528051706</v>
      </c>
      <c r="J4353" s="40">
        <v>72.399973851191007</v>
      </c>
      <c r="K4353" s="40">
        <v>12.348046406225558</v>
      </c>
      <c r="L4353" s="40"/>
      <c r="M4353" s="40"/>
      <c r="N4353" s="40"/>
    </row>
    <row r="4354" spans="4:14" x14ac:dyDescent="0.25">
      <c r="D4354" s="40">
        <v>72.430437000003195</v>
      </c>
      <c r="E4354" s="40">
        <v>19.945633895868539</v>
      </c>
      <c r="F4354" s="40">
        <v>72.41666699999999</v>
      </c>
      <c r="G4354" s="40">
        <v>18.683913470781441</v>
      </c>
      <c r="H4354" s="40">
        <v>72.416667000000018</v>
      </c>
      <c r="I4354" s="40">
        <v>14.83033528051706</v>
      </c>
      <c r="J4354" s="40">
        <v>72.4166405119053</v>
      </c>
      <c r="K4354" s="40">
        <v>12.348046406225558</v>
      </c>
      <c r="L4354" s="40"/>
      <c r="M4354" s="40"/>
      <c r="N4354" s="40"/>
    </row>
    <row r="4355" spans="4:14" x14ac:dyDescent="0.25">
      <c r="D4355" s="40">
        <v>72.447103000003196</v>
      </c>
      <c r="E4355" s="40">
        <v>19.945633895868539</v>
      </c>
      <c r="F4355" s="40">
        <v>72.433333000000005</v>
      </c>
      <c r="G4355" s="40">
        <v>18.683913470781441</v>
      </c>
      <c r="H4355" s="40">
        <v>72.433334000000002</v>
      </c>
      <c r="I4355" s="40">
        <v>14.833688016660314</v>
      </c>
      <c r="J4355" s="40">
        <v>72.433307172619607</v>
      </c>
      <c r="K4355" s="40">
        <v>12.348046406225558</v>
      </c>
      <c r="L4355" s="40"/>
      <c r="M4355" s="40"/>
      <c r="N4355" s="40"/>
    </row>
    <row r="4356" spans="4:14" x14ac:dyDescent="0.25">
      <c r="D4356" s="40">
        <v>72.463769000003197</v>
      </c>
      <c r="E4356" s="40">
        <v>19.945633895868539</v>
      </c>
      <c r="F4356" s="40">
        <v>72.449999999999989</v>
      </c>
      <c r="G4356" s="40">
        <v>18.683913470781441</v>
      </c>
      <c r="H4356" s="40">
        <v>72.450000000000017</v>
      </c>
      <c r="I4356" s="40">
        <v>14.833688016660314</v>
      </c>
      <c r="J4356" s="40">
        <v>72.4499738333339</v>
      </c>
      <c r="K4356" s="40">
        <v>12.348046406225558</v>
      </c>
      <c r="L4356" s="40"/>
      <c r="M4356" s="40"/>
      <c r="N4356" s="40"/>
    </row>
    <row r="4357" spans="4:14" x14ac:dyDescent="0.25">
      <c r="D4357" s="40">
        <v>72.480435000003197</v>
      </c>
      <c r="E4357" s="40">
        <v>19.945633895868539</v>
      </c>
      <c r="F4357" s="40">
        <v>72.466667000000001</v>
      </c>
      <c r="G4357" s="40">
        <v>18.688668714871536</v>
      </c>
      <c r="H4357" s="40">
        <v>72.466667000000001</v>
      </c>
      <c r="I4357" s="40">
        <v>14.837040752803572</v>
      </c>
      <c r="J4357" s="40">
        <v>72.466640494048207</v>
      </c>
      <c r="K4357" s="40">
        <v>12.352897449934662</v>
      </c>
      <c r="L4357" s="40"/>
      <c r="M4357" s="40"/>
      <c r="N4357" s="40"/>
    </row>
    <row r="4358" spans="4:14" x14ac:dyDescent="0.25">
      <c r="D4358" s="40">
        <v>72.497101000003198</v>
      </c>
      <c r="E4358" s="40">
        <v>19.950334628028838</v>
      </c>
      <c r="F4358" s="40">
        <v>72.483332999999988</v>
      </c>
      <c r="G4358" s="40">
        <v>18.688668714871536</v>
      </c>
      <c r="H4358" s="40">
        <v>72.483334000000013</v>
      </c>
      <c r="I4358" s="40">
        <v>14.840294879060336</v>
      </c>
      <c r="J4358" s="40">
        <v>72.4833071547624</v>
      </c>
      <c r="K4358" s="40">
        <v>12.352897449934662</v>
      </c>
      <c r="L4358" s="40"/>
      <c r="M4358" s="40"/>
      <c r="N4358" s="40"/>
    </row>
    <row r="4359" spans="4:14" x14ac:dyDescent="0.25">
      <c r="D4359" s="40">
        <v>72.513767000003199</v>
      </c>
      <c r="E4359" s="40">
        <v>19.950334628028838</v>
      </c>
      <c r="F4359" s="40">
        <v>72.5</v>
      </c>
      <c r="G4359" s="40">
        <v>18.688668714871536</v>
      </c>
      <c r="H4359" s="40">
        <v>72.5</v>
      </c>
      <c r="I4359" s="40">
        <v>14.843647615203592</v>
      </c>
      <c r="J4359" s="40">
        <v>72.499973815476693</v>
      </c>
      <c r="K4359" s="40">
        <v>12.352897449934662</v>
      </c>
      <c r="L4359" s="40"/>
      <c r="M4359" s="40"/>
      <c r="N4359" s="40"/>
    </row>
    <row r="4360" spans="4:14" x14ac:dyDescent="0.25">
      <c r="D4360" s="40">
        <v>72.5304330000032</v>
      </c>
      <c r="E4360" s="40">
        <v>19.950334628028838</v>
      </c>
      <c r="F4360" s="40">
        <v>72.516666999999984</v>
      </c>
      <c r="G4360" s="40">
        <v>18.688668714871536</v>
      </c>
      <c r="H4360" s="40">
        <v>72.516667000000012</v>
      </c>
      <c r="I4360" s="40">
        <v>14.843647615203592</v>
      </c>
      <c r="J4360" s="40">
        <v>72.516640476191</v>
      </c>
      <c r="K4360" s="40">
        <v>12.352897449934662</v>
      </c>
      <c r="L4360" s="40"/>
      <c r="M4360" s="40"/>
      <c r="N4360" s="40"/>
    </row>
    <row r="4361" spans="4:14" x14ac:dyDescent="0.25">
      <c r="D4361" s="40">
        <v>72.5470990000032</v>
      </c>
      <c r="E4361" s="40">
        <v>19.950334628028838</v>
      </c>
      <c r="F4361" s="40">
        <v>72.533332999999999</v>
      </c>
      <c r="G4361" s="40">
        <v>18.693284098841435</v>
      </c>
      <c r="H4361" s="40">
        <v>72.533333999999996</v>
      </c>
      <c r="I4361" s="40">
        <v>14.847000351347026</v>
      </c>
      <c r="J4361" s="40">
        <v>72.533307136905293</v>
      </c>
      <c r="K4361" s="40">
        <v>12.352897449934662</v>
      </c>
      <c r="L4361" s="40"/>
      <c r="M4361" s="40"/>
      <c r="N4361" s="40"/>
    </row>
    <row r="4362" spans="4:14" x14ac:dyDescent="0.25">
      <c r="D4362" s="40">
        <v>72.563765000003201</v>
      </c>
      <c r="E4362" s="40">
        <v>19.950334628028838</v>
      </c>
      <c r="F4362" s="40">
        <v>72.549999999999983</v>
      </c>
      <c r="G4362" s="40">
        <v>18.693284098841435</v>
      </c>
      <c r="H4362" s="40">
        <v>72.550000000000011</v>
      </c>
      <c r="I4362" s="40">
        <v>14.850254477603789</v>
      </c>
      <c r="J4362" s="40">
        <v>72.5499737976196</v>
      </c>
      <c r="K4362" s="40">
        <v>12.357605815887723</v>
      </c>
      <c r="L4362" s="40"/>
      <c r="M4362" s="40"/>
      <c r="N4362" s="40"/>
    </row>
    <row r="4363" spans="4:14" x14ac:dyDescent="0.25">
      <c r="D4363" s="40">
        <v>72.580431000003202</v>
      </c>
      <c r="E4363" s="40">
        <v>19.950334628028838</v>
      </c>
      <c r="F4363" s="40">
        <v>72.566666999999995</v>
      </c>
      <c r="G4363" s="40">
        <v>18.698039342931654</v>
      </c>
      <c r="H4363" s="40">
        <v>72.566666999999995</v>
      </c>
      <c r="I4363" s="40">
        <v>14.850254477603789</v>
      </c>
      <c r="J4363" s="40">
        <v>72.566640458333893</v>
      </c>
      <c r="K4363" s="40">
        <v>12.357605815887723</v>
      </c>
      <c r="L4363" s="40"/>
      <c r="M4363" s="40"/>
      <c r="N4363" s="40"/>
    </row>
    <row r="4364" spans="4:14" x14ac:dyDescent="0.25">
      <c r="D4364" s="40">
        <v>72.597097000003203</v>
      </c>
      <c r="E4364" s="40">
        <v>19.950334628028838</v>
      </c>
      <c r="F4364" s="40">
        <v>72.583332999999982</v>
      </c>
      <c r="G4364" s="40">
        <v>18.698039342931654</v>
      </c>
      <c r="H4364" s="40">
        <v>72.583334000000008</v>
      </c>
      <c r="I4364" s="40">
        <v>14.853607213747045</v>
      </c>
      <c r="J4364" s="40">
        <v>72.5833071190482</v>
      </c>
      <c r="K4364" s="40">
        <v>12.357605815887723</v>
      </c>
      <c r="L4364" s="40"/>
      <c r="M4364" s="40"/>
      <c r="N4364" s="40"/>
    </row>
    <row r="4365" spans="4:14" x14ac:dyDescent="0.25">
      <c r="D4365" s="40">
        <v>72.613763000003203</v>
      </c>
      <c r="E4365" s="40">
        <v>19.950334628028838</v>
      </c>
      <c r="F4365" s="40">
        <v>72.599999999999994</v>
      </c>
      <c r="G4365" s="40">
        <v>18.698039342931654</v>
      </c>
      <c r="H4365" s="40">
        <v>72.599999999999994</v>
      </c>
      <c r="I4365" s="40">
        <v>14.856959949890303</v>
      </c>
      <c r="J4365" s="40">
        <v>72.599973779762394</v>
      </c>
      <c r="K4365" s="40">
        <v>12.357605815887723</v>
      </c>
      <c r="L4365" s="40"/>
      <c r="M4365" s="40"/>
      <c r="N4365" s="40"/>
    </row>
    <row r="4366" spans="4:14" x14ac:dyDescent="0.25">
      <c r="D4366" s="40">
        <v>72.630429000003204</v>
      </c>
      <c r="E4366" s="40">
        <v>19.950334628028838</v>
      </c>
      <c r="F4366" s="40">
        <v>72.616667000000007</v>
      </c>
      <c r="G4366" s="40">
        <v>18.698039342931654</v>
      </c>
      <c r="H4366" s="40">
        <v>72.616667000000007</v>
      </c>
      <c r="I4366" s="40">
        <v>14.860214076147066</v>
      </c>
      <c r="J4366" s="40">
        <v>72.616640440476701</v>
      </c>
      <c r="K4366" s="40">
        <v>12.357605815887723</v>
      </c>
      <c r="L4366" s="40"/>
      <c r="M4366" s="40"/>
      <c r="N4366" s="40"/>
    </row>
    <row r="4367" spans="4:14" x14ac:dyDescent="0.25">
      <c r="D4367" s="40">
        <v>72.647095000003205</v>
      </c>
      <c r="E4367" s="40">
        <v>19.950334628028838</v>
      </c>
      <c r="F4367" s="40">
        <v>72.633332999999993</v>
      </c>
      <c r="G4367" s="40">
        <v>18.698039342931654</v>
      </c>
      <c r="H4367" s="40">
        <v>72.633334000000019</v>
      </c>
      <c r="I4367" s="40">
        <v>14.860214076147066</v>
      </c>
      <c r="J4367" s="40">
        <v>72.633307101190994</v>
      </c>
      <c r="K4367" s="40">
        <v>12.357605815887723</v>
      </c>
      <c r="L4367" s="40"/>
      <c r="M4367" s="40"/>
      <c r="N4367" s="40"/>
    </row>
    <row r="4368" spans="4:14" x14ac:dyDescent="0.25">
      <c r="D4368" s="40">
        <v>72.663761000003205</v>
      </c>
      <c r="E4368" s="40">
        <v>19.950334628028838</v>
      </c>
      <c r="F4368" s="40">
        <v>72.650000000000006</v>
      </c>
      <c r="G4368" s="40">
        <v>18.693284098841435</v>
      </c>
      <c r="H4368" s="40">
        <v>72.650000000000006</v>
      </c>
      <c r="I4368" s="40">
        <v>14.863566812290498</v>
      </c>
      <c r="J4368" s="40">
        <v>72.649973761905301</v>
      </c>
      <c r="K4368" s="40">
        <v>12.357605815887723</v>
      </c>
      <c r="L4368" s="40"/>
      <c r="M4368" s="40"/>
      <c r="N4368" s="40"/>
    </row>
    <row r="4369" spans="4:14" x14ac:dyDescent="0.25">
      <c r="D4369" s="40">
        <v>72.680427000003206</v>
      </c>
      <c r="E4369" s="40">
        <v>19.950334628028838</v>
      </c>
      <c r="F4369" s="40">
        <v>72.66666699999999</v>
      </c>
      <c r="G4369" s="40">
        <v>18.698039342931654</v>
      </c>
      <c r="H4369" s="40">
        <v>72.666667000000018</v>
      </c>
      <c r="I4369" s="40">
        <v>14.863566812290498</v>
      </c>
      <c r="J4369" s="40">
        <v>72.666640422619594</v>
      </c>
      <c r="K4369" s="40">
        <v>12.362456859596955</v>
      </c>
      <c r="L4369" s="40"/>
      <c r="M4369" s="40"/>
      <c r="N4369" s="40"/>
    </row>
    <row r="4370" spans="4:14" x14ac:dyDescent="0.25">
      <c r="D4370" s="40">
        <v>72.697093000003207</v>
      </c>
      <c r="E4370" s="40">
        <v>19.950334628028838</v>
      </c>
      <c r="F4370" s="40">
        <v>72.683333000000005</v>
      </c>
      <c r="G4370" s="40">
        <v>18.698039342931654</v>
      </c>
      <c r="H4370" s="40">
        <v>72.683334000000002</v>
      </c>
      <c r="I4370" s="40">
        <v>14.866919548433756</v>
      </c>
      <c r="J4370" s="40">
        <v>72.683307083333901</v>
      </c>
      <c r="K4370" s="40">
        <v>12.362456859596955</v>
      </c>
      <c r="L4370" s="40"/>
      <c r="M4370" s="40"/>
      <c r="N4370" s="40"/>
    </row>
    <row r="4371" spans="4:14" x14ac:dyDescent="0.25">
      <c r="D4371" s="40">
        <v>72.713759000003208</v>
      </c>
      <c r="E4371" s="40">
        <v>19.950334628028838</v>
      </c>
      <c r="F4371" s="40">
        <v>72.699999999999989</v>
      </c>
      <c r="G4371" s="40">
        <v>18.698039342931654</v>
      </c>
      <c r="H4371" s="40">
        <v>72.700000000000017</v>
      </c>
      <c r="I4371" s="40">
        <v>14.87017367469052</v>
      </c>
      <c r="J4371" s="40">
        <v>72.699973744048194</v>
      </c>
      <c r="K4371" s="40">
        <v>12.362456859596955</v>
      </c>
      <c r="L4371" s="40"/>
      <c r="M4371" s="40"/>
      <c r="N4371" s="40"/>
    </row>
    <row r="4372" spans="4:14" x14ac:dyDescent="0.25">
      <c r="D4372" s="40">
        <v>72.730425000003208</v>
      </c>
      <c r="E4372" s="40">
        <v>19.955177806618384</v>
      </c>
      <c r="F4372" s="40">
        <v>72.716667000000001</v>
      </c>
      <c r="G4372" s="40">
        <v>18.702794587021749</v>
      </c>
      <c r="H4372" s="40">
        <v>72.716667000000001</v>
      </c>
      <c r="I4372" s="40">
        <v>14.87017367469052</v>
      </c>
      <c r="J4372" s="40">
        <v>72.716640404762401</v>
      </c>
      <c r="K4372" s="40">
        <v>12.362456859596955</v>
      </c>
      <c r="L4372" s="40"/>
      <c r="M4372" s="40"/>
      <c r="N4372" s="40"/>
    </row>
    <row r="4373" spans="4:14" x14ac:dyDescent="0.25">
      <c r="D4373" s="40">
        <v>72.747091000003209</v>
      </c>
      <c r="E4373" s="40">
        <v>19.955177806618384</v>
      </c>
      <c r="F4373" s="40">
        <v>72.733332999999988</v>
      </c>
      <c r="G4373" s="40">
        <v>18.702794587021749</v>
      </c>
      <c r="H4373" s="40">
        <v>72.733334000000013</v>
      </c>
      <c r="I4373" s="40">
        <v>14.873526410833776</v>
      </c>
      <c r="J4373" s="40">
        <v>72.733307065476694</v>
      </c>
      <c r="K4373" s="40">
        <v>12.362456859596955</v>
      </c>
      <c r="L4373" s="40"/>
      <c r="M4373" s="40"/>
      <c r="N4373" s="40"/>
    </row>
    <row r="4374" spans="4:14" x14ac:dyDescent="0.25">
      <c r="D4374" s="40">
        <v>72.76375700000321</v>
      </c>
      <c r="E4374" s="40">
        <v>19.950334628028838</v>
      </c>
      <c r="F4374" s="40">
        <v>72.75</v>
      </c>
      <c r="G4374" s="40">
        <v>18.702794587021749</v>
      </c>
      <c r="H4374" s="40">
        <v>72.75</v>
      </c>
      <c r="I4374" s="40">
        <v>14.876879146977032</v>
      </c>
      <c r="J4374" s="40">
        <v>72.749973726191001</v>
      </c>
      <c r="K4374" s="40">
        <v>12.367307903306187</v>
      </c>
      <c r="L4374" s="40"/>
      <c r="M4374" s="40"/>
      <c r="N4374" s="40"/>
    </row>
    <row r="4375" spans="4:14" x14ac:dyDescent="0.25">
      <c r="D4375" s="40">
        <v>72.780423000003211</v>
      </c>
      <c r="E4375" s="40">
        <v>19.950334628028838</v>
      </c>
      <c r="F4375" s="40">
        <v>72.766666999999984</v>
      </c>
      <c r="G4375" s="40">
        <v>18.707409970991648</v>
      </c>
      <c r="H4375" s="40">
        <v>72.766667000000012</v>
      </c>
      <c r="I4375" s="40">
        <v>14.876879146977032</v>
      </c>
      <c r="J4375" s="40">
        <v>72.766640386905294</v>
      </c>
      <c r="K4375" s="40">
        <v>12.367307903306187</v>
      </c>
      <c r="L4375" s="40"/>
      <c r="M4375" s="40"/>
      <c r="N4375" s="40"/>
    </row>
    <row r="4376" spans="4:14" x14ac:dyDescent="0.25">
      <c r="D4376" s="40">
        <v>72.797089000003211</v>
      </c>
      <c r="E4376" s="40">
        <v>19.950334628028838</v>
      </c>
      <c r="F4376" s="40">
        <v>72.783332999999999</v>
      </c>
      <c r="G4376" s="40">
        <v>18.707409970991648</v>
      </c>
      <c r="H4376" s="40">
        <v>72.783333999999996</v>
      </c>
      <c r="I4376" s="40">
        <v>14.880133273233795</v>
      </c>
      <c r="J4376" s="40">
        <v>72.783307047619601</v>
      </c>
      <c r="K4376" s="40">
        <v>12.367307903306187</v>
      </c>
      <c r="L4376" s="40"/>
      <c r="M4376" s="40"/>
      <c r="N4376" s="40"/>
    </row>
    <row r="4377" spans="4:14" x14ac:dyDescent="0.25">
      <c r="D4377" s="40">
        <v>72.813755000003212</v>
      </c>
      <c r="E4377" s="40">
        <v>19.950334628028838</v>
      </c>
      <c r="F4377" s="40">
        <v>72.799999999999983</v>
      </c>
      <c r="G4377" s="40">
        <v>18.712165215081868</v>
      </c>
      <c r="H4377" s="40">
        <v>72.800000000000011</v>
      </c>
      <c r="I4377" s="40">
        <v>14.880133273233795</v>
      </c>
      <c r="J4377" s="40">
        <v>72.799973708333894</v>
      </c>
      <c r="K4377" s="40">
        <v>12.367307903306187</v>
      </c>
      <c r="L4377" s="40"/>
      <c r="M4377" s="40"/>
      <c r="N4377" s="40"/>
    </row>
    <row r="4378" spans="4:14" x14ac:dyDescent="0.25">
      <c r="D4378" s="40">
        <v>72.830421000003213</v>
      </c>
      <c r="E4378" s="40">
        <v>19.950334628028838</v>
      </c>
      <c r="F4378" s="40">
        <v>72.816666999999995</v>
      </c>
      <c r="G4378" s="40">
        <v>18.716920459171966</v>
      </c>
      <c r="H4378" s="40">
        <v>72.816666999999995</v>
      </c>
      <c r="I4378" s="40">
        <v>14.883486009377227</v>
      </c>
      <c r="J4378" s="40">
        <v>72.816640369048201</v>
      </c>
      <c r="K4378" s="40">
        <v>12.367307903306187</v>
      </c>
      <c r="L4378" s="40"/>
      <c r="M4378" s="40"/>
      <c r="N4378" s="40"/>
    </row>
    <row r="4379" spans="4:14" x14ac:dyDescent="0.25">
      <c r="D4379" s="40">
        <v>72.847087000003214</v>
      </c>
      <c r="E4379" s="40">
        <v>19.950334628028838</v>
      </c>
      <c r="F4379" s="40">
        <v>72.833332999999982</v>
      </c>
      <c r="G4379" s="40">
        <v>18.716920459171966</v>
      </c>
      <c r="H4379" s="40">
        <v>72.833334000000008</v>
      </c>
      <c r="I4379" s="40">
        <v>14.886838745520485</v>
      </c>
      <c r="J4379" s="40">
        <v>72.833307029762395</v>
      </c>
      <c r="K4379" s="40">
        <v>12.372158947015294</v>
      </c>
      <c r="L4379" s="40"/>
      <c r="M4379" s="40"/>
      <c r="N4379" s="40"/>
    </row>
    <row r="4380" spans="4:14" x14ac:dyDescent="0.25">
      <c r="D4380" s="40">
        <v>72.863753000003214</v>
      </c>
      <c r="E4380" s="40">
        <v>19.950334628028838</v>
      </c>
      <c r="F4380" s="40">
        <v>72.849999999999994</v>
      </c>
      <c r="G4380" s="40">
        <v>18.721535843141865</v>
      </c>
      <c r="H4380" s="40">
        <v>72.849999999999994</v>
      </c>
      <c r="I4380" s="40">
        <v>14.886838745520485</v>
      </c>
      <c r="J4380" s="40">
        <v>72.849973690476702</v>
      </c>
      <c r="K4380" s="40">
        <v>12.372158947015294</v>
      </c>
      <c r="L4380" s="40"/>
      <c r="M4380" s="40"/>
      <c r="N4380" s="40"/>
    </row>
    <row r="4381" spans="4:14" x14ac:dyDescent="0.25">
      <c r="D4381" s="40">
        <v>72.880419000003215</v>
      </c>
      <c r="E4381" s="40">
        <v>19.950334628028838</v>
      </c>
      <c r="F4381" s="40">
        <v>72.866667000000007</v>
      </c>
      <c r="G4381" s="40">
        <v>18.721535843141865</v>
      </c>
      <c r="H4381" s="40">
        <v>72.866667000000007</v>
      </c>
      <c r="I4381" s="40">
        <v>14.890092871777249</v>
      </c>
      <c r="J4381" s="40">
        <v>72.866640351190995</v>
      </c>
      <c r="K4381" s="40">
        <v>12.372158947015294</v>
      </c>
      <c r="L4381" s="40"/>
      <c r="M4381" s="40"/>
      <c r="N4381" s="40"/>
    </row>
    <row r="4382" spans="4:14" x14ac:dyDescent="0.25">
      <c r="D4382" s="40">
        <v>72.897085000003216</v>
      </c>
      <c r="E4382" s="40">
        <v>19.955177806618384</v>
      </c>
      <c r="F4382" s="40">
        <v>72.883332999999993</v>
      </c>
      <c r="G4382" s="40">
        <v>18.726291087232084</v>
      </c>
      <c r="H4382" s="40">
        <v>72.883334000000019</v>
      </c>
      <c r="I4382" s="40">
        <v>14.893445607920505</v>
      </c>
      <c r="J4382" s="40">
        <v>72.883307011905302</v>
      </c>
      <c r="K4382" s="40">
        <v>12.372158947015294</v>
      </c>
      <c r="L4382" s="40"/>
      <c r="M4382" s="40"/>
      <c r="N4382" s="40"/>
    </row>
    <row r="4383" spans="4:14" x14ac:dyDescent="0.25">
      <c r="D4383" s="40">
        <v>72.913751000003217</v>
      </c>
      <c r="E4383" s="40">
        <v>19.955177806618384</v>
      </c>
      <c r="F4383" s="40">
        <v>72.900000000000006</v>
      </c>
      <c r="G4383" s="40">
        <v>18.726291087232084</v>
      </c>
      <c r="H4383" s="40">
        <v>72.900000000000006</v>
      </c>
      <c r="I4383" s="40">
        <v>14.893445607920505</v>
      </c>
      <c r="J4383" s="40">
        <v>72.899973672619595</v>
      </c>
      <c r="K4383" s="40">
        <v>12.372158947015294</v>
      </c>
      <c r="L4383" s="40"/>
      <c r="M4383" s="40"/>
      <c r="N4383" s="40"/>
    </row>
    <row r="4384" spans="4:14" x14ac:dyDescent="0.25">
      <c r="D4384" s="40">
        <v>72.930417000003217</v>
      </c>
      <c r="E4384" s="40">
        <v>19.955177806618384</v>
      </c>
      <c r="F4384" s="40">
        <v>72.91666699999999</v>
      </c>
      <c r="G4384" s="40">
        <v>18.731046331322304</v>
      </c>
      <c r="H4384" s="40">
        <v>72.916667000000018</v>
      </c>
      <c r="I4384" s="40">
        <v>14.896798344063939</v>
      </c>
      <c r="J4384" s="40">
        <v>72.916640333333902</v>
      </c>
      <c r="K4384" s="40">
        <v>12.376867312968352</v>
      </c>
      <c r="L4384" s="40"/>
      <c r="M4384" s="40"/>
      <c r="N4384" s="40"/>
    </row>
    <row r="4385" spans="4:14" x14ac:dyDescent="0.25">
      <c r="D4385" s="40">
        <v>72.947083000003218</v>
      </c>
      <c r="E4385" s="40">
        <v>19.955177806618384</v>
      </c>
      <c r="F4385" s="40">
        <v>72.933333000000005</v>
      </c>
      <c r="G4385" s="40">
        <v>18.731046331322304</v>
      </c>
      <c r="H4385" s="40">
        <v>72.933334000000002</v>
      </c>
      <c r="I4385" s="40">
        <v>14.896798344063939</v>
      </c>
      <c r="J4385" s="40">
        <v>72.933306994048195</v>
      </c>
      <c r="K4385" s="40">
        <v>12.376867312968352</v>
      </c>
      <c r="L4385" s="40"/>
      <c r="M4385" s="40"/>
      <c r="N4385" s="40"/>
    </row>
    <row r="4386" spans="4:14" x14ac:dyDescent="0.25">
      <c r="D4386" s="40">
        <v>72.963749000003219</v>
      </c>
      <c r="E4386" s="40">
        <v>19.955177806618384</v>
      </c>
      <c r="F4386" s="40">
        <v>72.949999999999989</v>
      </c>
      <c r="G4386" s="40">
        <v>18.735661715292078</v>
      </c>
      <c r="H4386" s="40">
        <v>72.950000000000017</v>
      </c>
      <c r="I4386" s="40">
        <v>14.900052470320526</v>
      </c>
      <c r="J4386" s="40">
        <v>72.949973654762402</v>
      </c>
      <c r="K4386" s="40">
        <v>12.376867312968352</v>
      </c>
      <c r="L4386" s="40"/>
      <c r="M4386" s="40"/>
      <c r="N4386" s="40"/>
    </row>
    <row r="4387" spans="4:14" x14ac:dyDescent="0.25">
      <c r="D4387" s="40">
        <v>72.980415000003219</v>
      </c>
      <c r="E4387" s="40">
        <v>19.955177806618384</v>
      </c>
      <c r="F4387" s="40">
        <v>72.966667000000001</v>
      </c>
      <c r="G4387" s="40">
        <v>18.735661715292078</v>
      </c>
      <c r="H4387" s="40">
        <v>72.966667000000001</v>
      </c>
      <c r="I4387" s="40">
        <v>14.903405206463958</v>
      </c>
      <c r="J4387" s="40">
        <v>72.966640315476695</v>
      </c>
      <c r="K4387" s="40">
        <v>12.376867312968352</v>
      </c>
      <c r="L4387" s="40"/>
      <c r="M4387" s="40"/>
      <c r="N4387" s="40"/>
    </row>
    <row r="4388" spans="4:14" x14ac:dyDescent="0.25">
      <c r="D4388" s="40">
        <v>72.99708100000322</v>
      </c>
      <c r="E4388" s="40">
        <v>19.955177806618384</v>
      </c>
      <c r="F4388" s="40">
        <v>72.983332999999988</v>
      </c>
      <c r="G4388" s="40">
        <v>18.735661715292078</v>
      </c>
      <c r="H4388" s="40">
        <v>72.983334000000013</v>
      </c>
      <c r="I4388" s="40">
        <v>14.903405206463958</v>
      </c>
      <c r="J4388" s="40">
        <v>72.983306976191002</v>
      </c>
      <c r="K4388" s="40">
        <v>12.381718356677585</v>
      </c>
      <c r="L4388" s="40"/>
      <c r="M4388" s="40"/>
      <c r="N4388" s="40"/>
    </row>
    <row r="4389" spans="4:14" x14ac:dyDescent="0.25">
      <c r="D4389" s="40">
        <v>73.013747000003221</v>
      </c>
      <c r="E4389" s="40">
        <v>19.960020985207933</v>
      </c>
      <c r="F4389" s="40">
        <v>73</v>
      </c>
      <c r="G4389" s="40">
        <v>18.740416959382298</v>
      </c>
      <c r="H4389" s="40">
        <v>73</v>
      </c>
      <c r="I4389" s="40">
        <v>14.906757942607216</v>
      </c>
      <c r="J4389" s="40">
        <v>72.999973636905295</v>
      </c>
      <c r="K4389" s="40">
        <v>12.381718356677585</v>
      </c>
      <c r="L4389" s="40"/>
      <c r="M4389" s="40"/>
      <c r="N4389" s="40"/>
    </row>
    <row r="4390" spans="4:14" x14ac:dyDescent="0.25">
      <c r="D4390" s="40">
        <v>73.030413000003222</v>
      </c>
      <c r="E4390" s="40">
        <v>19.964721717368231</v>
      </c>
      <c r="F4390" s="40">
        <v>73.016666999999984</v>
      </c>
      <c r="G4390" s="40">
        <v>18.740416959382298</v>
      </c>
      <c r="H4390" s="40">
        <v>73.016667000000012</v>
      </c>
      <c r="I4390" s="40">
        <v>14.910012068863979</v>
      </c>
      <c r="J4390" s="40">
        <v>73.016640297619603</v>
      </c>
      <c r="K4390" s="40">
        <v>12.381718356677585</v>
      </c>
      <c r="L4390" s="40"/>
      <c r="M4390" s="40"/>
      <c r="N4390" s="40"/>
    </row>
    <row r="4391" spans="4:14" x14ac:dyDescent="0.25">
      <c r="D4391" s="40">
        <v>73.047079000003222</v>
      </c>
      <c r="E4391" s="40">
        <v>19.964721717368231</v>
      </c>
      <c r="F4391" s="40">
        <v>73.033332999999999</v>
      </c>
      <c r="G4391" s="40">
        <v>18.745172203472517</v>
      </c>
      <c r="H4391" s="40">
        <v>73.033333999999996</v>
      </c>
      <c r="I4391" s="40">
        <v>14.910012068863979</v>
      </c>
      <c r="J4391" s="40">
        <v>73.033306958333895</v>
      </c>
      <c r="K4391" s="40">
        <v>12.381718356677585</v>
      </c>
      <c r="L4391" s="40"/>
      <c r="M4391" s="40"/>
      <c r="N4391" s="40"/>
    </row>
    <row r="4392" spans="4:14" x14ac:dyDescent="0.25">
      <c r="D4392" s="40">
        <v>73.063745000003223</v>
      </c>
      <c r="E4392" s="40">
        <v>19.969564895957781</v>
      </c>
      <c r="F4392" s="40">
        <v>73.049999999999983</v>
      </c>
      <c r="G4392" s="40">
        <v>18.745172203472517</v>
      </c>
      <c r="H4392" s="40">
        <v>73.050000000000011</v>
      </c>
      <c r="I4392" s="40">
        <v>14.913364805007236</v>
      </c>
      <c r="J4392" s="40">
        <v>73.049973619048203</v>
      </c>
      <c r="K4392" s="40">
        <v>12.381718356677585</v>
      </c>
      <c r="L4392" s="40"/>
      <c r="M4392" s="40"/>
      <c r="N4392" s="40"/>
    </row>
    <row r="4393" spans="4:14" x14ac:dyDescent="0.25">
      <c r="D4393" s="40">
        <v>73.080411000003224</v>
      </c>
      <c r="E4393" s="40">
        <v>19.97440807454733</v>
      </c>
      <c r="F4393" s="40">
        <v>73.066666999999995</v>
      </c>
      <c r="G4393" s="40">
        <v>18.749787587442292</v>
      </c>
      <c r="H4393" s="40">
        <v>73.066666999999995</v>
      </c>
      <c r="I4393" s="40">
        <v>14.916717541150669</v>
      </c>
      <c r="J4393" s="40">
        <v>73.066640279762396</v>
      </c>
      <c r="K4393" s="40">
        <v>12.381718356677585</v>
      </c>
      <c r="L4393" s="40"/>
      <c r="M4393" s="40"/>
      <c r="N4393" s="40"/>
    </row>
    <row r="4394" spans="4:14" x14ac:dyDescent="0.25">
      <c r="D4394" s="40">
        <v>73.097077000003225</v>
      </c>
      <c r="E4394" s="40">
        <v>19.97440807454733</v>
      </c>
      <c r="F4394" s="40">
        <v>73.083332999999982</v>
      </c>
      <c r="G4394" s="40">
        <v>18.749787587442292</v>
      </c>
      <c r="H4394" s="40">
        <v>73.083334000000008</v>
      </c>
      <c r="I4394" s="40">
        <v>14.916717541150669</v>
      </c>
      <c r="J4394" s="40">
        <v>73.083306940476703</v>
      </c>
      <c r="K4394" s="40">
        <v>12.381718356677585</v>
      </c>
      <c r="L4394" s="40"/>
      <c r="M4394" s="40"/>
      <c r="N4394" s="40"/>
    </row>
    <row r="4395" spans="4:14" x14ac:dyDescent="0.25">
      <c r="D4395" s="40">
        <v>73.113743000003225</v>
      </c>
      <c r="E4395" s="40">
        <v>19.979108806707757</v>
      </c>
      <c r="F4395" s="40">
        <v>73.099999999999994</v>
      </c>
      <c r="G4395" s="40">
        <v>18.754542831532511</v>
      </c>
      <c r="H4395" s="40">
        <v>73.099999999999994</v>
      </c>
      <c r="I4395" s="40">
        <v>14.919971667407431</v>
      </c>
      <c r="J4395" s="40">
        <v>73.099973601190996</v>
      </c>
      <c r="K4395" s="40">
        <v>12.381718356677585</v>
      </c>
      <c r="L4395" s="40"/>
      <c r="M4395" s="40"/>
      <c r="N4395" s="40"/>
    </row>
    <row r="4396" spans="4:14" x14ac:dyDescent="0.25">
      <c r="D4396" s="40">
        <v>73.130409000003226</v>
      </c>
      <c r="E4396" s="40">
        <v>19.979108806707757</v>
      </c>
      <c r="F4396" s="40">
        <v>73.116667000000007</v>
      </c>
      <c r="G4396" s="40">
        <v>18.754542831532511</v>
      </c>
      <c r="H4396" s="40">
        <v>73.116667000000007</v>
      </c>
      <c r="I4396" s="40">
        <v>14.923324403550687</v>
      </c>
      <c r="J4396" s="40">
        <v>73.116640261905303</v>
      </c>
      <c r="K4396" s="40">
        <v>12.381718356677585</v>
      </c>
      <c r="L4396" s="40"/>
      <c r="M4396" s="40"/>
      <c r="N4396" s="40"/>
    </row>
    <row r="4397" spans="4:14" x14ac:dyDescent="0.25">
      <c r="D4397" s="40">
        <v>73.147075000003227</v>
      </c>
      <c r="E4397" s="40">
        <v>19.983951985297178</v>
      </c>
      <c r="F4397" s="40">
        <v>73.133332999999993</v>
      </c>
      <c r="G4397" s="40">
        <v>18.759298075622734</v>
      </c>
      <c r="H4397" s="40">
        <v>73.133334000000019</v>
      </c>
      <c r="I4397" s="40">
        <v>14.923324403550687</v>
      </c>
      <c r="J4397" s="40">
        <v>73.133306922619596</v>
      </c>
      <c r="K4397" s="40">
        <v>12.381718356677585</v>
      </c>
      <c r="L4397" s="40"/>
      <c r="M4397" s="40"/>
      <c r="N4397" s="40"/>
    </row>
    <row r="4398" spans="4:14" x14ac:dyDescent="0.25">
      <c r="D4398" s="40">
        <v>73.163741000003228</v>
      </c>
      <c r="E4398" s="40">
        <v>19.983951985297178</v>
      </c>
      <c r="F4398" s="40">
        <v>73.150000000000006</v>
      </c>
      <c r="G4398" s="40">
        <v>18.759298075622734</v>
      </c>
      <c r="H4398" s="40">
        <v>73.150000000000006</v>
      </c>
      <c r="I4398" s="40">
        <v>14.926677139693945</v>
      </c>
      <c r="J4398" s="40">
        <v>73.149973583333903</v>
      </c>
      <c r="K4398" s="40">
        <v>12.381718356677585</v>
      </c>
      <c r="L4398" s="40"/>
      <c r="M4398" s="40"/>
      <c r="N4398" s="40"/>
    </row>
    <row r="4399" spans="4:14" x14ac:dyDescent="0.25">
      <c r="D4399" s="40">
        <v>73.180407000003228</v>
      </c>
      <c r="E4399" s="40">
        <v>19.983951985297178</v>
      </c>
      <c r="F4399" s="40">
        <v>73.16666699999999</v>
      </c>
      <c r="G4399" s="40">
        <v>18.763913459592636</v>
      </c>
      <c r="H4399" s="40">
        <v>73.166667000000018</v>
      </c>
      <c r="I4399" s="40">
        <v>14.929931265950708</v>
      </c>
      <c r="J4399" s="40">
        <v>73.166640244048196</v>
      </c>
      <c r="K4399" s="40">
        <v>12.386569400386691</v>
      </c>
      <c r="L4399" s="40"/>
      <c r="M4399" s="40"/>
      <c r="N4399" s="40"/>
    </row>
    <row r="4400" spans="4:14" x14ac:dyDescent="0.25">
      <c r="D4400" s="40">
        <v>73.197073000003229</v>
      </c>
      <c r="E4400" s="40">
        <v>19.988795163886728</v>
      </c>
      <c r="F4400" s="40">
        <v>73.183333000000005</v>
      </c>
      <c r="G4400" s="40">
        <v>18.763913459592636</v>
      </c>
      <c r="H4400" s="40">
        <v>73.183334000000002</v>
      </c>
      <c r="I4400" s="40">
        <v>14.929931265950708</v>
      </c>
      <c r="J4400" s="40">
        <v>73.183306904762503</v>
      </c>
      <c r="K4400" s="40">
        <v>12.386569400386691</v>
      </c>
      <c r="L4400" s="40"/>
      <c r="M4400" s="40"/>
      <c r="N4400" s="40"/>
    </row>
    <row r="4401" spans="4:14" x14ac:dyDescent="0.25">
      <c r="D4401" s="40">
        <v>73.21373900000323</v>
      </c>
      <c r="E4401" s="40">
        <v>19.988795163886728</v>
      </c>
      <c r="F4401" s="40">
        <v>73.199999999999989</v>
      </c>
      <c r="G4401" s="40">
        <v>18.763913459592636</v>
      </c>
      <c r="H4401" s="40">
        <v>73.200000000000017</v>
      </c>
      <c r="I4401" s="40">
        <v>14.933284002093965</v>
      </c>
      <c r="J4401" s="40">
        <v>73.199973565476697</v>
      </c>
      <c r="K4401" s="40">
        <v>12.386569400386691</v>
      </c>
      <c r="L4401" s="40"/>
      <c r="M4401" s="40"/>
      <c r="N4401" s="40"/>
    </row>
    <row r="4402" spans="4:14" x14ac:dyDescent="0.25">
      <c r="D4402" s="40">
        <v>73.23040500000323</v>
      </c>
      <c r="E4402" s="40">
        <v>19.99349589604715</v>
      </c>
      <c r="F4402" s="40">
        <v>73.216667000000001</v>
      </c>
      <c r="G4402" s="40">
        <v>18.768668703682728</v>
      </c>
      <c r="H4402" s="40">
        <v>73.216667000000001</v>
      </c>
      <c r="I4402" s="40">
        <v>14.936636738237398</v>
      </c>
      <c r="J4402" s="40">
        <v>73.216640226191004</v>
      </c>
      <c r="K4402" s="40">
        <v>12.386569400386691</v>
      </c>
      <c r="L4402" s="40"/>
      <c r="M4402" s="40"/>
      <c r="N4402" s="40"/>
    </row>
    <row r="4403" spans="4:14" x14ac:dyDescent="0.25">
      <c r="D4403" s="40">
        <v>73.247071000003231</v>
      </c>
      <c r="E4403" s="40">
        <v>19.99349589604715</v>
      </c>
      <c r="F4403" s="40">
        <v>73.233332999999988</v>
      </c>
      <c r="G4403" s="40">
        <v>18.768668703682728</v>
      </c>
      <c r="H4403" s="40">
        <v>73.233334000000013</v>
      </c>
      <c r="I4403" s="40">
        <v>14.936636738237398</v>
      </c>
      <c r="J4403" s="40">
        <v>73.233306886905297</v>
      </c>
      <c r="K4403" s="40">
        <v>12.391277766339751</v>
      </c>
      <c r="L4403" s="40"/>
      <c r="M4403" s="40"/>
      <c r="N4403" s="40"/>
    </row>
    <row r="4404" spans="4:14" x14ac:dyDescent="0.25">
      <c r="D4404" s="40">
        <v>73.263737000003232</v>
      </c>
      <c r="E4404" s="40">
        <v>19.99349589604715</v>
      </c>
      <c r="F4404" s="40">
        <v>73.25</v>
      </c>
      <c r="G4404" s="40">
        <v>18.768668703682728</v>
      </c>
      <c r="H4404" s="40">
        <v>73.25</v>
      </c>
      <c r="I4404" s="40">
        <v>14.939890864494162</v>
      </c>
      <c r="J4404" s="40">
        <v>73.249973547619604</v>
      </c>
      <c r="K4404" s="40">
        <v>12.391277766339751</v>
      </c>
      <c r="L4404" s="40"/>
      <c r="M4404" s="40"/>
      <c r="N4404" s="40"/>
    </row>
    <row r="4405" spans="4:14" x14ac:dyDescent="0.25">
      <c r="D4405" s="40">
        <v>73.280403000003233</v>
      </c>
      <c r="E4405" s="40">
        <v>19.99349589604715</v>
      </c>
      <c r="F4405" s="40">
        <v>73.266666999999984</v>
      </c>
      <c r="G4405" s="40">
        <v>18.773423947772947</v>
      </c>
      <c r="H4405" s="40">
        <v>73.266667000000012</v>
      </c>
      <c r="I4405" s="40">
        <v>14.939890864494162</v>
      </c>
      <c r="J4405" s="40">
        <v>73.266640208333897</v>
      </c>
      <c r="K4405" s="40">
        <v>12.391277766339751</v>
      </c>
      <c r="L4405" s="40"/>
      <c r="M4405" s="40"/>
      <c r="N4405" s="40"/>
    </row>
    <row r="4406" spans="4:14" x14ac:dyDescent="0.25">
      <c r="D4406" s="40">
        <v>73.297069000003233</v>
      </c>
      <c r="E4406" s="40">
        <v>19.99349589604715</v>
      </c>
      <c r="F4406" s="40">
        <v>73.283332999999999</v>
      </c>
      <c r="G4406" s="40">
        <v>18.773423947772947</v>
      </c>
      <c r="H4406" s="40">
        <v>73.283333999999996</v>
      </c>
      <c r="I4406" s="40">
        <v>14.943243600637418</v>
      </c>
      <c r="J4406" s="40">
        <v>73.283306869048204</v>
      </c>
      <c r="K4406" s="40">
        <v>12.391277766339751</v>
      </c>
      <c r="L4406" s="40"/>
      <c r="M4406" s="40"/>
      <c r="N4406" s="40"/>
    </row>
    <row r="4407" spans="4:14" x14ac:dyDescent="0.25">
      <c r="D4407" s="40">
        <v>73.313735000003234</v>
      </c>
      <c r="E4407" s="40">
        <v>19.99349589604715</v>
      </c>
      <c r="F4407" s="40">
        <v>73.299999999999983</v>
      </c>
      <c r="G4407" s="40">
        <v>18.773423947772947</v>
      </c>
      <c r="H4407" s="40">
        <v>73.300000000000011</v>
      </c>
      <c r="I4407" s="40">
        <v>14.946596336780676</v>
      </c>
      <c r="J4407" s="40">
        <v>73.299973529762397</v>
      </c>
      <c r="K4407" s="40">
        <v>12.391277766339751</v>
      </c>
      <c r="L4407" s="40"/>
      <c r="M4407" s="40"/>
      <c r="N4407" s="40"/>
    </row>
    <row r="4408" spans="4:14" x14ac:dyDescent="0.25">
      <c r="D4408" s="40">
        <v>73.330401000003235</v>
      </c>
      <c r="E4408" s="40">
        <v>19.998339074636572</v>
      </c>
      <c r="F4408" s="40">
        <v>73.316666999999995</v>
      </c>
      <c r="G4408" s="40">
        <v>18.77803933174285</v>
      </c>
      <c r="H4408" s="40">
        <v>73.316666999999995</v>
      </c>
      <c r="I4408" s="40">
        <v>14.946596336780676</v>
      </c>
      <c r="J4408" s="40">
        <v>73.316640190476704</v>
      </c>
      <c r="K4408" s="40">
        <v>12.391277766339751</v>
      </c>
      <c r="L4408" s="40"/>
      <c r="M4408" s="40"/>
      <c r="N4408" s="40"/>
    </row>
    <row r="4409" spans="4:14" x14ac:dyDescent="0.25">
      <c r="D4409" s="40">
        <v>73.347067000003236</v>
      </c>
      <c r="E4409" s="40">
        <v>19.998339074636572</v>
      </c>
      <c r="F4409" s="40">
        <v>73.333332999999982</v>
      </c>
      <c r="G4409" s="40">
        <v>18.77803933174285</v>
      </c>
      <c r="H4409" s="40">
        <v>73.333334000000008</v>
      </c>
      <c r="I4409" s="40">
        <v>14.949850463037439</v>
      </c>
      <c r="J4409" s="40">
        <v>73.333306851190997</v>
      </c>
      <c r="K4409" s="40">
        <v>12.391277766339751</v>
      </c>
      <c r="L4409" s="40"/>
      <c r="M4409" s="40"/>
      <c r="N4409" s="40"/>
    </row>
    <row r="4410" spans="4:14" x14ac:dyDescent="0.25">
      <c r="D4410" s="40">
        <v>73.363733000003236</v>
      </c>
      <c r="E4410" s="40">
        <v>19.998339074636572</v>
      </c>
      <c r="F4410" s="40">
        <v>73.349999999999994</v>
      </c>
      <c r="G4410" s="40">
        <v>18.77803933174285</v>
      </c>
      <c r="H4410" s="40">
        <v>73.349999999999994</v>
      </c>
      <c r="I4410" s="40">
        <v>14.953203199180871</v>
      </c>
      <c r="J4410" s="40">
        <v>73.349973511905304</v>
      </c>
      <c r="K4410" s="40">
        <v>12.396128810048983</v>
      </c>
      <c r="L4410" s="40"/>
      <c r="M4410" s="40"/>
      <c r="N4410" s="40"/>
    </row>
    <row r="4411" spans="4:14" x14ac:dyDescent="0.25">
      <c r="D4411" s="40">
        <v>73.380399000003237</v>
      </c>
      <c r="E4411" s="40">
        <v>19.998339074636572</v>
      </c>
      <c r="F4411" s="40">
        <v>73.366667000000007</v>
      </c>
      <c r="G4411" s="40">
        <v>18.782794575832941</v>
      </c>
      <c r="H4411" s="40">
        <v>73.366667000000007</v>
      </c>
      <c r="I4411" s="40">
        <v>14.956555935324129</v>
      </c>
      <c r="J4411" s="40">
        <v>73.366640172619597</v>
      </c>
      <c r="K4411" s="40">
        <v>12.396128810048983</v>
      </c>
      <c r="L4411" s="40"/>
      <c r="M4411" s="40"/>
      <c r="N4411" s="40"/>
    </row>
    <row r="4412" spans="4:14" x14ac:dyDescent="0.25">
      <c r="D4412" s="40">
        <v>73.397065000003238</v>
      </c>
      <c r="E4412" s="40">
        <v>19.998339074636572</v>
      </c>
      <c r="F4412" s="40">
        <v>73.383332999999993</v>
      </c>
      <c r="G4412" s="40">
        <v>18.782794575832941</v>
      </c>
      <c r="H4412" s="40">
        <v>73.383334000000019</v>
      </c>
      <c r="I4412" s="40">
        <v>14.956555935324129</v>
      </c>
      <c r="J4412" s="40">
        <v>73.383306833333904</v>
      </c>
      <c r="K4412" s="40">
        <v>12.396128810048983</v>
      </c>
      <c r="L4412" s="40"/>
      <c r="M4412" s="40"/>
      <c r="N4412" s="40"/>
    </row>
    <row r="4413" spans="4:14" x14ac:dyDescent="0.25">
      <c r="D4413" s="40">
        <v>73.413731000003239</v>
      </c>
      <c r="E4413" s="40">
        <v>19.998339074636572</v>
      </c>
      <c r="F4413" s="40">
        <v>73.400000000000006</v>
      </c>
      <c r="G4413" s="40">
        <v>18.782794575832941</v>
      </c>
      <c r="H4413" s="40">
        <v>73.400000000000006</v>
      </c>
      <c r="I4413" s="40">
        <v>14.959908671467385</v>
      </c>
      <c r="J4413" s="40">
        <v>73.399973494048197</v>
      </c>
      <c r="K4413" s="40">
        <v>12.396128810048983</v>
      </c>
      <c r="L4413" s="40"/>
      <c r="M4413" s="40"/>
      <c r="N4413" s="40"/>
    </row>
    <row r="4414" spans="4:14" x14ac:dyDescent="0.25">
      <c r="D4414" s="40">
        <v>73.430397000003239</v>
      </c>
      <c r="E4414" s="40">
        <v>19.998339074636572</v>
      </c>
      <c r="F4414" s="40">
        <v>73.41666699999999</v>
      </c>
      <c r="G4414" s="40">
        <v>18.787549819923161</v>
      </c>
      <c r="H4414" s="40">
        <v>73.416667000000018</v>
      </c>
      <c r="I4414" s="40">
        <v>14.963162797724147</v>
      </c>
      <c r="J4414" s="40">
        <v>73.416640154762504</v>
      </c>
      <c r="K4414" s="40">
        <v>12.396128810048983</v>
      </c>
      <c r="L4414" s="40"/>
      <c r="M4414" s="40"/>
      <c r="N4414" s="40"/>
    </row>
    <row r="4415" spans="4:14" x14ac:dyDescent="0.25">
      <c r="D4415" s="60">
        <v>73.44706300000324</v>
      </c>
      <c r="E4415" s="60">
        <v>20.003182253226122</v>
      </c>
      <c r="F4415" s="40">
        <v>73.433333000000005</v>
      </c>
      <c r="G4415" s="40">
        <v>18.787549819923161</v>
      </c>
      <c r="H4415" s="40">
        <v>73.433334000000002</v>
      </c>
      <c r="I4415" s="40">
        <v>14.963162797724147</v>
      </c>
      <c r="J4415" s="40">
        <v>73.433306815476698</v>
      </c>
      <c r="K4415" s="40">
        <v>12.396128810048983</v>
      </c>
      <c r="L4415" s="40"/>
      <c r="M4415" s="40"/>
      <c r="N4415" s="40"/>
    </row>
    <row r="4416" spans="4:14" x14ac:dyDescent="0.25">
      <c r="D4416" s="40">
        <v>73.463729000003241</v>
      </c>
      <c r="E4416" s="40">
        <v>20.003182253226122</v>
      </c>
      <c r="F4416" s="40">
        <v>73.449999999999989</v>
      </c>
      <c r="G4416" s="40">
        <v>18.792165203893063</v>
      </c>
      <c r="H4416" s="40">
        <v>73.450000000000017</v>
      </c>
      <c r="I4416" s="40">
        <v>14.966515533867405</v>
      </c>
      <c r="J4416" s="40">
        <v>73.449973476191005</v>
      </c>
      <c r="K4416" s="40">
        <v>12.40097985375809</v>
      </c>
      <c r="L4416" s="40"/>
      <c r="M4416" s="40"/>
      <c r="N4416" s="40"/>
    </row>
    <row r="4417" spans="4:14" x14ac:dyDescent="0.25">
      <c r="D4417" s="40">
        <v>73.480395000003242</v>
      </c>
      <c r="E4417" s="40">
        <v>20.003182253226122</v>
      </c>
      <c r="F4417" s="40">
        <v>73.466667000000001</v>
      </c>
      <c r="G4417" s="40">
        <v>18.792165203893063</v>
      </c>
      <c r="H4417" s="40">
        <v>73.466667000000001</v>
      </c>
      <c r="I4417" s="40">
        <v>14.969868270010837</v>
      </c>
      <c r="J4417" s="40">
        <v>73.466640136905298</v>
      </c>
      <c r="K4417" s="40">
        <v>12.40097985375809</v>
      </c>
      <c r="L4417" s="40"/>
      <c r="M4417" s="40"/>
      <c r="N4417" s="40"/>
    </row>
    <row r="4418" spans="4:14" x14ac:dyDescent="0.25">
      <c r="D4418" s="40">
        <v>73.497061000003242</v>
      </c>
      <c r="E4418" s="40">
        <v>20.003182253226122</v>
      </c>
      <c r="F4418" s="40">
        <v>73.483332999999988</v>
      </c>
      <c r="G4418" s="40">
        <v>18.796920447983158</v>
      </c>
      <c r="H4418" s="40">
        <v>73.483334000000013</v>
      </c>
      <c r="I4418" s="40">
        <v>14.9731223962676</v>
      </c>
      <c r="J4418" s="40">
        <v>73.483306797619605</v>
      </c>
      <c r="K4418" s="40">
        <v>12.40097985375809</v>
      </c>
      <c r="L4418" s="40"/>
      <c r="M4418" s="40"/>
      <c r="N4418" s="40"/>
    </row>
    <row r="4419" spans="4:14" x14ac:dyDescent="0.25">
      <c r="D4419" s="40">
        <v>73.513727000003243</v>
      </c>
      <c r="E4419" s="40">
        <v>20.003182253226122</v>
      </c>
      <c r="F4419" s="40">
        <v>73.5</v>
      </c>
      <c r="G4419" s="40">
        <v>18.796920447983158</v>
      </c>
      <c r="H4419" s="40">
        <v>73.5</v>
      </c>
      <c r="I4419" s="40">
        <v>14.976475132410858</v>
      </c>
      <c r="J4419" s="40">
        <v>73.499973458333898</v>
      </c>
      <c r="K4419" s="40">
        <v>12.40097985375809</v>
      </c>
      <c r="L4419" s="40"/>
      <c r="M4419" s="40"/>
      <c r="N4419" s="40"/>
    </row>
    <row r="4420" spans="4:14" x14ac:dyDescent="0.25">
      <c r="D4420" s="40">
        <v>73.530393000003244</v>
      </c>
      <c r="E4420" s="40">
        <v>20.003182253226122</v>
      </c>
      <c r="F4420" s="40">
        <v>73.516666999999984</v>
      </c>
      <c r="G4420" s="40">
        <v>18.801675692073378</v>
      </c>
      <c r="H4420" s="40">
        <v>73.516667000000012</v>
      </c>
      <c r="I4420" s="40">
        <v>14.976475132410858</v>
      </c>
      <c r="J4420" s="40">
        <v>73.516640119048205</v>
      </c>
      <c r="K4420" s="40">
        <v>12.405688219711148</v>
      </c>
      <c r="L4420" s="40"/>
      <c r="M4420" s="40"/>
      <c r="N4420" s="40"/>
    </row>
    <row r="4421" spans="4:14" x14ac:dyDescent="0.25">
      <c r="D4421" s="40">
        <v>73.547059000003244</v>
      </c>
      <c r="E4421" s="40">
        <v>20.003182253226122</v>
      </c>
      <c r="F4421" s="40">
        <v>73.533332999999999</v>
      </c>
      <c r="G4421" s="40">
        <v>18.801675692073378</v>
      </c>
      <c r="H4421" s="40">
        <v>73.533333999999996</v>
      </c>
      <c r="I4421" s="40">
        <v>14.979827868554116</v>
      </c>
      <c r="J4421" s="40">
        <v>73.533306779762398</v>
      </c>
      <c r="K4421" s="40">
        <v>12.405688219711148</v>
      </c>
      <c r="L4421" s="40"/>
      <c r="M4421" s="40"/>
      <c r="N4421" s="40"/>
    </row>
    <row r="4422" spans="4:14" x14ac:dyDescent="0.25">
      <c r="D4422" s="40">
        <v>73.563725000003245</v>
      </c>
      <c r="E4422" s="40">
        <v>20.007882985386548</v>
      </c>
      <c r="F4422" s="40">
        <v>73.549999999999983</v>
      </c>
      <c r="G4422" s="40">
        <v>18.801675692073378</v>
      </c>
      <c r="H4422" s="40">
        <v>73.550000000000011</v>
      </c>
      <c r="I4422" s="40">
        <v>14.983081994810878</v>
      </c>
      <c r="J4422" s="40">
        <v>73.549973440476705</v>
      </c>
      <c r="K4422" s="40">
        <v>12.410539263420381</v>
      </c>
      <c r="L4422" s="40"/>
      <c r="M4422" s="40"/>
      <c r="N4422" s="40"/>
    </row>
    <row r="4423" spans="4:14" x14ac:dyDescent="0.25">
      <c r="D4423" s="40">
        <v>73.580391000003246</v>
      </c>
      <c r="E4423" s="40">
        <v>20.007882985386548</v>
      </c>
      <c r="F4423" s="40">
        <v>73.566666999999995</v>
      </c>
      <c r="G4423" s="40">
        <v>18.80629107604328</v>
      </c>
      <c r="H4423" s="40">
        <v>73.566666999999995</v>
      </c>
      <c r="I4423" s="40">
        <v>14.983081994810878</v>
      </c>
      <c r="J4423" s="40">
        <v>73.566640101190998</v>
      </c>
      <c r="K4423" s="40">
        <v>12.410539263420381</v>
      </c>
      <c r="L4423" s="40"/>
      <c r="M4423" s="40"/>
      <c r="N4423" s="40"/>
    </row>
    <row r="4424" spans="4:14" x14ac:dyDescent="0.25">
      <c r="D4424" s="40">
        <v>73.597057000003247</v>
      </c>
      <c r="E4424" s="40">
        <v>20.007882985386548</v>
      </c>
      <c r="F4424" s="40">
        <v>73.583332999999982</v>
      </c>
      <c r="G4424" s="40">
        <v>18.80629107604328</v>
      </c>
      <c r="H4424" s="40">
        <v>73.583334000000008</v>
      </c>
      <c r="I4424" s="40">
        <v>14.986434730954311</v>
      </c>
      <c r="J4424" s="40">
        <v>73.583306761905305</v>
      </c>
      <c r="K4424" s="40">
        <v>12.410539263420381</v>
      </c>
      <c r="L4424" s="40"/>
      <c r="M4424" s="40"/>
      <c r="N4424" s="40"/>
    </row>
    <row r="4425" spans="4:14" x14ac:dyDescent="0.25">
      <c r="D4425" s="40">
        <v>73.613723000003247</v>
      </c>
      <c r="E4425" s="40">
        <v>20.012726163975969</v>
      </c>
      <c r="F4425" s="40">
        <v>73.599999999999994</v>
      </c>
      <c r="G4425" s="40">
        <v>18.80629107604328</v>
      </c>
      <c r="H4425" s="40">
        <v>73.599999999999994</v>
      </c>
      <c r="I4425" s="40">
        <v>14.989787467097567</v>
      </c>
      <c r="J4425" s="40">
        <v>73.599973422619598</v>
      </c>
      <c r="K4425" s="40">
        <v>12.410539263420381</v>
      </c>
      <c r="L4425" s="40"/>
      <c r="M4425" s="40"/>
      <c r="N4425" s="40"/>
    </row>
    <row r="4426" spans="4:14" x14ac:dyDescent="0.25">
      <c r="D4426" s="40">
        <v>73.630389000003248</v>
      </c>
      <c r="E4426" s="40">
        <v>20.012726163975969</v>
      </c>
      <c r="F4426" s="40">
        <v>73.616667000000007</v>
      </c>
      <c r="G4426" s="40">
        <v>18.811046320133496</v>
      </c>
      <c r="H4426" s="40">
        <v>73.616667000000007</v>
      </c>
      <c r="I4426" s="40">
        <v>14.993041593354331</v>
      </c>
      <c r="J4426" s="40">
        <v>73.616640083333905</v>
      </c>
      <c r="K4426" s="40">
        <v>12.415390307129613</v>
      </c>
      <c r="L4426" s="40"/>
      <c r="M4426" s="40"/>
      <c r="N4426" s="40"/>
    </row>
    <row r="4427" spans="4:14" x14ac:dyDescent="0.25">
      <c r="D4427" s="40">
        <v>73.647055000003249</v>
      </c>
      <c r="E4427" s="40">
        <v>20.012726163975969</v>
      </c>
      <c r="F4427" s="40">
        <v>73.633332999999993</v>
      </c>
      <c r="G4427" s="40">
        <v>18.811046320133496</v>
      </c>
      <c r="H4427" s="40">
        <v>73.633334000000019</v>
      </c>
      <c r="I4427" s="40">
        <v>14.993041593354331</v>
      </c>
      <c r="J4427" s="40">
        <v>73.633306744048198</v>
      </c>
      <c r="K4427" s="40">
        <v>12.415390307129613</v>
      </c>
      <c r="L4427" s="40"/>
      <c r="M4427" s="40"/>
      <c r="N4427" s="40"/>
    </row>
    <row r="4428" spans="4:14" x14ac:dyDescent="0.25">
      <c r="D4428" s="40">
        <v>73.66372100000325</v>
      </c>
      <c r="E4428" s="40">
        <v>20.017569342565515</v>
      </c>
      <c r="F4428" s="40">
        <v>73.650000000000006</v>
      </c>
      <c r="G4428" s="40">
        <v>18.815801564223591</v>
      </c>
      <c r="H4428" s="40">
        <v>73.650000000000006</v>
      </c>
      <c r="I4428" s="40">
        <v>14.996394329497589</v>
      </c>
      <c r="J4428" s="40">
        <v>73.649973404762505</v>
      </c>
      <c r="K4428" s="40">
        <v>12.415390307129613</v>
      </c>
      <c r="L4428" s="40"/>
      <c r="M4428" s="40"/>
      <c r="N4428" s="40"/>
    </row>
    <row r="4429" spans="4:14" x14ac:dyDescent="0.25">
      <c r="D4429" s="40">
        <v>73.68038700000325</v>
      </c>
      <c r="E4429" s="40">
        <v>20.017569342565515</v>
      </c>
      <c r="F4429" s="40">
        <v>73.66666699999999</v>
      </c>
      <c r="G4429" s="40">
        <v>18.815801564223591</v>
      </c>
      <c r="H4429" s="40">
        <v>73.666667000000018</v>
      </c>
      <c r="I4429" s="40">
        <v>14.999747065640847</v>
      </c>
      <c r="J4429" s="40">
        <v>73.666640065476699</v>
      </c>
      <c r="K4429" s="40">
        <v>12.415390307129613</v>
      </c>
      <c r="L4429" s="40"/>
      <c r="M4429" s="40"/>
      <c r="N4429" s="40"/>
    </row>
    <row r="4430" spans="4:14" x14ac:dyDescent="0.25">
      <c r="D4430" s="40">
        <v>73.697053000003251</v>
      </c>
      <c r="E4430" s="40">
        <v>20.017569342565515</v>
      </c>
      <c r="F4430" s="40">
        <v>73.683333000000005</v>
      </c>
      <c r="G4430" s="40">
        <v>18.815801564223591</v>
      </c>
      <c r="H4430" s="40">
        <v>73.683334000000002</v>
      </c>
      <c r="I4430" s="40">
        <v>15.003001191897608</v>
      </c>
      <c r="J4430" s="40">
        <v>73.683306726191006</v>
      </c>
      <c r="K4430" s="40">
        <v>12.420098673082547</v>
      </c>
      <c r="L4430" s="40"/>
      <c r="M4430" s="40"/>
      <c r="N4430" s="40"/>
    </row>
    <row r="4431" spans="4:14" x14ac:dyDescent="0.25">
      <c r="D4431" s="40">
        <v>73.713719000003252</v>
      </c>
      <c r="E4431" s="40">
        <v>20.022412521155069</v>
      </c>
      <c r="F4431" s="40">
        <v>73.699999999999989</v>
      </c>
      <c r="G4431" s="40">
        <v>18.820416948193493</v>
      </c>
      <c r="H4431" s="40">
        <v>73.700000000000017</v>
      </c>
      <c r="I4431" s="40">
        <v>15.003001191897608</v>
      </c>
      <c r="J4431" s="40">
        <v>73.699973386905299</v>
      </c>
      <c r="K4431" s="40">
        <v>12.420098673082547</v>
      </c>
      <c r="L4431" s="40"/>
      <c r="M4431" s="40"/>
      <c r="N4431" s="40"/>
    </row>
    <row r="4432" spans="4:14" x14ac:dyDescent="0.25">
      <c r="D4432" s="40">
        <v>73.730385000003253</v>
      </c>
      <c r="E4432" s="40">
        <v>20.022412521155069</v>
      </c>
      <c r="F4432" s="40">
        <v>73.716667000000001</v>
      </c>
      <c r="G4432" s="40">
        <v>18.820416948193493</v>
      </c>
      <c r="H4432" s="40">
        <v>73.716667000000001</v>
      </c>
      <c r="I4432" s="40">
        <v>15.00635392804104</v>
      </c>
      <c r="J4432" s="40">
        <v>73.716640047619606</v>
      </c>
      <c r="K4432" s="40">
        <v>12.42494971679178</v>
      </c>
      <c r="L4432" s="40"/>
      <c r="M4432" s="40"/>
      <c r="N4432" s="40"/>
    </row>
    <row r="4433" spans="4:14" x14ac:dyDescent="0.25">
      <c r="D4433" s="40">
        <v>73.747051000003253</v>
      </c>
      <c r="E4433" s="40">
        <v>20.022412521155069</v>
      </c>
      <c r="F4433" s="40">
        <v>73.733332999999988</v>
      </c>
      <c r="G4433" s="40">
        <v>18.820416948193493</v>
      </c>
      <c r="H4433" s="40">
        <v>73.733334000000013</v>
      </c>
      <c r="I4433" s="40">
        <v>15.009706664184296</v>
      </c>
      <c r="J4433" s="40">
        <v>73.733306708333899</v>
      </c>
      <c r="K4433" s="40">
        <v>12.42494971679178</v>
      </c>
      <c r="L4433" s="40"/>
      <c r="M4433" s="40"/>
      <c r="N4433" s="40"/>
    </row>
    <row r="4434" spans="4:14" x14ac:dyDescent="0.25">
      <c r="D4434" s="40">
        <v>73.763717000003254</v>
      </c>
      <c r="E4434" s="40">
        <v>20.027113253315488</v>
      </c>
      <c r="F4434" s="40">
        <v>73.75</v>
      </c>
      <c r="G4434" s="40">
        <v>18.825172192283709</v>
      </c>
      <c r="H4434" s="40">
        <v>73.75</v>
      </c>
      <c r="I4434" s="40">
        <v>15.009706664184296</v>
      </c>
      <c r="J4434" s="40">
        <v>73.749973369048206</v>
      </c>
      <c r="K4434" s="40">
        <v>12.42494971679178</v>
      </c>
      <c r="L4434" s="40"/>
      <c r="M4434" s="40"/>
      <c r="N4434" s="40"/>
    </row>
    <row r="4435" spans="4:14" x14ac:dyDescent="0.25">
      <c r="D4435" s="40">
        <v>73.780383000003255</v>
      </c>
      <c r="E4435" s="40">
        <v>20.027113253315488</v>
      </c>
      <c r="F4435" s="40">
        <v>73.766666999999984</v>
      </c>
      <c r="G4435" s="40">
        <v>18.829927436373804</v>
      </c>
      <c r="H4435" s="40">
        <v>73.766667000000012</v>
      </c>
      <c r="I4435" s="40">
        <v>15.01296079044106</v>
      </c>
      <c r="J4435" s="40">
        <v>73.766640029762499</v>
      </c>
      <c r="K4435" s="40">
        <v>12.42494971679178</v>
      </c>
      <c r="L4435" s="40"/>
      <c r="M4435" s="40"/>
      <c r="N4435" s="40"/>
    </row>
    <row r="4436" spans="4:14" x14ac:dyDescent="0.25">
      <c r="D4436" s="40">
        <v>73.797049000003256</v>
      </c>
      <c r="E4436" s="40">
        <v>20.027113253315488</v>
      </c>
      <c r="F4436" s="40">
        <v>73.783332999999999</v>
      </c>
      <c r="G4436" s="40">
        <v>18.829927436373804</v>
      </c>
      <c r="H4436" s="40">
        <v>73.783333999999996</v>
      </c>
      <c r="I4436" s="40">
        <v>15.016313526584318</v>
      </c>
      <c r="J4436" s="40">
        <v>73.783306690476707</v>
      </c>
      <c r="K4436" s="40">
        <v>12.429800760501012</v>
      </c>
      <c r="L4436" s="40"/>
      <c r="M4436" s="40"/>
      <c r="N4436" s="40"/>
    </row>
    <row r="4437" spans="4:14" x14ac:dyDescent="0.25">
      <c r="D4437" s="40">
        <v>73.813715000003256</v>
      </c>
      <c r="E4437" s="40">
        <v>20.027113253315488</v>
      </c>
      <c r="F4437" s="40">
        <v>73.799999999999983</v>
      </c>
      <c r="G4437" s="40">
        <v>18.834682680464024</v>
      </c>
      <c r="H4437" s="40">
        <v>73.800000000000011</v>
      </c>
      <c r="I4437" s="40">
        <v>15.016313526584318</v>
      </c>
      <c r="J4437" s="40">
        <v>73.799973351190999</v>
      </c>
      <c r="K4437" s="40">
        <v>12.429800760501012</v>
      </c>
      <c r="L4437" s="40"/>
      <c r="M4437" s="40"/>
      <c r="N4437" s="40"/>
    </row>
    <row r="4438" spans="4:14" x14ac:dyDescent="0.25">
      <c r="D4438" s="40">
        <v>73.830381000003257</v>
      </c>
      <c r="E4438" s="40">
        <v>20.027113253315488</v>
      </c>
      <c r="F4438" s="40">
        <v>73.816666999999995</v>
      </c>
      <c r="G4438" s="40">
        <v>18.834682680464024</v>
      </c>
      <c r="H4438" s="40">
        <v>73.816666999999995</v>
      </c>
      <c r="I4438" s="40">
        <v>15.019666262727576</v>
      </c>
      <c r="J4438" s="40">
        <v>73.816640011905307</v>
      </c>
      <c r="K4438" s="40">
        <v>12.429800760501012</v>
      </c>
      <c r="L4438" s="40"/>
      <c r="M4438" s="40"/>
      <c r="N4438" s="40"/>
    </row>
    <row r="4439" spans="4:14" x14ac:dyDescent="0.25">
      <c r="D4439" s="40">
        <v>73.847047000003258</v>
      </c>
      <c r="E4439" s="40">
        <v>20.022412521155069</v>
      </c>
      <c r="F4439" s="40">
        <v>73.833332999999982</v>
      </c>
      <c r="G4439" s="40">
        <v>18.834682680464024</v>
      </c>
      <c r="H4439" s="40">
        <v>73.833334000000008</v>
      </c>
      <c r="I4439" s="40">
        <v>15.022920388984339</v>
      </c>
      <c r="J4439" s="40">
        <v>73.833306672619599</v>
      </c>
      <c r="K4439" s="40">
        <v>12.429800760501012</v>
      </c>
      <c r="L4439" s="40"/>
      <c r="M4439" s="40"/>
      <c r="N4439" s="40"/>
    </row>
    <row r="4440" spans="4:14" x14ac:dyDescent="0.25">
      <c r="D4440" s="40">
        <v>73.863713000003258</v>
      </c>
      <c r="E4440" s="40">
        <v>20.027113253315488</v>
      </c>
      <c r="F4440" s="40">
        <v>73.849999999999994</v>
      </c>
      <c r="G4440" s="40">
        <v>18.839298064433926</v>
      </c>
      <c r="H4440" s="40">
        <v>73.849999999999994</v>
      </c>
      <c r="I4440" s="40">
        <v>15.022920388984339</v>
      </c>
      <c r="J4440" s="40">
        <v>73.849973333333907</v>
      </c>
      <c r="K4440" s="40">
        <v>12.429800760501012</v>
      </c>
      <c r="L4440" s="40"/>
      <c r="M4440" s="40"/>
      <c r="N4440" s="40"/>
    </row>
    <row r="4441" spans="4:14" x14ac:dyDescent="0.25">
      <c r="D4441" s="40">
        <v>73.880379000003259</v>
      </c>
      <c r="E4441" s="40">
        <v>20.027113253315488</v>
      </c>
      <c r="F4441" s="40">
        <v>73.866667000000007</v>
      </c>
      <c r="G4441" s="40">
        <v>18.839298064433926</v>
      </c>
      <c r="H4441" s="40">
        <v>73.866667000000007</v>
      </c>
      <c r="I4441" s="40">
        <v>15.026273125127771</v>
      </c>
      <c r="J4441" s="40">
        <v>73.866639994048199</v>
      </c>
      <c r="K4441" s="40">
        <v>12.434509126453944</v>
      </c>
      <c r="L4441" s="40"/>
      <c r="M4441" s="40"/>
      <c r="N4441" s="40"/>
    </row>
    <row r="4442" spans="4:14" x14ac:dyDescent="0.25">
      <c r="D4442" s="40">
        <v>73.89704500000326</v>
      </c>
      <c r="E4442" s="40">
        <v>20.027113253315488</v>
      </c>
      <c r="F4442" s="40">
        <v>73.883332999999993</v>
      </c>
      <c r="G4442" s="40">
        <v>18.844053308524021</v>
      </c>
      <c r="H4442" s="40">
        <v>73.883334000000019</v>
      </c>
      <c r="I4442" s="40">
        <v>15.029625861271027</v>
      </c>
      <c r="J4442" s="40">
        <v>73.883306654762507</v>
      </c>
      <c r="K4442" s="40">
        <v>12.434509126453944</v>
      </c>
      <c r="L4442" s="40"/>
      <c r="M4442" s="40"/>
      <c r="N4442" s="40"/>
    </row>
    <row r="4443" spans="4:14" x14ac:dyDescent="0.25">
      <c r="D4443" s="40">
        <v>73.913711000003261</v>
      </c>
      <c r="E4443" s="40">
        <v>20.027113253315488</v>
      </c>
      <c r="F4443" s="40">
        <v>73.900000000000006</v>
      </c>
      <c r="G4443" s="40">
        <v>18.844053308524021</v>
      </c>
      <c r="H4443" s="40">
        <v>73.900000000000006</v>
      </c>
      <c r="I4443" s="40">
        <v>15.029625861271027</v>
      </c>
      <c r="J4443" s="40">
        <v>73.8999733154767</v>
      </c>
      <c r="K4443" s="40">
        <v>12.434509126453944</v>
      </c>
      <c r="L4443" s="40"/>
      <c r="M4443" s="40"/>
      <c r="N4443" s="40"/>
    </row>
    <row r="4444" spans="4:14" x14ac:dyDescent="0.25">
      <c r="D4444" s="40">
        <v>73.930377000003261</v>
      </c>
      <c r="E4444" s="40">
        <v>20.027113253315488</v>
      </c>
      <c r="F4444" s="40">
        <v>73.91666699999999</v>
      </c>
      <c r="G4444" s="40">
        <v>18.848808552614241</v>
      </c>
      <c r="H4444" s="40">
        <v>73.916667000000018</v>
      </c>
      <c r="I4444" s="40">
        <v>15.032879987527791</v>
      </c>
      <c r="J4444" s="40">
        <v>73.916639976190993</v>
      </c>
      <c r="K4444" s="40">
        <v>12.434509126453944</v>
      </c>
      <c r="L4444" s="40"/>
      <c r="M4444" s="40"/>
      <c r="N4444" s="40"/>
    </row>
    <row r="4445" spans="4:14" x14ac:dyDescent="0.25">
      <c r="D4445" s="40">
        <v>73.947043000003262</v>
      </c>
      <c r="E4445" s="40">
        <v>20.027113253315488</v>
      </c>
      <c r="F4445" s="40">
        <v>73.933333000000005</v>
      </c>
      <c r="G4445" s="40">
        <v>18.848808552614241</v>
      </c>
      <c r="H4445" s="40">
        <v>73.933334000000002</v>
      </c>
      <c r="I4445" s="40">
        <v>15.032879987527791</v>
      </c>
      <c r="J4445" s="40">
        <v>73.9333066369053</v>
      </c>
      <c r="K4445" s="40">
        <v>12.439360170163177</v>
      </c>
      <c r="L4445" s="40"/>
      <c r="M4445" s="40"/>
      <c r="N4445" s="40"/>
    </row>
    <row r="4446" spans="4:14" x14ac:dyDescent="0.25">
      <c r="D4446" s="40">
        <v>73.963709000003263</v>
      </c>
      <c r="E4446" s="40">
        <v>20.027113253315488</v>
      </c>
      <c r="F4446" s="40">
        <v>73.949999999999989</v>
      </c>
      <c r="G4446" s="40">
        <v>18.853423936584143</v>
      </c>
      <c r="H4446" s="40">
        <v>73.950000000000017</v>
      </c>
      <c r="I4446" s="40">
        <v>15.036232723671048</v>
      </c>
      <c r="J4446" s="40">
        <v>73.949973297619593</v>
      </c>
      <c r="K4446" s="40">
        <v>12.439360170163177</v>
      </c>
      <c r="L4446" s="40"/>
      <c r="M4446" s="40"/>
      <c r="N4446" s="40"/>
    </row>
    <row r="4447" spans="4:14" x14ac:dyDescent="0.25">
      <c r="D4447" s="40">
        <v>73.980375000003264</v>
      </c>
      <c r="E4447" s="40">
        <v>20.027113253315488</v>
      </c>
      <c r="F4447" s="40">
        <v>73.966667000000001</v>
      </c>
      <c r="G4447" s="40">
        <v>18.853423936584143</v>
      </c>
      <c r="H4447" s="40">
        <v>73.966667000000001</v>
      </c>
      <c r="I4447" s="40">
        <v>15.03958545981448</v>
      </c>
      <c r="J4447" s="40">
        <v>73.9666399583339</v>
      </c>
      <c r="K4447" s="40">
        <v>12.439360170163177</v>
      </c>
      <c r="L4447" s="40"/>
      <c r="M4447" s="40"/>
      <c r="N4447" s="40"/>
    </row>
    <row r="4448" spans="4:14" x14ac:dyDescent="0.25">
      <c r="D4448" s="40">
        <v>73.997041000003264</v>
      </c>
      <c r="E4448" s="40">
        <v>20.027113253315488</v>
      </c>
      <c r="F4448" s="40">
        <v>73.983332999999988</v>
      </c>
      <c r="G4448" s="40">
        <v>18.853423936584143</v>
      </c>
      <c r="H4448" s="40">
        <v>73.983334000000013</v>
      </c>
      <c r="I4448" s="40">
        <v>15.03958545981448</v>
      </c>
      <c r="J4448" s="40">
        <v>73.983306619048193</v>
      </c>
      <c r="K4448" s="40">
        <v>12.439360170163177</v>
      </c>
      <c r="L4448" s="40"/>
      <c r="M4448" s="40"/>
      <c r="N4448" s="40"/>
    </row>
    <row r="4449" spans="4:14" x14ac:dyDescent="0.25">
      <c r="D4449" s="40">
        <v>74.013707000003265</v>
      </c>
      <c r="E4449" s="40">
        <v>20.022412521155069</v>
      </c>
      <c r="F4449" s="40">
        <v>74</v>
      </c>
      <c r="G4449" s="40">
        <v>18.858179180674234</v>
      </c>
      <c r="H4449" s="40">
        <v>74</v>
      </c>
      <c r="I4449" s="40">
        <v>15.04283958607107</v>
      </c>
      <c r="J4449" s="40">
        <v>73.9999732797625</v>
      </c>
      <c r="K4449" s="40">
        <v>12.439360170163177</v>
      </c>
      <c r="L4449" s="40"/>
      <c r="M4449" s="40"/>
      <c r="N4449" s="40"/>
    </row>
    <row r="4450" spans="4:14" x14ac:dyDescent="0.25">
      <c r="D4450" s="40">
        <v>74.030373000003266</v>
      </c>
      <c r="E4450" s="40">
        <v>20.022412521155069</v>
      </c>
      <c r="F4450" s="40">
        <v>74.016666999999984</v>
      </c>
      <c r="G4450" s="40">
        <v>18.858179180674234</v>
      </c>
      <c r="H4450" s="40">
        <v>74.016667000000012</v>
      </c>
      <c r="I4450" s="40">
        <v>15.046192322214502</v>
      </c>
      <c r="J4450" s="40">
        <v>74.016639940476693</v>
      </c>
      <c r="K4450" s="40">
        <v>12.439360170163177</v>
      </c>
      <c r="L4450" s="40"/>
      <c r="M4450" s="40"/>
      <c r="N4450" s="40"/>
    </row>
    <row r="4451" spans="4:14" x14ac:dyDescent="0.25">
      <c r="D4451" s="40">
        <v>74.047039000003267</v>
      </c>
      <c r="E4451" s="40">
        <v>20.022412521155069</v>
      </c>
      <c r="F4451" s="40">
        <v>74.033332999999999</v>
      </c>
      <c r="G4451" s="40">
        <v>18.858179180674234</v>
      </c>
      <c r="H4451" s="40">
        <v>74.033333999999996</v>
      </c>
      <c r="I4451" s="40">
        <v>15.046192322214502</v>
      </c>
      <c r="J4451" s="40">
        <v>74.033306601191001</v>
      </c>
      <c r="K4451" s="40">
        <v>12.434509126453944</v>
      </c>
      <c r="L4451" s="40"/>
      <c r="M4451" s="40"/>
      <c r="N4451" s="40"/>
    </row>
    <row r="4452" spans="4:14" x14ac:dyDescent="0.25">
      <c r="D4452" s="40">
        <v>74.063705000003267</v>
      </c>
      <c r="E4452" s="40">
        <v>20.022412521155069</v>
      </c>
      <c r="F4452" s="40">
        <v>74.049999999999983</v>
      </c>
      <c r="G4452" s="40">
        <v>18.862934424764454</v>
      </c>
      <c r="H4452" s="40">
        <v>74.050000000000011</v>
      </c>
      <c r="I4452" s="40">
        <v>15.049545058357758</v>
      </c>
      <c r="J4452" s="40">
        <v>74.049973261905293</v>
      </c>
      <c r="K4452" s="40">
        <v>12.434509126453944</v>
      </c>
      <c r="L4452" s="40"/>
      <c r="M4452" s="40"/>
      <c r="N4452" s="40"/>
    </row>
    <row r="4453" spans="4:14" x14ac:dyDescent="0.25">
      <c r="D4453" s="40">
        <v>74.080371000003268</v>
      </c>
      <c r="E4453" s="40">
        <v>20.027113253315488</v>
      </c>
      <c r="F4453" s="40">
        <v>74.066666999999995</v>
      </c>
      <c r="G4453" s="40">
        <v>18.862934424764454</v>
      </c>
      <c r="H4453" s="40">
        <v>74.066666999999995</v>
      </c>
      <c r="I4453" s="40">
        <v>15.052799184614519</v>
      </c>
      <c r="J4453" s="40">
        <v>74.066639922619601</v>
      </c>
      <c r="K4453" s="40">
        <v>12.434509126453944</v>
      </c>
      <c r="L4453" s="40"/>
      <c r="M4453" s="40"/>
      <c r="N4453" s="40"/>
    </row>
    <row r="4454" spans="4:14" x14ac:dyDescent="0.25">
      <c r="D4454" s="40">
        <v>74.097037000003269</v>
      </c>
      <c r="E4454" s="40">
        <v>20.027113253315488</v>
      </c>
      <c r="F4454" s="40">
        <v>74.083332999999982</v>
      </c>
      <c r="G4454" s="40">
        <v>18.867549808734356</v>
      </c>
      <c r="H4454" s="40">
        <v>74.083334000000008</v>
      </c>
      <c r="I4454" s="40">
        <v>15.052799184614519</v>
      </c>
      <c r="J4454" s="40">
        <v>74.083306583333894</v>
      </c>
      <c r="K4454" s="40">
        <v>12.434509126453944</v>
      </c>
      <c r="L4454" s="40"/>
      <c r="M4454" s="40"/>
      <c r="N4454" s="40"/>
    </row>
    <row r="4455" spans="4:14" x14ac:dyDescent="0.25">
      <c r="D4455" s="40">
        <v>74.113703000003269</v>
      </c>
      <c r="E4455" s="40">
        <v>20.031956431904913</v>
      </c>
      <c r="F4455" s="40">
        <v>74.099999999999994</v>
      </c>
      <c r="G4455" s="40">
        <v>18.867549808734356</v>
      </c>
      <c r="H4455" s="40">
        <v>74.099999999999994</v>
      </c>
      <c r="I4455" s="40">
        <v>15.056151920757777</v>
      </c>
      <c r="J4455" s="40">
        <v>74.099973244048201</v>
      </c>
      <c r="K4455" s="40">
        <v>12.434509126453944</v>
      </c>
      <c r="L4455" s="40"/>
      <c r="M4455" s="40"/>
      <c r="N4455" s="40"/>
    </row>
    <row r="4456" spans="4:14" x14ac:dyDescent="0.25">
      <c r="D4456" s="40">
        <v>74.13036900000327</v>
      </c>
      <c r="E4456" s="40">
        <v>20.031956431904913</v>
      </c>
      <c r="F4456" s="40">
        <v>74.116667000000007</v>
      </c>
      <c r="G4456" s="40">
        <v>18.872305052824572</v>
      </c>
      <c r="H4456" s="40">
        <v>74.116667000000007</v>
      </c>
      <c r="I4456" s="40">
        <v>15.059504656901209</v>
      </c>
      <c r="J4456" s="40">
        <v>74.116639904762494</v>
      </c>
      <c r="K4456" s="40">
        <v>12.434509126453944</v>
      </c>
      <c r="L4456" s="40"/>
      <c r="M4456" s="40"/>
      <c r="N4456" s="40"/>
    </row>
    <row r="4457" spans="4:14" x14ac:dyDescent="0.25">
      <c r="D4457" s="40">
        <v>74.147035000003271</v>
      </c>
      <c r="E4457" s="40">
        <v>20.036799610494462</v>
      </c>
      <c r="F4457" s="40">
        <v>74.133332999999993</v>
      </c>
      <c r="G4457" s="40">
        <v>18.872305052824572</v>
      </c>
      <c r="H4457" s="40">
        <v>74.133334000000019</v>
      </c>
      <c r="I4457" s="40">
        <v>15.059504656901209</v>
      </c>
      <c r="J4457" s="40">
        <v>74.133306565476701</v>
      </c>
      <c r="K4457" s="40">
        <v>12.434509126453944</v>
      </c>
      <c r="L4457" s="40"/>
      <c r="M4457" s="40"/>
      <c r="N4457" s="40"/>
    </row>
    <row r="4458" spans="4:14" x14ac:dyDescent="0.25">
      <c r="D4458" s="40">
        <v>74.163701000003272</v>
      </c>
      <c r="E4458" s="40">
        <v>20.036799610494462</v>
      </c>
      <c r="F4458" s="40">
        <v>74.150000000000006</v>
      </c>
      <c r="G4458" s="40">
        <v>18.872305052824572</v>
      </c>
      <c r="H4458" s="40">
        <v>74.150000000000006</v>
      </c>
      <c r="I4458" s="40">
        <v>15.062758783157973</v>
      </c>
      <c r="J4458" s="40">
        <v>74.149973226190994</v>
      </c>
      <c r="K4458" s="40">
        <v>12.434509126453944</v>
      </c>
      <c r="L4458" s="40"/>
      <c r="M4458" s="40"/>
      <c r="N4458" s="40"/>
    </row>
    <row r="4459" spans="4:14" x14ac:dyDescent="0.25">
      <c r="D4459" s="40">
        <v>74.180367000003272</v>
      </c>
      <c r="E4459" s="40">
        <v>20.041500342654889</v>
      </c>
      <c r="F4459" s="40">
        <v>74.16666699999999</v>
      </c>
      <c r="G4459" s="40">
        <v>18.877060296914667</v>
      </c>
      <c r="H4459" s="40">
        <v>74.166667000000018</v>
      </c>
      <c r="I4459" s="40">
        <v>15.066111519301231</v>
      </c>
      <c r="J4459" s="40">
        <v>74.166639886905301</v>
      </c>
      <c r="K4459" s="40">
        <v>12.439360170163177</v>
      </c>
      <c r="L4459" s="40"/>
      <c r="M4459" s="40"/>
      <c r="N4459" s="40"/>
    </row>
    <row r="4460" spans="4:14" x14ac:dyDescent="0.25">
      <c r="D4460" s="40">
        <v>74.197033000003273</v>
      </c>
      <c r="E4460" s="40">
        <v>20.041500342654889</v>
      </c>
      <c r="F4460" s="40">
        <v>74.183333000000005</v>
      </c>
      <c r="G4460" s="40">
        <v>18.877060296914667</v>
      </c>
      <c r="H4460" s="40">
        <v>74.183334000000002</v>
      </c>
      <c r="I4460" s="40">
        <v>15.066111519301231</v>
      </c>
      <c r="J4460" s="40">
        <v>74.183306547619594</v>
      </c>
      <c r="K4460" s="40">
        <v>12.439360170163177</v>
      </c>
      <c r="L4460" s="40"/>
      <c r="M4460" s="40"/>
      <c r="N4460" s="40"/>
    </row>
    <row r="4461" spans="4:14" x14ac:dyDescent="0.25">
      <c r="D4461" s="40">
        <v>74.213699000003274</v>
      </c>
      <c r="E4461" s="40">
        <v>20.041500342654889</v>
      </c>
      <c r="F4461" s="40">
        <v>74.199999999999989</v>
      </c>
      <c r="G4461" s="40">
        <v>18.88167568088457</v>
      </c>
      <c r="H4461" s="40">
        <v>74.200000000000017</v>
      </c>
      <c r="I4461" s="40">
        <v>15.069464255444489</v>
      </c>
      <c r="J4461" s="40">
        <v>74.199973208333901</v>
      </c>
      <c r="K4461" s="40">
        <v>12.439360170163177</v>
      </c>
      <c r="L4461" s="40"/>
      <c r="M4461" s="40"/>
      <c r="N4461" s="40"/>
    </row>
    <row r="4462" spans="4:14" x14ac:dyDescent="0.25">
      <c r="D4462" s="40">
        <v>74.230365000003275</v>
      </c>
      <c r="E4462" s="40">
        <v>20.04634352124431</v>
      </c>
      <c r="F4462" s="40">
        <v>74.216667000000001</v>
      </c>
      <c r="G4462" s="40">
        <v>18.88167568088457</v>
      </c>
      <c r="H4462" s="40">
        <v>74.216667000000001</v>
      </c>
      <c r="I4462" s="40">
        <v>15.069464255444489</v>
      </c>
      <c r="J4462" s="40">
        <v>74.216639869048194</v>
      </c>
      <c r="K4462" s="40">
        <v>12.439360170163177</v>
      </c>
      <c r="L4462" s="40"/>
      <c r="M4462" s="40"/>
      <c r="N4462" s="40"/>
    </row>
    <row r="4463" spans="4:14" x14ac:dyDescent="0.25">
      <c r="D4463" s="40">
        <v>74.247031000003275</v>
      </c>
      <c r="E4463" s="40">
        <v>20.04634352124431</v>
      </c>
      <c r="F4463" s="40">
        <v>74.233332999999988</v>
      </c>
      <c r="G4463" s="40">
        <v>18.88167568088457</v>
      </c>
      <c r="H4463" s="40">
        <v>74.233334000000013</v>
      </c>
      <c r="I4463" s="40">
        <v>15.07271838170125</v>
      </c>
      <c r="J4463" s="40">
        <v>74.233306529762501</v>
      </c>
      <c r="K4463" s="40">
        <v>12.439360170163177</v>
      </c>
      <c r="L4463" s="40"/>
      <c r="M4463" s="40"/>
      <c r="N4463" s="40"/>
    </row>
    <row r="4464" spans="4:14" x14ac:dyDescent="0.25">
      <c r="D4464" s="40">
        <v>74.263697000003276</v>
      </c>
      <c r="E4464" s="40">
        <v>20.04634352124431</v>
      </c>
      <c r="F4464" s="40">
        <v>74.25</v>
      </c>
      <c r="G4464" s="40">
        <v>18.886430924974789</v>
      </c>
      <c r="H4464" s="40">
        <v>74.25</v>
      </c>
      <c r="I4464" s="40">
        <v>15.076071117844508</v>
      </c>
      <c r="J4464" s="40">
        <v>74.249973190476695</v>
      </c>
      <c r="K4464" s="40">
        <v>12.439360170163177</v>
      </c>
      <c r="L4464" s="40"/>
      <c r="M4464" s="40"/>
      <c r="N4464" s="40"/>
    </row>
    <row r="4465" spans="4:14" x14ac:dyDescent="0.25">
      <c r="D4465" s="40">
        <v>74.280363000003277</v>
      </c>
      <c r="E4465" s="40">
        <v>20.04634352124431</v>
      </c>
      <c r="F4465" s="40">
        <v>74.266666999999984</v>
      </c>
      <c r="G4465" s="40">
        <v>18.886430924974789</v>
      </c>
      <c r="H4465" s="40">
        <v>74.266667000000012</v>
      </c>
      <c r="I4465" s="40">
        <v>15.076071117844508</v>
      </c>
      <c r="J4465" s="40">
        <v>74.266639851191002</v>
      </c>
      <c r="K4465" s="40">
        <v>12.439360170163177</v>
      </c>
      <c r="L4465" s="40"/>
      <c r="M4465" s="40"/>
      <c r="N4465" s="40"/>
    </row>
    <row r="4466" spans="4:14" x14ac:dyDescent="0.25">
      <c r="D4466" s="40">
        <v>74.297029000003278</v>
      </c>
      <c r="E4466" s="40">
        <v>20.04634352124431</v>
      </c>
      <c r="F4466" s="40">
        <v>74.283332999999999</v>
      </c>
      <c r="G4466" s="40">
        <v>18.891186169064884</v>
      </c>
      <c r="H4466" s="40">
        <v>74.283333999999996</v>
      </c>
      <c r="I4466" s="40">
        <v>15.07942385398794</v>
      </c>
      <c r="J4466" s="40">
        <v>74.283306511905295</v>
      </c>
      <c r="K4466" s="40">
        <v>12.439360170163177</v>
      </c>
      <c r="L4466" s="40"/>
      <c r="M4466" s="40"/>
      <c r="N4466" s="40"/>
    </row>
    <row r="4467" spans="4:14" x14ac:dyDescent="0.25">
      <c r="D4467" s="40">
        <v>74.313695000003278</v>
      </c>
      <c r="E4467" s="40">
        <v>20.04634352124431</v>
      </c>
      <c r="F4467" s="40">
        <v>74.299999999999983</v>
      </c>
      <c r="G4467" s="40">
        <v>18.891186169064884</v>
      </c>
      <c r="H4467" s="40">
        <v>74.300000000000011</v>
      </c>
      <c r="I4467" s="40">
        <v>15.082776590131198</v>
      </c>
      <c r="J4467" s="40">
        <v>74.299973172619602</v>
      </c>
      <c r="K4467" s="40">
        <v>12.439360170163177</v>
      </c>
      <c r="L4467" s="40"/>
      <c r="M4467" s="40"/>
      <c r="N4467" s="40"/>
    </row>
    <row r="4468" spans="4:14" x14ac:dyDescent="0.25">
      <c r="D4468" s="40">
        <v>74.330361000003279</v>
      </c>
      <c r="E4468" s="40">
        <v>20.051186699833856</v>
      </c>
      <c r="F4468" s="40">
        <v>74.316666999999995</v>
      </c>
      <c r="G4468" s="40">
        <v>18.891186169064884</v>
      </c>
      <c r="H4468" s="40">
        <v>74.316666999999995</v>
      </c>
      <c r="I4468" s="40">
        <v>15.082776590131198</v>
      </c>
      <c r="J4468" s="40">
        <v>74.316639833333895</v>
      </c>
      <c r="K4468" s="40">
        <v>12.439360170163177</v>
      </c>
      <c r="L4468" s="40"/>
      <c r="M4468" s="40"/>
      <c r="N4468" s="40"/>
    </row>
    <row r="4469" spans="4:14" x14ac:dyDescent="0.25">
      <c r="D4469" s="40">
        <v>74.34702700000328</v>
      </c>
      <c r="E4469" s="40">
        <v>20.051186699833856</v>
      </c>
      <c r="F4469" s="40">
        <v>74.333332999999982</v>
      </c>
      <c r="G4469" s="40">
        <v>18.895801553034786</v>
      </c>
      <c r="H4469" s="40">
        <v>74.333334000000008</v>
      </c>
      <c r="I4469" s="40">
        <v>15.086030716387961</v>
      </c>
      <c r="J4469" s="40">
        <v>74.333306494048202</v>
      </c>
      <c r="K4469" s="40">
        <v>12.439360170163177</v>
      </c>
      <c r="L4469" s="40"/>
      <c r="M4469" s="40"/>
      <c r="N4469" s="40"/>
    </row>
    <row r="4470" spans="4:14" x14ac:dyDescent="0.25">
      <c r="D4470" s="40">
        <v>74.363693000003281</v>
      </c>
      <c r="E4470" s="40">
        <v>20.051186699833856</v>
      </c>
      <c r="F4470" s="40">
        <v>74.349999999999994</v>
      </c>
      <c r="G4470" s="40">
        <v>18.895801553034786</v>
      </c>
      <c r="H4470" s="40">
        <v>74.349999999999994</v>
      </c>
      <c r="I4470" s="40">
        <v>15.089383452531219</v>
      </c>
      <c r="J4470" s="40">
        <v>74.349973154762495</v>
      </c>
      <c r="K4470" s="40">
        <v>12.439360170163177</v>
      </c>
      <c r="L4470" s="40"/>
      <c r="M4470" s="40"/>
      <c r="N4470" s="40"/>
    </row>
    <row r="4471" spans="4:14" x14ac:dyDescent="0.25">
      <c r="D4471" s="40">
        <v>74.380359000003281</v>
      </c>
      <c r="E4471" s="40">
        <v>20.051186699833856</v>
      </c>
      <c r="F4471" s="40">
        <v>74.366667000000007</v>
      </c>
      <c r="G4471" s="40">
        <v>18.895801553034786</v>
      </c>
      <c r="H4471" s="40">
        <v>74.366667000000007</v>
      </c>
      <c r="I4471" s="40">
        <v>15.089383452531219</v>
      </c>
      <c r="J4471" s="40">
        <v>74.366639815476702</v>
      </c>
      <c r="K4471" s="40">
        <v>12.434509126453944</v>
      </c>
      <c r="L4471" s="40"/>
      <c r="M4471" s="40"/>
      <c r="N4471" s="40"/>
    </row>
    <row r="4472" spans="4:14" x14ac:dyDescent="0.25">
      <c r="D4472" s="40">
        <v>74.397025000003282</v>
      </c>
      <c r="E4472" s="40">
        <v>20.051186699833856</v>
      </c>
      <c r="F4472" s="40">
        <v>74.383332999999993</v>
      </c>
      <c r="G4472" s="40">
        <v>18.895801553034786</v>
      </c>
      <c r="H4472" s="40">
        <v>74.383334000000019</v>
      </c>
      <c r="I4472" s="40">
        <v>15.09273618867465</v>
      </c>
      <c r="J4472" s="40">
        <v>74.383306476190995</v>
      </c>
      <c r="K4472" s="40">
        <v>12.434509126453944</v>
      </c>
      <c r="L4472" s="40"/>
      <c r="M4472" s="40"/>
      <c r="N4472" s="40"/>
    </row>
    <row r="4473" spans="4:14" x14ac:dyDescent="0.25">
      <c r="D4473" s="40">
        <v>74.413691000003283</v>
      </c>
      <c r="E4473" s="40">
        <v>20.055887431994282</v>
      </c>
      <c r="F4473" s="40">
        <v>74.400000000000006</v>
      </c>
      <c r="G4473" s="40">
        <v>18.900556797125002</v>
      </c>
      <c r="H4473" s="40">
        <v>74.400000000000006</v>
      </c>
      <c r="I4473" s="40">
        <v>15.095990314931413</v>
      </c>
      <c r="J4473" s="40">
        <v>74.399973136905302</v>
      </c>
      <c r="K4473" s="40">
        <v>12.439360170163177</v>
      </c>
      <c r="L4473" s="40"/>
      <c r="M4473" s="40"/>
      <c r="N4473" s="40"/>
    </row>
    <row r="4474" spans="4:14" x14ac:dyDescent="0.25">
      <c r="D4474" s="40">
        <v>74.430357000003283</v>
      </c>
      <c r="E4474" s="40">
        <v>20.055887431994282</v>
      </c>
      <c r="F4474" s="40">
        <v>74.41666699999999</v>
      </c>
      <c r="G4474" s="40">
        <v>18.900556797125002</v>
      </c>
      <c r="H4474" s="40">
        <v>74.416667000000018</v>
      </c>
      <c r="I4474" s="40">
        <v>15.095990314931413</v>
      </c>
      <c r="J4474" s="40">
        <v>74.416639797619595</v>
      </c>
      <c r="K4474" s="40">
        <v>12.439360170163177</v>
      </c>
      <c r="L4474" s="40"/>
      <c r="M4474" s="40"/>
      <c r="N4474" s="40"/>
    </row>
    <row r="4475" spans="4:14" x14ac:dyDescent="0.25">
      <c r="D4475" s="40">
        <v>74.447023000003284</v>
      </c>
      <c r="E4475" s="40">
        <v>20.055887431994282</v>
      </c>
      <c r="F4475" s="40">
        <v>74.433333000000005</v>
      </c>
      <c r="G4475" s="40">
        <v>18.900556797125002</v>
      </c>
      <c r="H4475" s="40">
        <v>74.433334000000002</v>
      </c>
      <c r="I4475" s="40">
        <v>15.099343051074669</v>
      </c>
      <c r="J4475" s="40">
        <v>74.433306458333902</v>
      </c>
      <c r="K4475" s="40">
        <v>12.439360170163177</v>
      </c>
      <c r="L4475" s="40"/>
      <c r="M4475" s="40"/>
      <c r="N4475" s="40"/>
    </row>
    <row r="4476" spans="4:14" x14ac:dyDescent="0.25">
      <c r="D4476" s="40">
        <v>74.463689000003285</v>
      </c>
      <c r="E4476" s="40">
        <v>20.055887431994282</v>
      </c>
      <c r="F4476" s="40">
        <v>74.449999999999989</v>
      </c>
      <c r="G4476" s="40">
        <v>18.905312041215097</v>
      </c>
      <c r="H4476" s="40">
        <v>74.450000000000017</v>
      </c>
      <c r="I4476" s="40">
        <v>15.102695787217927</v>
      </c>
      <c r="J4476" s="40">
        <v>74.449973119048195</v>
      </c>
      <c r="K4476" s="40">
        <v>12.444211213872409</v>
      </c>
      <c r="L4476" s="40"/>
      <c r="M4476" s="40"/>
      <c r="N4476" s="40"/>
    </row>
    <row r="4477" spans="4:14" x14ac:dyDescent="0.25">
      <c r="D4477" s="40">
        <v>74.480355000003286</v>
      </c>
      <c r="E4477" s="40">
        <v>20.055887431994282</v>
      </c>
      <c r="F4477" s="40">
        <v>74.466667000000001</v>
      </c>
      <c r="G4477" s="40">
        <v>18.905312041215097</v>
      </c>
      <c r="H4477" s="40">
        <v>74.466667000000001</v>
      </c>
      <c r="I4477" s="40">
        <v>15.102695787217927</v>
      </c>
      <c r="J4477" s="40">
        <v>74.466639779762502</v>
      </c>
      <c r="K4477" s="40">
        <v>12.444211213872409</v>
      </c>
      <c r="L4477" s="40"/>
      <c r="M4477" s="40"/>
      <c r="N4477" s="40"/>
    </row>
    <row r="4478" spans="4:14" x14ac:dyDescent="0.25">
      <c r="D4478" s="40">
        <v>74.497021000003286</v>
      </c>
      <c r="E4478" s="40">
        <v>20.055887431994282</v>
      </c>
      <c r="F4478" s="40">
        <v>74.483332999999988</v>
      </c>
      <c r="G4478" s="40">
        <v>18.905312041215097</v>
      </c>
      <c r="H4478" s="40">
        <v>74.483334000000013</v>
      </c>
      <c r="I4478" s="40">
        <v>15.10594991347469</v>
      </c>
      <c r="J4478" s="40">
        <v>74.483306440476696</v>
      </c>
      <c r="K4478" s="40">
        <v>12.448919579825469</v>
      </c>
      <c r="L4478" s="40"/>
      <c r="M4478" s="40"/>
      <c r="N4478" s="40"/>
    </row>
    <row r="4479" spans="4:14" x14ac:dyDescent="0.25">
      <c r="D4479" s="40">
        <v>74.513687000003287</v>
      </c>
      <c r="E4479" s="40">
        <v>20.055887431994282</v>
      </c>
      <c r="F4479" s="40">
        <v>74.5</v>
      </c>
      <c r="G4479" s="40">
        <v>18.909927425185</v>
      </c>
      <c r="H4479" s="40">
        <v>74.5</v>
      </c>
      <c r="I4479" s="40">
        <v>15.109302649617948</v>
      </c>
      <c r="J4479" s="40">
        <v>74.499973101191003</v>
      </c>
      <c r="K4479" s="40">
        <v>12.448919579825469</v>
      </c>
      <c r="L4479" s="40"/>
      <c r="M4479" s="40"/>
      <c r="N4479" s="40"/>
    </row>
    <row r="4480" spans="4:14" x14ac:dyDescent="0.25">
      <c r="D4480" s="40">
        <v>74.530353000003288</v>
      </c>
      <c r="E4480" s="40">
        <v>20.055887431994282</v>
      </c>
      <c r="F4480" s="40">
        <v>74.516666999999984</v>
      </c>
      <c r="G4480" s="40">
        <v>18.909927425185</v>
      </c>
      <c r="H4480" s="40">
        <v>74.516667000000012</v>
      </c>
      <c r="I4480" s="40">
        <v>15.11265538576138</v>
      </c>
      <c r="J4480" s="40">
        <v>74.516639761905296</v>
      </c>
      <c r="K4480" s="40">
        <v>12.448919579825469</v>
      </c>
      <c r="L4480" s="40"/>
      <c r="M4480" s="40"/>
      <c r="N4480" s="40"/>
    </row>
    <row r="4481" spans="4:14" x14ac:dyDescent="0.25">
      <c r="D4481" s="40">
        <v>74.547019000003289</v>
      </c>
      <c r="E4481" s="40">
        <v>20.055887431994282</v>
      </c>
      <c r="F4481" s="40">
        <v>74.533332999999999</v>
      </c>
      <c r="G4481" s="40">
        <v>18.914682669275216</v>
      </c>
      <c r="H4481" s="40">
        <v>74.533333999999996</v>
      </c>
      <c r="I4481" s="40">
        <v>15.11265538576138</v>
      </c>
      <c r="J4481" s="40">
        <v>74.533306422619603</v>
      </c>
      <c r="K4481" s="40">
        <v>12.448919579825469</v>
      </c>
      <c r="L4481" s="40"/>
      <c r="M4481" s="40"/>
      <c r="N4481" s="40"/>
    </row>
    <row r="4482" spans="4:14" x14ac:dyDescent="0.25">
      <c r="D4482" s="40">
        <v>74.563685000003289</v>
      </c>
      <c r="E4482" s="40">
        <v>20.055887431994282</v>
      </c>
      <c r="F4482" s="40">
        <v>74.549999999999983</v>
      </c>
      <c r="G4482" s="40">
        <v>18.914682669275216</v>
      </c>
      <c r="H4482" s="40">
        <v>74.550000000000011</v>
      </c>
      <c r="I4482" s="40">
        <v>15.115909512018144</v>
      </c>
      <c r="J4482" s="40">
        <v>74.549973083333896</v>
      </c>
      <c r="K4482" s="40">
        <v>12.448919579825469</v>
      </c>
      <c r="L4482" s="40"/>
      <c r="M4482" s="40"/>
      <c r="N4482" s="40"/>
    </row>
    <row r="4483" spans="4:14" x14ac:dyDescent="0.25">
      <c r="D4483" s="40">
        <v>74.58035100000329</v>
      </c>
      <c r="E4483" s="40">
        <v>20.055887431994282</v>
      </c>
      <c r="F4483" s="40">
        <v>74.566666999999995</v>
      </c>
      <c r="G4483" s="40">
        <v>18.919437913365435</v>
      </c>
      <c r="H4483" s="40">
        <v>74.566666999999995</v>
      </c>
      <c r="I4483" s="40">
        <v>15.119262248161402</v>
      </c>
      <c r="J4483" s="40">
        <v>74.566639744048203</v>
      </c>
      <c r="K4483" s="40">
        <v>12.448919579825469</v>
      </c>
      <c r="L4483" s="40"/>
      <c r="M4483" s="40"/>
      <c r="N4483" s="40"/>
    </row>
    <row r="4484" spans="4:14" x14ac:dyDescent="0.25">
      <c r="D4484" s="40">
        <v>74.597017000003291</v>
      </c>
      <c r="E4484" s="40">
        <v>20.055887431994282</v>
      </c>
      <c r="F4484" s="40">
        <v>74.583332999999982</v>
      </c>
      <c r="G4484" s="40">
        <v>18.919437913365435</v>
      </c>
      <c r="H4484" s="40">
        <v>74.583334000000008</v>
      </c>
      <c r="I4484" s="40">
        <v>15.119262248161402</v>
      </c>
      <c r="J4484" s="40">
        <v>74.583306404762496</v>
      </c>
      <c r="K4484" s="40">
        <v>12.448919579825469</v>
      </c>
      <c r="L4484" s="40"/>
      <c r="M4484" s="40"/>
      <c r="N4484" s="40"/>
    </row>
    <row r="4485" spans="4:14" x14ac:dyDescent="0.25">
      <c r="D4485" s="40">
        <v>74.613683000003292</v>
      </c>
      <c r="E4485" s="40">
        <v>20.055887431994282</v>
      </c>
      <c r="F4485" s="40">
        <v>74.599999999999994</v>
      </c>
      <c r="G4485" s="40">
        <v>18.919437913365435</v>
      </c>
      <c r="H4485" s="40">
        <v>74.599999999999994</v>
      </c>
      <c r="I4485" s="40">
        <v>15.122614984304658</v>
      </c>
      <c r="J4485" s="40">
        <v>74.599973065476703</v>
      </c>
      <c r="K4485" s="40">
        <v>12.448919579825469</v>
      </c>
      <c r="L4485" s="40"/>
      <c r="M4485" s="40"/>
      <c r="N4485" s="40"/>
    </row>
    <row r="4486" spans="4:14" x14ac:dyDescent="0.25">
      <c r="D4486" s="40">
        <v>74.630349000003292</v>
      </c>
      <c r="E4486" s="40">
        <v>20.055887431994282</v>
      </c>
      <c r="F4486" s="40">
        <v>74.616667000000007</v>
      </c>
      <c r="G4486" s="40">
        <v>18.924053297335217</v>
      </c>
      <c r="H4486" s="40">
        <v>74.616667000000007</v>
      </c>
      <c r="I4486" s="40">
        <v>15.125869110561421</v>
      </c>
      <c r="J4486" s="40">
        <v>74.616639726190996</v>
      </c>
      <c r="K4486" s="40">
        <v>12.448919579825469</v>
      </c>
      <c r="L4486" s="40"/>
      <c r="M4486" s="40"/>
      <c r="N4486" s="40"/>
    </row>
    <row r="4487" spans="4:14" x14ac:dyDescent="0.25">
      <c r="D4487" s="40">
        <v>74.647015000003293</v>
      </c>
      <c r="E4487" s="40">
        <v>20.055887431994282</v>
      </c>
      <c r="F4487" s="40">
        <v>74.633332999999993</v>
      </c>
      <c r="G4487" s="40">
        <v>18.924053297335217</v>
      </c>
      <c r="H4487" s="40">
        <v>74.633334000000019</v>
      </c>
      <c r="I4487" s="40">
        <v>15.129221846704853</v>
      </c>
      <c r="J4487" s="40">
        <v>74.633306386905303</v>
      </c>
      <c r="K4487" s="40">
        <v>12.448919579825469</v>
      </c>
      <c r="L4487" s="40"/>
      <c r="M4487" s="40"/>
      <c r="N4487" s="40"/>
    </row>
    <row r="4488" spans="4:14" x14ac:dyDescent="0.25">
      <c r="D4488" s="40">
        <v>74.663681000003294</v>
      </c>
      <c r="E4488" s="40">
        <v>20.060730610583704</v>
      </c>
      <c r="F4488" s="40">
        <v>74.650000000000006</v>
      </c>
      <c r="G4488" s="40">
        <v>18.928808541425433</v>
      </c>
      <c r="H4488" s="40">
        <v>74.650000000000006</v>
      </c>
      <c r="I4488" s="40">
        <v>15.129221846704853</v>
      </c>
      <c r="J4488" s="40">
        <v>74.649973047619596</v>
      </c>
      <c r="K4488" s="40">
        <v>12.448919579825469</v>
      </c>
      <c r="L4488" s="40"/>
      <c r="M4488" s="40"/>
      <c r="N4488" s="40"/>
    </row>
    <row r="4489" spans="4:14" x14ac:dyDescent="0.25">
      <c r="D4489" s="40">
        <v>74.680347000003295</v>
      </c>
      <c r="E4489" s="40">
        <v>20.060730610583704</v>
      </c>
      <c r="F4489" s="40">
        <v>74.66666699999999</v>
      </c>
      <c r="G4489" s="40">
        <v>18.928808541425433</v>
      </c>
      <c r="H4489" s="40">
        <v>74.666667000000018</v>
      </c>
      <c r="I4489" s="40">
        <v>15.132574582848111</v>
      </c>
      <c r="J4489" s="40">
        <v>74.666639708333904</v>
      </c>
      <c r="K4489" s="40">
        <v>12.453770623534574</v>
      </c>
      <c r="L4489" s="40"/>
      <c r="M4489" s="40"/>
      <c r="N4489" s="40"/>
    </row>
    <row r="4490" spans="4:14" x14ac:dyDescent="0.25">
      <c r="D4490" s="40">
        <v>74.697013000003295</v>
      </c>
      <c r="E4490" s="40">
        <v>20.060730610583704</v>
      </c>
      <c r="F4490" s="40">
        <v>74.683333000000005</v>
      </c>
      <c r="G4490" s="40">
        <v>18.928808541425433</v>
      </c>
      <c r="H4490" s="40">
        <v>74.683334000000002</v>
      </c>
      <c r="I4490" s="40">
        <v>15.135828709104873</v>
      </c>
      <c r="J4490" s="40">
        <v>74.683306369048196</v>
      </c>
      <c r="K4490" s="40">
        <v>12.453770623534574</v>
      </c>
      <c r="L4490" s="40"/>
      <c r="M4490" s="40"/>
      <c r="N4490" s="40"/>
    </row>
    <row r="4491" spans="4:14" x14ac:dyDescent="0.25">
      <c r="D4491" s="40">
        <v>74.713679000003296</v>
      </c>
      <c r="E4491" s="40">
        <v>20.060730610583704</v>
      </c>
      <c r="F4491" s="40">
        <v>74.699999999999989</v>
      </c>
      <c r="G4491" s="40">
        <v>18.933563785515652</v>
      </c>
      <c r="H4491" s="40">
        <v>74.700000000000017</v>
      </c>
      <c r="I4491" s="40">
        <v>15.135828709104873</v>
      </c>
      <c r="J4491" s="40">
        <v>74.699973029762504</v>
      </c>
      <c r="K4491" s="40">
        <v>12.453770623534574</v>
      </c>
      <c r="L4491" s="40"/>
      <c r="M4491" s="40"/>
      <c r="N4491" s="40"/>
    </row>
    <row r="4492" spans="4:14" x14ac:dyDescent="0.25">
      <c r="D4492" s="40">
        <v>74.730345000003297</v>
      </c>
      <c r="E4492" s="40">
        <v>20.060730610583704</v>
      </c>
      <c r="F4492" s="40">
        <v>74.716667000000001</v>
      </c>
      <c r="G4492" s="40">
        <v>18.933563785515652</v>
      </c>
      <c r="H4492" s="40">
        <v>74.716667000000001</v>
      </c>
      <c r="I4492" s="40">
        <v>15.139181445248131</v>
      </c>
      <c r="J4492" s="40">
        <v>74.716639690476697</v>
      </c>
      <c r="K4492" s="40">
        <v>12.453770623534574</v>
      </c>
      <c r="L4492" s="40"/>
      <c r="M4492" s="40"/>
      <c r="N4492" s="40"/>
    </row>
    <row r="4493" spans="4:14" x14ac:dyDescent="0.25">
      <c r="D4493" s="40">
        <v>74.747011000003297</v>
      </c>
      <c r="E4493" s="40">
        <v>20.06557378917325</v>
      </c>
      <c r="F4493" s="40">
        <v>74.733332999999988</v>
      </c>
      <c r="G4493" s="40">
        <v>18.933563785515652</v>
      </c>
      <c r="H4493" s="40">
        <v>74.733334000000013</v>
      </c>
      <c r="I4493" s="40">
        <v>15.142534181391387</v>
      </c>
      <c r="J4493" s="40">
        <v>74.733306351191004</v>
      </c>
      <c r="K4493" s="40">
        <v>12.458621667243806</v>
      </c>
      <c r="L4493" s="40"/>
      <c r="M4493" s="40"/>
      <c r="N4493" s="40"/>
    </row>
    <row r="4494" spans="4:14" x14ac:dyDescent="0.25">
      <c r="D4494" s="40">
        <v>74.763677000003298</v>
      </c>
      <c r="E4494" s="40">
        <v>20.06557378917325</v>
      </c>
      <c r="F4494" s="40">
        <v>74.75</v>
      </c>
      <c r="G4494" s="40">
        <v>18.93817916948543</v>
      </c>
      <c r="H4494" s="40">
        <v>74.75</v>
      </c>
      <c r="I4494" s="40">
        <v>15.14578830764815</v>
      </c>
      <c r="J4494" s="40">
        <v>74.749973011905297</v>
      </c>
      <c r="K4494" s="40">
        <v>12.458621667243806</v>
      </c>
      <c r="L4494" s="40"/>
      <c r="M4494" s="40"/>
      <c r="N4494" s="40"/>
    </row>
    <row r="4495" spans="4:14" x14ac:dyDescent="0.25">
      <c r="D4495" s="40">
        <v>74.780343000003299</v>
      </c>
      <c r="E4495" s="40">
        <v>20.06557378917325</v>
      </c>
      <c r="F4495" s="40">
        <v>74.766666999999984</v>
      </c>
      <c r="G4495" s="40">
        <v>18.93817916948543</v>
      </c>
      <c r="H4495" s="40">
        <v>74.766667000000012</v>
      </c>
      <c r="I4495" s="40">
        <v>15.14578830764815</v>
      </c>
      <c r="J4495" s="40">
        <v>74.766639672619604</v>
      </c>
      <c r="K4495" s="40">
        <v>12.463330033196867</v>
      </c>
      <c r="L4495" s="40"/>
      <c r="M4495" s="40"/>
      <c r="N4495" s="40"/>
    </row>
    <row r="4496" spans="4:14" x14ac:dyDescent="0.25">
      <c r="D4496" s="40">
        <v>74.7970090000033</v>
      </c>
      <c r="E4496" s="40">
        <v>20.06557378917325</v>
      </c>
      <c r="F4496" s="40">
        <v>74.783332999999999</v>
      </c>
      <c r="G4496" s="40">
        <v>18.942934413575646</v>
      </c>
      <c r="H4496" s="40">
        <v>74.783333999999996</v>
      </c>
      <c r="I4496" s="40">
        <v>15.149141043791582</v>
      </c>
      <c r="J4496" s="40">
        <v>74.783306333333897</v>
      </c>
      <c r="K4496" s="40">
        <v>12.463330033196867</v>
      </c>
      <c r="L4496" s="40"/>
      <c r="M4496" s="40"/>
      <c r="N4496" s="40"/>
    </row>
    <row r="4497" spans="4:14" x14ac:dyDescent="0.25">
      <c r="D4497" s="40">
        <v>74.8136750000033</v>
      </c>
      <c r="E4497" s="40">
        <v>20.060730610583704</v>
      </c>
      <c r="F4497" s="40">
        <v>74.799999999999983</v>
      </c>
      <c r="G4497" s="40">
        <v>18.942934413575646</v>
      </c>
      <c r="H4497" s="40">
        <v>74.800000000000011</v>
      </c>
      <c r="I4497" s="40">
        <v>15.15249377993484</v>
      </c>
      <c r="J4497" s="40">
        <v>74.799972994048204</v>
      </c>
      <c r="K4497" s="40">
        <v>12.463330033196867</v>
      </c>
      <c r="L4497" s="40"/>
      <c r="M4497" s="40"/>
      <c r="N4497" s="40"/>
    </row>
    <row r="4498" spans="4:14" x14ac:dyDescent="0.25">
      <c r="D4498" s="40">
        <v>74.830341000003301</v>
      </c>
      <c r="E4498" s="40">
        <v>20.060730610583704</v>
      </c>
      <c r="F4498" s="40">
        <v>74.816666999999995</v>
      </c>
      <c r="G4498" s="40">
        <v>18.947689657665865</v>
      </c>
      <c r="H4498" s="40">
        <v>74.816666999999995</v>
      </c>
      <c r="I4498" s="40">
        <v>15.15249377993484</v>
      </c>
      <c r="J4498" s="40">
        <v>74.816639654762497</v>
      </c>
      <c r="K4498" s="40">
        <v>12.463330033196867</v>
      </c>
      <c r="L4498" s="40"/>
      <c r="M4498" s="40"/>
      <c r="N4498" s="40"/>
    </row>
    <row r="4499" spans="4:14" x14ac:dyDescent="0.25">
      <c r="D4499" s="40">
        <v>74.847007000003302</v>
      </c>
      <c r="E4499" s="40">
        <v>20.06557378917325</v>
      </c>
      <c r="F4499" s="40">
        <v>74.833332999999982</v>
      </c>
      <c r="G4499" s="40">
        <v>18.947689657665865</v>
      </c>
      <c r="H4499" s="40">
        <v>74.833334000000008</v>
      </c>
      <c r="I4499" s="40">
        <v>15.155747906191603</v>
      </c>
      <c r="J4499" s="40">
        <v>74.833306315476705</v>
      </c>
      <c r="K4499" s="40">
        <v>12.463330033196867</v>
      </c>
      <c r="L4499" s="40"/>
      <c r="M4499" s="40"/>
      <c r="N4499" s="40"/>
    </row>
    <row r="4500" spans="4:14" x14ac:dyDescent="0.25">
      <c r="D4500" s="40">
        <v>74.863673000003303</v>
      </c>
      <c r="E4500" s="40">
        <v>20.06557378917325</v>
      </c>
      <c r="F4500" s="40">
        <v>74.849999999999994</v>
      </c>
      <c r="G4500" s="40">
        <v>18.952305041635768</v>
      </c>
      <c r="H4500" s="40">
        <v>74.849999999999994</v>
      </c>
      <c r="I4500" s="40">
        <v>15.155747906191603</v>
      </c>
      <c r="J4500" s="40">
        <v>74.849972976190998</v>
      </c>
      <c r="K4500" s="40">
        <v>12.463330033196867</v>
      </c>
      <c r="L4500" s="40"/>
      <c r="M4500" s="40"/>
      <c r="N4500" s="40"/>
    </row>
    <row r="4501" spans="4:14" x14ac:dyDescent="0.25">
      <c r="D4501" s="40">
        <v>74.880339000003303</v>
      </c>
      <c r="E4501" s="40">
        <v>20.06557378917325</v>
      </c>
      <c r="F4501" s="40">
        <v>74.866667000000007</v>
      </c>
      <c r="G4501" s="40">
        <v>18.957060285725859</v>
      </c>
      <c r="H4501" s="40">
        <v>74.866667000000007</v>
      </c>
      <c r="I4501" s="40">
        <v>15.159100642334861</v>
      </c>
      <c r="J4501" s="40">
        <v>74.866639636905305</v>
      </c>
      <c r="K4501" s="40">
        <v>12.463330033196867</v>
      </c>
      <c r="L4501" s="40"/>
      <c r="M4501" s="40"/>
      <c r="N4501" s="40"/>
    </row>
    <row r="4502" spans="4:14" x14ac:dyDescent="0.25">
      <c r="D4502" s="40">
        <v>74.897005000003304</v>
      </c>
      <c r="E4502" s="40">
        <v>20.06557378917325</v>
      </c>
      <c r="F4502" s="40">
        <v>74.883332999999993</v>
      </c>
      <c r="G4502" s="40">
        <v>18.957060285725859</v>
      </c>
      <c r="H4502" s="40">
        <v>74.883334000000019</v>
      </c>
      <c r="I4502" s="40">
        <v>15.162453378478293</v>
      </c>
      <c r="J4502" s="40">
        <v>74.883306297619598</v>
      </c>
      <c r="K4502" s="40">
        <v>12.463330033196867</v>
      </c>
      <c r="L4502" s="40"/>
      <c r="M4502" s="40"/>
      <c r="N4502" s="40"/>
    </row>
    <row r="4503" spans="4:14" x14ac:dyDescent="0.25">
      <c r="D4503" s="40">
        <v>74.913671000003305</v>
      </c>
      <c r="E4503" s="40">
        <v>20.06557378917325</v>
      </c>
      <c r="F4503" s="40">
        <v>74.900000000000006</v>
      </c>
      <c r="G4503" s="40">
        <v>18.961815529816079</v>
      </c>
      <c r="H4503" s="40">
        <v>74.900000000000006</v>
      </c>
      <c r="I4503" s="40">
        <v>15.162453378478293</v>
      </c>
      <c r="J4503" s="40">
        <v>74.899972958333905</v>
      </c>
      <c r="K4503" s="40">
        <v>12.463330033196867</v>
      </c>
      <c r="L4503" s="40"/>
      <c r="M4503" s="40"/>
      <c r="N4503" s="40"/>
    </row>
    <row r="4504" spans="4:14" x14ac:dyDescent="0.25">
      <c r="D4504" s="40">
        <v>74.930337000003306</v>
      </c>
      <c r="E4504" s="40">
        <v>20.06557378917325</v>
      </c>
      <c r="F4504" s="40">
        <v>74.91666699999999</v>
      </c>
      <c r="G4504" s="40">
        <v>18.961815529816079</v>
      </c>
      <c r="H4504" s="40">
        <v>74.916667000000018</v>
      </c>
      <c r="I4504" s="40">
        <v>15.165707504734881</v>
      </c>
      <c r="J4504" s="40">
        <v>74.916639619048198</v>
      </c>
      <c r="K4504" s="40">
        <v>12.463330033196867</v>
      </c>
      <c r="L4504" s="40"/>
      <c r="M4504" s="40"/>
      <c r="N4504" s="40"/>
    </row>
    <row r="4505" spans="4:14" x14ac:dyDescent="0.25">
      <c r="D4505" s="40">
        <v>74.947003000003306</v>
      </c>
      <c r="E4505" s="40">
        <v>20.070274521333676</v>
      </c>
      <c r="F4505" s="40">
        <v>74.933333000000005</v>
      </c>
      <c r="G4505" s="40">
        <v>18.966430913785981</v>
      </c>
      <c r="H4505" s="40">
        <v>74.933334000000002</v>
      </c>
      <c r="I4505" s="40">
        <v>15.169060240878313</v>
      </c>
      <c r="J4505" s="40">
        <v>74.933306279762505</v>
      </c>
      <c r="K4505" s="40">
        <v>12.463330033196867</v>
      </c>
      <c r="L4505" s="40"/>
      <c r="M4505" s="40"/>
      <c r="N4505" s="40"/>
    </row>
    <row r="4506" spans="4:14" x14ac:dyDescent="0.25">
      <c r="D4506" s="40">
        <v>74.963669000003307</v>
      </c>
      <c r="E4506" s="40">
        <v>20.070274521333676</v>
      </c>
      <c r="F4506" s="40">
        <v>74.949999999999989</v>
      </c>
      <c r="G4506" s="40">
        <v>18.966430913785981</v>
      </c>
      <c r="H4506" s="40">
        <v>74.950000000000017</v>
      </c>
      <c r="I4506" s="40">
        <v>15.169060240878313</v>
      </c>
      <c r="J4506" s="40">
        <v>74.949972940476698</v>
      </c>
      <c r="K4506" s="40">
        <v>12.463330033196867</v>
      </c>
      <c r="L4506" s="40"/>
      <c r="M4506" s="40"/>
      <c r="N4506" s="40"/>
    </row>
    <row r="4507" spans="4:14" x14ac:dyDescent="0.25">
      <c r="D4507" s="40">
        <v>74.980335000003308</v>
      </c>
      <c r="E4507" s="40">
        <v>20.070274521333676</v>
      </c>
      <c r="F4507" s="40">
        <v>74.966667000000001</v>
      </c>
      <c r="G4507" s="40">
        <v>18.971186157876076</v>
      </c>
      <c r="H4507" s="40">
        <v>74.966667000000001</v>
      </c>
      <c r="I4507" s="40">
        <v>15.172412977021571</v>
      </c>
      <c r="J4507" s="40">
        <v>74.966639601191005</v>
      </c>
      <c r="K4507" s="40">
        <v>12.463330033196867</v>
      </c>
      <c r="L4507" s="40"/>
      <c r="M4507" s="40"/>
      <c r="N4507" s="40"/>
    </row>
    <row r="4508" spans="4:14" x14ac:dyDescent="0.25">
      <c r="D4508" s="40">
        <v>74.997001000003308</v>
      </c>
      <c r="E4508" s="40">
        <v>20.070274521333676</v>
      </c>
      <c r="F4508" s="40">
        <v>74.983332999999988</v>
      </c>
      <c r="G4508" s="40">
        <v>18.971186157876076</v>
      </c>
      <c r="H4508" s="40">
        <v>74.983334000000013</v>
      </c>
      <c r="I4508" s="40">
        <v>15.175667103278334</v>
      </c>
      <c r="J4508" s="40">
        <v>74.983306261905298</v>
      </c>
      <c r="K4508" s="40">
        <v>12.463330033196867</v>
      </c>
      <c r="L4508" s="40"/>
      <c r="M4508" s="40"/>
      <c r="N4508" s="40"/>
    </row>
    <row r="4509" spans="4:14" x14ac:dyDescent="0.25">
      <c r="D4509" s="40">
        <v>75.013667000003309</v>
      </c>
      <c r="E4509" s="40">
        <v>20.070274521333676</v>
      </c>
      <c r="F4509" s="40">
        <v>75</v>
      </c>
      <c r="G4509" s="40">
        <v>18.971186157876076</v>
      </c>
      <c r="H4509" s="40">
        <v>75</v>
      </c>
      <c r="I4509" s="40">
        <v>15.175667103278334</v>
      </c>
      <c r="J4509" s="40">
        <v>74.999972922619605</v>
      </c>
      <c r="K4509" s="40">
        <v>12.468181076905973</v>
      </c>
      <c r="L4509" s="40"/>
      <c r="M4509" s="40"/>
      <c r="N4509" s="40"/>
    </row>
    <row r="4510" spans="4:14" x14ac:dyDescent="0.25">
      <c r="D4510" s="40">
        <v>75.03033300000331</v>
      </c>
      <c r="E4510" s="40">
        <v>20.070274521333676</v>
      </c>
      <c r="F4510" s="40">
        <v>75.016666999999984</v>
      </c>
      <c r="G4510" s="40">
        <v>18.971186157876076</v>
      </c>
      <c r="H4510" s="40">
        <v>75.016667000000012</v>
      </c>
      <c r="I4510" s="40">
        <v>15.17901983942159</v>
      </c>
      <c r="J4510" s="40">
        <v>75.016639583333898</v>
      </c>
      <c r="K4510" s="40">
        <v>12.468181076905973</v>
      </c>
      <c r="L4510" s="40"/>
      <c r="M4510" s="40"/>
      <c r="N4510" s="40"/>
    </row>
    <row r="4511" spans="4:14" x14ac:dyDescent="0.25">
      <c r="D4511" s="40">
        <v>75.046999000003311</v>
      </c>
      <c r="E4511" s="40">
        <v>20.070274521333676</v>
      </c>
      <c r="F4511" s="40">
        <v>75.033332999999999</v>
      </c>
      <c r="G4511" s="40">
        <v>18.975941401966296</v>
      </c>
      <c r="H4511" s="40">
        <v>75.033333999999996</v>
      </c>
      <c r="I4511" s="40">
        <v>15.182372575565022</v>
      </c>
      <c r="J4511" s="40">
        <v>75.033306244048205</v>
      </c>
      <c r="K4511" s="40">
        <v>12.468181076905973</v>
      </c>
      <c r="L4511" s="40"/>
      <c r="M4511" s="40"/>
      <c r="N4511" s="40"/>
    </row>
    <row r="4512" spans="4:14" x14ac:dyDescent="0.25">
      <c r="D4512" s="40">
        <v>75.063665000003311</v>
      </c>
      <c r="E4512" s="40">
        <v>20.075117699923226</v>
      </c>
      <c r="F4512" s="40">
        <v>75.049999999999983</v>
      </c>
      <c r="G4512" s="40">
        <v>18.975941401966296</v>
      </c>
      <c r="H4512" s="40">
        <v>75.050000000000011</v>
      </c>
      <c r="I4512" s="40">
        <v>15.182372575565022</v>
      </c>
      <c r="J4512" s="40">
        <v>75.049972904762498</v>
      </c>
      <c r="K4512" s="40">
        <v>12.468181076905973</v>
      </c>
      <c r="L4512" s="40"/>
      <c r="M4512" s="40"/>
      <c r="N4512" s="40"/>
    </row>
    <row r="4513" spans="4:14" x14ac:dyDescent="0.25">
      <c r="D4513" s="40">
        <v>75.080331000003312</v>
      </c>
      <c r="E4513" s="40">
        <v>20.075117699923226</v>
      </c>
      <c r="F4513" s="40">
        <v>75.066666999999995</v>
      </c>
      <c r="G4513" s="40">
        <v>18.975941401966296</v>
      </c>
      <c r="H4513" s="40">
        <v>75.066666999999995</v>
      </c>
      <c r="I4513" s="40">
        <v>15.185626701821786</v>
      </c>
      <c r="J4513" s="40">
        <v>75.066639565476706</v>
      </c>
      <c r="K4513" s="40">
        <v>12.473032120615205</v>
      </c>
      <c r="L4513" s="40"/>
      <c r="M4513" s="40"/>
      <c r="N4513" s="40"/>
    </row>
    <row r="4514" spans="4:14" x14ac:dyDescent="0.25">
      <c r="D4514" s="40">
        <v>75.096997000003313</v>
      </c>
      <c r="E4514" s="40">
        <v>20.075117699923226</v>
      </c>
      <c r="F4514" s="40">
        <v>75.083332999999982</v>
      </c>
      <c r="G4514" s="40">
        <v>18.980556785936198</v>
      </c>
      <c r="H4514" s="40">
        <v>75.083334000000008</v>
      </c>
      <c r="I4514" s="40">
        <v>15.188979437965044</v>
      </c>
      <c r="J4514" s="40">
        <v>75.083306226190999</v>
      </c>
      <c r="K4514" s="40">
        <v>12.473032120615205</v>
      </c>
      <c r="L4514" s="40"/>
      <c r="M4514" s="40"/>
      <c r="N4514" s="40"/>
    </row>
    <row r="4515" spans="4:14" x14ac:dyDescent="0.25">
      <c r="D4515" s="40">
        <v>75.113663000003314</v>
      </c>
      <c r="E4515" s="40">
        <v>20.075117699923226</v>
      </c>
      <c r="F4515" s="40">
        <v>75.099999999999994</v>
      </c>
      <c r="G4515" s="40">
        <v>18.980556785936198</v>
      </c>
      <c r="H4515" s="40">
        <v>75.099999999999994</v>
      </c>
      <c r="I4515" s="40">
        <v>15.188979437965044</v>
      </c>
      <c r="J4515" s="40">
        <v>75.099972886905306</v>
      </c>
      <c r="K4515" s="40">
        <v>12.473032120615205</v>
      </c>
      <c r="L4515" s="40"/>
      <c r="M4515" s="40"/>
      <c r="N4515" s="40"/>
    </row>
    <row r="4516" spans="4:14" x14ac:dyDescent="0.25">
      <c r="D4516" s="40">
        <v>75.130329000003314</v>
      </c>
      <c r="E4516" s="40">
        <v>20.075117699923226</v>
      </c>
      <c r="F4516" s="40">
        <v>75.116667000000007</v>
      </c>
      <c r="G4516" s="40">
        <v>18.980556785936198</v>
      </c>
      <c r="H4516" s="40">
        <v>75.116667000000007</v>
      </c>
      <c r="I4516" s="40">
        <v>15.1923321741083</v>
      </c>
      <c r="J4516" s="40">
        <v>75.116639547619599</v>
      </c>
      <c r="K4516" s="40">
        <v>12.473032120615205</v>
      </c>
      <c r="L4516" s="40"/>
      <c r="M4516" s="40"/>
      <c r="N4516" s="40"/>
    </row>
    <row r="4517" spans="4:14" x14ac:dyDescent="0.25">
      <c r="D4517" s="40">
        <v>75.146995000003315</v>
      </c>
      <c r="E4517" s="40">
        <v>20.079960878512647</v>
      </c>
      <c r="F4517" s="40">
        <v>75.133332999999993</v>
      </c>
      <c r="G4517" s="40">
        <v>18.980556785936198</v>
      </c>
      <c r="H4517" s="40">
        <v>75.133334000000019</v>
      </c>
      <c r="I4517" s="40">
        <v>15.1923321741083</v>
      </c>
      <c r="J4517" s="40">
        <v>75.133306208333906</v>
      </c>
      <c r="K4517" s="40">
        <v>12.473032120615205</v>
      </c>
      <c r="L4517" s="40"/>
      <c r="M4517" s="40"/>
      <c r="N4517" s="40"/>
    </row>
    <row r="4518" spans="4:14" x14ac:dyDescent="0.25">
      <c r="D4518" s="40">
        <v>75.163661000003316</v>
      </c>
      <c r="E4518" s="40">
        <v>20.079960878512647</v>
      </c>
      <c r="F4518" s="40">
        <v>75.150000000000006</v>
      </c>
      <c r="G4518" s="40">
        <v>18.985312030026293</v>
      </c>
      <c r="H4518" s="40">
        <v>75.150000000000006</v>
      </c>
      <c r="I4518" s="40">
        <v>15.195586300365063</v>
      </c>
      <c r="J4518" s="40">
        <v>75.149972869048199</v>
      </c>
      <c r="K4518" s="40">
        <v>12.473032120615205</v>
      </c>
      <c r="L4518" s="40"/>
      <c r="M4518" s="40"/>
      <c r="N4518" s="40"/>
    </row>
    <row r="4519" spans="4:14" x14ac:dyDescent="0.25">
      <c r="D4519" s="40">
        <v>75.180327000003317</v>
      </c>
      <c r="E4519" s="40">
        <v>20.084661610673074</v>
      </c>
      <c r="F4519" s="40">
        <v>75.16666699999999</v>
      </c>
      <c r="G4519" s="40">
        <v>18.985312030026293</v>
      </c>
      <c r="H4519" s="40">
        <v>75.166667000000018</v>
      </c>
      <c r="I4519" s="40">
        <v>15.195586300365063</v>
      </c>
      <c r="J4519" s="40">
        <v>75.166639529762506</v>
      </c>
      <c r="K4519" s="40">
        <v>12.473032120615205</v>
      </c>
      <c r="L4519" s="40"/>
      <c r="M4519" s="40"/>
      <c r="N4519" s="40"/>
    </row>
    <row r="4520" spans="4:14" x14ac:dyDescent="0.25">
      <c r="D4520" s="40">
        <v>75.196993000003317</v>
      </c>
      <c r="E4520" s="40">
        <v>20.089504789262623</v>
      </c>
      <c r="F4520" s="40">
        <v>75.183333000000005</v>
      </c>
      <c r="G4520" s="40">
        <v>18.990067274116509</v>
      </c>
      <c r="H4520" s="40">
        <v>75.183334000000002</v>
      </c>
      <c r="I4520" s="40">
        <v>15.198939036508321</v>
      </c>
      <c r="J4520" s="40">
        <v>75.183306190476799</v>
      </c>
      <c r="K4520" s="40">
        <v>12.473032120615205</v>
      </c>
      <c r="L4520" s="40"/>
      <c r="M4520" s="40"/>
      <c r="N4520" s="40"/>
    </row>
    <row r="4521" spans="4:14" x14ac:dyDescent="0.25">
      <c r="D4521" s="40">
        <v>75.213659000003318</v>
      </c>
      <c r="E4521" s="40">
        <v>20.089504789262623</v>
      </c>
      <c r="F4521" s="40">
        <v>75.199999999999989</v>
      </c>
      <c r="G4521" s="40">
        <v>18.990067274116509</v>
      </c>
      <c r="H4521" s="40">
        <v>75.200000000000017</v>
      </c>
      <c r="I4521" s="40">
        <v>15.202291772651753</v>
      </c>
      <c r="J4521" s="40">
        <v>75.199972851191006</v>
      </c>
      <c r="K4521" s="40">
        <v>12.473032120615205</v>
      </c>
      <c r="L4521" s="40"/>
      <c r="M4521" s="40"/>
      <c r="N4521" s="40"/>
    </row>
    <row r="4522" spans="4:14" x14ac:dyDescent="0.25">
      <c r="D4522" s="40">
        <v>75.230325000003319</v>
      </c>
      <c r="E4522" s="40">
        <v>20.094347967852045</v>
      </c>
      <c r="F4522" s="40">
        <v>75.216667000000001</v>
      </c>
      <c r="G4522" s="40">
        <v>18.990067274116509</v>
      </c>
      <c r="H4522" s="40">
        <v>75.216667000000001</v>
      </c>
      <c r="I4522" s="40">
        <v>15.202291772651753</v>
      </c>
      <c r="J4522" s="40">
        <v>75.216639511905299</v>
      </c>
      <c r="K4522" s="40">
        <v>12.473032120615205</v>
      </c>
      <c r="L4522" s="40"/>
      <c r="M4522" s="40"/>
      <c r="N4522" s="40"/>
    </row>
    <row r="4523" spans="4:14" x14ac:dyDescent="0.25">
      <c r="D4523" s="40">
        <v>75.24699100000332</v>
      </c>
      <c r="E4523" s="40">
        <v>20.094347967852045</v>
      </c>
      <c r="F4523" s="40">
        <v>75.233332999999988</v>
      </c>
      <c r="G4523" s="40">
        <v>18.994682658086411</v>
      </c>
      <c r="H4523" s="40">
        <v>75.233334000000013</v>
      </c>
      <c r="I4523" s="40">
        <v>15.205545898908516</v>
      </c>
      <c r="J4523" s="40">
        <v>75.233306172619606</v>
      </c>
      <c r="K4523" s="40">
        <v>12.473032120615205</v>
      </c>
      <c r="L4523" s="40"/>
      <c r="M4523" s="40"/>
      <c r="N4523" s="40"/>
    </row>
    <row r="4524" spans="4:14" x14ac:dyDescent="0.25">
      <c r="D4524" s="40">
        <v>75.26365700000332</v>
      </c>
      <c r="E4524" s="40">
        <v>20.099048700012471</v>
      </c>
      <c r="F4524" s="40">
        <v>75.25</v>
      </c>
      <c r="G4524" s="40">
        <v>18.994682658086411</v>
      </c>
      <c r="H4524" s="40">
        <v>75.25</v>
      </c>
      <c r="I4524" s="40">
        <v>15.208898635051774</v>
      </c>
      <c r="J4524" s="40">
        <v>75.249972833333899</v>
      </c>
      <c r="K4524" s="40">
        <v>12.477740486568264</v>
      </c>
      <c r="L4524" s="40"/>
      <c r="M4524" s="40"/>
      <c r="N4524" s="40"/>
    </row>
    <row r="4525" spans="4:14" x14ac:dyDescent="0.25">
      <c r="D4525" s="40">
        <v>75.280323000003321</v>
      </c>
      <c r="E4525" s="40">
        <v>20.099048700012471</v>
      </c>
      <c r="F4525" s="40">
        <v>75.266666999999984</v>
      </c>
      <c r="G4525" s="40">
        <v>18.999437902176631</v>
      </c>
      <c r="H4525" s="40">
        <v>75.266667000000012</v>
      </c>
      <c r="I4525" s="40">
        <v>15.208898635051774</v>
      </c>
      <c r="J4525" s="40">
        <v>75.266639494048206</v>
      </c>
      <c r="K4525" s="40">
        <v>12.477740486568264</v>
      </c>
      <c r="L4525" s="40"/>
      <c r="M4525" s="40"/>
      <c r="N4525" s="40"/>
    </row>
    <row r="4526" spans="4:14" x14ac:dyDescent="0.25">
      <c r="D4526" s="40">
        <v>75.296989000003322</v>
      </c>
      <c r="E4526" s="40">
        <v>20.099048700012471</v>
      </c>
      <c r="F4526" s="40">
        <v>75.283332999999999</v>
      </c>
      <c r="G4526" s="40">
        <v>18.999437902176631</v>
      </c>
      <c r="H4526" s="40">
        <v>75.283333999999996</v>
      </c>
      <c r="I4526" s="40">
        <v>15.21225137119503</v>
      </c>
      <c r="J4526" s="40">
        <v>75.283306154762499</v>
      </c>
      <c r="K4526" s="40">
        <v>12.477740486568264</v>
      </c>
      <c r="L4526" s="40"/>
      <c r="M4526" s="40"/>
      <c r="N4526" s="40"/>
    </row>
    <row r="4527" spans="4:14" x14ac:dyDescent="0.25">
      <c r="D4527" s="40">
        <v>75.313655000003322</v>
      </c>
      <c r="E4527" s="40">
        <v>20.099048700012471</v>
      </c>
      <c r="F4527" s="40">
        <v>75.299999999999983</v>
      </c>
      <c r="G4527" s="40">
        <v>18.999437902176631</v>
      </c>
      <c r="H4527" s="40">
        <v>75.300000000000011</v>
      </c>
      <c r="I4527" s="40">
        <v>15.215604107338464</v>
      </c>
      <c r="J4527" s="40">
        <v>75.299972815476707</v>
      </c>
      <c r="K4527" s="40">
        <v>12.48259153027737</v>
      </c>
      <c r="L4527" s="40"/>
      <c r="M4527" s="40"/>
      <c r="N4527" s="40"/>
    </row>
    <row r="4528" spans="4:14" x14ac:dyDescent="0.25">
      <c r="D4528" s="40">
        <v>75.330321000003323</v>
      </c>
      <c r="E4528" s="40">
        <v>20.103891878602017</v>
      </c>
      <c r="F4528" s="40">
        <v>75.316666999999995</v>
      </c>
      <c r="G4528" s="40">
        <v>18.999437902176631</v>
      </c>
      <c r="H4528" s="40">
        <v>75.316666999999995</v>
      </c>
      <c r="I4528" s="40">
        <v>15.215604107338464</v>
      </c>
      <c r="J4528" s="40">
        <v>75.316639476191</v>
      </c>
      <c r="K4528" s="40">
        <v>12.48259153027737</v>
      </c>
      <c r="L4528" s="40"/>
      <c r="M4528" s="40"/>
      <c r="N4528" s="40"/>
    </row>
    <row r="4529" spans="4:14" x14ac:dyDescent="0.25">
      <c r="D4529" s="40">
        <v>75.346987000003324</v>
      </c>
      <c r="E4529" s="40">
        <v>20.103891878602017</v>
      </c>
      <c r="F4529" s="40">
        <v>75.333332999999982</v>
      </c>
      <c r="G4529" s="40">
        <v>19.004193146266722</v>
      </c>
      <c r="H4529" s="40">
        <v>75.333334000000008</v>
      </c>
      <c r="I4529" s="40">
        <v>15.218858233595224</v>
      </c>
      <c r="J4529" s="40">
        <v>75.333306136905307</v>
      </c>
      <c r="K4529" s="40">
        <v>12.48259153027737</v>
      </c>
      <c r="L4529" s="40"/>
      <c r="M4529" s="40"/>
      <c r="N4529" s="40"/>
    </row>
    <row r="4530" spans="4:14" x14ac:dyDescent="0.25">
      <c r="D4530" s="40">
        <v>75.363653000003325</v>
      </c>
      <c r="E4530" s="40">
        <v>20.103891878602017</v>
      </c>
      <c r="F4530" s="40">
        <v>75.349999999999994</v>
      </c>
      <c r="G4530" s="40">
        <v>19.004193146266722</v>
      </c>
      <c r="H4530" s="40">
        <v>75.349999999999994</v>
      </c>
      <c r="I4530" s="40">
        <v>15.218858233595224</v>
      </c>
      <c r="J4530" s="40">
        <v>75.3499727976196</v>
      </c>
      <c r="K4530" s="40">
        <v>12.48259153027737</v>
      </c>
      <c r="L4530" s="40"/>
      <c r="M4530" s="40"/>
      <c r="N4530" s="40"/>
    </row>
    <row r="4531" spans="4:14" x14ac:dyDescent="0.25">
      <c r="D4531" s="40">
        <v>75.380319000003325</v>
      </c>
      <c r="E4531" s="40">
        <v>20.103891878602017</v>
      </c>
      <c r="F4531" s="40">
        <v>75.366667000000007</v>
      </c>
      <c r="G4531" s="40">
        <v>19.004193146266722</v>
      </c>
      <c r="H4531" s="40">
        <v>75.366667000000007</v>
      </c>
      <c r="I4531" s="40">
        <v>15.222210969738482</v>
      </c>
      <c r="J4531" s="40">
        <v>75.366639458333907</v>
      </c>
      <c r="K4531" s="40">
        <v>12.48259153027737</v>
      </c>
      <c r="L4531" s="40"/>
      <c r="M4531" s="40"/>
      <c r="N4531" s="40"/>
    </row>
    <row r="4532" spans="4:14" x14ac:dyDescent="0.25">
      <c r="D4532" s="40">
        <v>75.396985000003326</v>
      </c>
      <c r="E4532" s="40">
        <v>20.103891878602017</v>
      </c>
      <c r="F4532" s="40">
        <v>75.383332999999993</v>
      </c>
      <c r="G4532" s="40">
        <v>19.008948390356945</v>
      </c>
      <c r="H4532" s="40">
        <v>75.383334000000019</v>
      </c>
      <c r="I4532" s="40">
        <v>15.22556370588174</v>
      </c>
      <c r="J4532" s="40">
        <v>75.3833061190482</v>
      </c>
      <c r="K4532" s="40">
        <v>12.48259153027737</v>
      </c>
      <c r="L4532" s="40"/>
      <c r="M4532" s="40"/>
      <c r="N4532" s="40"/>
    </row>
    <row r="4533" spans="4:14" x14ac:dyDescent="0.25">
      <c r="D4533" s="40">
        <v>75.413651000003327</v>
      </c>
      <c r="E4533" s="40">
        <v>20.103891878602017</v>
      </c>
      <c r="F4533" s="40">
        <v>75.400000000000006</v>
      </c>
      <c r="G4533" s="40">
        <v>19.008948390356945</v>
      </c>
      <c r="H4533" s="40">
        <v>75.400000000000006</v>
      </c>
      <c r="I4533" s="40">
        <v>15.22556370588174</v>
      </c>
      <c r="J4533" s="40">
        <v>75.399972779762507</v>
      </c>
      <c r="K4533" s="40">
        <v>12.48259153027737</v>
      </c>
      <c r="L4533" s="40"/>
      <c r="M4533" s="40"/>
      <c r="N4533" s="40"/>
    </row>
    <row r="4534" spans="4:14" x14ac:dyDescent="0.25">
      <c r="D4534" s="40">
        <v>75.430317000003328</v>
      </c>
      <c r="E4534" s="40">
        <v>20.103891878602017</v>
      </c>
      <c r="F4534" s="40">
        <v>75.41666699999999</v>
      </c>
      <c r="G4534" s="40">
        <v>19.013563774326848</v>
      </c>
      <c r="H4534" s="40">
        <v>75.416667000000018</v>
      </c>
      <c r="I4534" s="40">
        <v>15.228817832138503</v>
      </c>
      <c r="J4534" s="40">
        <v>75.4166394404768</v>
      </c>
      <c r="K4534" s="40">
        <v>12.48259153027737</v>
      </c>
      <c r="L4534" s="40"/>
      <c r="M4534" s="40"/>
      <c r="N4534" s="40"/>
    </row>
    <row r="4535" spans="4:14" x14ac:dyDescent="0.25">
      <c r="D4535" s="40">
        <v>75.446983000003328</v>
      </c>
      <c r="E4535" s="40">
        <v>20.103891878602017</v>
      </c>
      <c r="F4535" s="40">
        <v>75.433333000000005</v>
      </c>
      <c r="G4535" s="40">
        <v>19.013563774326848</v>
      </c>
      <c r="H4535" s="40">
        <v>75.433334000000002</v>
      </c>
      <c r="I4535" s="40">
        <v>15.232170568281759</v>
      </c>
      <c r="J4535" s="40">
        <v>75.433306101190993</v>
      </c>
      <c r="K4535" s="40">
        <v>12.48259153027737</v>
      </c>
      <c r="L4535" s="40"/>
      <c r="M4535" s="40"/>
      <c r="N4535" s="40"/>
    </row>
    <row r="4536" spans="4:14" x14ac:dyDescent="0.25">
      <c r="D4536" s="40">
        <v>75.463649000003329</v>
      </c>
      <c r="E4536" s="40">
        <v>20.103891878602017</v>
      </c>
      <c r="F4536" s="40">
        <v>75.449999999999989</v>
      </c>
      <c r="G4536" s="40">
        <v>19.018319018416939</v>
      </c>
      <c r="H4536" s="40">
        <v>75.450000000000017</v>
      </c>
      <c r="I4536" s="40">
        <v>15.232170568281759</v>
      </c>
      <c r="J4536" s="40">
        <v>75.4499727619053</v>
      </c>
      <c r="K4536" s="40">
        <v>12.48259153027737</v>
      </c>
      <c r="L4536" s="40"/>
      <c r="M4536" s="40"/>
      <c r="N4536" s="40"/>
    </row>
    <row r="4537" spans="4:14" x14ac:dyDescent="0.25">
      <c r="D4537" s="40">
        <v>75.48031500000333</v>
      </c>
      <c r="E4537" s="40">
        <v>20.103891878602017</v>
      </c>
      <c r="F4537" s="40">
        <v>75.466667000000001</v>
      </c>
      <c r="G4537" s="40">
        <v>19.018319018416939</v>
      </c>
      <c r="H4537" s="40">
        <v>75.466667000000001</v>
      </c>
      <c r="I4537" s="40">
        <v>15.235523304425193</v>
      </c>
      <c r="J4537" s="40">
        <v>75.466639422619593</v>
      </c>
      <c r="K4537" s="40">
        <v>12.48259153027737</v>
      </c>
      <c r="L4537" s="40"/>
      <c r="M4537" s="40"/>
      <c r="N4537" s="40"/>
    </row>
    <row r="4538" spans="4:14" x14ac:dyDescent="0.25">
      <c r="D4538" s="40">
        <v>75.496981000003331</v>
      </c>
      <c r="E4538" s="40">
        <v>20.103891878602017</v>
      </c>
      <c r="F4538" s="40">
        <v>75.483332999999988</v>
      </c>
      <c r="G4538" s="40">
        <v>19.023074262507158</v>
      </c>
      <c r="H4538" s="40">
        <v>75.483334000000013</v>
      </c>
      <c r="I4538" s="40">
        <v>15.238777430681955</v>
      </c>
      <c r="J4538" s="40">
        <v>75.4833060833339</v>
      </c>
      <c r="K4538" s="40">
        <v>12.48259153027737</v>
      </c>
      <c r="L4538" s="40"/>
      <c r="M4538" s="40"/>
      <c r="N4538" s="40"/>
    </row>
    <row r="4539" spans="4:14" x14ac:dyDescent="0.25">
      <c r="D4539" s="40">
        <v>75.513647000003331</v>
      </c>
      <c r="E4539" s="40">
        <v>20.108735057191439</v>
      </c>
      <c r="F4539" s="40">
        <v>75.5</v>
      </c>
      <c r="G4539" s="40">
        <v>19.023074262507158</v>
      </c>
      <c r="H4539" s="40">
        <v>75.5</v>
      </c>
      <c r="I4539" s="40">
        <v>15.238777430681955</v>
      </c>
      <c r="J4539" s="40">
        <v>75.499972744048193</v>
      </c>
      <c r="K4539" s="40">
        <v>12.48259153027737</v>
      </c>
      <c r="L4539" s="40"/>
      <c r="M4539" s="40"/>
      <c r="N4539" s="40"/>
    </row>
    <row r="4540" spans="4:14" x14ac:dyDescent="0.25">
      <c r="D4540" s="40">
        <v>75.530313000003332</v>
      </c>
      <c r="E4540" s="40">
        <v>20.108735057191439</v>
      </c>
      <c r="F4540" s="40">
        <v>75.516666999999984</v>
      </c>
      <c r="G4540" s="40">
        <v>19.027689646477061</v>
      </c>
      <c r="H4540" s="40">
        <v>75.516667000000012</v>
      </c>
      <c r="I4540" s="40">
        <v>15.242130166825213</v>
      </c>
      <c r="J4540" s="40">
        <v>75.5166394047625</v>
      </c>
      <c r="K4540" s="40">
        <v>12.48259153027737</v>
      </c>
      <c r="L4540" s="40"/>
      <c r="M4540" s="40"/>
      <c r="N4540" s="40"/>
    </row>
    <row r="4541" spans="4:14" x14ac:dyDescent="0.25">
      <c r="D4541" s="40">
        <v>75.546979000003333</v>
      </c>
      <c r="E4541" s="40">
        <v>20.108735057191439</v>
      </c>
      <c r="F4541" s="40">
        <v>75.533332999999999</v>
      </c>
      <c r="G4541" s="40">
        <v>19.032444890567152</v>
      </c>
      <c r="H4541" s="40">
        <v>75.533333999999996</v>
      </c>
      <c r="I4541" s="40">
        <v>15.245482902968471</v>
      </c>
      <c r="J4541" s="40">
        <v>75.533306065476694</v>
      </c>
      <c r="K4541" s="40">
        <v>12.48259153027737</v>
      </c>
      <c r="L4541" s="40"/>
      <c r="M4541" s="40"/>
      <c r="N4541" s="40"/>
    </row>
    <row r="4542" spans="4:14" x14ac:dyDescent="0.25">
      <c r="D4542" s="40">
        <v>75.563645000003334</v>
      </c>
      <c r="E4542" s="40">
        <v>20.108735057191439</v>
      </c>
      <c r="F4542" s="40">
        <v>75.549999999999983</v>
      </c>
      <c r="G4542" s="40">
        <v>19.032444890567152</v>
      </c>
      <c r="H4542" s="40">
        <v>75.550000000000011</v>
      </c>
      <c r="I4542" s="40">
        <v>15.245482902968471</v>
      </c>
      <c r="J4542" s="40">
        <v>75.549972726191001</v>
      </c>
      <c r="K4542" s="40">
        <v>12.48259153027737</v>
      </c>
      <c r="L4542" s="40"/>
      <c r="M4542" s="40"/>
      <c r="N4542" s="40"/>
    </row>
    <row r="4543" spans="4:14" x14ac:dyDescent="0.25">
      <c r="D4543" s="40">
        <v>75.580311000003334</v>
      </c>
      <c r="E4543" s="40">
        <v>20.108735057191439</v>
      </c>
      <c r="F4543" s="40">
        <v>75.566666999999995</v>
      </c>
      <c r="G4543" s="40">
        <v>19.037200134657372</v>
      </c>
      <c r="H4543" s="40">
        <v>75.566666999999995</v>
      </c>
      <c r="I4543" s="40">
        <v>15.248737029225234</v>
      </c>
      <c r="J4543" s="40">
        <v>75.566639386905294</v>
      </c>
      <c r="K4543" s="40">
        <v>12.48259153027737</v>
      </c>
      <c r="L4543" s="40"/>
      <c r="M4543" s="40"/>
      <c r="N4543" s="40"/>
    </row>
    <row r="4544" spans="4:14" x14ac:dyDescent="0.25">
      <c r="D4544" s="40">
        <v>75.596977000003335</v>
      </c>
      <c r="E4544" s="40">
        <v>20.108735057191439</v>
      </c>
      <c r="F4544" s="40">
        <v>75.583332999999982</v>
      </c>
      <c r="G4544" s="40">
        <v>19.041815518627274</v>
      </c>
      <c r="H4544" s="40">
        <v>75.583334000000008</v>
      </c>
      <c r="I4544" s="40">
        <v>15.252089765368666</v>
      </c>
      <c r="J4544" s="40">
        <v>75.583306047619601</v>
      </c>
      <c r="K4544" s="40">
        <v>12.487442573986602</v>
      </c>
      <c r="L4544" s="40"/>
      <c r="M4544" s="40"/>
      <c r="N4544" s="40"/>
    </row>
    <row r="4545" spans="4:14" x14ac:dyDescent="0.25">
      <c r="D4545" s="40">
        <v>75.613643000003336</v>
      </c>
      <c r="E4545" s="40">
        <v>20.108735057191439</v>
      </c>
      <c r="F4545" s="40">
        <v>75.599999999999994</v>
      </c>
      <c r="G4545" s="40">
        <v>19.041815518627274</v>
      </c>
      <c r="H4545" s="40">
        <v>75.599999999999994</v>
      </c>
      <c r="I4545" s="40">
        <v>15.255442501511924</v>
      </c>
      <c r="J4545" s="40">
        <v>75.599972708333894</v>
      </c>
      <c r="K4545" s="40">
        <v>12.487442573986602</v>
      </c>
      <c r="L4545" s="40"/>
      <c r="M4545" s="40"/>
      <c r="N4545" s="40"/>
    </row>
    <row r="4546" spans="4:14" x14ac:dyDescent="0.25">
      <c r="D4546" s="40">
        <v>75.630309000003336</v>
      </c>
      <c r="E4546" s="40">
        <v>20.108735057191439</v>
      </c>
      <c r="F4546" s="40">
        <v>75.616667000000007</v>
      </c>
      <c r="G4546" s="40">
        <v>19.046570762717494</v>
      </c>
      <c r="H4546" s="40">
        <v>75.616667000000007</v>
      </c>
      <c r="I4546" s="40">
        <v>15.255442501511924</v>
      </c>
      <c r="J4546" s="40">
        <v>75.616639369048201</v>
      </c>
      <c r="K4546" s="40">
        <v>12.487442573986602</v>
      </c>
      <c r="L4546" s="40"/>
      <c r="M4546" s="40"/>
      <c r="N4546" s="40"/>
    </row>
    <row r="4547" spans="4:14" x14ac:dyDescent="0.25">
      <c r="D4547" s="40">
        <v>75.646975000003337</v>
      </c>
      <c r="E4547" s="40">
        <v>20.108735057191439</v>
      </c>
      <c r="F4547" s="40">
        <v>75.633332999999993</v>
      </c>
      <c r="G4547" s="40">
        <v>19.046570762717494</v>
      </c>
      <c r="H4547" s="40">
        <v>75.633334000000019</v>
      </c>
      <c r="I4547" s="40">
        <v>15.258696627768686</v>
      </c>
      <c r="J4547" s="40">
        <v>75.633306029762494</v>
      </c>
      <c r="K4547" s="40">
        <v>12.487442573986602</v>
      </c>
      <c r="L4547" s="40"/>
      <c r="M4547" s="40"/>
      <c r="N4547" s="40"/>
    </row>
    <row r="4548" spans="4:14" x14ac:dyDescent="0.25">
      <c r="D4548" s="40">
        <v>75.663641000003338</v>
      </c>
      <c r="E4548" s="40">
        <v>20.108735057191439</v>
      </c>
      <c r="F4548" s="40">
        <v>75.650000000000006</v>
      </c>
      <c r="G4548" s="40">
        <v>19.051326006807589</v>
      </c>
      <c r="H4548" s="40">
        <v>75.650000000000006</v>
      </c>
      <c r="I4548" s="40">
        <v>15.262049363911943</v>
      </c>
      <c r="J4548" s="40">
        <v>75.649972690476801</v>
      </c>
      <c r="K4548" s="40">
        <v>12.487442573986602</v>
      </c>
      <c r="L4548" s="40"/>
      <c r="M4548" s="40"/>
      <c r="N4548" s="40"/>
    </row>
    <row r="4549" spans="4:14" x14ac:dyDescent="0.25">
      <c r="D4549" s="40">
        <v>75.680307000003339</v>
      </c>
      <c r="E4549" s="40">
        <v>20.108735057191439</v>
      </c>
      <c r="F4549" s="40">
        <v>75.66666699999999</v>
      </c>
      <c r="G4549" s="40">
        <v>19.051326006807589</v>
      </c>
      <c r="H4549" s="40">
        <v>75.666667000000018</v>
      </c>
      <c r="I4549" s="40">
        <v>15.262049363911943</v>
      </c>
      <c r="J4549" s="40">
        <v>75.666639351190994</v>
      </c>
      <c r="K4549" s="40">
        <v>12.487442573986602</v>
      </c>
      <c r="L4549" s="40"/>
      <c r="M4549" s="40"/>
      <c r="N4549" s="40"/>
    </row>
    <row r="4550" spans="4:14" x14ac:dyDescent="0.25">
      <c r="D4550" s="40">
        <v>75.696973000003339</v>
      </c>
      <c r="E4550" s="40">
        <v>20.113435789351865</v>
      </c>
      <c r="F4550" s="40">
        <v>75.683333000000005</v>
      </c>
      <c r="G4550" s="40">
        <v>19.055941390777491</v>
      </c>
      <c r="H4550" s="40">
        <v>75.683334000000002</v>
      </c>
      <c r="I4550" s="40">
        <v>15.2654021000552</v>
      </c>
      <c r="J4550" s="40">
        <v>75.683306011905302</v>
      </c>
      <c r="K4550" s="40">
        <v>12.487442573986602</v>
      </c>
      <c r="L4550" s="40"/>
      <c r="M4550" s="40"/>
      <c r="N4550" s="40"/>
    </row>
    <row r="4551" spans="4:14" x14ac:dyDescent="0.25">
      <c r="D4551" s="40">
        <v>75.71363900000334</v>
      </c>
      <c r="E4551" s="40">
        <v>20.113435789351865</v>
      </c>
      <c r="F4551" s="40">
        <v>75.699999999999989</v>
      </c>
      <c r="G4551" s="40">
        <v>19.055941390777491</v>
      </c>
      <c r="H4551" s="40">
        <v>75.700000000000017</v>
      </c>
      <c r="I4551" s="40">
        <v>15.268656226311963</v>
      </c>
      <c r="J4551" s="40">
        <v>75.699972672619595</v>
      </c>
      <c r="K4551" s="40">
        <v>12.487442573986602</v>
      </c>
      <c r="L4551" s="40"/>
      <c r="M4551" s="40"/>
      <c r="N4551" s="40"/>
    </row>
    <row r="4552" spans="4:14" x14ac:dyDescent="0.25">
      <c r="D4552" s="40">
        <v>75.730305000003341</v>
      </c>
      <c r="E4552" s="40">
        <v>20.113435789351865</v>
      </c>
      <c r="F4552" s="40">
        <v>75.716667000000001</v>
      </c>
      <c r="G4552" s="40">
        <v>19.055941390777491</v>
      </c>
      <c r="H4552" s="40">
        <v>75.716667000000001</v>
      </c>
      <c r="I4552" s="40">
        <v>15.268656226311963</v>
      </c>
      <c r="J4552" s="40">
        <v>75.716639333333902</v>
      </c>
      <c r="K4552" s="40">
        <v>12.487442573986602</v>
      </c>
      <c r="L4552" s="40"/>
      <c r="M4552" s="40"/>
      <c r="N4552" s="40"/>
    </row>
    <row r="4553" spans="4:14" x14ac:dyDescent="0.25">
      <c r="D4553" s="40">
        <v>75.746971000003342</v>
      </c>
      <c r="E4553" s="40">
        <v>20.113435789351865</v>
      </c>
      <c r="F4553" s="40">
        <v>75.733332999999988</v>
      </c>
      <c r="G4553" s="40">
        <v>19.06069663486771</v>
      </c>
      <c r="H4553" s="40">
        <v>75.733334000000013</v>
      </c>
      <c r="I4553" s="40">
        <v>15.272008962455395</v>
      </c>
      <c r="J4553" s="40">
        <v>75.733305994048195</v>
      </c>
      <c r="K4553" s="40">
        <v>12.487442573986602</v>
      </c>
      <c r="L4553" s="40"/>
      <c r="M4553" s="40"/>
      <c r="N4553" s="40"/>
    </row>
    <row r="4554" spans="4:14" x14ac:dyDescent="0.25">
      <c r="D4554" s="40">
        <v>75.763637000003342</v>
      </c>
      <c r="E4554" s="40">
        <v>20.113435789351865</v>
      </c>
      <c r="F4554" s="40">
        <v>75.75</v>
      </c>
      <c r="G4554" s="40">
        <v>19.06069663486771</v>
      </c>
      <c r="H4554" s="40">
        <v>75.75</v>
      </c>
      <c r="I4554" s="40">
        <v>15.275361698598653</v>
      </c>
      <c r="J4554" s="40">
        <v>75.749972654762502</v>
      </c>
      <c r="K4554" s="40">
        <v>12.487442573986602</v>
      </c>
      <c r="L4554" s="40"/>
      <c r="M4554" s="40"/>
      <c r="N4554" s="40"/>
    </row>
    <row r="4555" spans="4:14" x14ac:dyDescent="0.25">
      <c r="D4555" s="40">
        <v>75.780303000003343</v>
      </c>
      <c r="E4555" s="40">
        <v>20.118278967941414</v>
      </c>
      <c r="F4555" s="40">
        <v>75.766666999999984</v>
      </c>
      <c r="G4555" s="40">
        <v>19.06069663486771</v>
      </c>
      <c r="H4555" s="40">
        <v>75.766667000000012</v>
      </c>
      <c r="I4555" s="40">
        <v>15.275361698598653</v>
      </c>
      <c r="J4555" s="40">
        <v>75.766639315476795</v>
      </c>
      <c r="K4555" s="40">
        <v>12.487442573986602</v>
      </c>
      <c r="L4555" s="40"/>
      <c r="M4555" s="40"/>
      <c r="N4555" s="40"/>
    </row>
    <row r="4556" spans="4:14" x14ac:dyDescent="0.25">
      <c r="D4556" s="40">
        <v>75.796969000003344</v>
      </c>
      <c r="E4556" s="40">
        <v>20.118278967941414</v>
      </c>
      <c r="F4556" s="40">
        <v>75.783332999999999</v>
      </c>
      <c r="G4556" s="40">
        <v>19.065451878957802</v>
      </c>
      <c r="H4556" s="40">
        <v>75.783333999999996</v>
      </c>
      <c r="I4556" s="40">
        <v>15.278615824855416</v>
      </c>
      <c r="J4556" s="40">
        <v>75.783305976191002</v>
      </c>
      <c r="K4556" s="40">
        <v>12.487442573986602</v>
      </c>
      <c r="L4556" s="40"/>
      <c r="M4556" s="40"/>
      <c r="N4556" s="40"/>
    </row>
    <row r="4557" spans="4:14" x14ac:dyDescent="0.25">
      <c r="D4557" s="40">
        <v>75.813635000003345</v>
      </c>
      <c r="E4557" s="40">
        <v>20.118278967941414</v>
      </c>
      <c r="F4557" s="40">
        <v>75.799999999999983</v>
      </c>
      <c r="G4557" s="40">
        <v>19.065451878957802</v>
      </c>
      <c r="H4557" s="40">
        <v>75.800000000000011</v>
      </c>
      <c r="I4557" s="40">
        <v>15.281968560998672</v>
      </c>
      <c r="J4557" s="40">
        <v>75.799972636905295</v>
      </c>
      <c r="K4557" s="40">
        <v>12.487442573986602</v>
      </c>
      <c r="L4557" s="40"/>
      <c r="M4557" s="40"/>
      <c r="N4557" s="40"/>
    </row>
    <row r="4558" spans="4:14" x14ac:dyDescent="0.25">
      <c r="D4558" s="40">
        <v>75.830301000003345</v>
      </c>
      <c r="E4558" s="40">
        <v>20.118278967941414</v>
      </c>
      <c r="F4558" s="40">
        <v>75.816666999999995</v>
      </c>
      <c r="G4558" s="40">
        <v>19.065451878957802</v>
      </c>
      <c r="H4558" s="40">
        <v>75.816666999999995</v>
      </c>
      <c r="I4558" s="40">
        <v>15.281968560998672</v>
      </c>
      <c r="J4558" s="40">
        <v>75.816639297619602</v>
      </c>
      <c r="K4558" s="40">
        <v>12.487442573986602</v>
      </c>
      <c r="L4558" s="40"/>
      <c r="M4558" s="40"/>
      <c r="N4558" s="40"/>
    </row>
    <row r="4559" spans="4:14" x14ac:dyDescent="0.25">
      <c r="D4559" s="40">
        <v>75.846967000003346</v>
      </c>
      <c r="E4559" s="40">
        <v>20.123122146530836</v>
      </c>
      <c r="F4559" s="40">
        <v>75.833332999999982</v>
      </c>
      <c r="G4559" s="40">
        <v>19.065451878957802</v>
      </c>
      <c r="H4559" s="40">
        <v>75.833334000000008</v>
      </c>
      <c r="I4559" s="40">
        <v>15.285321297142106</v>
      </c>
      <c r="J4559" s="40">
        <v>75.833305958333895</v>
      </c>
      <c r="K4559" s="40">
        <v>12.487442573986602</v>
      </c>
      <c r="L4559" s="40"/>
      <c r="M4559" s="40"/>
      <c r="N4559" s="40"/>
    </row>
    <row r="4560" spans="4:14" x14ac:dyDescent="0.25">
      <c r="D4560" s="40">
        <v>75.863633000003347</v>
      </c>
      <c r="E4560" s="40">
        <v>20.123122146530836</v>
      </c>
      <c r="F4560" s="40">
        <v>75.849999999999994</v>
      </c>
      <c r="G4560" s="40">
        <v>19.070067262927704</v>
      </c>
      <c r="H4560" s="40">
        <v>75.849999999999994</v>
      </c>
      <c r="I4560" s="40">
        <v>15.288575423398694</v>
      </c>
      <c r="J4560" s="40">
        <v>75.849972619048202</v>
      </c>
      <c r="K4560" s="40">
        <v>12.487442573986602</v>
      </c>
      <c r="L4560" s="40"/>
      <c r="M4560" s="40"/>
      <c r="N4560" s="40"/>
    </row>
    <row r="4561" spans="4:14" x14ac:dyDescent="0.25">
      <c r="D4561" s="40">
        <v>75.880299000003347</v>
      </c>
      <c r="E4561" s="40">
        <v>20.123122146530836</v>
      </c>
      <c r="F4561" s="40">
        <v>75.866667000000007</v>
      </c>
      <c r="G4561" s="40">
        <v>19.070067262927704</v>
      </c>
      <c r="H4561" s="40">
        <v>75.866667000000007</v>
      </c>
      <c r="I4561" s="40">
        <v>15.288575423398694</v>
      </c>
      <c r="J4561" s="40">
        <v>75.866639279762495</v>
      </c>
      <c r="K4561" s="40">
        <v>12.487442573986602</v>
      </c>
      <c r="L4561" s="40"/>
      <c r="M4561" s="40"/>
      <c r="N4561" s="40"/>
    </row>
    <row r="4562" spans="4:14" x14ac:dyDescent="0.25">
      <c r="D4562" s="40">
        <v>75.896965000003348</v>
      </c>
      <c r="E4562" s="40">
        <v>20.123122146530836</v>
      </c>
      <c r="F4562" s="40">
        <v>75.883332999999993</v>
      </c>
      <c r="G4562" s="40">
        <v>19.070067262927704</v>
      </c>
      <c r="H4562" s="40">
        <v>75.883334000000019</v>
      </c>
      <c r="I4562" s="40">
        <v>15.291928159542126</v>
      </c>
      <c r="J4562" s="40">
        <v>75.883305940476802</v>
      </c>
      <c r="K4562" s="40">
        <v>12.487442573986602</v>
      </c>
      <c r="L4562" s="40"/>
      <c r="M4562" s="40"/>
      <c r="N4562" s="40"/>
    </row>
    <row r="4563" spans="4:14" x14ac:dyDescent="0.25">
      <c r="D4563" s="40">
        <v>75.913631000003349</v>
      </c>
      <c r="E4563" s="40">
        <v>20.123122146530836</v>
      </c>
      <c r="F4563" s="40">
        <v>75.900000000000006</v>
      </c>
      <c r="G4563" s="40">
        <v>19.074822507017924</v>
      </c>
      <c r="H4563" s="40">
        <v>75.900000000000006</v>
      </c>
      <c r="I4563" s="40">
        <v>15.295280895685384</v>
      </c>
      <c r="J4563" s="40">
        <v>75.899972601190996</v>
      </c>
      <c r="K4563" s="40">
        <v>12.487442573986602</v>
      </c>
      <c r="L4563" s="40"/>
      <c r="M4563" s="40"/>
      <c r="N4563" s="40"/>
    </row>
    <row r="4564" spans="4:14" x14ac:dyDescent="0.25">
      <c r="D4564" s="40">
        <v>75.93029700000335</v>
      </c>
      <c r="E4564" s="40">
        <v>20.127822878691262</v>
      </c>
      <c r="F4564" s="40">
        <v>75.91666699999999</v>
      </c>
      <c r="G4564" s="40">
        <v>19.074822507017924</v>
      </c>
      <c r="H4564" s="40">
        <v>75.916667000000018</v>
      </c>
      <c r="I4564" s="40">
        <v>15.295280895685384</v>
      </c>
      <c r="J4564" s="40">
        <v>75.916639261905303</v>
      </c>
      <c r="K4564" s="40">
        <v>12.487442573986602</v>
      </c>
      <c r="L4564" s="40"/>
      <c r="M4564" s="40"/>
      <c r="N4564" s="40"/>
    </row>
    <row r="4565" spans="4:14" x14ac:dyDescent="0.25">
      <c r="D4565" s="40">
        <v>75.94696300000335</v>
      </c>
      <c r="E4565" s="40">
        <v>20.127822878691262</v>
      </c>
      <c r="F4565" s="40">
        <v>75.933333000000005</v>
      </c>
      <c r="G4565" s="40">
        <v>19.079577751108015</v>
      </c>
      <c r="H4565" s="40">
        <v>75.933334000000002</v>
      </c>
      <c r="I4565" s="40">
        <v>15.298535021942147</v>
      </c>
      <c r="J4565" s="40">
        <v>75.933305922619596</v>
      </c>
      <c r="K4565" s="40">
        <v>12.492150939939663</v>
      </c>
      <c r="L4565" s="40"/>
      <c r="M4565" s="40"/>
      <c r="N4565" s="40"/>
    </row>
    <row r="4566" spans="4:14" x14ac:dyDescent="0.25">
      <c r="D4566" s="40">
        <v>75.963629000003351</v>
      </c>
      <c r="E4566" s="40">
        <v>20.127822878691262</v>
      </c>
      <c r="F4566" s="40">
        <v>75.949999999999989</v>
      </c>
      <c r="G4566" s="40">
        <v>19.079577751108015</v>
      </c>
      <c r="H4566" s="40">
        <v>75.950000000000017</v>
      </c>
      <c r="I4566" s="40">
        <v>15.298535021942147</v>
      </c>
      <c r="J4566" s="40">
        <v>75.949972583333903</v>
      </c>
      <c r="K4566" s="40">
        <v>12.492150939939663</v>
      </c>
      <c r="L4566" s="40"/>
      <c r="M4566" s="40"/>
      <c r="N4566" s="40"/>
    </row>
    <row r="4567" spans="4:14" x14ac:dyDescent="0.25">
      <c r="D4567" s="40">
        <v>75.980295000003352</v>
      </c>
      <c r="E4567" s="40">
        <v>20.127822878691262</v>
      </c>
      <c r="F4567" s="40">
        <v>75.966667000000001</v>
      </c>
      <c r="G4567" s="40">
        <v>19.079577751108015</v>
      </c>
      <c r="H4567" s="40">
        <v>75.966667000000001</v>
      </c>
      <c r="I4567" s="40">
        <v>15.301887758085403</v>
      </c>
      <c r="J4567" s="40">
        <v>75.966639244048196</v>
      </c>
      <c r="K4567" s="40">
        <v>12.487442573986602</v>
      </c>
      <c r="L4567" s="40"/>
      <c r="M4567" s="40"/>
      <c r="N4567" s="40"/>
    </row>
    <row r="4568" spans="4:14" x14ac:dyDescent="0.25">
      <c r="D4568" s="40">
        <v>75.996961000003353</v>
      </c>
      <c r="E4568" s="40">
        <v>20.132666057280808</v>
      </c>
      <c r="F4568" s="40">
        <v>75.983332999999988</v>
      </c>
      <c r="G4568" s="40">
        <v>19.079577751108015</v>
      </c>
      <c r="H4568" s="40">
        <v>75.983334000000013</v>
      </c>
      <c r="I4568" s="40">
        <v>15.305240494228837</v>
      </c>
      <c r="J4568" s="40">
        <v>75.983305904762503</v>
      </c>
      <c r="K4568" s="40">
        <v>12.487442573986602</v>
      </c>
      <c r="L4568" s="40"/>
      <c r="M4568" s="40"/>
      <c r="N4568" s="40"/>
    </row>
    <row r="4569" spans="4:14" x14ac:dyDescent="0.25">
      <c r="D4569" s="40">
        <v>76.013627000003353</v>
      </c>
      <c r="E4569" s="40">
        <v>20.132666057280808</v>
      </c>
      <c r="F4569" s="40">
        <v>76</v>
      </c>
      <c r="G4569" s="40">
        <v>19.079577751108015</v>
      </c>
      <c r="H4569" s="40">
        <v>76</v>
      </c>
      <c r="I4569" s="40">
        <v>15.305240494228837</v>
      </c>
      <c r="J4569" s="40">
        <v>75.999972565476796</v>
      </c>
      <c r="K4569" s="40">
        <v>12.487442573986602</v>
      </c>
      <c r="L4569" s="40"/>
      <c r="M4569" s="40"/>
      <c r="N4569" s="40"/>
    </row>
    <row r="4570" spans="4:14" x14ac:dyDescent="0.25">
      <c r="D4570" s="40">
        <v>76.030293000003354</v>
      </c>
      <c r="E4570" s="40">
        <v>20.132666057280808</v>
      </c>
      <c r="F4570" s="40">
        <v>76.016666999999984</v>
      </c>
      <c r="G4570" s="40">
        <v>19.079577751108015</v>
      </c>
      <c r="H4570" s="40">
        <v>76.016667000000012</v>
      </c>
      <c r="I4570" s="40">
        <v>15.308494620485597</v>
      </c>
      <c r="J4570" s="40">
        <v>76.016639226191003</v>
      </c>
      <c r="K4570" s="40">
        <v>12.487442573986602</v>
      </c>
      <c r="L4570" s="40"/>
      <c r="M4570" s="40"/>
      <c r="N4570" s="40"/>
    </row>
    <row r="4571" spans="4:14" x14ac:dyDescent="0.25">
      <c r="D4571" s="40">
        <v>76.046959000003355</v>
      </c>
      <c r="E4571" s="40">
        <v>20.132666057280808</v>
      </c>
      <c r="F4571" s="40">
        <v>76.033332999999999</v>
      </c>
      <c r="G4571" s="40">
        <v>19.079577751108015</v>
      </c>
      <c r="H4571" s="40">
        <v>76.033333999999996</v>
      </c>
      <c r="I4571" s="40">
        <v>15.311847356628855</v>
      </c>
      <c r="J4571" s="40">
        <v>76.033305886905296</v>
      </c>
      <c r="K4571" s="40">
        <v>12.487442573986602</v>
      </c>
      <c r="L4571" s="40"/>
      <c r="M4571" s="40"/>
      <c r="N4571" s="40"/>
    </row>
    <row r="4572" spans="4:14" x14ac:dyDescent="0.25">
      <c r="D4572" s="40">
        <v>76.063625000003356</v>
      </c>
      <c r="E4572" s="40">
        <v>20.132666057280808</v>
      </c>
      <c r="F4572" s="40">
        <v>76.049999999999983</v>
      </c>
      <c r="G4572" s="40">
        <v>19.084193135077918</v>
      </c>
      <c r="H4572" s="40">
        <v>76.050000000000011</v>
      </c>
      <c r="I4572" s="40">
        <v>15.311847356628855</v>
      </c>
      <c r="J4572" s="40">
        <v>76.049972547619603</v>
      </c>
      <c r="K4572" s="40">
        <v>12.48259153027737</v>
      </c>
      <c r="L4572" s="40"/>
      <c r="M4572" s="40"/>
      <c r="N4572" s="40"/>
    </row>
    <row r="4573" spans="4:14" x14ac:dyDescent="0.25">
      <c r="D4573" s="40">
        <v>76.080291000003356</v>
      </c>
      <c r="E4573" s="40">
        <v>20.132666057280808</v>
      </c>
      <c r="F4573" s="40">
        <v>76.066666999999995</v>
      </c>
      <c r="G4573" s="40">
        <v>19.084193135077918</v>
      </c>
      <c r="H4573" s="40">
        <v>76.066666999999995</v>
      </c>
      <c r="I4573" s="40">
        <v>15.315200092772113</v>
      </c>
      <c r="J4573" s="40">
        <v>76.066639208333896</v>
      </c>
      <c r="K4573" s="40">
        <v>12.48259153027737</v>
      </c>
      <c r="L4573" s="40"/>
      <c r="M4573" s="40"/>
      <c r="N4573" s="40"/>
    </row>
    <row r="4574" spans="4:14" x14ac:dyDescent="0.25">
      <c r="D4574" s="40">
        <v>76.096957000003357</v>
      </c>
      <c r="E4574" s="40">
        <v>20.132666057280808</v>
      </c>
      <c r="F4574" s="40">
        <v>76.083332999999982</v>
      </c>
      <c r="G4574" s="40">
        <v>19.084193135077918</v>
      </c>
      <c r="H4574" s="40">
        <v>76.083334000000008</v>
      </c>
      <c r="I4574" s="40">
        <v>15.318454219028876</v>
      </c>
      <c r="J4574" s="40">
        <v>76.083305869048203</v>
      </c>
      <c r="K4574" s="40">
        <v>12.487442573986602</v>
      </c>
      <c r="L4574" s="40"/>
      <c r="M4574" s="40"/>
      <c r="N4574" s="40"/>
    </row>
    <row r="4575" spans="4:14" x14ac:dyDescent="0.25">
      <c r="D4575" s="40">
        <v>76.113623000003358</v>
      </c>
      <c r="E4575" s="40">
        <v>20.132666057280808</v>
      </c>
      <c r="F4575" s="40">
        <v>76.099999999999994</v>
      </c>
      <c r="G4575" s="40">
        <v>19.084193135077918</v>
      </c>
      <c r="H4575" s="40">
        <v>76.099999999999994</v>
      </c>
      <c r="I4575" s="40">
        <v>15.321806955172132</v>
      </c>
      <c r="J4575" s="40">
        <v>76.099972529762496</v>
      </c>
      <c r="K4575" s="40">
        <v>12.487442573986602</v>
      </c>
      <c r="L4575" s="40"/>
      <c r="M4575" s="40"/>
      <c r="N4575" s="40"/>
    </row>
    <row r="4576" spans="4:14" x14ac:dyDescent="0.25">
      <c r="D4576" s="40">
        <v>76.130289000003359</v>
      </c>
      <c r="E4576" s="40">
        <v>20.132666057280808</v>
      </c>
      <c r="F4576" s="40">
        <v>76.116667000000007</v>
      </c>
      <c r="G4576" s="40">
        <v>19.088948379168137</v>
      </c>
      <c r="H4576" s="40">
        <v>76.116667000000007</v>
      </c>
      <c r="I4576" s="40">
        <v>15.321806955172132</v>
      </c>
      <c r="J4576" s="40">
        <v>76.116639190476803</v>
      </c>
      <c r="K4576" s="40">
        <v>12.487442573986602</v>
      </c>
      <c r="L4576" s="40"/>
      <c r="M4576" s="40"/>
      <c r="N4576" s="40"/>
    </row>
    <row r="4577" spans="4:14" x14ac:dyDescent="0.25">
      <c r="D4577" s="40">
        <v>76.146955000003359</v>
      </c>
      <c r="E4577" s="40">
        <v>20.132666057280808</v>
      </c>
      <c r="F4577" s="40">
        <v>76.133332999999993</v>
      </c>
      <c r="G4577" s="40">
        <v>19.088948379168137</v>
      </c>
      <c r="H4577" s="40">
        <v>76.133334000000019</v>
      </c>
      <c r="I4577" s="40">
        <v>15.325159691315566</v>
      </c>
      <c r="J4577" s="40">
        <v>76.133305851190997</v>
      </c>
      <c r="K4577" s="40">
        <v>12.487442573986602</v>
      </c>
      <c r="L4577" s="40"/>
      <c r="M4577" s="40"/>
      <c r="N4577" s="40"/>
    </row>
    <row r="4578" spans="4:14" x14ac:dyDescent="0.25">
      <c r="D4578" s="40">
        <v>76.16362100000336</v>
      </c>
      <c r="E4578" s="40">
        <v>20.132666057280808</v>
      </c>
      <c r="F4578" s="40">
        <v>76.150000000000006</v>
      </c>
      <c r="G4578" s="40">
        <v>19.093703623258232</v>
      </c>
      <c r="H4578" s="40">
        <v>76.150000000000006</v>
      </c>
      <c r="I4578" s="40">
        <v>15.325159691315566</v>
      </c>
      <c r="J4578" s="40">
        <v>76.149972511905304</v>
      </c>
      <c r="K4578" s="40">
        <v>12.487442573986602</v>
      </c>
      <c r="L4578" s="40"/>
      <c r="M4578" s="40"/>
      <c r="N4578" s="40"/>
    </row>
    <row r="4579" spans="4:14" x14ac:dyDescent="0.25">
      <c r="D4579" s="40">
        <v>76.180287000003361</v>
      </c>
      <c r="E4579" s="40">
        <v>20.137509235870358</v>
      </c>
      <c r="F4579" s="40">
        <v>76.16666699999999</v>
      </c>
      <c r="G4579" s="40">
        <v>19.093703623258232</v>
      </c>
      <c r="H4579" s="40">
        <v>76.166667000000018</v>
      </c>
      <c r="I4579" s="40">
        <v>15.328413817572329</v>
      </c>
      <c r="J4579" s="40">
        <v>76.166639172619597</v>
      </c>
      <c r="K4579" s="40">
        <v>12.487442573986602</v>
      </c>
      <c r="L4579" s="40"/>
      <c r="M4579" s="40"/>
      <c r="N4579" s="40"/>
    </row>
    <row r="4580" spans="4:14" x14ac:dyDescent="0.25">
      <c r="D4580" s="40">
        <v>76.196953000003361</v>
      </c>
      <c r="E4580" s="40">
        <v>20.137509235870358</v>
      </c>
      <c r="F4580" s="40">
        <v>76.183333000000005</v>
      </c>
      <c r="G4580" s="40">
        <v>19.098319007228135</v>
      </c>
      <c r="H4580" s="40">
        <v>76.183334000000002</v>
      </c>
      <c r="I4580" s="40">
        <v>15.331766553715585</v>
      </c>
      <c r="J4580" s="40">
        <v>76.183305833333904</v>
      </c>
      <c r="K4580" s="40">
        <v>12.487442573986602</v>
      </c>
      <c r="L4580" s="40"/>
      <c r="M4580" s="40"/>
      <c r="N4580" s="40"/>
    </row>
    <row r="4581" spans="4:14" x14ac:dyDescent="0.25">
      <c r="D4581" s="40">
        <v>76.213619000003362</v>
      </c>
      <c r="E4581" s="40">
        <v>20.137509235870358</v>
      </c>
      <c r="F4581" s="40">
        <v>76.199999999999989</v>
      </c>
      <c r="G4581" s="40">
        <v>19.098319007228135</v>
      </c>
      <c r="H4581" s="40">
        <v>76.200000000000017</v>
      </c>
      <c r="I4581" s="40">
        <v>15.335119289858843</v>
      </c>
      <c r="J4581" s="40">
        <v>76.199972494048197</v>
      </c>
      <c r="K4581" s="40">
        <v>12.487442573986602</v>
      </c>
      <c r="L4581" s="40"/>
      <c r="M4581" s="40"/>
      <c r="N4581" s="40"/>
    </row>
    <row r="4582" spans="4:14" x14ac:dyDescent="0.25">
      <c r="D4582" s="40">
        <v>76.230285000003363</v>
      </c>
      <c r="E4582" s="40">
        <v>20.142209968030656</v>
      </c>
      <c r="F4582" s="40">
        <v>76.216667000000001</v>
      </c>
      <c r="G4582" s="40">
        <v>19.098319007228135</v>
      </c>
      <c r="H4582" s="40">
        <v>76.216667000000001</v>
      </c>
      <c r="I4582" s="40">
        <v>15.335119289858843</v>
      </c>
      <c r="J4582" s="40">
        <v>76.216639154762504</v>
      </c>
      <c r="K4582" s="40">
        <v>12.487442573986602</v>
      </c>
      <c r="L4582" s="40"/>
      <c r="M4582" s="40"/>
      <c r="N4582" s="40"/>
    </row>
    <row r="4583" spans="4:14" x14ac:dyDescent="0.25">
      <c r="D4583" s="40">
        <v>76.246951000003364</v>
      </c>
      <c r="E4583" s="40">
        <v>20.142209968030656</v>
      </c>
      <c r="F4583" s="40">
        <v>76.233332999999988</v>
      </c>
      <c r="G4583" s="40">
        <v>19.098319007228135</v>
      </c>
      <c r="H4583" s="40">
        <v>76.233334000000013</v>
      </c>
      <c r="I4583" s="40">
        <v>15.338472026002275</v>
      </c>
      <c r="J4583" s="40">
        <v>76.233305815476797</v>
      </c>
      <c r="K4583" s="40">
        <v>12.487442573986602</v>
      </c>
      <c r="L4583" s="40"/>
      <c r="M4583" s="40"/>
      <c r="N4583" s="40"/>
    </row>
    <row r="4584" spans="4:14" x14ac:dyDescent="0.25">
      <c r="D4584" s="40">
        <v>76.263617000003364</v>
      </c>
      <c r="E4584" s="40">
        <v>20.142209968030656</v>
      </c>
      <c r="F4584" s="40">
        <v>76.25</v>
      </c>
      <c r="G4584" s="40">
        <v>19.103074251318354</v>
      </c>
      <c r="H4584" s="40">
        <v>76.25</v>
      </c>
      <c r="I4584" s="40">
        <v>15.341726152258863</v>
      </c>
      <c r="J4584" s="40">
        <v>76.249972476191004</v>
      </c>
      <c r="K4584" s="40">
        <v>12.487442573986602</v>
      </c>
      <c r="L4584" s="40"/>
      <c r="M4584" s="40"/>
      <c r="N4584" s="40"/>
    </row>
    <row r="4585" spans="4:14" x14ac:dyDescent="0.25">
      <c r="D4585" s="40">
        <v>76.280283000003365</v>
      </c>
      <c r="E4585" s="40">
        <v>20.142209968030656</v>
      </c>
      <c r="F4585" s="40">
        <v>76.266666999999984</v>
      </c>
      <c r="G4585" s="40">
        <v>19.103074251318354</v>
      </c>
      <c r="H4585" s="40">
        <v>76.266667000000012</v>
      </c>
      <c r="I4585" s="40">
        <v>15.341726152258863</v>
      </c>
      <c r="J4585" s="40">
        <v>76.266639136905297</v>
      </c>
      <c r="K4585" s="40">
        <v>12.487442573986602</v>
      </c>
      <c r="L4585" s="40"/>
      <c r="M4585" s="40"/>
      <c r="N4585" s="40"/>
    </row>
    <row r="4586" spans="4:14" x14ac:dyDescent="0.25">
      <c r="D4586" s="40">
        <v>76.296949000003366</v>
      </c>
      <c r="E4586" s="40">
        <v>20.142209968030656</v>
      </c>
      <c r="F4586" s="40">
        <v>76.283332999999999</v>
      </c>
      <c r="G4586" s="40">
        <v>19.10782949540857</v>
      </c>
      <c r="H4586" s="40">
        <v>76.283333999999996</v>
      </c>
      <c r="I4586" s="40">
        <v>15.345078888402297</v>
      </c>
      <c r="J4586" s="40">
        <v>76.283305797619605</v>
      </c>
      <c r="K4586" s="40">
        <v>12.487442573986602</v>
      </c>
      <c r="L4586" s="40"/>
      <c r="M4586" s="40"/>
      <c r="N4586" s="40"/>
    </row>
    <row r="4587" spans="4:14" x14ac:dyDescent="0.25">
      <c r="D4587" s="40">
        <v>76.313615000003367</v>
      </c>
      <c r="E4587" s="40">
        <v>20.142209968030656</v>
      </c>
      <c r="F4587" s="40">
        <v>76.299999999999983</v>
      </c>
      <c r="G4587" s="40">
        <v>19.10782949540857</v>
      </c>
      <c r="H4587" s="40">
        <v>76.300000000000011</v>
      </c>
      <c r="I4587" s="40">
        <v>15.348431624545553</v>
      </c>
      <c r="J4587" s="40">
        <v>76.299972458333897</v>
      </c>
      <c r="K4587" s="40">
        <v>12.487442573986602</v>
      </c>
      <c r="L4587" s="40"/>
      <c r="M4587" s="40"/>
      <c r="N4587" s="40"/>
    </row>
    <row r="4588" spans="4:14" x14ac:dyDescent="0.25">
      <c r="D4588" s="40">
        <v>76.330281000003367</v>
      </c>
      <c r="E4588" s="40">
        <v>20.147053146620205</v>
      </c>
      <c r="F4588" s="40">
        <v>76.316666999999995</v>
      </c>
      <c r="G4588" s="40">
        <v>19.10782949540857</v>
      </c>
      <c r="H4588" s="40">
        <v>76.316666999999995</v>
      </c>
      <c r="I4588" s="40">
        <v>15.348431624545553</v>
      </c>
      <c r="J4588" s="40">
        <v>76.316639119048205</v>
      </c>
      <c r="K4588" s="40">
        <v>12.492150939939663</v>
      </c>
      <c r="L4588" s="40"/>
      <c r="M4588" s="40"/>
      <c r="N4588" s="40"/>
    </row>
    <row r="4589" spans="4:14" x14ac:dyDescent="0.25">
      <c r="D4589" s="40">
        <v>76.346947000003368</v>
      </c>
      <c r="E4589" s="40">
        <v>20.147053146620205</v>
      </c>
      <c r="F4589" s="40">
        <v>76.333332999999982</v>
      </c>
      <c r="G4589" s="40">
        <v>19.112444879378348</v>
      </c>
      <c r="H4589" s="40">
        <v>76.333334000000008</v>
      </c>
      <c r="I4589" s="40">
        <v>15.351685750802314</v>
      </c>
      <c r="J4589" s="40">
        <v>76.333305779762497</v>
      </c>
      <c r="K4589" s="40">
        <v>12.492150939939663</v>
      </c>
      <c r="L4589" s="40"/>
      <c r="M4589" s="40"/>
      <c r="N4589" s="40"/>
    </row>
    <row r="4590" spans="4:14" x14ac:dyDescent="0.25">
      <c r="D4590" s="40">
        <v>76.363613000003369</v>
      </c>
      <c r="E4590" s="40">
        <v>20.147053146620205</v>
      </c>
      <c r="F4590" s="40">
        <v>76.349999999999994</v>
      </c>
      <c r="G4590" s="40">
        <v>19.112444879378348</v>
      </c>
      <c r="H4590" s="40">
        <v>76.349999999999994</v>
      </c>
      <c r="I4590" s="40">
        <v>15.355038486945572</v>
      </c>
      <c r="J4590" s="40">
        <v>76.349972440476805</v>
      </c>
      <c r="K4590" s="40">
        <v>12.492150939939663</v>
      </c>
      <c r="L4590" s="40"/>
      <c r="M4590" s="40"/>
      <c r="N4590" s="40"/>
    </row>
    <row r="4591" spans="4:14" x14ac:dyDescent="0.25">
      <c r="D4591" s="40">
        <v>76.38027900000337</v>
      </c>
      <c r="E4591" s="40">
        <v>20.147053146620205</v>
      </c>
      <c r="F4591" s="40">
        <v>76.366667000000007</v>
      </c>
      <c r="G4591" s="40">
        <v>19.117200123468567</v>
      </c>
      <c r="H4591" s="40">
        <v>76.366667000000007</v>
      </c>
      <c r="I4591" s="40">
        <v>15.358391223089004</v>
      </c>
      <c r="J4591" s="40">
        <v>76.366639101190998</v>
      </c>
      <c r="K4591" s="40">
        <v>12.492150939939663</v>
      </c>
      <c r="L4591" s="40"/>
      <c r="M4591" s="40"/>
      <c r="N4591" s="40"/>
    </row>
    <row r="4592" spans="4:14" x14ac:dyDescent="0.25">
      <c r="D4592" s="40">
        <v>76.39694500000337</v>
      </c>
      <c r="E4592" s="40">
        <v>20.147053146620205</v>
      </c>
      <c r="F4592" s="40">
        <v>76.383332999999993</v>
      </c>
      <c r="G4592" s="40">
        <v>19.117200123468567</v>
      </c>
      <c r="H4592" s="40">
        <v>76.383334000000019</v>
      </c>
      <c r="I4592" s="40">
        <v>15.358391223089004</v>
      </c>
      <c r="J4592" s="40">
        <v>76.383305761905305</v>
      </c>
      <c r="K4592" s="40">
        <v>12.492150939939663</v>
      </c>
      <c r="L4592" s="40"/>
      <c r="M4592" s="40"/>
      <c r="N4592" s="40"/>
    </row>
    <row r="4593" spans="4:14" x14ac:dyDescent="0.25">
      <c r="D4593" s="40">
        <v>76.413611000003371</v>
      </c>
      <c r="E4593" s="40">
        <v>20.147053146620205</v>
      </c>
      <c r="F4593" s="40">
        <v>76.400000000000006</v>
      </c>
      <c r="G4593" s="40">
        <v>19.117200123468567</v>
      </c>
      <c r="H4593" s="40">
        <v>76.400000000000006</v>
      </c>
      <c r="I4593" s="40">
        <v>15.361645349345768</v>
      </c>
      <c r="J4593" s="40">
        <v>76.399972422619598</v>
      </c>
      <c r="K4593" s="40">
        <v>12.492150939939663</v>
      </c>
      <c r="L4593" s="40"/>
      <c r="M4593" s="40"/>
      <c r="N4593" s="40"/>
    </row>
    <row r="4594" spans="4:14" x14ac:dyDescent="0.25">
      <c r="D4594" s="40">
        <v>76.430277000003372</v>
      </c>
      <c r="E4594" s="40">
        <v>20.151896325209755</v>
      </c>
      <c r="F4594" s="40">
        <v>76.41666699999999</v>
      </c>
      <c r="G4594" s="40">
        <v>19.121955367558783</v>
      </c>
      <c r="H4594" s="40">
        <v>76.416667000000018</v>
      </c>
      <c r="I4594" s="40">
        <v>15.364998085489026</v>
      </c>
      <c r="J4594" s="40">
        <v>76.416639083333905</v>
      </c>
      <c r="K4594" s="40">
        <v>12.497001983648895</v>
      </c>
      <c r="L4594" s="40"/>
      <c r="M4594" s="40"/>
      <c r="N4594" s="40"/>
    </row>
    <row r="4595" spans="4:14" x14ac:dyDescent="0.25">
      <c r="D4595" s="40">
        <v>76.446943000003373</v>
      </c>
      <c r="E4595" s="40">
        <v>20.151896325209755</v>
      </c>
      <c r="F4595" s="40">
        <v>76.433333000000005</v>
      </c>
      <c r="G4595" s="40">
        <v>19.121955367558783</v>
      </c>
      <c r="H4595" s="40">
        <v>76.433334000000002</v>
      </c>
      <c r="I4595" s="40">
        <v>15.364998085489026</v>
      </c>
      <c r="J4595" s="40">
        <v>76.433305744048198</v>
      </c>
      <c r="K4595" s="40">
        <v>12.497001983648895</v>
      </c>
      <c r="L4595" s="40"/>
      <c r="M4595" s="40"/>
      <c r="N4595" s="40"/>
    </row>
    <row r="4596" spans="4:14" x14ac:dyDescent="0.25">
      <c r="D4596" s="40">
        <v>76.463609000003373</v>
      </c>
      <c r="E4596" s="40">
        <v>20.151896325209755</v>
      </c>
      <c r="F4596" s="40">
        <v>76.449999999999989</v>
      </c>
      <c r="G4596" s="40">
        <v>19.126570751528561</v>
      </c>
      <c r="H4596" s="40">
        <v>76.450000000000017</v>
      </c>
      <c r="I4596" s="40">
        <v>15.368350821632282</v>
      </c>
      <c r="J4596" s="40">
        <v>76.449972404762505</v>
      </c>
      <c r="K4596" s="40">
        <v>12.497001983648895</v>
      </c>
      <c r="L4596" s="40"/>
      <c r="M4596" s="40"/>
      <c r="N4596" s="40"/>
    </row>
    <row r="4597" spans="4:14" x14ac:dyDescent="0.25">
      <c r="D4597" s="40">
        <v>76.480275000003374</v>
      </c>
      <c r="E4597" s="40">
        <v>20.151896325209755</v>
      </c>
      <c r="F4597" s="40">
        <v>76.466667000000001</v>
      </c>
      <c r="G4597" s="40">
        <v>19.126570751528561</v>
      </c>
      <c r="H4597" s="40">
        <v>76.466667000000001</v>
      </c>
      <c r="I4597" s="40">
        <v>15.371604947889045</v>
      </c>
      <c r="J4597" s="40">
        <v>76.466639065476798</v>
      </c>
      <c r="K4597" s="40">
        <v>12.501853027358001</v>
      </c>
      <c r="L4597" s="40"/>
      <c r="M4597" s="40"/>
      <c r="N4597" s="40"/>
    </row>
    <row r="4598" spans="4:14" x14ac:dyDescent="0.25">
      <c r="D4598" s="40">
        <v>76.496941000003375</v>
      </c>
      <c r="E4598" s="40">
        <v>20.151896325209755</v>
      </c>
      <c r="F4598" s="40">
        <v>76.483332999999988</v>
      </c>
      <c r="G4598" s="40">
        <v>19.126570751528561</v>
      </c>
      <c r="H4598" s="40">
        <v>76.483334000000013</v>
      </c>
      <c r="I4598" s="40">
        <v>15.371604947889045</v>
      </c>
      <c r="J4598" s="40">
        <v>76.483305726191006</v>
      </c>
      <c r="K4598" s="40">
        <v>12.501853027358001</v>
      </c>
      <c r="L4598" s="40"/>
      <c r="M4598" s="40"/>
      <c r="N4598" s="40"/>
    </row>
    <row r="4599" spans="4:14" x14ac:dyDescent="0.25">
      <c r="D4599" s="40">
        <v>76.513607000003375</v>
      </c>
      <c r="E4599" s="40">
        <v>20.156597057370181</v>
      </c>
      <c r="F4599" s="40">
        <v>76.5</v>
      </c>
      <c r="G4599" s="40">
        <v>19.131325995618781</v>
      </c>
      <c r="H4599" s="40">
        <v>76.5</v>
      </c>
      <c r="I4599" s="40">
        <v>15.374957684032303</v>
      </c>
      <c r="J4599" s="40">
        <v>76.499972386905299</v>
      </c>
      <c r="K4599" s="40">
        <v>12.501853027358001</v>
      </c>
      <c r="L4599" s="40"/>
      <c r="M4599" s="40"/>
      <c r="N4599" s="40"/>
    </row>
    <row r="4600" spans="4:14" x14ac:dyDescent="0.25">
      <c r="D4600" s="40">
        <v>76.530273000003376</v>
      </c>
      <c r="E4600" s="40">
        <v>20.156597057370181</v>
      </c>
      <c r="F4600" s="40">
        <v>76.516666999999984</v>
      </c>
      <c r="G4600" s="40">
        <v>19.131325995618781</v>
      </c>
      <c r="H4600" s="40">
        <v>76.516667000000012</v>
      </c>
      <c r="I4600" s="40">
        <v>15.378310420175735</v>
      </c>
      <c r="J4600" s="40">
        <v>76.516639047619606</v>
      </c>
      <c r="K4600" s="40">
        <v>12.50656139331106</v>
      </c>
      <c r="L4600" s="40"/>
      <c r="M4600" s="40"/>
      <c r="N4600" s="40"/>
    </row>
    <row r="4601" spans="4:14" x14ac:dyDescent="0.25">
      <c r="D4601" s="40">
        <v>76.546939000003377</v>
      </c>
      <c r="E4601" s="40">
        <v>20.161440235959603</v>
      </c>
      <c r="F4601" s="40">
        <v>76.533332999999999</v>
      </c>
      <c r="G4601" s="40">
        <v>19.131325995618781</v>
      </c>
      <c r="H4601" s="40">
        <v>76.533333999999996</v>
      </c>
      <c r="I4601" s="40">
        <v>15.378310420175735</v>
      </c>
      <c r="J4601" s="40">
        <v>76.533305708333899</v>
      </c>
      <c r="K4601" s="40">
        <v>12.50656139331106</v>
      </c>
      <c r="L4601" s="40"/>
      <c r="M4601" s="40"/>
      <c r="N4601" s="40"/>
    </row>
    <row r="4602" spans="4:14" x14ac:dyDescent="0.25">
      <c r="D4602" s="40">
        <v>76.563605000003378</v>
      </c>
      <c r="E4602" s="40">
        <v>20.161440235959603</v>
      </c>
      <c r="F4602" s="40">
        <v>76.549999999999983</v>
      </c>
      <c r="G4602" s="40">
        <v>19.136081239709</v>
      </c>
      <c r="H4602" s="40">
        <v>76.550000000000011</v>
      </c>
      <c r="I4602" s="40">
        <v>15.381564546432498</v>
      </c>
      <c r="J4602" s="40">
        <v>76.549972369048206</v>
      </c>
      <c r="K4602" s="40">
        <v>12.50656139331106</v>
      </c>
      <c r="L4602" s="40"/>
      <c r="M4602" s="40"/>
      <c r="N4602" s="40"/>
    </row>
    <row r="4603" spans="4:14" x14ac:dyDescent="0.25">
      <c r="D4603" s="40">
        <v>76.580271000003378</v>
      </c>
      <c r="E4603" s="40">
        <v>20.161440235959603</v>
      </c>
      <c r="F4603" s="40">
        <v>76.566666999999995</v>
      </c>
      <c r="G4603" s="40">
        <v>19.136081239709</v>
      </c>
      <c r="H4603" s="40">
        <v>76.566666999999995</v>
      </c>
      <c r="I4603" s="40">
        <v>15.384917282575756</v>
      </c>
      <c r="J4603" s="40">
        <v>76.566639029762499</v>
      </c>
      <c r="K4603" s="40">
        <v>12.50656139331106</v>
      </c>
      <c r="L4603" s="40"/>
      <c r="M4603" s="40"/>
      <c r="N4603" s="40"/>
    </row>
    <row r="4604" spans="4:14" x14ac:dyDescent="0.25">
      <c r="D4604" s="40">
        <v>76.596937000003379</v>
      </c>
      <c r="E4604" s="40">
        <v>20.161440235959603</v>
      </c>
      <c r="F4604" s="40">
        <v>76.583332999999982</v>
      </c>
      <c r="G4604" s="40">
        <v>19.136081239709</v>
      </c>
      <c r="H4604" s="40">
        <v>76.583334000000008</v>
      </c>
      <c r="I4604" s="40">
        <v>15.384917282575756</v>
      </c>
      <c r="J4604" s="40">
        <v>76.583305690476806</v>
      </c>
      <c r="K4604" s="40">
        <v>12.511412437020292</v>
      </c>
      <c r="L4604" s="40"/>
      <c r="M4604" s="40"/>
      <c r="N4604" s="40"/>
    </row>
    <row r="4605" spans="4:14" x14ac:dyDescent="0.25">
      <c r="D4605" s="40">
        <v>76.61360300000338</v>
      </c>
      <c r="E4605" s="40">
        <v>20.161440235959603</v>
      </c>
      <c r="F4605" s="40">
        <v>76.599999999999994</v>
      </c>
      <c r="G4605" s="40">
        <v>19.140696623678899</v>
      </c>
      <c r="H4605" s="40">
        <v>76.599999999999994</v>
      </c>
      <c r="I4605" s="40">
        <v>15.388270018719012</v>
      </c>
      <c r="J4605" s="40">
        <v>76.599972351191099</v>
      </c>
      <c r="K4605" s="40">
        <v>12.511412437020292</v>
      </c>
      <c r="L4605" s="40"/>
      <c r="M4605" s="40"/>
      <c r="N4605" s="40"/>
    </row>
    <row r="4606" spans="4:14" x14ac:dyDescent="0.25">
      <c r="D4606" s="40">
        <v>76.630269000003381</v>
      </c>
      <c r="E4606" s="40">
        <v>20.161440235959603</v>
      </c>
      <c r="F4606" s="40">
        <v>76.616667000000007</v>
      </c>
      <c r="G4606" s="40">
        <v>19.140696623678899</v>
      </c>
      <c r="H4606" s="40">
        <v>76.616667000000007</v>
      </c>
      <c r="I4606" s="40">
        <v>15.391524144975776</v>
      </c>
      <c r="J4606" s="40">
        <v>76.616639011905306</v>
      </c>
      <c r="K4606" s="40">
        <v>12.511412437020292</v>
      </c>
      <c r="L4606" s="40"/>
      <c r="M4606" s="40"/>
      <c r="N4606" s="40"/>
    </row>
    <row r="4607" spans="4:14" x14ac:dyDescent="0.25">
      <c r="D4607" s="40">
        <v>76.646935000003381</v>
      </c>
      <c r="E4607" s="40">
        <v>20.161440235959603</v>
      </c>
      <c r="F4607" s="40">
        <v>76.633332999999993</v>
      </c>
      <c r="G4607" s="40">
        <v>19.140696623678899</v>
      </c>
      <c r="H4607" s="40">
        <v>76.633334000000019</v>
      </c>
      <c r="I4607" s="40">
        <v>15.391524144975776</v>
      </c>
      <c r="J4607" s="40">
        <v>76.633305672619599</v>
      </c>
      <c r="K4607" s="40">
        <v>12.511412437020292</v>
      </c>
      <c r="L4607" s="40"/>
      <c r="M4607" s="40"/>
      <c r="N4607" s="40"/>
    </row>
    <row r="4608" spans="4:14" x14ac:dyDescent="0.25">
      <c r="D4608" s="40">
        <v>76.663601000003382</v>
      </c>
      <c r="E4608" s="40">
        <v>20.161440235959603</v>
      </c>
      <c r="F4608" s="40">
        <v>76.650000000000006</v>
      </c>
      <c r="G4608" s="40">
        <v>19.145451867768998</v>
      </c>
      <c r="H4608" s="40">
        <v>76.650000000000006</v>
      </c>
      <c r="I4608" s="40">
        <v>15.394876881119208</v>
      </c>
      <c r="J4608" s="40">
        <v>76.649972333333906</v>
      </c>
      <c r="K4608" s="40">
        <v>12.511412437020292</v>
      </c>
      <c r="L4608" s="40"/>
      <c r="M4608" s="40"/>
      <c r="N4608" s="40"/>
    </row>
    <row r="4609" spans="4:14" x14ac:dyDescent="0.25">
      <c r="D4609" s="40">
        <v>76.680267000003383</v>
      </c>
      <c r="E4609" s="40">
        <v>20.161440235959603</v>
      </c>
      <c r="F4609" s="40">
        <v>76.66666699999999</v>
      </c>
      <c r="G4609" s="40">
        <v>19.145451867768998</v>
      </c>
      <c r="H4609" s="40">
        <v>76.666667000000018</v>
      </c>
      <c r="I4609" s="40">
        <v>15.398229617262464</v>
      </c>
      <c r="J4609" s="40">
        <v>76.666638994048199</v>
      </c>
      <c r="K4609" s="40">
        <v>12.516263480729398</v>
      </c>
      <c r="L4609" s="40"/>
      <c r="M4609" s="40"/>
      <c r="N4609" s="40"/>
    </row>
    <row r="4610" spans="4:14" x14ac:dyDescent="0.25">
      <c r="D4610" s="40">
        <v>76.696933000003384</v>
      </c>
      <c r="E4610" s="40">
        <v>20.161440235959603</v>
      </c>
      <c r="F4610" s="40">
        <v>76.683333000000005</v>
      </c>
      <c r="G4610" s="40">
        <v>19.145451867768998</v>
      </c>
      <c r="H4610" s="40">
        <v>76.683334000000002</v>
      </c>
      <c r="I4610" s="40">
        <v>15.398229617262464</v>
      </c>
      <c r="J4610" s="40">
        <v>76.683305654762506</v>
      </c>
      <c r="K4610" s="40">
        <v>12.516263480729398</v>
      </c>
      <c r="L4610" s="40"/>
      <c r="M4610" s="40"/>
      <c r="N4610" s="40"/>
    </row>
    <row r="4611" spans="4:14" x14ac:dyDescent="0.25">
      <c r="D4611" s="40">
        <v>76.713599000003384</v>
      </c>
      <c r="E4611" s="40">
        <v>20.161440235959603</v>
      </c>
      <c r="F4611" s="40">
        <v>76.699999999999989</v>
      </c>
      <c r="G4611" s="40">
        <v>19.145451867768998</v>
      </c>
      <c r="H4611" s="40">
        <v>76.700000000000017</v>
      </c>
      <c r="I4611" s="40">
        <v>15.401483743519227</v>
      </c>
      <c r="J4611" s="40">
        <v>76.699972315476799</v>
      </c>
      <c r="K4611" s="40">
        <v>12.516263480729398</v>
      </c>
      <c r="L4611" s="40"/>
      <c r="M4611" s="40"/>
      <c r="N4611" s="40"/>
    </row>
    <row r="4612" spans="4:14" x14ac:dyDescent="0.25">
      <c r="D4612" s="40">
        <v>76.730265000003385</v>
      </c>
      <c r="E4612" s="40">
        <v>20.166283414549149</v>
      </c>
      <c r="F4612" s="40">
        <v>76.716667000000001</v>
      </c>
      <c r="G4612" s="40">
        <v>19.150207111859217</v>
      </c>
      <c r="H4612" s="40">
        <v>76.716667000000001</v>
      </c>
      <c r="I4612" s="40">
        <v>15.404836479662485</v>
      </c>
      <c r="J4612" s="40">
        <v>76.716638976191007</v>
      </c>
      <c r="K4612" s="40">
        <v>12.516263480729398</v>
      </c>
      <c r="L4612" s="40"/>
      <c r="M4612" s="40"/>
      <c r="N4612" s="40"/>
    </row>
    <row r="4613" spans="4:14" x14ac:dyDescent="0.25">
      <c r="D4613" s="40">
        <v>76.746931000003386</v>
      </c>
      <c r="E4613" s="40">
        <v>20.166283414549149</v>
      </c>
      <c r="F4613" s="40">
        <v>76.733332999999988</v>
      </c>
      <c r="G4613" s="40">
        <v>19.150207111859217</v>
      </c>
      <c r="H4613" s="40">
        <v>76.733334000000013</v>
      </c>
      <c r="I4613" s="40">
        <v>15.404836479662485</v>
      </c>
      <c r="J4613" s="40">
        <v>76.7333056369053</v>
      </c>
      <c r="K4613" s="40">
        <v>12.511412437020292</v>
      </c>
      <c r="L4613" s="40"/>
      <c r="M4613" s="40"/>
      <c r="N4613" s="40"/>
    </row>
    <row r="4614" spans="4:14" x14ac:dyDescent="0.25">
      <c r="D4614" s="40">
        <v>76.763597000003386</v>
      </c>
      <c r="E4614" s="40">
        <v>20.170984146709575</v>
      </c>
      <c r="F4614" s="40">
        <v>76.75</v>
      </c>
      <c r="G4614" s="40">
        <v>19.150207111859217</v>
      </c>
      <c r="H4614" s="40">
        <v>76.75</v>
      </c>
      <c r="I4614" s="40">
        <v>15.408189215805741</v>
      </c>
      <c r="J4614" s="40">
        <v>76.749972297619607</v>
      </c>
      <c r="K4614" s="40">
        <v>12.511412437020292</v>
      </c>
      <c r="L4614" s="40"/>
      <c r="M4614" s="40"/>
      <c r="N4614" s="40"/>
    </row>
    <row r="4615" spans="4:14" x14ac:dyDescent="0.25">
      <c r="D4615" s="40">
        <v>76.780263000003387</v>
      </c>
      <c r="E4615" s="40">
        <v>20.170984146709575</v>
      </c>
      <c r="F4615" s="40">
        <v>76.766666999999984</v>
      </c>
      <c r="G4615" s="40">
        <v>19.150207111859217</v>
      </c>
      <c r="H4615" s="40">
        <v>76.766667000000012</v>
      </c>
      <c r="I4615" s="40">
        <v>15.411443342062505</v>
      </c>
      <c r="J4615" s="40">
        <v>76.7666389583339</v>
      </c>
      <c r="K4615" s="40">
        <v>12.511412437020292</v>
      </c>
      <c r="L4615" s="40"/>
      <c r="M4615" s="40"/>
      <c r="N4615" s="40"/>
    </row>
    <row r="4616" spans="4:14" x14ac:dyDescent="0.25">
      <c r="D4616" s="40">
        <v>76.796929000003388</v>
      </c>
      <c r="E4616" s="40">
        <v>20.170984146709575</v>
      </c>
      <c r="F4616" s="40">
        <v>76.783332999999999</v>
      </c>
      <c r="G4616" s="40">
        <v>19.154822495829116</v>
      </c>
      <c r="H4616" s="40">
        <v>76.783333999999996</v>
      </c>
      <c r="I4616" s="40">
        <v>15.411443342062505</v>
      </c>
      <c r="J4616" s="40">
        <v>76.783305619048207</v>
      </c>
      <c r="K4616" s="40">
        <v>12.511412437020292</v>
      </c>
      <c r="L4616" s="40"/>
      <c r="M4616" s="40"/>
      <c r="N4616" s="40"/>
    </row>
    <row r="4617" spans="4:14" x14ac:dyDescent="0.25">
      <c r="D4617" s="40">
        <v>76.813595000003389</v>
      </c>
      <c r="E4617" s="40">
        <v>20.175827325298997</v>
      </c>
      <c r="F4617" s="40">
        <v>76.799999999999983</v>
      </c>
      <c r="G4617" s="40">
        <v>19.154822495829116</v>
      </c>
      <c r="H4617" s="40">
        <v>76.800000000000011</v>
      </c>
      <c r="I4617" s="40">
        <v>15.414796078205939</v>
      </c>
      <c r="J4617" s="40">
        <v>76.7999722797625</v>
      </c>
      <c r="K4617" s="40">
        <v>12.511412437020292</v>
      </c>
      <c r="L4617" s="40"/>
      <c r="M4617" s="40"/>
      <c r="N4617" s="40"/>
    </row>
    <row r="4618" spans="4:14" x14ac:dyDescent="0.25">
      <c r="D4618" s="40">
        <v>76.830261000003389</v>
      </c>
      <c r="E4618" s="40">
        <v>20.175827325298997</v>
      </c>
      <c r="F4618" s="40">
        <v>76.816666999999995</v>
      </c>
      <c r="G4618" s="40">
        <v>19.154822495829116</v>
      </c>
      <c r="H4618" s="40">
        <v>76.816666999999995</v>
      </c>
      <c r="I4618" s="40">
        <v>15.418148814349195</v>
      </c>
      <c r="J4618" s="40">
        <v>76.816638940476807</v>
      </c>
      <c r="K4618" s="40">
        <v>12.511412437020292</v>
      </c>
      <c r="L4618" s="40"/>
      <c r="M4618" s="40"/>
      <c r="N4618" s="40"/>
    </row>
    <row r="4619" spans="4:14" x14ac:dyDescent="0.25">
      <c r="D4619" s="40">
        <v>76.84692700000339</v>
      </c>
      <c r="E4619" s="40">
        <v>20.175827325298997</v>
      </c>
      <c r="F4619" s="40">
        <v>76.833332999999982</v>
      </c>
      <c r="G4619" s="40">
        <v>19.154822495829116</v>
      </c>
      <c r="H4619" s="40">
        <v>76.833334000000008</v>
      </c>
      <c r="I4619" s="40">
        <v>15.418148814349195</v>
      </c>
      <c r="J4619" s="40">
        <v>76.8333056011911</v>
      </c>
      <c r="K4619" s="40">
        <v>12.511412437020292</v>
      </c>
      <c r="L4619" s="40"/>
      <c r="M4619" s="40"/>
      <c r="N4619" s="40"/>
    </row>
    <row r="4620" spans="4:14" x14ac:dyDescent="0.25">
      <c r="D4620" s="40">
        <v>76.863593000003391</v>
      </c>
      <c r="E4620" s="40">
        <v>20.180670503888543</v>
      </c>
      <c r="F4620" s="40">
        <v>76.849999999999994</v>
      </c>
      <c r="G4620" s="40">
        <v>19.159577739919211</v>
      </c>
      <c r="H4620" s="40">
        <v>76.849999999999994</v>
      </c>
      <c r="I4620" s="40">
        <v>15.421402940605958</v>
      </c>
      <c r="J4620" s="40">
        <v>76.849972261905293</v>
      </c>
      <c r="K4620" s="40">
        <v>12.511412437020292</v>
      </c>
      <c r="L4620" s="40"/>
      <c r="M4620" s="40"/>
      <c r="N4620" s="40"/>
    </row>
    <row r="4621" spans="4:14" x14ac:dyDescent="0.25">
      <c r="D4621" s="40">
        <v>76.880259000003392</v>
      </c>
      <c r="E4621" s="40">
        <v>20.180670503888543</v>
      </c>
      <c r="F4621" s="40">
        <v>76.866667000000007</v>
      </c>
      <c r="G4621" s="40">
        <v>19.16433298400943</v>
      </c>
      <c r="H4621" s="40">
        <v>76.866667000000007</v>
      </c>
      <c r="I4621" s="40">
        <v>15.424755676749216</v>
      </c>
      <c r="J4621" s="40">
        <v>76.8666389226196</v>
      </c>
      <c r="K4621" s="40">
        <v>12.511412437020292</v>
      </c>
      <c r="L4621" s="40"/>
      <c r="M4621" s="40"/>
      <c r="N4621" s="40"/>
    </row>
    <row r="4622" spans="4:14" x14ac:dyDescent="0.25">
      <c r="D4622" s="40">
        <v>76.896925000003392</v>
      </c>
      <c r="E4622" s="40">
        <v>20.180670503888543</v>
      </c>
      <c r="F4622" s="40">
        <v>76.883332999999993</v>
      </c>
      <c r="G4622" s="40">
        <v>19.16433298400943</v>
      </c>
      <c r="H4622" s="40">
        <v>76.883334000000019</v>
      </c>
      <c r="I4622" s="40">
        <v>15.424755676749216</v>
      </c>
      <c r="J4622" s="40">
        <v>76.883305583333893</v>
      </c>
      <c r="K4622" s="40">
        <v>12.511412437020292</v>
      </c>
      <c r="L4622" s="40"/>
      <c r="M4622" s="40"/>
      <c r="N4622" s="40"/>
    </row>
    <row r="4623" spans="4:14" x14ac:dyDescent="0.25">
      <c r="D4623" s="40">
        <v>76.913591000003393</v>
      </c>
      <c r="E4623" s="40">
        <v>20.180670503888543</v>
      </c>
      <c r="F4623" s="40">
        <v>76.900000000000006</v>
      </c>
      <c r="G4623" s="40">
        <v>19.16433298400943</v>
      </c>
      <c r="H4623" s="40">
        <v>76.900000000000006</v>
      </c>
      <c r="I4623" s="40">
        <v>15.428108412892648</v>
      </c>
      <c r="J4623" s="40">
        <v>76.8999722440482</v>
      </c>
      <c r="K4623" s="40">
        <v>12.511412437020292</v>
      </c>
      <c r="L4623" s="40"/>
      <c r="M4623" s="40"/>
      <c r="N4623" s="40"/>
    </row>
    <row r="4624" spans="4:14" x14ac:dyDescent="0.25">
      <c r="D4624" s="40">
        <v>76.930257000003394</v>
      </c>
      <c r="E4624" s="40">
        <v>20.180670503888543</v>
      </c>
      <c r="F4624" s="40">
        <v>76.91666699999999</v>
      </c>
      <c r="G4624" s="40">
        <v>19.168948367979329</v>
      </c>
      <c r="H4624" s="40">
        <v>76.916667000000018</v>
      </c>
      <c r="I4624" s="40">
        <v>15.431362539149236</v>
      </c>
      <c r="J4624" s="40">
        <v>76.916638904762493</v>
      </c>
      <c r="K4624" s="40">
        <v>12.511412437020292</v>
      </c>
      <c r="L4624" s="40"/>
      <c r="M4624" s="40"/>
      <c r="N4624" s="40"/>
    </row>
    <row r="4625" spans="4:14" x14ac:dyDescent="0.25">
      <c r="D4625" s="40">
        <v>76.946923000003395</v>
      </c>
      <c r="E4625" s="40">
        <v>20.185371236048969</v>
      </c>
      <c r="F4625" s="40">
        <v>76.933333000000005</v>
      </c>
      <c r="G4625" s="40">
        <v>19.173703612069424</v>
      </c>
      <c r="H4625" s="40">
        <v>76.933334000000002</v>
      </c>
      <c r="I4625" s="40">
        <v>15.431362539149236</v>
      </c>
      <c r="J4625" s="40">
        <v>76.9333055654768</v>
      </c>
      <c r="K4625" s="40">
        <v>12.511412437020292</v>
      </c>
      <c r="L4625" s="40"/>
      <c r="M4625" s="40"/>
      <c r="N4625" s="40"/>
    </row>
    <row r="4626" spans="4:14" x14ac:dyDescent="0.25">
      <c r="D4626" s="40">
        <v>76.963589000003395</v>
      </c>
      <c r="E4626" s="40">
        <v>20.185371236048969</v>
      </c>
      <c r="F4626" s="40">
        <v>76.949999999999989</v>
      </c>
      <c r="G4626" s="40">
        <v>19.173703612069424</v>
      </c>
      <c r="H4626" s="40">
        <v>76.950000000000017</v>
      </c>
      <c r="I4626" s="40">
        <v>15.434715275292668</v>
      </c>
      <c r="J4626" s="40">
        <v>76.949972226190994</v>
      </c>
      <c r="K4626" s="40">
        <v>12.511412437020292</v>
      </c>
      <c r="L4626" s="40"/>
      <c r="M4626" s="40"/>
      <c r="N4626" s="40"/>
    </row>
    <row r="4627" spans="4:14" x14ac:dyDescent="0.25">
      <c r="D4627" s="40">
        <v>76.980255000003396</v>
      </c>
      <c r="E4627" s="40">
        <v>20.185371236048969</v>
      </c>
      <c r="F4627" s="40">
        <v>76.966667000000001</v>
      </c>
      <c r="G4627" s="40">
        <v>19.178458856159647</v>
      </c>
      <c r="H4627" s="40">
        <v>76.966667000000001</v>
      </c>
      <c r="I4627" s="40">
        <v>15.434715275292668</v>
      </c>
      <c r="J4627" s="40">
        <v>76.966638886905301</v>
      </c>
      <c r="K4627" s="40">
        <v>12.511412437020292</v>
      </c>
      <c r="L4627" s="40"/>
      <c r="M4627" s="40"/>
      <c r="N4627" s="40"/>
    </row>
    <row r="4628" spans="4:14" x14ac:dyDescent="0.25">
      <c r="D4628" s="40">
        <v>76.996921000003397</v>
      </c>
      <c r="E4628" s="40">
        <v>20.185371236048969</v>
      </c>
      <c r="F4628" s="40">
        <v>76.983332999999988</v>
      </c>
      <c r="G4628" s="40">
        <v>19.178458856159647</v>
      </c>
      <c r="H4628" s="40">
        <v>76.983334000000013</v>
      </c>
      <c r="I4628" s="40">
        <v>15.438068011435924</v>
      </c>
      <c r="J4628" s="40">
        <v>76.983305547619594</v>
      </c>
      <c r="K4628" s="40">
        <v>12.511412437020292</v>
      </c>
      <c r="L4628" s="40"/>
      <c r="M4628" s="40"/>
      <c r="N4628" s="40"/>
    </row>
    <row r="4629" spans="4:14" x14ac:dyDescent="0.25">
      <c r="D4629" s="40">
        <v>77.013587000003398</v>
      </c>
      <c r="E4629" s="40">
        <v>20.19021441463839</v>
      </c>
      <c r="F4629" s="40">
        <v>77</v>
      </c>
      <c r="G4629" s="40">
        <v>19.178458856159647</v>
      </c>
      <c r="H4629" s="40">
        <v>77</v>
      </c>
      <c r="I4629" s="40">
        <v>15.441322137692687</v>
      </c>
      <c r="J4629" s="40">
        <v>76.999972208333901</v>
      </c>
      <c r="K4629" s="40">
        <v>12.511412437020292</v>
      </c>
      <c r="L4629" s="40"/>
      <c r="M4629" s="40"/>
      <c r="N4629" s="40"/>
    </row>
    <row r="4630" spans="4:14" x14ac:dyDescent="0.25">
      <c r="D4630" s="40">
        <v>77.030253000003398</v>
      </c>
      <c r="E4630" s="40">
        <v>20.19021441463839</v>
      </c>
      <c r="F4630" s="40">
        <v>77.016666999999984</v>
      </c>
      <c r="G4630" s="40">
        <v>19.183074240129546</v>
      </c>
      <c r="H4630" s="40">
        <v>77.016667000000012</v>
      </c>
      <c r="I4630" s="40">
        <v>15.444674873835945</v>
      </c>
      <c r="J4630" s="40">
        <v>77.016638869048194</v>
      </c>
      <c r="K4630" s="40">
        <v>12.511412437020292</v>
      </c>
      <c r="L4630" s="40"/>
      <c r="M4630" s="40"/>
      <c r="N4630" s="40"/>
    </row>
    <row r="4631" spans="4:14" x14ac:dyDescent="0.25">
      <c r="D4631" s="40">
        <v>77.046919000003399</v>
      </c>
      <c r="E4631" s="40">
        <v>20.19021441463839</v>
      </c>
      <c r="F4631" s="40">
        <v>77.033332999999999</v>
      </c>
      <c r="G4631" s="40">
        <v>19.183074240129546</v>
      </c>
      <c r="H4631" s="40">
        <v>77.033333999999996</v>
      </c>
      <c r="I4631" s="40">
        <v>15.444674873835945</v>
      </c>
      <c r="J4631" s="40">
        <v>77.033305529762501</v>
      </c>
      <c r="K4631" s="40">
        <v>12.511412437020292</v>
      </c>
      <c r="L4631" s="40"/>
      <c r="M4631" s="40"/>
      <c r="N4631" s="40"/>
    </row>
    <row r="4632" spans="4:14" x14ac:dyDescent="0.25">
      <c r="D4632" s="40">
        <v>77.0635850000034</v>
      </c>
      <c r="E4632" s="40">
        <v>20.19505759322794</v>
      </c>
      <c r="F4632" s="40">
        <v>77.049999999999983</v>
      </c>
      <c r="G4632" s="40">
        <v>19.183074240129546</v>
      </c>
      <c r="H4632" s="40">
        <v>77.050000000000011</v>
      </c>
      <c r="I4632" s="40">
        <v>15.448027609979377</v>
      </c>
      <c r="J4632" s="40">
        <v>77.049972190476794</v>
      </c>
      <c r="K4632" s="40">
        <v>12.511412437020292</v>
      </c>
      <c r="L4632" s="40"/>
      <c r="M4632" s="40"/>
      <c r="N4632" s="40"/>
    </row>
    <row r="4633" spans="4:14" x14ac:dyDescent="0.25">
      <c r="D4633" s="40">
        <v>77.0802510000034</v>
      </c>
      <c r="E4633" s="40">
        <v>20.19505759322794</v>
      </c>
      <c r="F4633" s="40">
        <v>77.066666999999995</v>
      </c>
      <c r="G4633" s="40">
        <v>19.187829484219765</v>
      </c>
      <c r="H4633" s="40">
        <v>77.066666999999995</v>
      </c>
      <c r="I4633" s="40">
        <v>15.45128173623614</v>
      </c>
      <c r="J4633" s="40">
        <v>77.066638851191101</v>
      </c>
      <c r="K4633" s="40">
        <v>12.511412437020292</v>
      </c>
      <c r="L4633" s="40"/>
      <c r="M4633" s="40"/>
      <c r="N4633" s="40"/>
    </row>
    <row r="4634" spans="4:14" x14ac:dyDescent="0.25">
      <c r="D4634" s="40">
        <v>77.096917000003401</v>
      </c>
      <c r="E4634" s="40">
        <v>20.199900771817489</v>
      </c>
      <c r="F4634" s="40">
        <v>77.083332999999982</v>
      </c>
      <c r="G4634" s="40">
        <v>19.187829484219765</v>
      </c>
      <c r="H4634" s="40">
        <v>77.083334000000008</v>
      </c>
      <c r="I4634" s="40">
        <v>15.45128173623614</v>
      </c>
      <c r="J4634" s="40">
        <v>77.083305511905294</v>
      </c>
      <c r="K4634" s="40">
        <v>12.511412437020292</v>
      </c>
      <c r="L4634" s="40"/>
      <c r="M4634" s="40"/>
      <c r="N4634" s="40"/>
    </row>
    <row r="4635" spans="4:14" x14ac:dyDescent="0.25">
      <c r="D4635" s="40">
        <v>77.113583000003402</v>
      </c>
      <c r="E4635" s="40">
        <v>20.199900771817489</v>
      </c>
      <c r="F4635" s="40">
        <v>77.099999999999994</v>
      </c>
      <c r="G4635" s="40">
        <v>19.192584728309861</v>
      </c>
      <c r="H4635" s="40">
        <v>77.099999999999994</v>
      </c>
      <c r="I4635" s="40">
        <v>15.454634472379398</v>
      </c>
      <c r="J4635" s="40">
        <v>77.099972172619601</v>
      </c>
      <c r="K4635" s="40">
        <v>12.511412437020292</v>
      </c>
      <c r="L4635" s="40"/>
      <c r="M4635" s="40"/>
      <c r="N4635" s="40"/>
    </row>
    <row r="4636" spans="4:14" x14ac:dyDescent="0.25">
      <c r="D4636" s="40">
        <v>77.130249000003403</v>
      </c>
      <c r="E4636" s="40">
        <v>20.199900771817489</v>
      </c>
      <c r="F4636" s="40">
        <v>77.116667000000007</v>
      </c>
      <c r="G4636" s="40">
        <v>19.192584728309861</v>
      </c>
      <c r="H4636" s="40">
        <v>77.116667000000007</v>
      </c>
      <c r="I4636" s="40">
        <v>15.457987208522654</v>
      </c>
      <c r="J4636" s="40">
        <v>77.116638833333894</v>
      </c>
      <c r="K4636" s="40">
        <v>12.516263480729398</v>
      </c>
      <c r="L4636" s="40"/>
      <c r="M4636" s="40"/>
      <c r="N4636" s="40"/>
    </row>
    <row r="4637" spans="4:14" x14ac:dyDescent="0.25">
      <c r="D4637" s="40">
        <v>77.146915000003403</v>
      </c>
      <c r="E4637" s="40">
        <v>20.199900771817489</v>
      </c>
      <c r="F4637" s="40">
        <v>77.133332999999993</v>
      </c>
      <c r="G4637" s="40">
        <v>19.197339972400076</v>
      </c>
      <c r="H4637" s="40">
        <v>77.133334000000019</v>
      </c>
      <c r="I4637" s="40">
        <v>15.457987208522654</v>
      </c>
      <c r="J4637" s="40">
        <v>77.133305494048201</v>
      </c>
      <c r="K4637" s="40">
        <v>12.516263480729398</v>
      </c>
      <c r="L4637" s="40"/>
      <c r="M4637" s="40"/>
      <c r="N4637" s="40"/>
    </row>
    <row r="4638" spans="4:14" x14ac:dyDescent="0.25">
      <c r="D4638" s="40">
        <v>77.163581000003404</v>
      </c>
      <c r="E4638" s="40">
        <v>20.199900771817489</v>
      </c>
      <c r="F4638" s="40">
        <v>77.150000000000006</v>
      </c>
      <c r="G4638" s="40">
        <v>19.197339972400076</v>
      </c>
      <c r="H4638" s="40">
        <v>77.150000000000006</v>
      </c>
      <c r="I4638" s="40">
        <v>15.461241334779418</v>
      </c>
      <c r="J4638" s="40">
        <v>77.149972154762494</v>
      </c>
      <c r="K4638" s="40">
        <v>12.516263480729398</v>
      </c>
      <c r="L4638" s="40"/>
      <c r="M4638" s="40"/>
      <c r="N4638" s="40"/>
    </row>
    <row r="4639" spans="4:14" x14ac:dyDescent="0.25">
      <c r="D4639" s="40">
        <v>77.180247000003405</v>
      </c>
      <c r="E4639" s="40">
        <v>20.199900771817489</v>
      </c>
      <c r="F4639" s="40">
        <v>77.16666699999999</v>
      </c>
      <c r="G4639" s="40">
        <v>19.201955356369979</v>
      </c>
      <c r="H4639" s="40">
        <v>77.166667000000018</v>
      </c>
      <c r="I4639" s="40">
        <v>15.464594070922676</v>
      </c>
      <c r="J4639" s="40">
        <v>77.166638815476801</v>
      </c>
      <c r="K4639" s="40">
        <v>12.516263480729398</v>
      </c>
      <c r="L4639" s="40"/>
      <c r="M4639" s="40"/>
      <c r="N4639" s="40"/>
    </row>
    <row r="4640" spans="4:14" x14ac:dyDescent="0.25">
      <c r="D4640" s="40">
        <v>77.196913000003406</v>
      </c>
      <c r="E4640" s="40">
        <v>20.199900771817489</v>
      </c>
      <c r="F4640" s="40">
        <v>77.183333000000005</v>
      </c>
      <c r="G4640" s="40">
        <v>19.201955356369979</v>
      </c>
      <c r="H4640" s="40">
        <v>77.183334000000002</v>
      </c>
      <c r="I4640" s="40">
        <v>15.464594070922676</v>
      </c>
      <c r="J4640" s="40">
        <v>77.183305476190995</v>
      </c>
      <c r="K4640" s="40">
        <v>12.520971846682459</v>
      </c>
      <c r="L4640" s="40"/>
      <c r="M4640" s="40"/>
      <c r="N4640" s="40"/>
    </row>
    <row r="4641" spans="4:14" x14ac:dyDescent="0.25">
      <c r="D4641" s="40">
        <v>77.213579000003406</v>
      </c>
      <c r="E4641" s="40">
        <v>20.199900771817489</v>
      </c>
      <c r="F4641" s="40">
        <v>77.199999999999989</v>
      </c>
      <c r="G4641" s="40">
        <v>19.206710600460074</v>
      </c>
      <c r="H4641" s="40">
        <v>77.200000000000017</v>
      </c>
      <c r="I4641" s="40">
        <v>15.467946807066108</v>
      </c>
      <c r="J4641" s="40">
        <v>77.199972136905302</v>
      </c>
      <c r="K4641" s="40">
        <v>12.520971846682459</v>
      </c>
      <c r="L4641" s="40"/>
      <c r="M4641" s="40"/>
      <c r="N4641" s="40"/>
    </row>
    <row r="4642" spans="4:14" x14ac:dyDescent="0.25">
      <c r="D4642" s="40">
        <v>77.230245000003407</v>
      </c>
      <c r="E4642" s="40">
        <v>20.204601503977784</v>
      </c>
      <c r="F4642" s="40">
        <v>77.216667000000001</v>
      </c>
      <c r="G4642" s="40">
        <v>19.206710600460074</v>
      </c>
      <c r="H4642" s="40">
        <v>77.216667000000001</v>
      </c>
      <c r="I4642" s="40">
        <v>15.471299543209366</v>
      </c>
      <c r="J4642" s="40">
        <v>77.216638797619595</v>
      </c>
      <c r="K4642" s="40">
        <v>12.525822890391691</v>
      </c>
      <c r="L4642" s="40"/>
      <c r="M4642" s="40"/>
      <c r="N4642" s="40"/>
    </row>
    <row r="4643" spans="4:14" x14ac:dyDescent="0.25">
      <c r="D4643" s="40">
        <v>77.246911000003408</v>
      </c>
      <c r="E4643" s="40">
        <v>20.199900771817489</v>
      </c>
      <c r="F4643" s="40">
        <v>77.233332999999988</v>
      </c>
      <c r="G4643" s="40">
        <v>19.21146584455029</v>
      </c>
      <c r="H4643" s="40">
        <v>77.233334000000013</v>
      </c>
      <c r="I4643" s="40">
        <v>15.471299543209366</v>
      </c>
      <c r="J4643" s="40">
        <v>77.233305458333902</v>
      </c>
      <c r="K4643" s="40">
        <v>12.525822890391691</v>
      </c>
      <c r="L4643" s="40"/>
      <c r="M4643" s="40"/>
      <c r="N4643" s="40"/>
    </row>
    <row r="4644" spans="4:14" x14ac:dyDescent="0.25">
      <c r="D4644" s="40">
        <v>77.263577000003409</v>
      </c>
      <c r="E4644" s="40">
        <v>20.199900771817489</v>
      </c>
      <c r="F4644" s="40">
        <v>77.25</v>
      </c>
      <c r="G4644" s="40">
        <v>19.21146584455029</v>
      </c>
      <c r="H4644" s="40">
        <v>77.25</v>
      </c>
      <c r="I4644" s="40">
        <v>15.474553669466129</v>
      </c>
      <c r="J4644" s="40">
        <v>77.249972119048195</v>
      </c>
      <c r="K4644" s="40">
        <v>12.525822890391691</v>
      </c>
      <c r="L4644" s="40"/>
      <c r="M4644" s="40"/>
      <c r="N4644" s="40"/>
    </row>
    <row r="4645" spans="4:14" x14ac:dyDescent="0.25">
      <c r="D4645" s="40">
        <v>77.280243000003409</v>
      </c>
      <c r="E4645" s="40">
        <v>20.199900771817489</v>
      </c>
      <c r="F4645" s="40">
        <v>77.266666999999984</v>
      </c>
      <c r="G4645" s="40">
        <v>19.216081228520192</v>
      </c>
      <c r="H4645" s="40">
        <v>77.266667000000012</v>
      </c>
      <c r="I4645" s="40">
        <v>15.474553669466129</v>
      </c>
      <c r="J4645" s="40">
        <v>77.266638779762502</v>
      </c>
      <c r="K4645" s="40">
        <v>12.525822890391691</v>
      </c>
      <c r="L4645" s="40"/>
      <c r="M4645" s="40"/>
      <c r="N4645" s="40"/>
    </row>
    <row r="4646" spans="4:14" x14ac:dyDescent="0.25">
      <c r="D4646" s="40">
        <v>77.29690900000341</v>
      </c>
      <c r="E4646" s="40">
        <v>20.199900771817489</v>
      </c>
      <c r="F4646" s="40">
        <v>77.283332999999999</v>
      </c>
      <c r="G4646" s="40">
        <v>19.216081228520192</v>
      </c>
      <c r="H4646" s="40">
        <v>77.283333999999996</v>
      </c>
      <c r="I4646" s="40">
        <v>15.477906405609385</v>
      </c>
      <c r="J4646" s="40">
        <v>77.283305440476795</v>
      </c>
      <c r="K4646" s="40">
        <v>12.525822890391691</v>
      </c>
      <c r="L4646" s="40"/>
      <c r="M4646" s="40"/>
      <c r="N4646" s="40"/>
    </row>
    <row r="4647" spans="4:14" x14ac:dyDescent="0.25">
      <c r="D4647" s="40">
        <v>77.313575000003411</v>
      </c>
      <c r="E4647" s="40">
        <v>20.199900771817489</v>
      </c>
      <c r="F4647" s="40">
        <v>77.299999999999983</v>
      </c>
      <c r="G4647" s="40">
        <v>19.216081228520192</v>
      </c>
      <c r="H4647" s="40">
        <v>77.300000000000011</v>
      </c>
      <c r="I4647" s="40">
        <v>15.481259141752817</v>
      </c>
      <c r="J4647" s="40">
        <v>77.299972101191102</v>
      </c>
      <c r="K4647" s="40">
        <v>12.525822890391691</v>
      </c>
      <c r="L4647" s="40"/>
      <c r="M4647" s="40"/>
      <c r="N4647" s="40"/>
    </row>
    <row r="4648" spans="4:14" x14ac:dyDescent="0.25">
      <c r="D4648" s="40">
        <v>77.330241000003412</v>
      </c>
      <c r="E4648" s="40">
        <v>20.199900771817489</v>
      </c>
      <c r="F4648" s="40">
        <v>77.316666999999995</v>
      </c>
      <c r="G4648" s="40">
        <v>19.220836472610291</v>
      </c>
      <c r="H4648" s="40">
        <v>77.316666999999995</v>
      </c>
      <c r="I4648" s="40">
        <v>15.481259141752817</v>
      </c>
      <c r="J4648" s="40">
        <v>77.316638761905295</v>
      </c>
      <c r="K4648" s="40">
        <v>12.530673934100795</v>
      </c>
      <c r="L4648" s="40"/>
      <c r="M4648" s="40"/>
      <c r="N4648" s="40"/>
    </row>
    <row r="4649" spans="4:14" x14ac:dyDescent="0.25">
      <c r="D4649" s="40">
        <v>77.346907000003412</v>
      </c>
      <c r="E4649" s="40">
        <v>20.199900771817489</v>
      </c>
      <c r="F4649" s="40">
        <v>77.333332999999982</v>
      </c>
      <c r="G4649" s="40">
        <v>19.220836472610291</v>
      </c>
      <c r="H4649" s="40">
        <v>77.333334000000008</v>
      </c>
      <c r="I4649" s="40">
        <v>15.484513268009581</v>
      </c>
      <c r="J4649" s="40">
        <v>77.333305422619603</v>
      </c>
      <c r="K4649" s="40">
        <v>12.530673934100795</v>
      </c>
      <c r="L4649" s="40"/>
      <c r="M4649" s="40"/>
      <c r="N4649" s="40"/>
    </row>
    <row r="4650" spans="4:14" x14ac:dyDescent="0.25">
      <c r="D4650" s="40">
        <v>77.363573000003413</v>
      </c>
      <c r="E4650" s="40">
        <v>20.199900771817489</v>
      </c>
      <c r="F4650" s="40">
        <v>77.349999999999994</v>
      </c>
      <c r="G4650" s="40">
        <v>19.220836472610291</v>
      </c>
      <c r="H4650" s="40">
        <v>77.349999999999994</v>
      </c>
      <c r="I4650" s="40">
        <v>15.487866004152837</v>
      </c>
      <c r="J4650" s="40">
        <v>77.349972083333896</v>
      </c>
      <c r="K4650" s="40">
        <v>12.530673934100795</v>
      </c>
      <c r="L4650" s="40"/>
      <c r="M4650" s="40"/>
      <c r="N4650" s="40"/>
    </row>
    <row r="4651" spans="4:14" x14ac:dyDescent="0.25">
      <c r="D4651" s="40">
        <v>77.380239000003414</v>
      </c>
      <c r="E4651" s="40">
        <v>20.19505759322794</v>
      </c>
      <c r="F4651" s="40">
        <v>77.366667000000007</v>
      </c>
      <c r="G4651" s="40">
        <v>19.220836472610291</v>
      </c>
      <c r="H4651" s="40">
        <v>77.366667000000007</v>
      </c>
      <c r="I4651" s="40">
        <v>15.487866004152837</v>
      </c>
      <c r="J4651" s="40">
        <v>77.366638744048203</v>
      </c>
      <c r="K4651" s="40">
        <v>12.530673934100795</v>
      </c>
      <c r="L4651" s="40"/>
      <c r="M4651" s="40"/>
      <c r="N4651" s="40"/>
    </row>
    <row r="4652" spans="4:14" x14ac:dyDescent="0.25">
      <c r="D4652" s="40">
        <v>77.396905000003414</v>
      </c>
      <c r="E4652" s="40">
        <v>20.19505759322794</v>
      </c>
      <c r="F4652" s="40">
        <v>77.383332999999993</v>
      </c>
      <c r="G4652" s="40">
        <v>19.225591716700507</v>
      </c>
      <c r="H4652" s="40">
        <v>77.383334000000019</v>
      </c>
      <c r="I4652" s="40">
        <v>15.491218740296095</v>
      </c>
      <c r="J4652" s="40">
        <v>77.383305404762496</v>
      </c>
      <c r="K4652" s="40">
        <v>12.530673934100795</v>
      </c>
      <c r="L4652" s="40"/>
      <c r="M4652" s="40"/>
      <c r="N4652" s="40"/>
    </row>
    <row r="4653" spans="4:14" x14ac:dyDescent="0.25">
      <c r="D4653" s="40">
        <v>77.413571000003415</v>
      </c>
      <c r="E4653" s="40">
        <v>20.19505759322794</v>
      </c>
      <c r="F4653" s="40">
        <v>77.400000000000006</v>
      </c>
      <c r="G4653" s="40">
        <v>19.225591716700507</v>
      </c>
      <c r="H4653" s="40">
        <v>77.400000000000006</v>
      </c>
      <c r="I4653" s="40">
        <v>15.494472866552858</v>
      </c>
      <c r="J4653" s="40">
        <v>77.399972065476803</v>
      </c>
      <c r="K4653" s="40">
        <v>12.530673934100795</v>
      </c>
      <c r="L4653" s="40"/>
      <c r="M4653" s="40"/>
      <c r="N4653" s="40"/>
    </row>
    <row r="4654" spans="4:14" x14ac:dyDescent="0.25">
      <c r="D4654" s="40">
        <v>77.430237000003416</v>
      </c>
      <c r="E4654" s="40">
        <v>20.19505759322794</v>
      </c>
      <c r="F4654" s="40">
        <v>77.41666699999999</v>
      </c>
      <c r="G4654" s="40">
        <v>19.225591716700507</v>
      </c>
      <c r="H4654" s="40">
        <v>77.416667000000018</v>
      </c>
      <c r="I4654" s="40">
        <v>15.494472866552858</v>
      </c>
      <c r="J4654" s="40">
        <v>77.416638726190996</v>
      </c>
      <c r="K4654" s="40">
        <v>12.530673934100795</v>
      </c>
      <c r="L4654" s="40"/>
      <c r="M4654" s="40"/>
      <c r="N4654" s="40"/>
    </row>
    <row r="4655" spans="4:14" x14ac:dyDescent="0.25">
      <c r="D4655" s="40">
        <v>77.446903000003417</v>
      </c>
      <c r="E4655" s="40">
        <v>20.19505759322794</v>
      </c>
      <c r="F4655" s="40">
        <v>77.433333000000005</v>
      </c>
      <c r="G4655" s="40">
        <v>19.230207100670409</v>
      </c>
      <c r="H4655" s="40">
        <v>77.433334000000002</v>
      </c>
      <c r="I4655" s="40">
        <v>15.497825602696116</v>
      </c>
      <c r="J4655" s="40">
        <v>77.433305386905303</v>
      </c>
      <c r="K4655" s="40">
        <v>12.530673934100795</v>
      </c>
      <c r="L4655" s="40"/>
      <c r="M4655" s="40"/>
      <c r="N4655" s="40"/>
    </row>
    <row r="4656" spans="4:14" x14ac:dyDescent="0.25">
      <c r="D4656" s="40">
        <v>77.463569000003417</v>
      </c>
      <c r="E4656" s="40">
        <v>20.19505759322794</v>
      </c>
      <c r="F4656" s="40">
        <v>77.449999999999989</v>
      </c>
      <c r="G4656" s="40">
        <v>19.230207100670409</v>
      </c>
      <c r="H4656" s="40">
        <v>77.450000000000017</v>
      </c>
      <c r="I4656" s="40">
        <v>15.501178338839548</v>
      </c>
      <c r="J4656" s="40">
        <v>77.449972047619596</v>
      </c>
      <c r="K4656" s="40">
        <v>12.535382300053856</v>
      </c>
      <c r="L4656" s="40"/>
      <c r="M4656" s="40"/>
      <c r="N4656" s="40"/>
    </row>
    <row r="4657" spans="4:14" x14ac:dyDescent="0.25">
      <c r="D4657" s="40">
        <v>77.480235000003418</v>
      </c>
      <c r="E4657" s="40">
        <v>20.19505759322794</v>
      </c>
      <c r="F4657" s="40">
        <v>77.466667000000001</v>
      </c>
      <c r="G4657" s="40">
        <v>19.234962344760628</v>
      </c>
      <c r="H4657" s="40">
        <v>77.466667000000001</v>
      </c>
      <c r="I4657" s="40">
        <v>15.504432465096311</v>
      </c>
      <c r="J4657" s="40">
        <v>77.466638708333903</v>
      </c>
      <c r="K4657" s="40">
        <v>12.535382300053856</v>
      </c>
      <c r="L4657" s="40"/>
      <c r="M4657" s="40"/>
      <c r="N4657" s="40"/>
    </row>
    <row r="4658" spans="4:14" x14ac:dyDescent="0.25">
      <c r="D4658" s="40">
        <v>77.496901000003419</v>
      </c>
      <c r="E4658" s="40">
        <v>20.19505759322794</v>
      </c>
      <c r="F4658" s="40">
        <v>77.483332999999988</v>
      </c>
      <c r="G4658" s="40">
        <v>19.234962344760628</v>
      </c>
      <c r="H4658" s="40">
        <v>77.483334000000013</v>
      </c>
      <c r="I4658" s="40">
        <v>15.504432465096311</v>
      </c>
      <c r="J4658" s="40">
        <v>77.483305369048196</v>
      </c>
      <c r="K4658" s="40">
        <v>12.535382300053856</v>
      </c>
      <c r="L4658" s="40"/>
      <c r="M4658" s="40"/>
      <c r="N4658" s="40"/>
    </row>
    <row r="4659" spans="4:14" x14ac:dyDescent="0.25">
      <c r="D4659" s="40">
        <v>77.51356700000342</v>
      </c>
      <c r="E4659" s="40">
        <v>20.19505759322794</v>
      </c>
      <c r="F4659" s="40">
        <v>77.5</v>
      </c>
      <c r="G4659" s="40">
        <v>19.23971758885072</v>
      </c>
      <c r="H4659" s="40">
        <v>77.5</v>
      </c>
      <c r="I4659" s="40">
        <v>15.507785201239567</v>
      </c>
      <c r="J4659" s="40">
        <v>77.499972029762503</v>
      </c>
      <c r="K4659" s="40">
        <v>12.535382300053856</v>
      </c>
      <c r="L4659" s="40"/>
      <c r="M4659" s="40"/>
      <c r="N4659" s="40"/>
    </row>
    <row r="4660" spans="4:14" x14ac:dyDescent="0.25">
      <c r="D4660" s="40">
        <v>77.53023300000342</v>
      </c>
      <c r="E4660" s="40">
        <v>20.19505759322794</v>
      </c>
      <c r="F4660" s="40">
        <v>77.516666999999984</v>
      </c>
      <c r="G4660" s="40">
        <v>19.23971758885072</v>
      </c>
      <c r="H4660" s="40">
        <v>77.516667000000012</v>
      </c>
      <c r="I4660" s="40">
        <v>15.511137937382825</v>
      </c>
      <c r="J4660" s="40">
        <v>77.516638690476796</v>
      </c>
      <c r="K4660" s="40">
        <v>12.540233343763088</v>
      </c>
      <c r="L4660" s="40"/>
      <c r="M4660" s="40"/>
      <c r="N4660" s="40"/>
    </row>
    <row r="4661" spans="4:14" x14ac:dyDescent="0.25">
      <c r="D4661" s="40">
        <v>77.546899000003421</v>
      </c>
      <c r="E4661" s="40">
        <v>20.19505759322794</v>
      </c>
      <c r="F4661" s="40">
        <v>77.533332999999999</v>
      </c>
      <c r="G4661" s="40">
        <v>19.23971758885072</v>
      </c>
      <c r="H4661" s="40">
        <v>77.533333999999996</v>
      </c>
      <c r="I4661" s="40">
        <v>15.514392063639589</v>
      </c>
      <c r="J4661" s="40">
        <v>77.533305351191103</v>
      </c>
      <c r="K4661" s="40">
        <v>12.540233343763088</v>
      </c>
      <c r="L4661" s="40"/>
      <c r="M4661" s="40"/>
      <c r="N4661" s="40"/>
    </row>
    <row r="4662" spans="4:14" x14ac:dyDescent="0.25">
      <c r="D4662" s="40">
        <v>77.563565000003422</v>
      </c>
      <c r="E4662" s="40">
        <v>20.19505759322794</v>
      </c>
      <c r="F4662" s="40">
        <v>77.549999999999983</v>
      </c>
      <c r="G4662" s="40">
        <v>19.244332972820622</v>
      </c>
      <c r="H4662" s="40">
        <v>77.550000000000011</v>
      </c>
      <c r="I4662" s="40">
        <v>15.514392063639589</v>
      </c>
      <c r="J4662" s="40">
        <v>77.549972011905297</v>
      </c>
      <c r="K4662" s="40">
        <v>12.540233343763088</v>
      </c>
      <c r="L4662" s="40"/>
      <c r="M4662" s="40"/>
      <c r="N4662" s="40"/>
    </row>
    <row r="4663" spans="4:14" x14ac:dyDescent="0.25">
      <c r="D4663" s="40">
        <v>77.580231000003423</v>
      </c>
      <c r="E4663" s="40">
        <v>20.19505759322794</v>
      </c>
      <c r="F4663" s="40">
        <v>77.566666999999995</v>
      </c>
      <c r="G4663" s="40">
        <v>19.244332972820622</v>
      </c>
      <c r="H4663" s="40">
        <v>77.566666999999995</v>
      </c>
      <c r="I4663" s="40">
        <v>15.517744799783021</v>
      </c>
      <c r="J4663" s="40">
        <v>77.566638672619604</v>
      </c>
      <c r="K4663" s="40">
        <v>12.540233343763088</v>
      </c>
      <c r="L4663" s="40"/>
      <c r="M4663" s="40"/>
      <c r="N4663" s="40"/>
    </row>
    <row r="4664" spans="4:14" x14ac:dyDescent="0.25">
      <c r="D4664" s="40">
        <v>77.596897000003423</v>
      </c>
      <c r="E4664" s="40">
        <v>20.19505759322794</v>
      </c>
      <c r="F4664" s="40">
        <v>77.583332999999982</v>
      </c>
      <c r="G4664" s="40">
        <v>19.244332972820622</v>
      </c>
      <c r="H4664" s="40">
        <v>77.583334000000008</v>
      </c>
      <c r="I4664" s="40">
        <v>15.521097535926279</v>
      </c>
      <c r="J4664" s="40">
        <v>77.583305333333897</v>
      </c>
      <c r="K4664" s="40">
        <v>12.540233343763088</v>
      </c>
      <c r="L4664" s="40"/>
      <c r="M4664" s="40"/>
      <c r="N4664" s="40"/>
    </row>
    <row r="4665" spans="4:14" x14ac:dyDescent="0.25">
      <c r="D4665" s="40">
        <v>77.613563000003424</v>
      </c>
      <c r="E4665" s="40">
        <v>20.19505759322794</v>
      </c>
      <c r="F4665" s="40">
        <v>77.599999999999994</v>
      </c>
      <c r="G4665" s="40">
        <v>19.249088216910842</v>
      </c>
      <c r="H4665" s="40">
        <v>77.599999999999994</v>
      </c>
      <c r="I4665" s="40">
        <v>15.52435166218304</v>
      </c>
      <c r="J4665" s="40">
        <v>77.599971994048204</v>
      </c>
      <c r="K4665" s="40">
        <v>12.535382300053856</v>
      </c>
      <c r="L4665" s="40"/>
      <c r="M4665" s="40"/>
      <c r="N4665" s="40"/>
    </row>
    <row r="4666" spans="4:14" x14ac:dyDescent="0.25">
      <c r="D4666" s="40">
        <v>77.630229000003425</v>
      </c>
      <c r="E4666" s="40">
        <v>20.19505759322794</v>
      </c>
      <c r="F4666" s="40">
        <v>77.616667000000007</v>
      </c>
      <c r="G4666" s="40">
        <v>19.249088216910842</v>
      </c>
      <c r="H4666" s="40">
        <v>77.616667000000007</v>
      </c>
      <c r="I4666" s="40">
        <v>15.527704398326296</v>
      </c>
      <c r="J4666" s="40">
        <v>77.616638654762497</v>
      </c>
      <c r="K4666" s="40">
        <v>12.535382300053856</v>
      </c>
      <c r="L4666" s="40"/>
      <c r="M4666" s="40"/>
      <c r="N4666" s="40"/>
    </row>
    <row r="4667" spans="4:14" x14ac:dyDescent="0.25">
      <c r="D4667" s="40">
        <v>77.646895000003425</v>
      </c>
      <c r="E4667" s="40">
        <v>20.199900771817489</v>
      </c>
      <c r="F4667" s="40">
        <v>77.633332999999993</v>
      </c>
      <c r="G4667" s="40">
        <v>19.249088216910842</v>
      </c>
      <c r="H4667" s="40">
        <v>77.633334000000019</v>
      </c>
      <c r="I4667" s="40">
        <v>15.531057134469554</v>
      </c>
      <c r="J4667" s="40">
        <v>77.633305315476804</v>
      </c>
      <c r="K4667" s="40">
        <v>12.535382300053856</v>
      </c>
      <c r="L4667" s="40"/>
      <c r="M4667" s="40"/>
      <c r="N4667" s="40"/>
    </row>
    <row r="4668" spans="4:14" x14ac:dyDescent="0.25">
      <c r="D4668" s="40">
        <v>77.663561000003426</v>
      </c>
      <c r="E4668" s="40">
        <v>20.199900771817489</v>
      </c>
      <c r="F4668" s="40">
        <v>77.650000000000006</v>
      </c>
      <c r="G4668" s="40">
        <v>19.249088216910842</v>
      </c>
      <c r="H4668" s="40">
        <v>77.650000000000006</v>
      </c>
      <c r="I4668" s="40">
        <v>15.531057134469554</v>
      </c>
      <c r="J4668" s="40">
        <v>77.649971976190997</v>
      </c>
      <c r="K4668" s="40">
        <v>12.535382300053856</v>
      </c>
      <c r="L4668" s="40"/>
      <c r="M4668" s="40"/>
      <c r="N4668" s="40"/>
    </row>
    <row r="4669" spans="4:14" x14ac:dyDescent="0.25">
      <c r="D4669" s="40">
        <v>77.680227000003427</v>
      </c>
      <c r="E4669" s="40">
        <v>20.199900771817489</v>
      </c>
      <c r="F4669" s="40">
        <v>77.66666699999999</v>
      </c>
      <c r="G4669" s="40">
        <v>19.249088216910842</v>
      </c>
      <c r="H4669" s="40">
        <v>77.666667000000018</v>
      </c>
      <c r="I4669" s="40">
        <v>15.534311260726318</v>
      </c>
      <c r="J4669" s="40">
        <v>77.666638636905304</v>
      </c>
      <c r="K4669" s="40">
        <v>12.540233343763088</v>
      </c>
      <c r="L4669" s="40"/>
      <c r="M4669" s="40"/>
      <c r="N4669" s="40"/>
    </row>
    <row r="4670" spans="4:14" x14ac:dyDescent="0.25">
      <c r="D4670" s="40">
        <v>77.696893000003428</v>
      </c>
      <c r="E4670" s="40">
        <v>20.199900771817489</v>
      </c>
      <c r="F4670" s="40">
        <v>77.683333000000005</v>
      </c>
      <c r="G4670" s="40">
        <v>19.249088216910842</v>
      </c>
      <c r="H4670" s="40">
        <v>77.683334000000002</v>
      </c>
      <c r="I4670" s="40">
        <v>15.53766399686975</v>
      </c>
      <c r="J4670" s="40">
        <v>77.683305297619597</v>
      </c>
      <c r="K4670" s="40">
        <v>12.540233343763088</v>
      </c>
      <c r="L4670" s="40"/>
      <c r="M4670" s="40"/>
      <c r="N4670" s="40"/>
    </row>
    <row r="4671" spans="4:14" x14ac:dyDescent="0.25">
      <c r="D4671" s="40">
        <v>77.713559000003428</v>
      </c>
      <c r="E4671" s="40">
        <v>20.204601503977784</v>
      </c>
      <c r="F4671" s="40">
        <v>77.699999999999989</v>
      </c>
      <c r="G4671" s="40">
        <v>19.253843461000933</v>
      </c>
      <c r="H4671" s="40">
        <v>77.700000000000017</v>
      </c>
      <c r="I4671" s="40">
        <v>15.53766399686975</v>
      </c>
      <c r="J4671" s="40">
        <v>77.699971958333904</v>
      </c>
      <c r="K4671" s="40">
        <v>12.540233343763088</v>
      </c>
      <c r="L4671" s="40"/>
      <c r="M4671" s="40"/>
      <c r="N4671" s="40"/>
    </row>
    <row r="4672" spans="4:14" x14ac:dyDescent="0.25">
      <c r="D4672" s="40">
        <v>77.730225000003429</v>
      </c>
      <c r="E4672" s="40">
        <v>20.204601503977784</v>
      </c>
      <c r="F4672" s="40">
        <v>77.716667000000001</v>
      </c>
      <c r="G4672" s="40">
        <v>19.253843461000933</v>
      </c>
      <c r="H4672" s="40">
        <v>77.716667000000001</v>
      </c>
      <c r="I4672" s="40">
        <v>15.541016733013008</v>
      </c>
      <c r="J4672" s="40">
        <v>77.716638619048197</v>
      </c>
      <c r="K4672" s="40">
        <v>12.540233343763088</v>
      </c>
      <c r="L4672" s="40"/>
      <c r="M4672" s="40"/>
      <c r="N4672" s="40"/>
    </row>
    <row r="4673" spans="4:14" x14ac:dyDescent="0.25">
      <c r="D4673" s="40">
        <v>77.74689100000343</v>
      </c>
      <c r="E4673" s="40">
        <v>20.204601503977784</v>
      </c>
      <c r="F4673" s="40">
        <v>77.733332999999988</v>
      </c>
      <c r="G4673" s="40">
        <v>19.253843461000933</v>
      </c>
      <c r="H4673" s="40">
        <v>77.733334000000013</v>
      </c>
      <c r="I4673" s="40">
        <v>15.544270859269771</v>
      </c>
      <c r="J4673" s="40">
        <v>77.733305279762504</v>
      </c>
      <c r="K4673" s="40">
        <v>12.540233343763088</v>
      </c>
      <c r="L4673" s="40"/>
      <c r="M4673" s="40"/>
      <c r="N4673" s="40"/>
    </row>
    <row r="4674" spans="4:14" x14ac:dyDescent="0.25">
      <c r="D4674" s="40">
        <v>77.763557000003431</v>
      </c>
      <c r="E4674" s="40">
        <v>20.209444682567337</v>
      </c>
      <c r="F4674" s="40">
        <v>77.75</v>
      </c>
      <c r="G4674" s="40">
        <v>19.253843461000933</v>
      </c>
      <c r="H4674" s="40">
        <v>77.75</v>
      </c>
      <c r="I4674" s="40">
        <v>15.547623595413027</v>
      </c>
      <c r="J4674" s="40">
        <v>77.749971940476797</v>
      </c>
      <c r="K4674" s="40">
        <v>12.545084387472194</v>
      </c>
      <c r="L4674" s="40"/>
      <c r="M4674" s="40"/>
      <c r="N4674" s="40"/>
    </row>
    <row r="4675" spans="4:14" x14ac:dyDescent="0.25">
      <c r="D4675" s="40">
        <v>77.780223000003431</v>
      </c>
      <c r="E4675" s="40">
        <v>20.209444682567337</v>
      </c>
      <c r="F4675" s="40">
        <v>77.766666999999984</v>
      </c>
      <c r="G4675" s="40">
        <v>19.258458844970836</v>
      </c>
      <c r="H4675" s="40">
        <v>77.766667000000012</v>
      </c>
      <c r="I4675" s="40">
        <v>15.550976331556461</v>
      </c>
      <c r="J4675" s="40">
        <v>77.766638601191104</v>
      </c>
      <c r="K4675" s="40">
        <v>12.545084387472194</v>
      </c>
      <c r="L4675" s="40"/>
      <c r="M4675" s="40"/>
      <c r="N4675" s="40"/>
    </row>
    <row r="4676" spans="4:14" x14ac:dyDescent="0.25">
      <c r="D4676" s="40">
        <v>77.796889000003432</v>
      </c>
      <c r="E4676" s="40">
        <v>20.209444682567337</v>
      </c>
      <c r="F4676" s="40">
        <v>77.783332999999999</v>
      </c>
      <c r="G4676" s="40">
        <v>19.258458844970836</v>
      </c>
      <c r="H4676" s="40">
        <v>77.783333999999996</v>
      </c>
      <c r="I4676" s="40">
        <v>15.550976331556461</v>
      </c>
      <c r="J4676" s="40">
        <v>77.783305261905298</v>
      </c>
      <c r="K4676" s="40">
        <v>12.549935431181428</v>
      </c>
      <c r="L4676" s="40"/>
      <c r="M4676" s="40"/>
      <c r="N4676" s="40"/>
    </row>
    <row r="4677" spans="4:14" x14ac:dyDescent="0.25">
      <c r="D4677" s="40">
        <v>77.813555000003433</v>
      </c>
      <c r="E4677" s="40">
        <v>20.214287861156883</v>
      </c>
      <c r="F4677" s="40">
        <v>77.799999999999983</v>
      </c>
      <c r="G4677" s="40">
        <v>19.258458844970836</v>
      </c>
      <c r="H4677" s="40">
        <v>77.800000000000011</v>
      </c>
      <c r="I4677" s="40">
        <v>15.554230457813048</v>
      </c>
      <c r="J4677" s="40">
        <v>77.799971922619605</v>
      </c>
      <c r="K4677" s="40">
        <v>12.549935431181428</v>
      </c>
      <c r="L4677" s="40"/>
      <c r="M4677" s="40"/>
      <c r="N4677" s="40"/>
    </row>
    <row r="4678" spans="4:14" x14ac:dyDescent="0.25">
      <c r="D4678" s="40">
        <v>77.830221000003434</v>
      </c>
      <c r="E4678" s="40">
        <v>20.214287861156883</v>
      </c>
      <c r="F4678" s="40">
        <v>77.816666999999995</v>
      </c>
      <c r="G4678" s="40">
        <v>19.263214089061055</v>
      </c>
      <c r="H4678" s="40">
        <v>77.816666999999995</v>
      </c>
      <c r="I4678" s="40">
        <v>15.55758319395648</v>
      </c>
      <c r="J4678" s="40">
        <v>77.816638583333898</v>
      </c>
      <c r="K4678" s="40">
        <v>12.549935431181428</v>
      </c>
      <c r="L4678" s="40"/>
      <c r="M4678" s="40"/>
      <c r="N4678" s="40"/>
    </row>
    <row r="4679" spans="4:14" x14ac:dyDescent="0.25">
      <c r="D4679" s="40">
        <v>77.846887000003434</v>
      </c>
      <c r="E4679" s="40">
        <v>20.214287861156883</v>
      </c>
      <c r="F4679" s="40">
        <v>77.833332999999982</v>
      </c>
      <c r="G4679" s="40">
        <v>19.263214089061055</v>
      </c>
      <c r="H4679" s="40">
        <v>77.833334000000008</v>
      </c>
      <c r="I4679" s="40">
        <v>15.55758319395648</v>
      </c>
      <c r="J4679" s="40">
        <v>77.833305244048205</v>
      </c>
      <c r="K4679" s="40">
        <v>12.549935431181428</v>
      </c>
      <c r="L4679" s="40"/>
      <c r="M4679" s="40"/>
      <c r="N4679" s="40"/>
    </row>
    <row r="4680" spans="4:14" x14ac:dyDescent="0.25">
      <c r="D4680" s="40">
        <v>77.863553000003435</v>
      </c>
      <c r="E4680" s="40">
        <v>20.214287861156883</v>
      </c>
      <c r="F4680" s="40">
        <v>77.849999999999994</v>
      </c>
      <c r="G4680" s="40">
        <v>19.26796933315115</v>
      </c>
      <c r="H4680" s="40">
        <v>77.849999999999994</v>
      </c>
      <c r="I4680" s="40">
        <v>15.560935930099738</v>
      </c>
      <c r="J4680" s="40">
        <v>77.849971904762498</v>
      </c>
      <c r="K4680" s="40">
        <v>12.549935431181428</v>
      </c>
      <c r="L4680" s="40"/>
      <c r="M4680" s="40"/>
      <c r="N4680" s="40"/>
    </row>
    <row r="4681" spans="4:14" x14ac:dyDescent="0.25">
      <c r="D4681" s="40">
        <v>77.880219000003436</v>
      </c>
      <c r="E4681" s="40">
        <v>20.214287861156883</v>
      </c>
      <c r="F4681" s="40">
        <v>77.866667000000007</v>
      </c>
      <c r="G4681" s="40">
        <v>19.26796933315115</v>
      </c>
      <c r="H4681" s="40">
        <v>77.866667000000007</v>
      </c>
      <c r="I4681" s="40">
        <v>15.5641900563565</v>
      </c>
      <c r="J4681" s="40">
        <v>77.866638565476805</v>
      </c>
      <c r="K4681" s="40">
        <v>12.549935431181428</v>
      </c>
      <c r="L4681" s="40"/>
      <c r="M4681" s="40"/>
      <c r="N4681" s="40"/>
    </row>
    <row r="4682" spans="4:14" x14ac:dyDescent="0.25">
      <c r="D4682" s="40">
        <v>77.896885000003437</v>
      </c>
      <c r="E4682" s="40">
        <v>20.214287861156883</v>
      </c>
      <c r="F4682" s="40">
        <v>77.883332999999993</v>
      </c>
      <c r="G4682" s="40">
        <v>19.272584717121052</v>
      </c>
      <c r="H4682" s="40">
        <v>77.883334000000019</v>
      </c>
      <c r="I4682" s="40">
        <v>15.5641900563565</v>
      </c>
      <c r="J4682" s="40">
        <v>77.883305226190998</v>
      </c>
      <c r="K4682" s="40">
        <v>12.549935431181428</v>
      </c>
      <c r="L4682" s="40"/>
      <c r="M4682" s="40"/>
      <c r="N4682" s="40"/>
    </row>
    <row r="4683" spans="4:14" x14ac:dyDescent="0.25">
      <c r="D4683" s="40">
        <v>77.913551000003437</v>
      </c>
      <c r="E4683" s="40">
        <v>20.214287861156883</v>
      </c>
      <c r="F4683" s="40">
        <v>77.900000000000006</v>
      </c>
      <c r="G4683" s="40">
        <v>19.272584717121052</v>
      </c>
      <c r="H4683" s="40">
        <v>77.900000000000006</v>
      </c>
      <c r="I4683" s="40">
        <v>15.567542792499758</v>
      </c>
      <c r="J4683" s="40">
        <v>77.899971886905305</v>
      </c>
      <c r="K4683" s="40">
        <v>12.549935431181428</v>
      </c>
      <c r="L4683" s="40"/>
      <c r="M4683" s="40"/>
      <c r="N4683" s="40"/>
    </row>
    <row r="4684" spans="4:14" x14ac:dyDescent="0.25">
      <c r="D4684" s="40">
        <v>77.930217000003438</v>
      </c>
      <c r="E4684" s="40">
        <v>20.218988593317309</v>
      </c>
      <c r="F4684" s="40">
        <v>77.91666699999999</v>
      </c>
      <c r="G4684" s="40">
        <v>19.277339961211272</v>
      </c>
      <c r="H4684" s="40">
        <v>77.916667000000018</v>
      </c>
      <c r="I4684" s="40">
        <v>15.57089552864319</v>
      </c>
      <c r="J4684" s="40">
        <v>77.916638547619598</v>
      </c>
      <c r="K4684" s="40">
        <v>12.549935431181428</v>
      </c>
      <c r="L4684" s="40"/>
      <c r="M4684" s="40"/>
      <c r="N4684" s="40"/>
    </row>
    <row r="4685" spans="4:14" x14ac:dyDescent="0.25">
      <c r="D4685" s="40">
        <v>77.946883000003439</v>
      </c>
      <c r="E4685" s="40">
        <v>20.218988593317309</v>
      </c>
      <c r="F4685" s="40">
        <v>77.933333000000005</v>
      </c>
      <c r="G4685" s="40">
        <v>19.277339961211272</v>
      </c>
      <c r="H4685" s="40">
        <v>77.933334000000002</v>
      </c>
      <c r="I4685" s="40">
        <v>15.574149654899953</v>
      </c>
      <c r="J4685" s="40">
        <v>77.933305208333906</v>
      </c>
      <c r="K4685" s="40">
        <v>12.549935431181428</v>
      </c>
      <c r="L4685" s="40"/>
      <c r="M4685" s="40"/>
      <c r="N4685" s="40"/>
    </row>
    <row r="4686" spans="4:14" x14ac:dyDescent="0.25">
      <c r="D4686" s="40">
        <v>77.963549000003439</v>
      </c>
      <c r="E4686" s="40">
        <v>20.218988593317309</v>
      </c>
      <c r="F4686" s="40">
        <v>77.949999999999989</v>
      </c>
      <c r="G4686" s="40">
        <v>19.277339961211272</v>
      </c>
      <c r="H4686" s="40">
        <v>77.950000000000017</v>
      </c>
      <c r="I4686" s="40">
        <v>15.574149654899953</v>
      </c>
      <c r="J4686" s="40">
        <v>77.949971869048198</v>
      </c>
      <c r="K4686" s="40">
        <v>12.554643797134485</v>
      </c>
      <c r="L4686" s="40"/>
      <c r="M4686" s="40"/>
      <c r="N4686" s="40"/>
    </row>
    <row r="4687" spans="4:14" x14ac:dyDescent="0.25">
      <c r="D4687" s="40">
        <v>77.98021500000344</v>
      </c>
      <c r="E4687" s="40">
        <v>20.218988593317309</v>
      </c>
      <c r="F4687" s="40">
        <v>77.966667000000001</v>
      </c>
      <c r="G4687" s="40">
        <v>19.277339961211272</v>
      </c>
      <c r="H4687" s="40">
        <v>77.966667000000001</v>
      </c>
      <c r="I4687" s="40">
        <v>15.577502391043209</v>
      </c>
      <c r="J4687" s="40">
        <v>77.966638529762506</v>
      </c>
      <c r="K4687" s="40">
        <v>12.554643797134485</v>
      </c>
      <c r="L4687" s="40"/>
      <c r="M4687" s="40"/>
      <c r="N4687" s="40"/>
    </row>
    <row r="4688" spans="4:14" x14ac:dyDescent="0.25">
      <c r="D4688" s="40">
        <v>77.996881000003441</v>
      </c>
      <c r="E4688" s="40">
        <v>20.218988593317309</v>
      </c>
      <c r="F4688" s="40">
        <v>77.983332999999988</v>
      </c>
      <c r="G4688" s="40">
        <v>19.282095205301367</v>
      </c>
      <c r="H4688" s="40">
        <v>77.983334000000013</v>
      </c>
      <c r="I4688" s="40">
        <v>15.577502391043209</v>
      </c>
      <c r="J4688" s="40">
        <v>77.983305190476798</v>
      </c>
      <c r="K4688" s="40">
        <v>12.554643797134485</v>
      </c>
      <c r="L4688" s="40"/>
      <c r="M4688" s="40"/>
      <c r="N4688" s="40"/>
    </row>
    <row r="4689" spans="4:14" x14ac:dyDescent="0.25">
      <c r="D4689" s="40">
        <v>78.013547000003442</v>
      </c>
      <c r="E4689" s="40">
        <v>20.218988593317309</v>
      </c>
      <c r="F4689" s="40">
        <v>78</v>
      </c>
      <c r="G4689" s="40">
        <v>19.282095205301367</v>
      </c>
      <c r="H4689" s="40">
        <v>78</v>
      </c>
      <c r="I4689" s="40">
        <v>15.580855127186467</v>
      </c>
      <c r="J4689" s="40">
        <v>77.999971851191106</v>
      </c>
      <c r="K4689" s="40">
        <v>12.554643797134485</v>
      </c>
      <c r="L4689" s="40"/>
      <c r="M4689" s="40"/>
      <c r="N4689" s="40"/>
    </row>
    <row r="4690" spans="4:14" x14ac:dyDescent="0.25">
      <c r="D4690" s="40">
        <v>78.030213000003442</v>
      </c>
      <c r="E4690" s="40">
        <v>20.218988593317309</v>
      </c>
      <c r="F4690" s="40">
        <v>78.016666999999984</v>
      </c>
      <c r="G4690" s="40">
        <v>19.286710589271266</v>
      </c>
      <c r="H4690" s="40">
        <v>78.016667000000012</v>
      </c>
      <c r="I4690" s="40">
        <v>15.584109253443231</v>
      </c>
      <c r="J4690" s="40">
        <v>78.016638511905299</v>
      </c>
      <c r="K4690" s="40">
        <v>12.559494840843719</v>
      </c>
      <c r="L4690" s="40"/>
      <c r="M4690" s="40"/>
      <c r="N4690" s="40"/>
    </row>
    <row r="4691" spans="4:14" x14ac:dyDescent="0.25">
      <c r="D4691" s="40">
        <v>78.046879000003443</v>
      </c>
      <c r="E4691" s="40">
        <v>20.218988593317309</v>
      </c>
      <c r="F4691" s="40">
        <v>78.033332999999999</v>
      </c>
      <c r="G4691" s="40">
        <v>19.291465833361485</v>
      </c>
      <c r="H4691" s="40">
        <v>78.033333999999996</v>
      </c>
      <c r="I4691" s="40">
        <v>15.584109253443231</v>
      </c>
      <c r="J4691" s="40">
        <v>78.033305172619606</v>
      </c>
      <c r="K4691" s="40">
        <v>12.559494840843719</v>
      </c>
      <c r="L4691" s="40"/>
      <c r="M4691" s="40"/>
      <c r="N4691" s="40"/>
    </row>
    <row r="4692" spans="4:14" x14ac:dyDescent="0.25">
      <c r="D4692" s="40">
        <v>78.063545000003444</v>
      </c>
      <c r="E4692" s="40">
        <v>20.218988593317309</v>
      </c>
      <c r="F4692" s="40">
        <v>78.049999999999983</v>
      </c>
      <c r="G4692" s="40">
        <v>19.291465833361485</v>
      </c>
      <c r="H4692" s="40">
        <v>78.050000000000011</v>
      </c>
      <c r="I4692" s="40">
        <v>15.587461989586489</v>
      </c>
      <c r="J4692" s="40">
        <v>78.049971833333899</v>
      </c>
      <c r="K4692" s="40">
        <v>12.559494840843719</v>
      </c>
      <c r="L4692" s="40"/>
      <c r="M4692" s="40"/>
      <c r="N4692" s="40"/>
    </row>
    <row r="4693" spans="4:14" x14ac:dyDescent="0.25">
      <c r="D4693" s="40">
        <v>78.080211000003445</v>
      </c>
      <c r="E4693" s="40">
        <v>20.214287861156883</v>
      </c>
      <c r="F4693" s="40">
        <v>78.066666999999995</v>
      </c>
      <c r="G4693" s="40">
        <v>19.296221077451705</v>
      </c>
      <c r="H4693" s="40">
        <v>78.066666999999995</v>
      </c>
      <c r="I4693" s="40">
        <v>15.590814725729921</v>
      </c>
      <c r="J4693" s="40">
        <v>78.066638494048206</v>
      </c>
      <c r="K4693" s="40">
        <v>12.559494840843719</v>
      </c>
      <c r="L4693" s="40"/>
      <c r="M4693" s="40"/>
      <c r="N4693" s="40"/>
    </row>
    <row r="4694" spans="4:14" x14ac:dyDescent="0.25">
      <c r="D4694" s="40">
        <v>78.096877000003445</v>
      </c>
      <c r="E4694" s="40">
        <v>20.214287861156883</v>
      </c>
      <c r="F4694" s="40">
        <v>78.083332999999982</v>
      </c>
      <c r="G4694" s="40">
        <v>19.296221077451705</v>
      </c>
      <c r="H4694" s="40">
        <v>78.083334000000008</v>
      </c>
      <c r="I4694" s="40">
        <v>15.590814725729921</v>
      </c>
      <c r="J4694" s="40">
        <v>78.083305154762499</v>
      </c>
      <c r="K4694" s="40">
        <v>12.559494840843719</v>
      </c>
      <c r="L4694" s="40"/>
      <c r="M4694" s="40"/>
      <c r="N4694" s="40"/>
    </row>
    <row r="4695" spans="4:14" x14ac:dyDescent="0.25">
      <c r="D4695" s="40">
        <v>78.113543000003446</v>
      </c>
      <c r="E4695" s="40">
        <v>20.214287861156883</v>
      </c>
      <c r="F4695" s="40">
        <v>78.099999999999994</v>
      </c>
      <c r="G4695" s="40">
        <v>19.300836461421479</v>
      </c>
      <c r="H4695" s="40">
        <v>78.099999999999994</v>
      </c>
      <c r="I4695" s="40">
        <v>15.594167461873178</v>
      </c>
      <c r="J4695" s="40">
        <v>78.099971815476806</v>
      </c>
      <c r="K4695" s="40">
        <v>12.554643797134485</v>
      </c>
      <c r="L4695" s="40"/>
      <c r="M4695" s="40"/>
      <c r="N4695" s="40"/>
    </row>
    <row r="4696" spans="4:14" x14ac:dyDescent="0.25">
      <c r="D4696" s="40">
        <v>78.130209000003447</v>
      </c>
      <c r="E4696" s="40">
        <v>20.214287861156883</v>
      </c>
      <c r="F4696" s="40">
        <v>78.116667000000007</v>
      </c>
      <c r="G4696" s="40">
        <v>19.300836461421479</v>
      </c>
      <c r="H4696" s="40">
        <v>78.116667000000007</v>
      </c>
      <c r="I4696" s="40">
        <v>15.594167461873178</v>
      </c>
      <c r="J4696" s="40">
        <v>78.116638476191099</v>
      </c>
      <c r="K4696" s="40">
        <v>12.554643797134485</v>
      </c>
      <c r="L4696" s="40"/>
      <c r="M4696" s="40"/>
      <c r="N4696" s="40"/>
    </row>
    <row r="4697" spans="4:14" x14ac:dyDescent="0.25">
      <c r="D4697" s="40">
        <v>78.146875000003448</v>
      </c>
      <c r="E4697" s="40">
        <v>20.214287861156883</v>
      </c>
      <c r="F4697" s="40">
        <v>78.133332999999993</v>
      </c>
      <c r="G4697" s="40">
        <v>19.305591705511702</v>
      </c>
      <c r="H4697" s="40">
        <v>78.133334000000019</v>
      </c>
      <c r="I4697" s="40">
        <v>15.59742158812994</v>
      </c>
      <c r="J4697" s="40">
        <v>78.133305136905307</v>
      </c>
      <c r="K4697" s="40">
        <v>12.559494840843719</v>
      </c>
      <c r="L4697" s="40"/>
      <c r="M4697" s="40"/>
      <c r="N4697" s="40"/>
    </row>
    <row r="4698" spans="4:14" x14ac:dyDescent="0.25">
      <c r="D4698" s="40">
        <v>78.163541000003448</v>
      </c>
      <c r="E4698" s="40">
        <v>20.214287861156883</v>
      </c>
      <c r="F4698" s="40">
        <v>78.150000000000006</v>
      </c>
      <c r="G4698" s="40">
        <v>19.305591705511702</v>
      </c>
      <c r="H4698" s="40">
        <v>78.150000000000006</v>
      </c>
      <c r="I4698" s="40">
        <v>15.600774324273198</v>
      </c>
      <c r="J4698" s="40">
        <v>78.1499717976196</v>
      </c>
      <c r="K4698" s="40">
        <v>12.559494840843719</v>
      </c>
      <c r="L4698" s="40"/>
      <c r="M4698" s="40"/>
      <c r="N4698" s="40"/>
    </row>
    <row r="4699" spans="4:14" x14ac:dyDescent="0.25">
      <c r="D4699" s="40">
        <v>78.180207000003449</v>
      </c>
      <c r="E4699" s="40">
        <v>20.214287861156883</v>
      </c>
      <c r="F4699" s="40">
        <v>78.16666699999999</v>
      </c>
      <c r="G4699" s="40">
        <v>19.310346949601922</v>
      </c>
      <c r="H4699" s="40">
        <v>78.166667000000018</v>
      </c>
      <c r="I4699" s="40">
        <v>15.600774324273198</v>
      </c>
      <c r="J4699" s="40">
        <v>78.166638458333907</v>
      </c>
      <c r="K4699" s="40">
        <v>12.559494840843719</v>
      </c>
      <c r="L4699" s="40"/>
      <c r="M4699" s="40"/>
      <c r="N4699" s="40"/>
    </row>
    <row r="4700" spans="4:14" x14ac:dyDescent="0.25">
      <c r="D4700" s="40">
        <v>78.19687300000345</v>
      </c>
      <c r="E4700" s="40">
        <v>20.209444682567337</v>
      </c>
      <c r="F4700" s="40">
        <v>78.183333000000005</v>
      </c>
      <c r="G4700" s="40">
        <v>19.310346949601922</v>
      </c>
      <c r="H4700" s="40">
        <v>78.183334000000002</v>
      </c>
      <c r="I4700" s="40">
        <v>15.60412706041663</v>
      </c>
      <c r="J4700" s="40">
        <v>78.1833051190482</v>
      </c>
      <c r="K4700" s="40">
        <v>12.559494840843719</v>
      </c>
      <c r="L4700" s="40"/>
      <c r="M4700" s="40"/>
      <c r="N4700" s="40"/>
    </row>
    <row r="4701" spans="4:14" x14ac:dyDescent="0.25">
      <c r="D4701" s="40">
        <v>78.21353900000345</v>
      </c>
      <c r="E4701" s="40">
        <v>20.209444682567337</v>
      </c>
      <c r="F4701" s="40">
        <v>78.199999999999989</v>
      </c>
      <c r="G4701" s="40">
        <v>19.310346949601922</v>
      </c>
      <c r="H4701" s="40">
        <v>78.200000000000017</v>
      </c>
      <c r="I4701" s="40">
        <v>15.607381186673392</v>
      </c>
      <c r="J4701" s="40">
        <v>78.199971779762507</v>
      </c>
      <c r="K4701" s="40">
        <v>12.559494840843719</v>
      </c>
      <c r="L4701" s="40"/>
      <c r="M4701" s="40"/>
      <c r="N4701" s="40"/>
    </row>
    <row r="4702" spans="4:14" x14ac:dyDescent="0.25">
      <c r="D4702" s="40">
        <v>78.230205000003451</v>
      </c>
      <c r="E4702" s="40">
        <v>20.209444682567337</v>
      </c>
      <c r="F4702" s="40">
        <v>78.216667000000001</v>
      </c>
      <c r="G4702" s="40">
        <v>19.31496233357182</v>
      </c>
      <c r="H4702" s="40">
        <v>78.216667000000001</v>
      </c>
      <c r="I4702" s="40">
        <v>15.607381186673392</v>
      </c>
      <c r="J4702" s="40">
        <v>78.2166384404768</v>
      </c>
      <c r="K4702" s="40">
        <v>12.559494840843719</v>
      </c>
      <c r="L4702" s="40"/>
      <c r="M4702" s="40"/>
      <c r="N4702" s="40"/>
    </row>
    <row r="4703" spans="4:14" x14ac:dyDescent="0.25">
      <c r="D4703" s="40">
        <v>78.246871000003452</v>
      </c>
      <c r="E4703" s="40">
        <v>20.209444682567337</v>
      </c>
      <c r="F4703" s="40">
        <v>78.233332999999988</v>
      </c>
      <c r="G4703" s="40">
        <v>19.31496233357182</v>
      </c>
      <c r="H4703" s="40">
        <v>78.233334000000013</v>
      </c>
      <c r="I4703" s="40">
        <v>15.61073392281665</v>
      </c>
      <c r="J4703" s="40">
        <v>78.233305101191107</v>
      </c>
      <c r="K4703" s="40">
        <v>12.559494840843719</v>
      </c>
      <c r="L4703" s="40"/>
      <c r="M4703" s="40"/>
      <c r="N4703" s="40"/>
    </row>
    <row r="4704" spans="4:14" x14ac:dyDescent="0.25">
      <c r="D4704" s="40">
        <v>78.263537000003453</v>
      </c>
      <c r="E4704" s="40">
        <v>20.209444682567337</v>
      </c>
      <c r="F4704" s="40">
        <v>78.25</v>
      </c>
      <c r="G4704" s="40">
        <v>19.31496233357182</v>
      </c>
      <c r="H4704" s="40">
        <v>78.25</v>
      </c>
      <c r="I4704" s="40">
        <v>15.61073392281665</v>
      </c>
      <c r="J4704" s="40">
        <v>78.2499717619054</v>
      </c>
      <c r="K4704" s="40">
        <v>12.559494840843719</v>
      </c>
      <c r="L4704" s="40"/>
      <c r="M4704" s="40"/>
      <c r="N4704" s="40"/>
    </row>
    <row r="4705" spans="4:14" x14ac:dyDescent="0.25">
      <c r="D4705" s="40">
        <v>78.280203000003453</v>
      </c>
      <c r="E4705" s="40">
        <v>20.209444682567337</v>
      </c>
      <c r="F4705" s="40">
        <v>78.266666999999984</v>
      </c>
      <c r="G4705" s="40">
        <v>19.31496233357182</v>
      </c>
      <c r="H4705" s="40">
        <v>78.266667000000012</v>
      </c>
      <c r="I4705" s="40">
        <v>15.614086658959907</v>
      </c>
      <c r="J4705" s="40">
        <v>78.266638422619593</v>
      </c>
      <c r="K4705" s="40">
        <v>12.559494840843719</v>
      </c>
      <c r="L4705" s="40"/>
      <c r="M4705" s="40"/>
      <c r="N4705" s="40"/>
    </row>
    <row r="4706" spans="4:14" x14ac:dyDescent="0.25">
      <c r="D4706" s="40">
        <v>78.296869000003454</v>
      </c>
      <c r="E4706" s="40">
        <v>20.214287861156883</v>
      </c>
      <c r="F4706" s="40">
        <v>78.283332999999999</v>
      </c>
      <c r="G4706" s="40">
        <v>19.31496233357182</v>
      </c>
      <c r="H4706" s="40">
        <v>78.283333999999996</v>
      </c>
      <c r="I4706" s="40">
        <v>15.617340785216669</v>
      </c>
      <c r="J4706" s="40">
        <v>78.2833050833339</v>
      </c>
      <c r="K4706" s="40">
        <v>12.559494840843719</v>
      </c>
      <c r="L4706" s="40"/>
      <c r="M4706" s="40"/>
      <c r="N4706" s="40"/>
    </row>
    <row r="4707" spans="4:14" x14ac:dyDescent="0.25">
      <c r="D4707" s="40">
        <v>78.313535000003455</v>
      </c>
      <c r="E4707" s="40">
        <v>20.214287861156883</v>
      </c>
      <c r="F4707" s="40">
        <v>78.299999999999983</v>
      </c>
      <c r="G4707" s="40">
        <v>19.31496233357182</v>
      </c>
      <c r="H4707" s="40">
        <v>78.300000000000011</v>
      </c>
      <c r="I4707" s="40">
        <v>15.617340785216669</v>
      </c>
      <c r="J4707" s="40">
        <v>78.299971744048193</v>
      </c>
      <c r="K4707" s="40">
        <v>12.559494840843719</v>
      </c>
      <c r="L4707" s="40"/>
      <c r="M4707" s="40"/>
      <c r="N4707" s="40"/>
    </row>
    <row r="4708" spans="4:14" x14ac:dyDescent="0.25">
      <c r="D4708" s="40">
        <v>78.330201000003456</v>
      </c>
      <c r="E4708" s="40">
        <v>20.209444682567337</v>
      </c>
      <c r="F4708" s="40">
        <v>78.316666999999995</v>
      </c>
      <c r="G4708" s="40">
        <v>19.319717577661915</v>
      </c>
      <c r="H4708" s="40">
        <v>78.316666999999995</v>
      </c>
      <c r="I4708" s="40">
        <v>15.620693521359927</v>
      </c>
      <c r="J4708" s="40">
        <v>78.3166384047625</v>
      </c>
      <c r="K4708" s="40">
        <v>12.559494840843719</v>
      </c>
      <c r="L4708" s="40"/>
      <c r="M4708" s="40"/>
      <c r="N4708" s="40"/>
    </row>
    <row r="4709" spans="4:14" x14ac:dyDescent="0.25">
      <c r="D4709" s="40">
        <v>78.346867000003456</v>
      </c>
      <c r="E4709" s="40">
        <v>20.209444682567337</v>
      </c>
      <c r="F4709" s="40">
        <v>78.333332999999982</v>
      </c>
      <c r="G4709" s="40">
        <v>19.319717577661915</v>
      </c>
      <c r="H4709" s="40">
        <v>78.333334000000008</v>
      </c>
      <c r="I4709" s="40">
        <v>15.624046257503359</v>
      </c>
      <c r="J4709" s="40">
        <v>78.333305065476793</v>
      </c>
      <c r="K4709" s="40">
        <v>12.559494840843719</v>
      </c>
      <c r="L4709" s="40"/>
      <c r="M4709" s="40"/>
      <c r="N4709" s="40"/>
    </row>
    <row r="4710" spans="4:14" x14ac:dyDescent="0.25">
      <c r="D4710" s="40">
        <v>78.363533000003457</v>
      </c>
      <c r="E4710" s="40">
        <v>20.209444682567337</v>
      </c>
      <c r="F4710" s="40">
        <v>78.349999999999994</v>
      </c>
      <c r="G4710" s="40">
        <v>19.319717577661915</v>
      </c>
      <c r="H4710" s="40">
        <v>78.349999999999994</v>
      </c>
      <c r="I4710" s="40">
        <v>15.624046257503359</v>
      </c>
      <c r="J4710" s="40">
        <v>78.3499717261911</v>
      </c>
      <c r="K4710" s="40">
        <v>12.559494840843719</v>
      </c>
      <c r="L4710" s="40"/>
      <c r="M4710" s="40"/>
      <c r="N4710" s="40"/>
    </row>
    <row r="4711" spans="4:14" x14ac:dyDescent="0.25">
      <c r="D4711" s="40">
        <v>78.380199000003458</v>
      </c>
      <c r="E4711" s="40">
        <v>20.209444682567337</v>
      </c>
      <c r="F4711" s="40">
        <v>78.366667000000007</v>
      </c>
      <c r="G4711" s="40">
        <v>19.324472821752135</v>
      </c>
      <c r="H4711" s="40">
        <v>78.366667000000007</v>
      </c>
      <c r="I4711" s="40">
        <v>15.627300383760124</v>
      </c>
      <c r="J4711" s="40">
        <v>78.366638386905294</v>
      </c>
      <c r="K4711" s="40">
        <v>12.564345884552825</v>
      </c>
      <c r="L4711" s="40"/>
      <c r="M4711" s="40"/>
      <c r="N4711" s="40"/>
    </row>
    <row r="4712" spans="4:14" x14ac:dyDescent="0.25">
      <c r="D4712" s="40">
        <v>78.396865000003459</v>
      </c>
      <c r="E4712" s="40">
        <v>20.209444682567337</v>
      </c>
      <c r="F4712" s="40">
        <v>78.383332999999993</v>
      </c>
      <c r="G4712" s="40">
        <v>19.324472821752135</v>
      </c>
      <c r="H4712" s="40">
        <v>78.383334000000019</v>
      </c>
      <c r="I4712" s="40">
        <v>15.627300383760124</v>
      </c>
      <c r="J4712" s="40">
        <v>78.383305047619601</v>
      </c>
      <c r="K4712" s="40">
        <v>12.564345884552825</v>
      </c>
      <c r="L4712" s="40"/>
      <c r="M4712" s="40"/>
      <c r="N4712" s="40"/>
    </row>
    <row r="4713" spans="4:14" x14ac:dyDescent="0.25">
      <c r="D4713" s="40">
        <v>78.413531000003459</v>
      </c>
      <c r="E4713" s="40">
        <v>20.209444682567337</v>
      </c>
      <c r="F4713" s="40">
        <v>78.400000000000006</v>
      </c>
      <c r="G4713" s="40">
        <v>19.329088205722034</v>
      </c>
      <c r="H4713" s="40">
        <v>78.400000000000006</v>
      </c>
      <c r="I4713" s="40">
        <v>15.63065311990338</v>
      </c>
      <c r="J4713" s="40">
        <v>78.399971708333894</v>
      </c>
      <c r="K4713" s="40">
        <v>12.564345884552825</v>
      </c>
      <c r="L4713" s="40"/>
      <c r="M4713" s="40"/>
      <c r="N4713" s="40"/>
    </row>
    <row r="4714" spans="4:14" x14ac:dyDescent="0.25">
      <c r="D4714" s="40">
        <v>78.43019700000346</v>
      </c>
      <c r="E4714" s="40">
        <v>20.214287861156883</v>
      </c>
      <c r="F4714" s="40">
        <v>78.41666699999999</v>
      </c>
      <c r="G4714" s="40">
        <v>19.329088205722034</v>
      </c>
      <c r="H4714" s="40">
        <v>78.416667000000018</v>
      </c>
      <c r="I4714" s="40">
        <v>15.634005856046636</v>
      </c>
      <c r="J4714" s="40">
        <v>78.416638369048201</v>
      </c>
      <c r="K4714" s="40">
        <v>12.564345884552825</v>
      </c>
      <c r="L4714" s="40"/>
      <c r="M4714" s="40"/>
      <c r="N4714" s="40"/>
    </row>
    <row r="4715" spans="4:14" x14ac:dyDescent="0.25">
      <c r="D4715" s="40">
        <v>78.446863000003461</v>
      </c>
      <c r="E4715" s="40">
        <v>20.214287861156883</v>
      </c>
      <c r="F4715" s="40">
        <v>78.433333000000005</v>
      </c>
      <c r="G4715" s="40">
        <v>19.329088205722034</v>
      </c>
      <c r="H4715" s="40">
        <v>78.433334000000002</v>
      </c>
      <c r="I4715" s="40">
        <v>15.634005856046636</v>
      </c>
      <c r="J4715" s="40">
        <v>78.433305029762494</v>
      </c>
      <c r="K4715" s="40">
        <v>12.564345884552825</v>
      </c>
      <c r="L4715" s="40"/>
      <c r="M4715" s="40"/>
      <c r="N4715" s="40"/>
    </row>
    <row r="4716" spans="4:14" x14ac:dyDescent="0.25">
      <c r="D4716" s="40">
        <v>78.463529000003462</v>
      </c>
      <c r="E4716" s="40">
        <v>20.214287861156883</v>
      </c>
      <c r="F4716" s="40">
        <v>78.449999999999989</v>
      </c>
      <c r="G4716" s="40">
        <v>19.329088205722034</v>
      </c>
      <c r="H4716" s="40">
        <v>78.450000000000017</v>
      </c>
      <c r="I4716" s="40">
        <v>15.6372599823034</v>
      </c>
      <c r="J4716" s="40">
        <v>78.449971690476801</v>
      </c>
      <c r="K4716" s="40">
        <v>12.564345884552825</v>
      </c>
      <c r="L4716" s="40"/>
      <c r="M4716" s="40"/>
      <c r="N4716" s="40"/>
    </row>
    <row r="4717" spans="4:14" x14ac:dyDescent="0.25">
      <c r="D4717" s="40">
        <v>78.480195000003462</v>
      </c>
      <c r="E4717" s="40">
        <v>20.214287861156883</v>
      </c>
      <c r="F4717" s="40">
        <v>78.466667000000001</v>
      </c>
      <c r="G4717" s="40">
        <v>19.333843449812129</v>
      </c>
      <c r="H4717" s="40">
        <v>78.466667000000001</v>
      </c>
      <c r="I4717" s="40">
        <v>15.6372599823034</v>
      </c>
      <c r="J4717" s="40">
        <v>78.466638351191094</v>
      </c>
      <c r="K4717" s="40">
        <v>12.564345884552825</v>
      </c>
      <c r="L4717" s="40"/>
      <c r="M4717" s="40"/>
      <c r="N4717" s="40"/>
    </row>
    <row r="4718" spans="4:14" x14ac:dyDescent="0.25">
      <c r="D4718" s="40">
        <v>78.496861000003463</v>
      </c>
      <c r="E4718" s="40">
        <v>20.214287861156883</v>
      </c>
      <c r="F4718" s="40">
        <v>78.483332999999988</v>
      </c>
      <c r="G4718" s="40">
        <v>19.333843449812129</v>
      </c>
      <c r="H4718" s="40">
        <v>78.483334000000013</v>
      </c>
      <c r="I4718" s="40">
        <v>15.640612718446658</v>
      </c>
      <c r="J4718" s="40">
        <v>78.483305011905401</v>
      </c>
      <c r="K4718" s="40">
        <v>12.564345884552825</v>
      </c>
      <c r="L4718" s="40"/>
      <c r="M4718" s="40"/>
      <c r="N4718" s="40"/>
    </row>
    <row r="4719" spans="4:14" x14ac:dyDescent="0.25">
      <c r="D4719" s="40">
        <v>78.513527000003464</v>
      </c>
      <c r="E4719" s="40">
        <v>20.218988593317309</v>
      </c>
      <c r="F4719" s="40">
        <v>78.5</v>
      </c>
      <c r="G4719" s="40">
        <v>19.338598693902348</v>
      </c>
      <c r="H4719" s="40">
        <v>78.5</v>
      </c>
      <c r="I4719" s="40">
        <v>15.640612718446658</v>
      </c>
      <c r="J4719" s="40">
        <v>78.499971672619594</v>
      </c>
      <c r="K4719" s="40">
        <v>12.564345884552825</v>
      </c>
      <c r="L4719" s="40"/>
      <c r="M4719" s="40"/>
      <c r="N4719" s="40"/>
    </row>
    <row r="4720" spans="4:14" x14ac:dyDescent="0.25">
      <c r="D4720" s="40">
        <v>78.530193000003464</v>
      </c>
      <c r="E4720" s="40">
        <v>20.218988593317309</v>
      </c>
      <c r="F4720" s="40">
        <v>78.516666999999984</v>
      </c>
      <c r="G4720" s="40">
        <v>19.338598693902348</v>
      </c>
      <c r="H4720" s="40">
        <v>78.516667000000012</v>
      </c>
      <c r="I4720" s="40">
        <v>15.64396545459009</v>
      </c>
      <c r="J4720" s="40">
        <v>78.516638333333901</v>
      </c>
      <c r="K4720" s="40">
        <v>12.564345884552825</v>
      </c>
      <c r="L4720" s="40"/>
      <c r="M4720" s="40"/>
      <c r="N4720" s="40"/>
    </row>
    <row r="4721" spans="4:14" x14ac:dyDescent="0.25">
      <c r="D4721" s="40">
        <v>78.546859000003465</v>
      </c>
      <c r="E4721" s="40">
        <v>20.223831771906731</v>
      </c>
      <c r="F4721" s="40">
        <v>78.533332999999999</v>
      </c>
      <c r="G4721" s="40">
        <v>19.338598693902348</v>
      </c>
      <c r="H4721" s="40">
        <v>78.533333999999996</v>
      </c>
      <c r="I4721" s="40">
        <v>15.647219580846853</v>
      </c>
      <c r="J4721" s="40">
        <v>78.533304994048194</v>
      </c>
      <c r="K4721" s="40">
        <v>12.564345884552825</v>
      </c>
      <c r="L4721" s="40"/>
      <c r="M4721" s="40"/>
      <c r="N4721" s="40"/>
    </row>
    <row r="4722" spans="4:14" x14ac:dyDescent="0.25">
      <c r="D4722" s="40">
        <v>78.563525000003466</v>
      </c>
      <c r="E4722" s="40">
        <v>20.223831771906731</v>
      </c>
      <c r="F4722" s="40">
        <v>78.549999999999983</v>
      </c>
      <c r="G4722" s="40">
        <v>19.343214077872247</v>
      </c>
      <c r="H4722" s="40">
        <v>78.550000000000011</v>
      </c>
      <c r="I4722" s="40">
        <v>15.647219580846853</v>
      </c>
      <c r="J4722" s="40">
        <v>78.549971654762501</v>
      </c>
      <c r="K4722" s="40">
        <v>12.564345884552825</v>
      </c>
      <c r="L4722" s="40"/>
      <c r="M4722" s="40"/>
      <c r="N4722" s="40"/>
    </row>
    <row r="4723" spans="4:14" x14ac:dyDescent="0.25">
      <c r="D4723" s="40">
        <v>78.580191000003467</v>
      </c>
      <c r="E4723" s="40">
        <v>20.223831771906731</v>
      </c>
      <c r="F4723" s="40">
        <v>78.566666999999995</v>
      </c>
      <c r="G4723" s="40">
        <v>19.343214077872247</v>
      </c>
      <c r="H4723" s="40">
        <v>78.566666999999995</v>
      </c>
      <c r="I4723" s="40">
        <v>15.650572316990109</v>
      </c>
      <c r="J4723" s="40">
        <v>78.566638315476794</v>
      </c>
      <c r="K4723" s="40">
        <v>12.564345884552825</v>
      </c>
      <c r="L4723" s="40"/>
      <c r="M4723" s="40"/>
      <c r="N4723" s="40"/>
    </row>
    <row r="4724" spans="4:14" x14ac:dyDescent="0.25">
      <c r="D4724" s="40">
        <v>78.596857000003467</v>
      </c>
      <c r="E4724" s="40">
        <v>20.223831771906731</v>
      </c>
      <c r="F4724" s="40">
        <v>78.583332999999982</v>
      </c>
      <c r="G4724" s="40">
        <v>19.343214077872247</v>
      </c>
      <c r="H4724" s="40">
        <v>78.583334000000008</v>
      </c>
      <c r="I4724" s="40">
        <v>15.650572316990109</v>
      </c>
      <c r="J4724" s="40">
        <v>78.583304976191101</v>
      </c>
      <c r="K4724" s="40">
        <v>12.564345884552825</v>
      </c>
      <c r="L4724" s="40"/>
      <c r="M4724" s="40"/>
      <c r="N4724" s="40"/>
    </row>
    <row r="4725" spans="4:14" x14ac:dyDescent="0.25">
      <c r="D4725" s="40">
        <v>78.613523000003468</v>
      </c>
      <c r="E4725" s="40">
        <v>20.223831771906731</v>
      </c>
      <c r="F4725" s="40">
        <v>78.599999999999994</v>
      </c>
      <c r="G4725" s="40">
        <v>19.347969321962346</v>
      </c>
      <c r="H4725" s="40">
        <v>78.599999999999994</v>
      </c>
      <c r="I4725" s="40">
        <v>15.653925053133369</v>
      </c>
      <c r="J4725" s="40">
        <v>78.599971636905295</v>
      </c>
      <c r="K4725" s="40">
        <v>12.564345884552825</v>
      </c>
      <c r="L4725" s="40"/>
      <c r="M4725" s="40"/>
      <c r="N4725" s="40"/>
    </row>
    <row r="4726" spans="4:14" x14ac:dyDescent="0.25">
      <c r="D4726" s="40">
        <v>78.630189000003469</v>
      </c>
      <c r="E4726" s="40">
        <v>20.228674950496281</v>
      </c>
      <c r="F4726" s="40">
        <v>78.616667000000007</v>
      </c>
      <c r="G4726" s="40">
        <v>19.347969321962346</v>
      </c>
      <c r="H4726" s="40">
        <v>78.616667000000007</v>
      </c>
      <c r="I4726" s="40">
        <v>15.653925053133369</v>
      </c>
      <c r="J4726" s="40">
        <v>78.616638297619602</v>
      </c>
      <c r="K4726" s="40">
        <v>12.564345884552825</v>
      </c>
      <c r="L4726" s="40"/>
      <c r="M4726" s="40"/>
      <c r="N4726" s="40"/>
    </row>
    <row r="4727" spans="4:14" x14ac:dyDescent="0.25">
      <c r="D4727" s="40">
        <v>78.64685500000347</v>
      </c>
      <c r="E4727" s="40">
        <v>20.228674950496281</v>
      </c>
      <c r="F4727" s="40">
        <v>78.633332999999993</v>
      </c>
      <c r="G4727" s="40">
        <v>19.352724566052565</v>
      </c>
      <c r="H4727" s="40">
        <v>78.633334000000019</v>
      </c>
      <c r="I4727" s="40">
        <v>15.657179179390132</v>
      </c>
      <c r="J4727" s="40">
        <v>78.633304958333895</v>
      </c>
      <c r="K4727" s="40">
        <v>12.564345884552825</v>
      </c>
      <c r="L4727" s="40"/>
      <c r="M4727" s="40"/>
      <c r="N4727" s="40"/>
    </row>
    <row r="4728" spans="4:14" x14ac:dyDescent="0.25">
      <c r="D4728" s="40">
        <v>78.66352100000347</v>
      </c>
      <c r="E4728" s="40">
        <v>20.228674950496281</v>
      </c>
      <c r="F4728" s="40">
        <v>78.650000000000006</v>
      </c>
      <c r="G4728" s="40">
        <v>19.352724566052565</v>
      </c>
      <c r="H4728" s="40">
        <v>78.650000000000006</v>
      </c>
      <c r="I4728" s="40">
        <v>15.660531915533564</v>
      </c>
      <c r="J4728" s="40">
        <v>78.649971619048202</v>
      </c>
      <c r="K4728" s="40">
        <v>12.564345884552825</v>
      </c>
      <c r="L4728" s="40"/>
      <c r="M4728" s="40"/>
      <c r="N4728" s="40"/>
    </row>
    <row r="4729" spans="4:14" x14ac:dyDescent="0.25">
      <c r="D4729" s="40">
        <v>78.680187000003471</v>
      </c>
      <c r="E4729" s="40">
        <v>20.233375682656703</v>
      </c>
      <c r="F4729" s="40">
        <v>78.66666699999999</v>
      </c>
      <c r="G4729" s="40">
        <v>19.357339950022464</v>
      </c>
      <c r="H4729" s="40">
        <v>78.666667000000018</v>
      </c>
      <c r="I4729" s="40">
        <v>15.660531915533564</v>
      </c>
      <c r="J4729" s="40">
        <v>78.666638279762495</v>
      </c>
      <c r="K4729" s="40">
        <v>12.564345884552825</v>
      </c>
      <c r="L4729" s="40"/>
      <c r="M4729" s="40"/>
      <c r="N4729" s="40"/>
    </row>
    <row r="4730" spans="4:14" x14ac:dyDescent="0.25">
      <c r="D4730" s="40">
        <v>78.696853000003472</v>
      </c>
      <c r="E4730" s="40">
        <v>20.233375682656703</v>
      </c>
      <c r="F4730" s="40">
        <v>78.683333000000005</v>
      </c>
      <c r="G4730" s="40">
        <v>19.357339950022464</v>
      </c>
      <c r="H4730" s="40">
        <v>78.683334000000002</v>
      </c>
      <c r="I4730" s="40">
        <v>15.66388465167682</v>
      </c>
      <c r="J4730" s="40">
        <v>78.683304940476802</v>
      </c>
      <c r="K4730" s="40">
        <v>12.564345884552825</v>
      </c>
      <c r="L4730" s="40"/>
      <c r="M4730" s="40"/>
      <c r="N4730" s="40"/>
    </row>
    <row r="4731" spans="4:14" x14ac:dyDescent="0.25">
      <c r="D4731" s="40">
        <v>78.713519000003473</v>
      </c>
      <c r="E4731" s="40">
        <v>20.233375682656703</v>
      </c>
      <c r="F4731" s="40">
        <v>78.699999999999989</v>
      </c>
      <c r="G4731" s="40">
        <v>19.362095194112559</v>
      </c>
      <c r="H4731" s="40">
        <v>78.700000000000017</v>
      </c>
      <c r="I4731" s="40">
        <v>15.66388465167682</v>
      </c>
      <c r="J4731" s="40">
        <v>78.699971601191095</v>
      </c>
      <c r="K4731" s="40">
        <v>12.564345884552825</v>
      </c>
      <c r="L4731" s="40"/>
      <c r="M4731" s="40"/>
      <c r="N4731" s="40"/>
    </row>
    <row r="4732" spans="4:14" x14ac:dyDescent="0.25">
      <c r="D4732" s="40">
        <v>78.730185000003473</v>
      </c>
      <c r="E4732" s="40">
        <v>20.233375682656703</v>
      </c>
      <c r="F4732" s="40">
        <v>78.716667000000001</v>
      </c>
      <c r="G4732" s="40">
        <v>19.362095194112559</v>
      </c>
      <c r="H4732" s="40">
        <v>78.716667000000001</v>
      </c>
      <c r="I4732" s="40">
        <v>15.667138777933582</v>
      </c>
      <c r="J4732" s="40">
        <v>78.716638261905402</v>
      </c>
      <c r="K4732" s="40">
        <v>12.569054250505884</v>
      </c>
      <c r="L4732" s="40"/>
      <c r="M4732" s="40"/>
      <c r="N4732" s="40"/>
    </row>
    <row r="4733" spans="4:14" x14ac:dyDescent="0.25">
      <c r="D4733" s="40">
        <v>78.746851000003474</v>
      </c>
      <c r="E4733" s="40">
        <v>20.233375682656703</v>
      </c>
      <c r="F4733" s="40">
        <v>78.733332999999988</v>
      </c>
      <c r="G4733" s="40">
        <v>19.362095194112559</v>
      </c>
      <c r="H4733" s="40">
        <v>78.733334000000013</v>
      </c>
      <c r="I4733" s="40">
        <v>15.670491514076842</v>
      </c>
      <c r="J4733" s="40">
        <v>78.733304922619595</v>
      </c>
      <c r="K4733" s="40">
        <v>12.569054250505884</v>
      </c>
      <c r="L4733" s="40"/>
      <c r="M4733" s="40"/>
      <c r="N4733" s="40"/>
    </row>
    <row r="4734" spans="4:14" x14ac:dyDescent="0.25">
      <c r="D4734" s="40">
        <v>78.763517000003475</v>
      </c>
      <c r="E4734" s="40">
        <v>20.238218861246125</v>
      </c>
      <c r="F4734" s="40">
        <v>78.75</v>
      </c>
      <c r="G4734" s="40">
        <v>19.366850438202778</v>
      </c>
      <c r="H4734" s="40">
        <v>78.75</v>
      </c>
      <c r="I4734" s="40">
        <v>15.670491514076842</v>
      </c>
      <c r="J4734" s="40">
        <v>78.749971583333902</v>
      </c>
      <c r="K4734" s="40">
        <v>12.573905294215118</v>
      </c>
      <c r="L4734" s="40"/>
      <c r="M4734" s="40"/>
      <c r="N4734" s="40"/>
    </row>
    <row r="4735" spans="4:14" x14ac:dyDescent="0.25">
      <c r="D4735" s="40">
        <v>78.780183000003476</v>
      </c>
      <c r="E4735" s="40">
        <v>20.238218861246125</v>
      </c>
      <c r="F4735" s="40">
        <v>78.766666999999984</v>
      </c>
      <c r="G4735" s="40">
        <v>19.366850438202778</v>
      </c>
      <c r="H4735" s="40">
        <v>78.766667000000012</v>
      </c>
      <c r="I4735" s="40">
        <v>15.673844250220098</v>
      </c>
      <c r="J4735" s="40">
        <v>78.766638244048195</v>
      </c>
      <c r="K4735" s="40">
        <v>12.573905294215118</v>
      </c>
      <c r="L4735" s="40"/>
      <c r="M4735" s="40"/>
      <c r="N4735" s="40"/>
    </row>
    <row r="4736" spans="4:14" x14ac:dyDescent="0.25">
      <c r="D4736" s="40">
        <v>78.796849000003476</v>
      </c>
      <c r="E4736" s="40">
        <v>20.238218861246125</v>
      </c>
      <c r="F4736" s="40">
        <v>78.783332999999999</v>
      </c>
      <c r="G4736" s="40">
        <v>19.371605682292998</v>
      </c>
      <c r="H4736" s="40">
        <v>78.783333999999996</v>
      </c>
      <c r="I4736" s="40">
        <v>15.673844250220098</v>
      </c>
      <c r="J4736" s="40">
        <v>78.783304904762502</v>
      </c>
      <c r="K4736" s="40">
        <v>12.573905294215118</v>
      </c>
      <c r="L4736" s="40"/>
      <c r="M4736" s="40"/>
      <c r="N4736" s="40"/>
    </row>
    <row r="4737" spans="4:14" x14ac:dyDescent="0.25">
      <c r="D4737" s="40">
        <v>78.813515000003477</v>
      </c>
      <c r="E4737" s="40">
        <v>20.243062039835674</v>
      </c>
      <c r="F4737" s="40">
        <v>78.799999999999983</v>
      </c>
      <c r="G4737" s="40">
        <v>19.371605682292998</v>
      </c>
      <c r="H4737" s="40">
        <v>78.800000000000011</v>
      </c>
      <c r="I4737" s="40">
        <v>15.677098376476861</v>
      </c>
      <c r="J4737" s="40">
        <v>78.799971565476795</v>
      </c>
      <c r="K4737" s="40">
        <v>12.573905294215118</v>
      </c>
      <c r="L4737" s="40"/>
      <c r="M4737" s="40"/>
      <c r="N4737" s="40"/>
    </row>
    <row r="4738" spans="4:14" x14ac:dyDescent="0.25">
      <c r="D4738" s="40">
        <v>78.830181000003478</v>
      </c>
      <c r="E4738" s="40">
        <v>20.243062039835674</v>
      </c>
      <c r="F4738" s="40">
        <v>78.816666999999995</v>
      </c>
      <c r="G4738" s="40">
        <v>19.376221066262897</v>
      </c>
      <c r="H4738" s="40">
        <v>78.816666999999995</v>
      </c>
      <c r="I4738" s="40">
        <v>15.677098376476861</v>
      </c>
      <c r="J4738" s="40">
        <v>78.816638226191102</v>
      </c>
      <c r="K4738" s="40">
        <v>12.573905294215118</v>
      </c>
      <c r="L4738" s="40"/>
      <c r="M4738" s="40"/>
      <c r="N4738" s="40"/>
    </row>
    <row r="4739" spans="4:14" x14ac:dyDescent="0.25">
      <c r="D4739" s="40">
        <v>78.846847000003478</v>
      </c>
      <c r="E4739" s="40">
        <v>20.243062039835674</v>
      </c>
      <c r="F4739" s="40">
        <v>78.833332999999982</v>
      </c>
      <c r="G4739" s="40">
        <v>19.376221066262897</v>
      </c>
      <c r="H4739" s="40">
        <v>78.833334000000008</v>
      </c>
      <c r="I4739" s="40">
        <v>15.680451112620293</v>
      </c>
      <c r="J4739" s="40">
        <v>78.833304886905296</v>
      </c>
      <c r="K4739" s="40">
        <v>12.578756337924224</v>
      </c>
      <c r="L4739" s="40"/>
      <c r="M4739" s="40"/>
      <c r="N4739" s="40"/>
    </row>
    <row r="4740" spans="4:14" x14ac:dyDescent="0.25">
      <c r="D4740" s="40">
        <v>78.863513000003479</v>
      </c>
      <c r="E4740" s="40">
        <v>20.247762771996101</v>
      </c>
      <c r="F4740" s="40">
        <v>78.849999999999994</v>
      </c>
      <c r="G4740" s="40">
        <v>19.380976310352992</v>
      </c>
      <c r="H4740" s="40">
        <v>78.849999999999994</v>
      </c>
      <c r="I4740" s="40">
        <v>15.680451112620293</v>
      </c>
      <c r="J4740" s="40">
        <v>78.849971547619603</v>
      </c>
      <c r="K4740" s="40">
        <v>12.578756337924224</v>
      </c>
      <c r="L4740" s="40"/>
      <c r="M4740" s="40"/>
      <c r="N4740" s="40"/>
    </row>
    <row r="4741" spans="4:14" x14ac:dyDescent="0.25">
      <c r="D4741" s="40">
        <v>78.88017900000348</v>
      </c>
      <c r="E4741" s="40">
        <v>20.247762771996101</v>
      </c>
      <c r="F4741" s="40">
        <v>78.866667000000007</v>
      </c>
      <c r="G4741" s="40">
        <v>19.380976310352992</v>
      </c>
      <c r="H4741" s="40">
        <v>78.866667000000007</v>
      </c>
      <c r="I4741" s="40">
        <v>15.683803848763549</v>
      </c>
      <c r="J4741" s="40">
        <v>78.866638208333896</v>
      </c>
      <c r="K4741" s="40">
        <v>12.578756337924224</v>
      </c>
      <c r="L4741" s="40"/>
      <c r="M4741" s="40"/>
      <c r="N4741" s="40"/>
    </row>
    <row r="4742" spans="4:14" x14ac:dyDescent="0.25">
      <c r="D4742" s="40">
        <v>78.896845000003481</v>
      </c>
      <c r="E4742" s="40">
        <v>20.247762771996101</v>
      </c>
      <c r="F4742" s="40">
        <v>78.883332999999993</v>
      </c>
      <c r="G4742" s="40">
        <v>19.380976310352992</v>
      </c>
      <c r="H4742" s="40">
        <v>78.883334000000019</v>
      </c>
      <c r="I4742" s="40">
        <v>15.683803848763549</v>
      </c>
      <c r="J4742" s="40">
        <v>78.883304869048203</v>
      </c>
      <c r="K4742" s="40">
        <v>12.578756337924224</v>
      </c>
      <c r="L4742" s="40"/>
      <c r="M4742" s="40"/>
      <c r="N4742" s="40"/>
    </row>
    <row r="4743" spans="4:14" x14ac:dyDescent="0.25">
      <c r="D4743" s="40">
        <v>78.913511000003481</v>
      </c>
      <c r="E4743" s="40">
        <v>20.252605950585522</v>
      </c>
      <c r="F4743" s="40">
        <v>78.900000000000006</v>
      </c>
      <c r="G4743" s="40">
        <v>19.385731554443211</v>
      </c>
      <c r="H4743" s="40">
        <v>78.900000000000006</v>
      </c>
      <c r="I4743" s="40">
        <v>15.687057975020311</v>
      </c>
      <c r="J4743" s="40">
        <v>78.899971529762496</v>
      </c>
      <c r="K4743" s="40">
        <v>12.578756337924224</v>
      </c>
      <c r="L4743" s="40"/>
      <c r="M4743" s="40"/>
      <c r="N4743" s="40"/>
    </row>
    <row r="4744" spans="4:14" x14ac:dyDescent="0.25">
      <c r="D4744" s="40">
        <v>78.930177000003482</v>
      </c>
      <c r="E4744" s="40">
        <v>20.252605950585522</v>
      </c>
      <c r="F4744" s="40">
        <v>78.91666699999999</v>
      </c>
      <c r="G4744" s="40">
        <v>19.385731554443211</v>
      </c>
      <c r="H4744" s="40">
        <v>78.916667000000018</v>
      </c>
      <c r="I4744" s="40">
        <v>15.690410711163571</v>
      </c>
      <c r="J4744" s="40">
        <v>78.916638190476803</v>
      </c>
      <c r="K4744" s="40">
        <v>12.578756337924224</v>
      </c>
      <c r="L4744" s="40"/>
      <c r="M4744" s="40"/>
      <c r="N4744" s="40"/>
    </row>
    <row r="4745" spans="4:14" x14ac:dyDescent="0.25">
      <c r="D4745" s="40">
        <v>78.946843000003483</v>
      </c>
      <c r="E4745" s="40">
        <v>20.252605950585522</v>
      </c>
      <c r="F4745" s="40">
        <v>78.933333000000005</v>
      </c>
      <c r="G4745" s="40">
        <v>19.385731554443211</v>
      </c>
      <c r="H4745" s="40">
        <v>78.933334000000002</v>
      </c>
      <c r="I4745" s="40">
        <v>15.693763447307003</v>
      </c>
      <c r="J4745" s="40">
        <v>78.933304851191096</v>
      </c>
      <c r="K4745" s="40">
        <v>12.583464703877281</v>
      </c>
      <c r="L4745" s="40"/>
      <c r="M4745" s="40"/>
      <c r="N4745" s="40"/>
    </row>
    <row r="4746" spans="4:14" x14ac:dyDescent="0.25">
      <c r="D4746" s="40">
        <v>78.963509000003484</v>
      </c>
      <c r="E4746" s="40">
        <v>20.252605950585522</v>
      </c>
      <c r="F4746" s="40">
        <v>78.949999999999989</v>
      </c>
      <c r="G4746" s="40">
        <v>19.385731554443211</v>
      </c>
      <c r="H4746" s="40">
        <v>78.950000000000017</v>
      </c>
      <c r="I4746" s="40">
        <v>15.693763447307003</v>
      </c>
      <c r="J4746" s="40">
        <v>78.949971511905403</v>
      </c>
      <c r="K4746" s="40">
        <v>12.583464703877281</v>
      </c>
      <c r="L4746" s="40"/>
      <c r="M4746" s="40"/>
      <c r="N4746" s="40"/>
    </row>
    <row r="4747" spans="4:14" x14ac:dyDescent="0.25">
      <c r="D4747" s="40">
        <v>78.980175000003484</v>
      </c>
      <c r="E4747" s="40">
        <v>20.257449129175072</v>
      </c>
      <c r="F4747" s="40">
        <v>78.966667000000001</v>
      </c>
      <c r="G4747" s="40">
        <v>19.39034693841311</v>
      </c>
      <c r="H4747" s="40">
        <v>78.966667000000001</v>
      </c>
      <c r="I4747" s="40">
        <v>15.69701757356359</v>
      </c>
      <c r="J4747" s="40">
        <v>78.966638172619597</v>
      </c>
      <c r="K4747" s="40">
        <v>12.583464703877281</v>
      </c>
      <c r="L4747" s="40"/>
      <c r="M4747" s="40"/>
      <c r="N4747" s="40"/>
    </row>
    <row r="4748" spans="4:14" x14ac:dyDescent="0.25">
      <c r="D4748" s="40">
        <v>78.996841000003485</v>
      </c>
      <c r="E4748" s="40">
        <v>20.257449129175072</v>
      </c>
      <c r="F4748" s="40">
        <v>78.983332999999988</v>
      </c>
      <c r="G4748" s="40">
        <v>19.39034693841311</v>
      </c>
      <c r="H4748" s="40">
        <v>78.983334000000013</v>
      </c>
      <c r="I4748" s="40">
        <v>15.700370309707022</v>
      </c>
      <c r="J4748" s="40">
        <v>78.983304833333904</v>
      </c>
      <c r="K4748" s="40">
        <v>12.588315747586515</v>
      </c>
      <c r="L4748" s="40"/>
      <c r="M4748" s="40"/>
      <c r="N4748" s="40"/>
    </row>
    <row r="4749" spans="4:14" x14ac:dyDescent="0.25">
      <c r="D4749" s="40">
        <v>79.013507000003486</v>
      </c>
      <c r="E4749" s="40">
        <v>20.257449129175072</v>
      </c>
      <c r="F4749" s="40">
        <v>79</v>
      </c>
      <c r="G4749" s="40">
        <v>19.39034693841311</v>
      </c>
      <c r="H4749" s="40">
        <v>79</v>
      </c>
      <c r="I4749" s="40">
        <v>15.700370309707022</v>
      </c>
      <c r="J4749" s="40">
        <v>78.999971494048197</v>
      </c>
      <c r="K4749" s="40">
        <v>12.588315747586515</v>
      </c>
      <c r="L4749" s="40"/>
      <c r="M4749" s="40"/>
      <c r="N4749" s="40"/>
    </row>
    <row r="4750" spans="4:14" x14ac:dyDescent="0.25">
      <c r="D4750" s="40">
        <v>79.030173000003487</v>
      </c>
      <c r="E4750" s="40">
        <v>20.257449129175072</v>
      </c>
      <c r="F4750" s="40">
        <v>79.016666999999984</v>
      </c>
      <c r="G4750" s="40">
        <v>19.39034693841311</v>
      </c>
      <c r="H4750" s="40">
        <v>79.016667000000012</v>
      </c>
      <c r="I4750" s="40">
        <v>15.703723045850282</v>
      </c>
      <c r="J4750" s="40">
        <v>79.016638154762504</v>
      </c>
      <c r="K4750" s="40">
        <v>12.593166791295621</v>
      </c>
      <c r="L4750" s="40"/>
      <c r="M4750" s="40"/>
      <c r="N4750" s="40"/>
    </row>
    <row r="4751" spans="4:14" x14ac:dyDescent="0.25">
      <c r="D4751" s="40">
        <v>79.046839000003487</v>
      </c>
      <c r="E4751" s="40">
        <v>20.262149861335494</v>
      </c>
      <c r="F4751" s="40">
        <v>79.033332999999999</v>
      </c>
      <c r="G4751" s="40">
        <v>19.39034693841311</v>
      </c>
      <c r="H4751" s="40">
        <v>79.033333999999996</v>
      </c>
      <c r="I4751" s="40">
        <v>15.706977172107043</v>
      </c>
      <c r="J4751" s="40">
        <v>79.033304815476797</v>
      </c>
      <c r="K4751" s="40">
        <v>12.593166791295621</v>
      </c>
      <c r="L4751" s="40"/>
      <c r="M4751" s="40"/>
      <c r="N4751" s="40"/>
    </row>
    <row r="4752" spans="4:14" x14ac:dyDescent="0.25">
      <c r="D4752" s="40">
        <v>79.063505000003488</v>
      </c>
      <c r="E4752" s="40">
        <v>20.262149861335494</v>
      </c>
      <c r="F4752" s="40">
        <v>79.049999999999983</v>
      </c>
      <c r="G4752" s="40">
        <v>19.39034693841311</v>
      </c>
      <c r="H4752" s="40">
        <v>79.050000000000011</v>
      </c>
      <c r="I4752" s="40">
        <v>15.706977172107043</v>
      </c>
      <c r="J4752" s="40">
        <v>79.049971476191104</v>
      </c>
      <c r="K4752" s="40">
        <v>12.593166791295621</v>
      </c>
      <c r="L4752" s="40"/>
      <c r="M4752" s="40"/>
      <c r="N4752" s="40"/>
    </row>
    <row r="4753" spans="4:14" x14ac:dyDescent="0.25">
      <c r="D4753" s="40">
        <v>79.080171000003489</v>
      </c>
      <c r="E4753" s="40">
        <v>20.262149861335494</v>
      </c>
      <c r="F4753" s="40">
        <v>79.066666999999995</v>
      </c>
      <c r="G4753" s="40">
        <v>19.395102182503209</v>
      </c>
      <c r="H4753" s="40">
        <v>79.066666999999995</v>
      </c>
      <c r="I4753" s="40">
        <v>15.7103299082503</v>
      </c>
      <c r="J4753" s="40">
        <v>79.066638136905297</v>
      </c>
      <c r="K4753" s="40">
        <v>12.593166791295621</v>
      </c>
      <c r="L4753" s="40"/>
      <c r="M4753" s="40"/>
      <c r="N4753" s="40"/>
    </row>
    <row r="4754" spans="4:14" x14ac:dyDescent="0.25">
      <c r="D4754" s="40">
        <v>79.096837000003489</v>
      </c>
      <c r="E4754" s="40">
        <v>20.262149861335494</v>
      </c>
      <c r="F4754" s="40">
        <v>79.083332999999982</v>
      </c>
      <c r="G4754" s="40">
        <v>19.395102182503209</v>
      </c>
      <c r="H4754" s="40">
        <v>79.083334000000008</v>
      </c>
      <c r="I4754" s="40">
        <v>15.7103299082503</v>
      </c>
      <c r="J4754" s="40">
        <v>79.083304797619604</v>
      </c>
      <c r="K4754" s="40">
        <v>12.593166791295621</v>
      </c>
      <c r="L4754" s="40"/>
      <c r="M4754" s="40"/>
      <c r="N4754" s="40"/>
    </row>
    <row r="4755" spans="4:14" x14ac:dyDescent="0.25">
      <c r="D4755" s="40">
        <v>79.11350300000349</v>
      </c>
      <c r="E4755" s="40">
        <v>20.262149861335494</v>
      </c>
      <c r="F4755" s="40">
        <v>79.099999999999994</v>
      </c>
      <c r="G4755" s="40">
        <v>19.395102182503209</v>
      </c>
      <c r="H4755" s="40">
        <v>79.099999999999994</v>
      </c>
      <c r="I4755" s="40">
        <v>15.713682644393732</v>
      </c>
      <c r="J4755" s="40">
        <v>79.099971458333897</v>
      </c>
      <c r="K4755" s="40">
        <v>12.593166791295621</v>
      </c>
      <c r="L4755" s="40"/>
      <c r="M4755" s="40"/>
      <c r="N4755" s="40"/>
    </row>
    <row r="4756" spans="4:14" x14ac:dyDescent="0.25">
      <c r="D4756" s="40">
        <v>79.130169000003491</v>
      </c>
      <c r="E4756" s="40">
        <v>20.262149861335494</v>
      </c>
      <c r="F4756" s="40">
        <v>79.116667000000007</v>
      </c>
      <c r="G4756" s="40">
        <v>19.395102182503209</v>
      </c>
      <c r="H4756" s="40">
        <v>79.116667000000007</v>
      </c>
      <c r="I4756" s="40">
        <v>15.713682644393732</v>
      </c>
      <c r="J4756" s="40">
        <v>79.116638119048204</v>
      </c>
      <c r="K4756" s="40">
        <v>12.593166791295621</v>
      </c>
      <c r="L4756" s="40"/>
      <c r="M4756" s="40"/>
      <c r="N4756" s="40"/>
    </row>
    <row r="4757" spans="4:14" x14ac:dyDescent="0.25">
      <c r="D4757" s="40">
        <v>79.146835000003492</v>
      </c>
      <c r="E4757" s="40">
        <v>20.262149861335494</v>
      </c>
      <c r="F4757" s="40">
        <v>79.133332999999993</v>
      </c>
      <c r="G4757" s="40">
        <v>19.399857426593428</v>
      </c>
      <c r="H4757" s="40">
        <v>79.133334000000019</v>
      </c>
      <c r="I4757" s="40">
        <v>15.716936770650495</v>
      </c>
      <c r="J4757" s="40">
        <v>79.133304779762497</v>
      </c>
      <c r="K4757" s="40">
        <v>12.588315747586515</v>
      </c>
      <c r="L4757" s="40"/>
      <c r="M4757" s="40"/>
      <c r="N4757" s="40"/>
    </row>
    <row r="4758" spans="4:14" x14ac:dyDescent="0.25">
      <c r="D4758" s="40">
        <v>79.163501000003492</v>
      </c>
      <c r="E4758" s="40">
        <v>20.262149861335494</v>
      </c>
      <c r="F4758" s="40">
        <v>79.150000000000006</v>
      </c>
      <c r="G4758" s="40">
        <v>19.399857426593428</v>
      </c>
      <c r="H4758" s="40">
        <v>79.150000000000006</v>
      </c>
      <c r="I4758" s="40">
        <v>15.720289506793751</v>
      </c>
      <c r="J4758" s="40">
        <v>79.149971440476804</v>
      </c>
      <c r="K4758" s="40">
        <v>12.588315747586515</v>
      </c>
      <c r="L4758" s="40"/>
      <c r="M4758" s="40"/>
      <c r="N4758" s="40"/>
    </row>
    <row r="4759" spans="4:14" x14ac:dyDescent="0.25">
      <c r="D4759" s="40">
        <v>79.180167000003493</v>
      </c>
      <c r="E4759" s="40">
        <v>20.262149861335494</v>
      </c>
      <c r="F4759" s="40">
        <v>79.16666699999999</v>
      </c>
      <c r="G4759" s="40">
        <v>19.399857426593428</v>
      </c>
      <c r="H4759" s="40">
        <v>79.166667000000018</v>
      </c>
      <c r="I4759" s="40">
        <v>15.720289506793751</v>
      </c>
      <c r="J4759" s="40">
        <v>79.166638101191097</v>
      </c>
      <c r="K4759" s="40">
        <v>12.583464703877281</v>
      </c>
      <c r="L4759" s="40"/>
      <c r="M4759" s="40"/>
      <c r="N4759" s="40"/>
    </row>
    <row r="4760" spans="4:14" x14ac:dyDescent="0.25">
      <c r="D4760" s="40">
        <v>79.196833000003494</v>
      </c>
      <c r="E4760" s="40">
        <v>20.262149861335494</v>
      </c>
      <c r="F4760" s="40">
        <v>79.183333000000005</v>
      </c>
      <c r="G4760" s="40">
        <v>19.399857426593428</v>
      </c>
      <c r="H4760" s="40">
        <v>79.183334000000002</v>
      </c>
      <c r="I4760" s="40">
        <v>15.723642242937011</v>
      </c>
      <c r="J4760" s="40">
        <v>79.183304761905404</v>
      </c>
      <c r="K4760" s="40">
        <v>12.583464703877281</v>
      </c>
      <c r="L4760" s="40"/>
      <c r="M4760" s="40"/>
      <c r="N4760" s="40"/>
    </row>
    <row r="4761" spans="4:14" x14ac:dyDescent="0.25">
      <c r="D4761" s="40">
        <v>79.213499000003495</v>
      </c>
      <c r="E4761" s="40">
        <v>20.262149861335494</v>
      </c>
      <c r="F4761" s="40">
        <v>79.199999999999989</v>
      </c>
      <c r="G4761" s="40">
        <v>19.404472810563327</v>
      </c>
      <c r="H4761" s="40">
        <v>79.200000000000017</v>
      </c>
      <c r="I4761" s="40">
        <v>15.723642242937011</v>
      </c>
      <c r="J4761" s="40">
        <v>79.199971422619598</v>
      </c>
      <c r="K4761" s="40">
        <v>12.583464703877281</v>
      </c>
      <c r="L4761" s="40"/>
      <c r="M4761" s="40"/>
      <c r="N4761" s="40"/>
    </row>
    <row r="4762" spans="4:14" x14ac:dyDescent="0.25">
      <c r="D4762" s="40">
        <v>79.230165000003495</v>
      </c>
      <c r="E4762" s="40">
        <v>20.262149861335494</v>
      </c>
      <c r="F4762" s="40">
        <v>79.216667000000001</v>
      </c>
      <c r="G4762" s="40">
        <v>19.404472810563327</v>
      </c>
      <c r="H4762" s="40">
        <v>79.216667000000001</v>
      </c>
      <c r="I4762" s="40">
        <v>15.726994979080443</v>
      </c>
      <c r="J4762" s="40">
        <v>79.216638083333905</v>
      </c>
      <c r="K4762" s="40">
        <v>12.583464703877281</v>
      </c>
      <c r="L4762" s="40"/>
      <c r="M4762" s="40"/>
      <c r="N4762" s="40"/>
    </row>
    <row r="4763" spans="4:14" x14ac:dyDescent="0.25">
      <c r="D4763" s="40">
        <v>79.246831000003496</v>
      </c>
      <c r="E4763" s="40">
        <v>20.262149861335494</v>
      </c>
      <c r="F4763" s="40">
        <v>79.233332999999988</v>
      </c>
      <c r="G4763" s="40">
        <v>19.404472810563327</v>
      </c>
      <c r="H4763" s="40">
        <v>79.233334000000013</v>
      </c>
      <c r="I4763" s="40">
        <v>15.730249105337029</v>
      </c>
      <c r="J4763" s="40">
        <v>79.233304744048198</v>
      </c>
      <c r="K4763" s="40">
        <v>12.583464703877281</v>
      </c>
      <c r="L4763" s="40"/>
      <c r="M4763" s="40"/>
      <c r="N4763" s="40"/>
    </row>
    <row r="4764" spans="4:14" x14ac:dyDescent="0.25">
      <c r="D4764" s="40">
        <v>79.263497000003497</v>
      </c>
      <c r="E4764" s="40">
        <v>20.262149861335494</v>
      </c>
      <c r="F4764" s="40">
        <v>79.25</v>
      </c>
      <c r="G4764" s="40">
        <v>19.409228054653422</v>
      </c>
      <c r="H4764" s="40">
        <v>79.25</v>
      </c>
      <c r="I4764" s="40">
        <v>15.733601841480462</v>
      </c>
      <c r="J4764" s="40">
        <v>79.249971404762505</v>
      </c>
      <c r="K4764" s="40">
        <v>12.588315747586515</v>
      </c>
      <c r="L4764" s="40"/>
      <c r="M4764" s="40"/>
      <c r="N4764" s="40"/>
    </row>
    <row r="4765" spans="4:14" x14ac:dyDescent="0.25">
      <c r="D4765" s="40">
        <v>79.280163000003498</v>
      </c>
      <c r="E4765" s="40">
        <v>20.262149861335494</v>
      </c>
      <c r="F4765" s="40">
        <v>79.266666999999984</v>
      </c>
      <c r="G4765" s="40">
        <v>19.409228054653422</v>
      </c>
      <c r="H4765" s="40">
        <v>79.266667000000012</v>
      </c>
      <c r="I4765" s="40">
        <v>15.733601841480462</v>
      </c>
      <c r="J4765" s="40">
        <v>79.266638065476798</v>
      </c>
      <c r="K4765" s="40">
        <v>12.588315747586515</v>
      </c>
      <c r="L4765" s="40"/>
      <c r="M4765" s="40"/>
      <c r="N4765" s="40"/>
    </row>
    <row r="4766" spans="4:14" x14ac:dyDescent="0.25">
      <c r="D4766" s="40">
        <v>79.296829000003498</v>
      </c>
      <c r="E4766" s="40">
        <v>20.257449129175072</v>
      </c>
      <c r="F4766" s="40">
        <v>79.283332999999999</v>
      </c>
      <c r="G4766" s="40">
        <v>19.409228054653422</v>
      </c>
      <c r="H4766" s="40">
        <v>79.283333999999996</v>
      </c>
      <c r="I4766" s="40">
        <v>15.73695457762372</v>
      </c>
      <c r="J4766" s="40">
        <v>79.283304726191105</v>
      </c>
      <c r="K4766" s="40">
        <v>12.588315747586515</v>
      </c>
      <c r="L4766" s="40"/>
      <c r="M4766" s="40"/>
      <c r="N4766" s="40"/>
    </row>
    <row r="4767" spans="4:14" x14ac:dyDescent="0.25">
      <c r="D4767" s="40">
        <v>79.313495000003499</v>
      </c>
      <c r="E4767" s="40">
        <v>20.257449129175072</v>
      </c>
      <c r="F4767" s="40">
        <v>79.299999999999983</v>
      </c>
      <c r="G4767" s="40">
        <v>19.413983298743641</v>
      </c>
      <c r="H4767" s="40">
        <v>79.300000000000011</v>
      </c>
      <c r="I4767" s="40">
        <v>15.740208703880484</v>
      </c>
      <c r="J4767" s="40">
        <v>79.299971386905298</v>
      </c>
      <c r="K4767" s="40">
        <v>12.593166791295621</v>
      </c>
      <c r="L4767" s="40"/>
      <c r="M4767" s="40"/>
      <c r="N4767" s="40"/>
    </row>
    <row r="4768" spans="4:14" x14ac:dyDescent="0.25">
      <c r="D4768" s="40">
        <v>79.3301610000035</v>
      </c>
      <c r="E4768" s="40">
        <v>20.257449129175072</v>
      </c>
      <c r="F4768" s="40">
        <v>79.316666999999995</v>
      </c>
      <c r="G4768" s="40">
        <v>19.413983298743641</v>
      </c>
      <c r="H4768" s="40">
        <v>79.316666999999995</v>
      </c>
      <c r="I4768" s="40">
        <v>15.740208703880484</v>
      </c>
      <c r="J4768" s="40">
        <v>79.316638047619605</v>
      </c>
      <c r="K4768" s="40">
        <v>12.593166791295621</v>
      </c>
      <c r="L4768" s="40"/>
      <c r="M4768" s="40"/>
      <c r="N4768" s="40"/>
    </row>
    <row r="4769" spans="4:14" x14ac:dyDescent="0.25">
      <c r="D4769" s="40">
        <v>79.346827000003501</v>
      </c>
      <c r="E4769" s="40">
        <v>20.257449129175072</v>
      </c>
      <c r="F4769" s="40">
        <v>79.333332999999982</v>
      </c>
      <c r="G4769" s="40">
        <v>19.41859868271354</v>
      </c>
      <c r="H4769" s="40">
        <v>79.333334000000008</v>
      </c>
      <c r="I4769" s="40">
        <v>15.74356144002374</v>
      </c>
      <c r="J4769" s="40">
        <v>79.333304708333898</v>
      </c>
      <c r="K4769" s="40">
        <v>12.59787515724868</v>
      </c>
      <c r="L4769" s="40"/>
      <c r="M4769" s="40"/>
      <c r="N4769" s="40"/>
    </row>
    <row r="4770" spans="4:14" x14ac:dyDescent="0.25">
      <c r="D4770" s="40">
        <v>79.363493000003501</v>
      </c>
      <c r="E4770" s="40">
        <v>20.257449129175072</v>
      </c>
      <c r="F4770" s="40">
        <v>79.349999999999994</v>
      </c>
      <c r="G4770" s="40">
        <v>19.41859868271354</v>
      </c>
      <c r="H4770" s="40">
        <v>79.349999999999994</v>
      </c>
      <c r="I4770" s="40">
        <v>15.74356144002374</v>
      </c>
      <c r="J4770" s="40">
        <v>79.349971369048205</v>
      </c>
      <c r="K4770" s="40">
        <v>12.59787515724868</v>
      </c>
      <c r="L4770" s="40"/>
      <c r="M4770" s="40"/>
      <c r="N4770" s="40"/>
    </row>
    <row r="4771" spans="4:14" x14ac:dyDescent="0.25">
      <c r="D4771" s="40">
        <v>79.380159000003502</v>
      </c>
      <c r="E4771" s="40">
        <v>20.257449129175072</v>
      </c>
      <c r="F4771" s="40">
        <v>79.366667000000007</v>
      </c>
      <c r="G4771" s="40">
        <v>19.41859868271354</v>
      </c>
      <c r="H4771" s="40">
        <v>79.366667000000007</v>
      </c>
      <c r="I4771" s="40">
        <v>15.746914176167172</v>
      </c>
      <c r="J4771" s="40">
        <v>79.366638029762498</v>
      </c>
      <c r="K4771" s="40">
        <v>12.59787515724868</v>
      </c>
      <c r="L4771" s="40"/>
      <c r="M4771" s="40"/>
      <c r="N4771" s="40"/>
    </row>
    <row r="4772" spans="4:14" x14ac:dyDescent="0.25">
      <c r="D4772" s="40">
        <v>79.396825000003503</v>
      </c>
      <c r="E4772" s="40">
        <v>20.257449129175072</v>
      </c>
      <c r="F4772" s="40">
        <v>79.383332999999993</v>
      </c>
      <c r="G4772" s="40">
        <v>19.42335392680376</v>
      </c>
      <c r="H4772" s="40">
        <v>79.383334000000019</v>
      </c>
      <c r="I4772" s="40">
        <v>15.746914176167172</v>
      </c>
      <c r="J4772" s="40">
        <v>79.383304690476805</v>
      </c>
      <c r="K4772" s="40">
        <v>12.59787515724868</v>
      </c>
      <c r="L4772" s="40"/>
      <c r="M4772" s="40"/>
      <c r="N4772" s="40"/>
    </row>
    <row r="4773" spans="4:14" x14ac:dyDescent="0.25">
      <c r="D4773" s="40">
        <v>79.413491000003503</v>
      </c>
      <c r="E4773" s="40">
        <v>20.257449129175072</v>
      </c>
      <c r="F4773" s="40">
        <v>79.400000000000006</v>
      </c>
      <c r="G4773" s="40">
        <v>19.42335392680376</v>
      </c>
      <c r="H4773" s="40">
        <v>79.400000000000006</v>
      </c>
      <c r="I4773" s="40">
        <v>15.750168302423935</v>
      </c>
      <c r="J4773" s="40">
        <v>79.399971351191098</v>
      </c>
      <c r="K4773" s="40">
        <v>12.59787515724868</v>
      </c>
      <c r="L4773" s="40"/>
      <c r="M4773" s="40"/>
      <c r="N4773" s="40"/>
    </row>
    <row r="4774" spans="4:14" x14ac:dyDescent="0.25">
      <c r="D4774" s="40">
        <v>79.430157000003504</v>
      </c>
      <c r="E4774" s="40">
        <v>20.257449129175072</v>
      </c>
      <c r="F4774" s="40">
        <v>79.41666699999999</v>
      </c>
      <c r="G4774" s="40">
        <v>19.42335392680376</v>
      </c>
      <c r="H4774" s="40">
        <v>79.416667000000018</v>
      </c>
      <c r="I4774" s="40">
        <v>15.753521038567195</v>
      </c>
      <c r="J4774" s="40">
        <v>79.416638011905405</v>
      </c>
      <c r="K4774" s="40">
        <v>12.59787515724868</v>
      </c>
      <c r="L4774" s="40"/>
      <c r="M4774" s="40"/>
      <c r="N4774" s="40"/>
    </row>
    <row r="4775" spans="4:14" x14ac:dyDescent="0.25">
      <c r="D4775" s="40">
        <v>79.446823000003505</v>
      </c>
      <c r="E4775" s="40">
        <v>20.257449129175072</v>
      </c>
      <c r="F4775" s="40">
        <v>79.433333000000005</v>
      </c>
      <c r="G4775" s="40">
        <v>19.428109170893855</v>
      </c>
      <c r="H4775" s="40">
        <v>79.433334000000002</v>
      </c>
      <c r="I4775" s="40">
        <v>15.753521038567195</v>
      </c>
      <c r="J4775" s="40">
        <v>79.433304672619599</v>
      </c>
      <c r="K4775" s="40">
        <v>12.602726200957914</v>
      </c>
      <c r="L4775" s="40"/>
      <c r="M4775" s="40"/>
      <c r="N4775" s="40"/>
    </row>
    <row r="4776" spans="4:14" x14ac:dyDescent="0.25">
      <c r="D4776" s="40">
        <v>79.463489000003506</v>
      </c>
      <c r="E4776" s="40">
        <v>20.257449129175072</v>
      </c>
      <c r="F4776" s="40">
        <v>79.449999999999989</v>
      </c>
      <c r="G4776" s="40">
        <v>19.428109170893855</v>
      </c>
      <c r="H4776" s="40">
        <v>79.450000000000017</v>
      </c>
      <c r="I4776" s="40">
        <v>15.756873774710449</v>
      </c>
      <c r="J4776" s="40">
        <v>79.449971333333906</v>
      </c>
      <c r="K4776" s="40">
        <v>12.602726200957914</v>
      </c>
      <c r="L4776" s="40"/>
      <c r="M4776" s="40"/>
      <c r="N4776" s="40"/>
    </row>
    <row r="4777" spans="4:14" x14ac:dyDescent="0.25">
      <c r="D4777" s="40">
        <v>79.480155000003506</v>
      </c>
      <c r="E4777" s="40">
        <v>20.257449129175072</v>
      </c>
      <c r="F4777" s="40">
        <v>79.466667000000001</v>
      </c>
      <c r="G4777" s="40">
        <v>19.432724554863753</v>
      </c>
      <c r="H4777" s="40">
        <v>79.466667000000001</v>
      </c>
      <c r="I4777" s="40">
        <v>15.760127900967213</v>
      </c>
      <c r="J4777" s="40">
        <v>79.466637994048199</v>
      </c>
      <c r="K4777" s="40">
        <v>12.602726200957914</v>
      </c>
      <c r="L4777" s="40"/>
      <c r="M4777" s="40"/>
      <c r="N4777" s="40"/>
    </row>
    <row r="4778" spans="4:14" x14ac:dyDescent="0.25">
      <c r="D4778" s="40">
        <v>79.496821000003507</v>
      </c>
      <c r="E4778" s="40">
        <v>20.257449129175072</v>
      </c>
      <c r="F4778" s="40">
        <v>79.483332999999988</v>
      </c>
      <c r="G4778" s="40">
        <v>19.432724554863753</v>
      </c>
      <c r="H4778" s="40">
        <v>79.483334000000013</v>
      </c>
      <c r="I4778" s="40">
        <v>15.760127900967213</v>
      </c>
      <c r="J4778" s="40">
        <v>79.483304654762506</v>
      </c>
      <c r="K4778" s="40">
        <v>12.602726200957914</v>
      </c>
      <c r="L4778" s="40"/>
      <c r="M4778" s="40"/>
      <c r="N4778" s="40"/>
    </row>
    <row r="4779" spans="4:14" x14ac:dyDescent="0.25">
      <c r="D4779" s="40">
        <v>79.513487000003508</v>
      </c>
      <c r="E4779" s="40">
        <v>20.257449129175072</v>
      </c>
      <c r="F4779" s="40">
        <v>79.5</v>
      </c>
      <c r="G4779" s="40">
        <v>19.437479798953976</v>
      </c>
      <c r="H4779" s="40">
        <v>79.5</v>
      </c>
      <c r="I4779" s="40">
        <v>15.763480637110469</v>
      </c>
      <c r="J4779" s="40">
        <v>79.499971315476799</v>
      </c>
      <c r="K4779" s="40">
        <v>12.602726200957914</v>
      </c>
      <c r="L4779" s="40"/>
      <c r="M4779" s="40"/>
      <c r="N4779" s="40"/>
    </row>
    <row r="4780" spans="4:14" x14ac:dyDescent="0.25">
      <c r="D4780" s="40">
        <v>79.530153000003509</v>
      </c>
      <c r="E4780" s="40">
        <v>20.257449129175072</v>
      </c>
      <c r="F4780" s="40">
        <v>79.516666999999984</v>
      </c>
      <c r="G4780" s="40">
        <v>19.437479798953976</v>
      </c>
      <c r="H4780" s="40">
        <v>79.516667000000012</v>
      </c>
      <c r="I4780" s="40">
        <v>15.766833373253901</v>
      </c>
      <c r="J4780" s="40">
        <v>79.516637976191106</v>
      </c>
      <c r="K4780" s="40">
        <v>12.602726200957914</v>
      </c>
      <c r="L4780" s="40"/>
      <c r="M4780" s="40"/>
      <c r="N4780" s="40"/>
    </row>
    <row r="4781" spans="4:14" x14ac:dyDescent="0.25">
      <c r="D4781" s="40">
        <v>79.546819000003509</v>
      </c>
      <c r="E4781" s="40">
        <v>20.257449129175072</v>
      </c>
      <c r="F4781" s="40">
        <v>79.533332999999999</v>
      </c>
      <c r="G4781" s="40">
        <v>19.437479798953976</v>
      </c>
      <c r="H4781" s="40">
        <v>79.533333999999996</v>
      </c>
      <c r="I4781" s="40">
        <v>15.766833373253901</v>
      </c>
      <c r="J4781" s="40">
        <v>79.533304636905399</v>
      </c>
      <c r="K4781" s="40">
        <v>12.607577244667144</v>
      </c>
      <c r="L4781" s="40"/>
      <c r="M4781" s="40"/>
      <c r="N4781" s="40"/>
    </row>
    <row r="4782" spans="4:14" x14ac:dyDescent="0.25">
      <c r="D4782" s="40">
        <v>79.56348500000351</v>
      </c>
      <c r="E4782" s="40">
        <v>20.257449129175072</v>
      </c>
      <c r="F4782" s="40">
        <v>79.549999999999983</v>
      </c>
      <c r="G4782" s="40">
        <v>19.442235043044072</v>
      </c>
      <c r="H4782" s="40">
        <v>79.550000000000011</v>
      </c>
      <c r="I4782" s="40">
        <v>15.770087499510664</v>
      </c>
      <c r="J4782" s="40">
        <v>79.549971297619607</v>
      </c>
      <c r="K4782" s="40">
        <v>12.607577244667144</v>
      </c>
      <c r="L4782" s="40"/>
      <c r="M4782" s="40"/>
      <c r="N4782" s="40"/>
    </row>
    <row r="4783" spans="4:14" x14ac:dyDescent="0.25">
      <c r="D4783" s="40">
        <v>79.580151000003511</v>
      </c>
      <c r="E4783" s="40">
        <v>20.262149861335494</v>
      </c>
      <c r="F4783" s="40">
        <v>79.566666999999995</v>
      </c>
      <c r="G4783" s="40">
        <v>19.442235043044072</v>
      </c>
      <c r="H4783" s="40">
        <v>79.566666999999995</v>
      </c>
      <c r="I4783" s="40">
        <v>15.773440235653924</v>
      </c>
      <c r="J4783" s="40">
        <v>79.566637958333899</v>
      </c>
      <c r="K4783" s="40">
        <v>12.607577244667144</v>
      </c>
      <c r="L4783" s="40"/>
      <c r="M4783" s="40"/>
      <c r="N4783" s="40"/>
    </row>
    <row r="4784" spans="4:14" x14ac:dyDescent="0.25">
      <c r="D4784" s="40">
        <v>79.596817000003512</v>
      </c>
      <c r="E4784" s="40">
        <v>20.262149861335494</v>
      </c>
      <c r="F4784" s="40">
        <v>79.583332999999982</v>
      </c>
      <c r="G4784" s="40">
        <v>19.442235043044072</v>
      </c>
      <c r="H4784" s="40">
        <v>79.583334000000008</v>
      </c>
      <c r="I4784" s="40">
        <v>15.776792971797178</v>
      </c>
      <c r="J4784" s="40">
        <v>79.583304619048207</v>
      </c>
      <c r="K4784" s="40">
        <v>12.607577244667144</v>
      </c>
      <c r="L4784" s="40"/>
      <c r="M4784" s="40"/>
      <c r="N4784" s="40"/>
    </row>
    <row r="4785" spans="4:14" x14ac:dyDescent="0.25">
      <c r="D4785" s="40">
        <v>79.613483000003512</v>
      </c>
      <c r="E4785" s="40">
        <v>20.262149861335494</v>
      </c>
      <c r="F4785" s="40">
        <v>79.599999999999994</v>
      </c>
      <c r="G4785" s="40">
        <v>19.442235043044072</v>
      </c>
      <c r="H4785" s="40">
        <v>79.599999999999994</v>
      </c>
      <c r="I4785" s="40">
        <v>15.776792971797178</v>
      </c>
      <c r="J4785" s="40">
        <v>79.599971279762499</v>
      </c>
      <c r="K4785" s="40">
        <v>12.612285610620077</v>
      </c>
      <c r="L4785" s="40"/>
      <c r="M4785" s="40"/>
      <c r="N4785" s="40"/>
    </row>
    <row r="4786" spans="4:14" x14ac:dyDescent="0.25">
      <c r="D4786" s="40">
        <v>79.630149000003513</v>
      </c>
      <c r="E4786" s="40">
        <v>20.262149861335494</v>
      </c>
      <c r="F4786" s="40">
        <v>79.616667000000007</v>
      </c>
      <c r="G4786" s="40">
        <v>19.44685042701397</v>
      </c>
      <c r="H4786" s="40">
        <v>79.616667000000007</v>
      </c>
      <c r="I4786" s="40">
        <v>15.780047098053942</v>
      </c>
      <c r="J4786" s="40">
        <v>79.616637940476807</v>
      </c>
      <c r="K4786" s="40">
        <v>12.612285610620077</v>
      </c>
      <c r="L4786" s="40"/>
      <c r="M4786" s="40"/>
      <c r="N4786" s="40"/>
    </row>
    <row r="4787" spans="4:14" x14ac:dyDescent="0.25">
      <c r="D4787" s="40">
        <v>79.646815000003514</v>
      </c>
      <c r="E4787" s="40">
        <v>20.262149861335494</v>
      </c>
      <c r="F4787" s="40">
        <v>79.633332999999993</v>
      </c>
      <c r="G4787" s="40">
        <v>19.44685042701397</v>
      </c>
      <c r="H4787" s="40">
        <v>79.633334000000019</v>
      </c>
      <c r="I4787" s="40">
        <v>15.783399834197374</v>
      </c>
      <c r="J4787" s="40">
        <v>79.633304601191099</v>
      </c>
      <c r="K4787" s="40">
        <v>12.612285610620077</v>
      </c>
      <c r="L4787" s="40"/>
      <c r="M4787" s="40"/>
      <c r="N4787" s="40"/>
    </row>
    <row r="4788" spans="4:14" x14ac:dyDescent="0.25">
      <c r="D4788" s="40">
        <v>79.663481000003515</v>
      </c>
      <c r="E4788" s="40">
        <v>20.262149861335494</v>
      </c>
      <c r="F4788" s="40">
        <v>79.650000000000006</v>
      </c>
      <c r="G4788" s="40">
        <v>19.44685042701397</v>
      </c>
      <c r="H4788" s="40">
        <v>79.650000000000006</v>
      </c>
      <c r="I4788" s="40">
        <v>15.783399834197374</v>
      </c>
      <c r="J4788" s="40">
        <v>79.649971261905407</v>
      </c>
      <c r="K4788" s="40">
        <v>12.612285610620077</v>
      </c>
      <c r="L4788" s="40"/>
      <c r="M4788" s="40"/>
      <c r="N4788" s="40"/>
    </row>
    <row r="4789" spans="4:14" x14ac:dyDescent="0.25">
      <c r="D4789" s="40">
        <v>79.680147000003515</v>
      </c>
      <c r="E4789" s="40">
        <v>20.262149861335494</v>
      </c>
      <c r="F4789" s="40">
        <v>79.66666699999999</v>
      </c>
      <c r="G4789" s="40">
        <v>19.44685042701397</v>
      </c>
      <c r="H4789" s="40">
        <v>79.666667000000018</v>
      </c>
      <c r="I4789" s="40">
        <v>15.786752570340633</v>
      </c>
      <c r="J4789" s="40">
        <v>79.6666379226196</v>
      </c>
      <c r="K4789" s="40">
        <v>12.607577244667144</v>
      </c>
      <c r="L4789" s="40"/>
      <c r="M4789" s="40"/>
      <c r="N4789" s="40"/>
    </row>
    <row r="4790" spans="4:14" x14ac:dyDescent="0.25">
      <c r="D4790" s="40">
        <v>79.696813000003516</v>
      </c>
      <c r="E4790" s="40">
        <v>20.262149861335494</v>
      </c>
      <c r="F4790" s="40">
        <v>79.683333000000005</v>
      </c>
      <c r="G4790" s="40">
        <v>19.44685042701397</v>
      </c>
      <c r="H4790" s="40">
        <v>79.683334000000002</v>
      </c>
      <c r="I4790" s="40">
        <v>15.786752570340633</v>
      </c>
      <c r="J4790" s="40">
        <v>79.683304583333907</v>
      </c>
      <c r="K4790" s="40">
        <v>12.607577244667144</v>
      </c>
      <c r="L4790" s="40"/>
      <c r="M4790" s="40"/>
      <c r="N4790" s="40"/>
    </row>
    <row r="4791" spans="4:14" x14ac:dyDescent="0.25">
      <c r="D4791" s="40">
        <v>79.713479000003517</v>
      </c>
      <c r="E4791" s="40">
        <v>20.262149861335494</v>
      </c>
      <c r="F4791" s="40">
        <v>79.699999999999989</v>
      </c>
      <c r="G4791" s="40">
        <v>19.45160567110419</v>
      </c>
      <c r="H4791" s="40">
        <v>79.700000000000017</v>
      </c>
      <c r="I4791" s="40">
        <v>15.790006696597397</v>
      </c>
      <c r="J4791" s="40">
        <v>79.6999712440482</v>
      </c>
      <c r="K4791" s="40">
        <v>12.607577244667144</v>
      </c>
      <c r="L4791" s="40"/>
      <c r="M4791" s="40"/>
      <c r="N4791" s="40"/>
    </row>
    <row r="4792" spans="4:14" x14ac:dyDescent="0.25">
      <c r="D4792" s="40">
        <v>79.730145000003517</v>
      </c>
      <c r="E4792" s="40">
        <v>20.266993039925048</v>
      </c>
      <c r="F4792" s="40">
        <v>79.716667000000001</v>
      </c>
      <c r="G4792" s="40">
        <v>19.45160567110419</v>
      </c>
      <c r="H4792" s="40">
        <v>79.716667000000001</v>
      </c>
      <c r="I4792" s="40">
        <v>15.793359432740653</v>
      </c>
      <c r="J4792" s="40">
        <v>79.716637904762507</v>
      </c>
      <c r="K4792" s="40">
        <v>12.607577244667144</v>
      </c>
      <c r="L4792" s="40"/>
      <c r="M4792" s="40"/>
      <c r="N4792" s="40"/>
    </row>
    <row r="4793" spans="4:14" x14ac:dyDescent="0.25">
      <c r="D4793" s="40">
        <v>79.746811000003518</v>
      </c>
      <c r="E4793" s="40">
        <v>20.266993039925048</v>
      </c>
      <c r="F4793" s="40">
        <v>79.733332999999988</v>
      </c>
      <c r="G4793" s="40">
        <v>19.45160567110419</v>
      </c>
      <c r="H4793" s="40">
        <v>79.733334000000013</v>
      </c>
      <c r="I4793" s="40">
        <v>15.793359432740653</v>
      </c>
      <c r="J4793" s="40">
        <v>79.7333045654768</v>
      </c>
      <c r="K4793" s="40">
        <v>12.607577244667144</v>
      </c>
      <c r="L4793" s="40"/>
      <c r="M4793" s="40"/>
      <c r="N4793" s="40"/>
    </row>
    <row r="4794" spans="4:14" x14ac:dyDescent="0.25">
      <c r="D4794" s="40">
        <v>79.763477000003519</v>
      </c>
      <c r="E4794" s="40">
        <v>20.266993039925048</v>
      </c>
      <c r="F4794" s="40">
        <v>79.75</v>
      </c>
      <c r="G4794" s="40">
        <v>19.45160567110419</v>
      </c>
      <c r="H4794" s="40">
        <v>79.75</v>
      </c>
      <c r="I4794" s="40">
        <v>15.796712168883911</v>
      </c>
      <c r="J4794" s="40">
        <v>79.749971226191093</v>
      </c>
      <c r="K4794" s="40">
        <v>12.602726200957914</v>
      </c>
      <c r="L4794" s="40"/>
      <c r="M4794" s="40"/>
      <c r="N4794" s="40"/>
    </row>
    <row r="4795" spans="4:14" x14ac:dyDescent="0.25">
      <c r="D4795" s="40">
        <v>79.78014300000352</v>
      </c>
      <c r="E4795" s="40">
        <v>20.266993039925048</v>
      </c>
      <c r="F4795" s="40">
        <v>79.766666999999984</v>
      </c>
      <c r="G4795" s="40">
        <v>19.45160567110419</v>
      </c>
      <c r="H4795" s="40">
        <v>79.766667000000012</v>
      </c>
      <c r="I4795" s="40">
        <v>15.799966295140674</v>
      </c>
      <c r="J4795" s="40">
        <v>79.7666378869054</v>
      </c>
      <c r="K4795" s="40">
        <v>12.602726200957914</v>
      </c>
      <c r="L4795" s="40"/>
      <c r="M4795" s="40"/>
      <c r="N4795" s="40"/>
    </row>
    <row r="4796" spans="4:14" x14ac:dyDescent="0.25">
      <c r="D4796" s="40">
        <v>79.79680900000352</v>
      </c>
      <c r="E4796" s="40">
        <v>20.266993039925048</v>
      </c>
      <c r="F4796" s="40">
        <v>79.783332999999999</v>
      </c>
      <c r="G4796" s="40">
        <v>19.456360915194285</v>
      </c>
      <c r="H4796" s="40">
        <v>79.783333999999996</v>
      </c>
      <c r="I4796" s="40">
        <v>15.799966295140674</v>
      </c>
      <c r="J4796" s="40">
        <v>79.783304547619593</v>
      </c>
      <c r="K4796" s="40">
        <v>12.59787515724868</v>
      </c>
      <c r="L4796" s="40"/>
      <c r="M4796" s="40"/>
      <c r="N4796" s="40"/>
    </row>
    <row r="4797" spans="4:14" x14ac:dyDescent="0.25">
      <c r="D4797" s="40">
        <v>79.813475000003521</v>
      </c>
      <c r="E4797" s="40">
        <v>20.271836218514469</v>
      </c>
      <c r="F4797" s="40">
        <v>79.799999999999983</v>
      </c>
      <c r="G4797" s="40">
        <v>19.456360915194285</v>
      </c>
      <c r="H4797" s="40">
        <v>79.800000000000011</v>
      </c>
      <c r="I4797" s="40">
        <v>15.803319031284104</v>
      </c>
      <c r="J4797" s="40">
        <v>79.799971208333901</v>
      </c>
      <c r="K4797" s="40">
        <v>12.59787515724868</v>
      </c>
      <c r="L4797" s="40"/>
      <c r="M4797" s="40"/>
      <c r="N4797" s="40"/>
    </row>
    <row r="4798" spans="4:14" x14ac:dyDescent="0.25">
      <c r="D4798" s="40">
        <v>79.830141000003522</v>
      </c>
      <c r="E4798" s="40">
        <v>20.271836218514469</v>
      </c>
      <c r="F4798" s="40">
        <v>79.816666999999995</v>
      </c>
      <c r="G4798" s="40">
        <v>19.456360915194285</v>
      </c>
      <c r="H4798" s="40">
        <v>79.816666999999995</v>
      </c>
      <c r="I4798" s="40">
        <v>15.806671767427362</v>
      </c>
      <c r="J4798" s="40">
        <v>79.816637869048193</v>
      </c>
      <c r="K4798" s="40">
        <v>12.59787515724868</v>
      </c>
      <c r="L4798" s="40"/>
      <c r="M4798" s="40"/>
      <c r="N4798" s="40"/>
    </row>
    <row r="4799" spans="4:14" x14ac:dyDescent="0.25">
      <c r="D4799" s="40">
        <v>79.846807000003523</v>
      </c>
      <c r="E4799" s="40">
        <v>20.271836218514469</v>
      </c>
      <c r="F4799" s="40">
        <v>79.833332999999982</v>
      </c>
      <c r="G4799" s="40">
        <v>19.460976299164184</v>
      </c>
      <c r="H4799" s="40">
        <v>79.833334000000008</v>
      </c>
      <c r="I4799" s="40">
        <v>15.806671767427362</v>
      </c>
      <c r="J4799" s="40">
        <v>79.833304529762501</v>
      </c>
      <c r="K4799" s="40">
        <v>12.59787515724868</v>
      </c>
      <c r="L4799" s="40"/>
      <c r="M4799" s="40"/>
      <c r="N4799" s="40"/>
    </row>
    <row r="4800" spans="4:14" x14ac:dyDescent="0.25">
      <c r="D4800" s="40">
        <v>79.863473000003523</v>
      </c>
      <c r="E4800" s="40">
        <v>20.271836218514469</v>
      </c>
      <c r="F4800" s="40">
        <v>79.849999999999994</v>
      </c>
      <c r="G4800" s="40">
        <v>19.460976299164184</v>
      </c>
      <c r="H4800" s="40">
        <v>79.849999999999994</v>
      </c>
      <c r="I4800" s="40">
        <v>15.809925893684126</v>
      </c>
      <c r="J4800" s="40">
        <v>79.849971190476793</v>
      </c>
      <c r="K4800" s="40">
        <v>12.59787515724868</v>
      </c>
      <c r="L4800" s="40"/>
      <c r="M4800" s="40"/>
      <c r="N4800" s="40"/>
    </row>
    <row r="4801" spans="4:14" x14ac:dyDescent="0.25">
      <c r="D4801" s="40">
        <v>79.880139000003524</v>
      </c>
      <c r="E4801" s="40">
        <v>20.276536950674892</v>
      </c>
      <c r="F4801" s="40">
        <v>79.866667000000007</v>
      </c>
      <c r="G4801" s="40">
        <v>19.460976299164184</v>
      </c>
      <c r="H4801" s="40">
        <v>79.866667000000007</v>
      </c>
      <c r="I4801" s="40">
        <v>15.813278629827382</v>
      </c>
      <c r="J4801" s="40">
        <v>79.866637851191101</v>
      </c>
      <c r="K4801" s="40">
        <v>12.59787515724868</v>
      </c>
      <c r="L4801" s="40"/>
      <c r="M4801" s="40"/>
      <c r="N4801" s="40"/>
    </row>
    <row r="4802" spans="4:14" x14ac:dyDescent="0.25">
      <c r="D4802" s="40">
        <v>79.896805000003525</v>
      </c>
      <c r="E4802" s="40">
        <v>20.276536950674892</v>
      </c>
      <c r="F4802" s="40">
        <v>79.883332999999993</v>
      </c>
      <c r="G4802" s="40">
        <v>19.460976299164184</v>
      </c>
      <c r="H4802" s="40">
        <v>79.883334000000019</v>
      </c>
      <c r="I4802" s="40">
        <v>15.813278629827382</v>
      </c>
      <c r="J4802" s="40">
        <v>79.883304511905393</v>
      </c>
      <c r="K4802" s="40">
        <v>12.59787515724868</v>
      </c>
      <c r="L4802" s="40"/>
      <c r="M4802" s="40"/>
      <c r="N4802" s="40"/>
    </row>
    <row r="4803" spans="4:14" x14ac:dyDescent="0.25">
      <c r="D4803" s="40">
        <v>79.913471000003526</v>
      </c>
      <c r="E4803" s="40">
        <v>20.276536950674892</v>
      </c>
      <c r="F4803" s="40">
        <v>79.900000000000006</v>
      </c>
      <c r="G4803" s="40">
        <v>19.465731543254403</v>
      </c>
      <c r="H4803" s="40">
        <v>79.900000000000006</v>
      </c>
      <c r="I4803" s="40">
        <v>15.816631365970814</v>
      </c>
      <c r="J4803" s="40">
        <v>79.899971172619601</v>
      </c>
      <c r="K4803" s="40">
        <v>12.59787515724868</v>
      </c>
      <c r="L4803" s="40"/>
      <c r="M4803" s="40"/>
      <c r="N4803" s="40"/>
    </row>
    <row r="4804" spans="4:14" x14ac:dyDescent="0.25">
      <c r="D4804" s="40">
        <v>79.930137000003526</v>
      </c>
      <c r="E4804" s="40">
        <v>20.276536950674892</v>
      </c>
      <c r="F4804" s="40">
        <v>79.91666699999999</v>
      </c>
      <c r="G4804" s="40">
        <v>19.465731543254403</v>
      </c>
      <c r="H4804" s="40">
        <v>79.916667000000018</v>
      </c>
      <c r="I4804" s="40">
        <v>15.819885492227403</v>
      </c>
      <c r="J4804" s="40">
        <v>79.916637833333894</v>
      </c>
      <c r="K4804" s="40">
        <v>12.59787515724868</v>
      </c>
      <c r="L4804" s="40"/>
      <c r="M4804" s="40"/>
      <c r="N4804" s="40"/>
    </row>
    <row r="4805" spans="4:14" x14ac:dyDescent="0.25">
      <c r="D4805" s="40">
        <v>79.946803000003527</v>
      </c>
      <c r="E4805" s="40">
        <v>20.281380129264441</v>
      </c>
      <c r="F4805" s="40">
        <v>79.933333000000005</v>
      </c>
      <c r="G4805" s="40">
        <v>19.465731543254403</v>
      </c>
      <c r="H4805" s="40">
        <v>79.933334000000002</v>
      </c>
      <c r="I4805" s="40">
        <v>15.819885492227403</v>
      </c>
      <c r="J4805" s="40">
        <v>79.933304494048201</v>
      </c>
      <c r="K4805" s="40">
        <v>12.59787515724868</v>
      </c>
      <c r="L4805" s="40"/>
      <c r="M4805" s="40"/>
      <c r="N4805" s="40"/>
    </row>
    <row r="4806" spans="4:14" x14ac:dyDescent="0.25">
      <c r="D4806" s="40">
        <v>79.963469000003528</v>
      </c>
      <c r="E4806" s="40">
        <v>20.281380129264441</v>
      </c>
      <c r="F4806" s="40">
        <v>79.949999999999989</v>
      </c>
      <c r="G4806" s="40">
        <v>19.465731543254403</v>
      </c>
      <c r="H4806" s="40">
        <v>79.950000000000017</v>
      </c>
      <c r="I4806" s="40">
        <v>15.823238228370837</v>
      </c>
      <c r="J4806" s="40">
        <v>79.949971154762494</v>
      </c>
      <c r="K4806" s="40">
        <v>12.59787515724868</v>
      </c>
      <c r="L4806" s="40"/>
      <c r="M4806" s="40"/>
      <c r="N4806" s="40"/>
    </row>
    <row r="4807" spans="4:14" x14ac:dyDescent="0.25">
      <c r="D4807" s="40">
        <v>79.980135000003528</v>
      </c>
      <c r="E4807" s="40">
        <v>20.281380129264441</v>
      </c>
      <c r="F4807" s="40">
        <v>79.966667000000001</v>
      </c>
      <c r="G4807" s="40">
        <v>19.470486787344623</v>
      </c>
      <c r="H4807" s="40">
        <v>79.966667000000001</v>
      </c>
      <c r="I4807" s="40">
        <v>15.826590964514091</v>
      </c>
      <c r="J4807" s="40">
        <v>79.966637815476801</v>
      </c>
      <c r="K4807" s="40">
        <v>12.59787515724868</v>
      </c>
      <c r="L4807" s="40"/>
      <c r="M4807" s="40"/>
      <c r="N4807" s="40"/>
    </row>
    <row r="4808" spans="4:14" x14ac:dyDescent="0.25">
      <c r="D4808" s="40">
        <v>79.996801000003529</v>
      </c>
      <c r="E4808" s="40">
        <v>20.286223307853863</v>
      </c>
      <c r="F4808" s="40">
        <v>79.983332999999988</v>
      </c>
      <c r="G4808" s="40">
        <v>19.470486787344623</v>
      </c>
      <c r="H4808" s="40">
        <v>79.983334000000013</v>
      </c>
      <c r="I4808" s="40">
        <v>15.826590964514091</v>
      </c>
      <c r="J4808" s="40">
        <v>79.983304476191094</v>
      </c>
      <c r="K4808" s="40">
        <v>12.59787515724868</v>
      </c>
      <c r="L4808" s="40"/>
      <c r="M4808" s="40"/>
      <c r="N4808" s="40"/>
    </row>
    <row r="4809" spans="4:14" x14ac:dyDescent="0.25">
      <c r="D4809" s="40">
        <v>80.01346700000353</v>
      </c>
      <c r="E4809" s="40">
        <v>20.286223307853863</v>
      </c>
      <c r="F4809" s="40">
        <v>80</v>
      </c>
      <c r="G4809" s="40">
        <v>19.475102171314401</v>
      </c>
      <c r="H4809" s="40">
        <v>80</v>
      </c>
      <c r="I4809" s="40">
        <v>15.829845090770855</v>
      </c>
      <c r="J4809" s="40">
        <v>79.999971136905401</v>
      </c>
      <c r="K4809" s="40">
        <v>12.59787515724868</v>
      </c>
      <c r="L4809" s="40"/>
      <c r="M4809" s="40"/>
      <c r="N4809" s="40"/>
    </row>
    <row r="4810" spans="4:14" x14ac:dyDescent="0.25">
      <c r="D4810" s="40">
        <v>80.030133000003531</v>
      </c>
      <c r="E4810" s="40">
        <v>20.290924040014289</v>
      </c>
      <c r="F4810" s="40">
        <v>80.016666999999984</v>
      </c>
      <c r="G4810" s="40">
        <v>19.475102171314401</v>
      </c>
      <c r="H4810" s="40">
        <v>80.016667000000012</v>
      </c>
      <c r="I4810" s="40">
        <v>15.829845090770855</v>
      </c>
      <c r="J4810" s="40">
        <v>80.016637797619595</v>
      </c>
      <c r="K4810" s="40">
        <v>12.59787515724868</v>
      </c>
      <c r="L4810" s="40"/>
      <c r="M4810" s="40"/>
      <c r="N4810" s="40"/>
    </row>
    <row r="4811" spans="4:14" x14ac:dyDescent="0.25">
      <c r="D4811" s="40">
        <v>80.046799000003531</v>
      </c>
      <c r="E4811" s="40">
        <v>20.290924040014289</v>
      </c>
      <c r="F4811" s="40">
        <v>80.033332999999999</v>
      </c>
      <c r="G4811" s="40">
        <v>19.475102171314401</v>
      </c>
      <c r="H4811" s="40">
        <v>80.033333999999996</v>
      </c>
      <c r="I4811" s="40">
        <v>15.833197826914114</v>
      </c>
      <c r="J4811" s="40">
        <v>80.033304458333902</v>
      </c>
      <c r="K4811" s="40">
        <v>12.59787515724868</v>
      </c>
      <c r="L4811" s="40"/>
      <c r="M4811" s="40"/>
      <c r="N4811" s="40"/>
    </row>
    <row r="4812" spans="4:14" x14ac:dyDescent="0.25">
      <c r="D4812" s="40">
        <v>80.063465000003532</v>
      </c>
      <c r="E4812" s="40">
        <v>20.295767218603835</v>
      </c>
      <c r="F4812" s="40">
        <v>80.049999999999983</v>
      </c>
      <c r="G4812" s="40">
        <v>19.47985741540462</v>
      </c>
      <c r="H4812" s="40">
        <v>80.050000000000011</v>
      </c>
      <c r="I4812" s="40">
        <v>15.836550563057546</v>
      </c>
      <c r="J4812" s="40">
        <v>80.049971119048195</v>
      </c>
      <c r="K4812" s="40">
        <v>12.59787515724868</v>
      </c>
      <c r="L4812" s="40"/>
      <c r="M4812" s="40"/>
      <c r="N4812" s="40"/>
    </row>
    <row r="4813" spans="4:14" x14ac:dyDescent="0.25">
      <c r="D4813" s="40">
        <v>80.080131000003533</v>
      </c>
      <c r="E4813" s="40">
        <v>20.295767218603835</v>
      </c>
      <c r="F4813" s="40">
        <v>80.066666999999995</v>
      </c>
      <c r="G4813" s="40">
        <v>19.47985741540462</v>
      </c>
      <c r="H4813" s="40">
        <v>80.066666999999995</v>
      </c>
      <c r="I4813" s="40">
        <v>15.836550563057546</v>
      </c>
      <c r="J4813" s="40">
        <v>80.066637779762502</v>
      </c>
      <c r="K4813" s="40">
        <v>12.59787515724868</v>
      </c>
      <c r="L4813" s="40"/>
      <c r="M4813" s="40"/>
      <c r="N4813" s="40"/>
    </row>
    <row r="4814" spans="4:14" x14ac:dyDescent="0.25">
      <c r="D4814" s="40">
        <v>80.096797000003534</v>
      </c>
      <c r="E4814" s="40">
        <v>20.300610397193257</v>
      </c>
      <c r="F4814" s="40">
        <v>80.083332999999982</v>
      </c>
      <c r="G4814" s="40">
        <v>19.47985741540462</v>
      </c>
      <c r="H4814" s="40">
        <v>80.083334000000008</v>
      </c>
      <c r="I4814" s="40">
        <v>15.83980468931431</v>
      </c>
      <c r="J4814" s="40">
        <v>80.083304440476795</v>
      </c>
      <c r="K4814" s="40">
        <v>12.59787515724868</v>
      </c>
      <c r="L4814" s="40"/>
      <c r="M4814" s="40"/>
      <c r="N4814" s="40"/>
    </row>
    <row r="4815" spans="4:14" x14ac:dyDescent="0.25">
      <c r="D4815" s="40">
        <v>80.113463000003534</v>
      </c>
      <c r="E4815" s="40">
        <v>20.300610397193257</v>
      </c>
      <c r="F4815" s="40">
        <v>80.099999999999994</v>
      </c>
      <c r="G4815" s="40">
        <v>19.484612659494839</v>
      </c>
      <c r="H4815" s="40">
        <v>80.099999999999994</v>
      </c>
      <c r="I4815" s="40">
        <v>15.83980468931431</v>
      </c>
      <c r="J4815" s="40">
        <v>80.099971101191102</v>
      </c>
      <c r="K4815" s="40">
        <v>12.602726200957914</v>
      </c>
      <c r="L4815" s="40"/>
      <c r="M4815" s="40"/>
      <c r="N4815" s="40"/>
    </row>
    <row r="4816" spans="4:14" x14ac:dyDescent="0.25">
      <c r="D4816" s="40">
        <v>80.130129000003535</v>
      </c>
      <c r="E4816" s="40">
        <v>20.300610397193257</v>
      </c>
      <c r="F4816" s="40">
        <v>80.116667000000007</v>
      </c>
      <c r="G4816" s="40">
        <v>19.484612659494839</v>
      </c>
      <c r="H4816" s="40">
        <v>80.116667000000007</v>
      </c>
      <c r="I4816" s="40">
        <v>15.843157425457566</v>
      </c>
      <c r="J4816" s="40">
        <v>80.116637761905395</v>
      </c>
      <c r="K4816" s="40">
        <v>12.602726200957914</v>
      </c>
      <c r="L4816" s="40"/>
      <c r="M4816" s="40"/>
      <c r="N4816" s="40"/>
    </row>
    <row r="4817" spans="4:14" x14ac:dyDescent="0.25">
      <c r="D4817" s="40">
        <v>80.146795000003536</v>
      </c>
      <c r="E4817" s="40">
        <v>20.300610397193257</v>
      </c>
      <c r="F4817" s="40">
        <v>80.133332999999993</v>
      </c>
      <c r="G4817" s="40">
        <v>19.489228043464614</v>
      </c>
      <c r="H4817" s="40">
        <v>80.133334000000019</v>
      </c>
      <c r="I4817" s="40">
        <v>15.84651016160082</v>
      </c>
      <c r="J4817" s="40">
        <v>80.133304422619602</v>
      </c>
      <c r="K4817" s="40">
        <v>12.602726200957914</v>
      </c>
      <c r="L4817" s="40"/>
      <c r="M4817" s="40"/>
      <c r="N4817" s="40"/>
    </row>
    <row r="4818" spans="4:14" x14ac:dyDescent="0.25">
      <c r="D4818" s="40">
        <v>80.163461000003537</v>
      </c>
      <c r="E4818" s="40">
        <v>20.300610397193257</v>
      </c>
      <c r="F4818" s="40">
        <v>80.150000000000006</v>
      </c>
      <c r="G4818" s="40">
        <v>19.489228043464614</v>
      </c>
      <c r="H4818" s="40">
        <v>80.150000000000006</v>
      </c>
      <c r="I4818" s="40">
        <v>15.84651016160082</v>
      </c>
      <c r="J4818" s="40">
        <v>80.149971083333895</v>
      </c>
      <c r="K4818" s="40">
        <v>12.602726200957914</v>
      </c>
      <c r="L4818" s="40"/>
      <c r="M4818" s="40"/>
      <c r="N4818" s="40"/>
    </row>
    <row r="4819" spans="4:14" x14ac:dyDescent="0.25">
      <c r="D4819" s="40">
        <v>80.180127000003537</v>
      </c>
      <c r="E4819" s="40">
        <v>20.300610397193257</v>
      </c>
      <c r="F4819" s="40">
        <v>80.16666699999999</v>
      </c>
      <c r="G4819" s="40">
        <v>19.493983287554833</v>
      </c>
      <c r="H4819" s="40">
        <v>80.166667000000018</v>
      </c>
      <c r="I4819" s="40">
        <v>15.849764287857584</v>
      </c>
      <c r="J4819" s="40">
        <v>80.166637744048202</v>
      </c>
      <c r="K4819" s="40">
        <v>12.602726200957914</v>
      </c>
      <c r="L4819" s="40"/>
      <c r="M4819" s="40"/>
      <c r="N4819" s="40"/>
    </row>
    <row r="4820" spans="4:14" x14ac:dyDescent="0.25">
      <c r="D4820" s="40">
        <v>80.196793000003538</v>
      </c>
      <c r="E4820" s="40">
        <v>20.295767218603835</v>
      </c>
      <c r="F4820" s="40">
        <v>80.183333000000005</v>
      </c>
      <c r="G4820" s="40">
        <v>19.493983287554833</v>
      </c>
      <c r="H4820" s="40">
        <v>80.183334000000002</v>
      </c>
      <c r="I4820" s="40">
        <v>15.849764287857584</v>
      </c>
      <c r="J4820" s="40">
        <v>80.183304404762495</v>
      </c>
      <c r="K4820" s="40">
        <v>12.602726200957914</v>
      </c>
      <c r="L4820" s="40"/>
      <c r="M4820" s="40"/>
      <c r="N4820" s="40"/>
    </row>
    <row r="4821" spans="4:14" x14ac:dyDescent="0.25">
      <c r="D4821" s="40">
        <v>80.213459000003539</v>
      </c>
      <c r="E4821" s="40">
        <v>20.295767218603835</v>
      </c>
      <c r="F4821" s="40">
        <v>80.199999999999989</v>
      </c>
      <c r="G4821" s="40">
        <v>19.498738531645053</v>
      </c>
      <c r="H4821" s="40">
        <v>80.200000000000017</v>
      </c>
      <c r="I4821" s="40">
        <v>15.853117024000843</v>
      </c>
      <c r="J4821" s="40">
        <v>80.199971065476802</v>
      </c>
      <c r="K4821" s="40">
        <v>12.602726200957914</v>
      </c>
      <c r="L4821" s="40"/>
      <c r="M4821" s="40"/>
      <c r="N4821" s="40"/>
    </row>
    <row r="4822" spans="4:14" x14ac:dyDescent="0.25">
      <c r="D4822" s="40">
        <v>80.23012500000354</v>
      </c>
      <c r="E4822" s="40">
        <v>20.295767218603835</v>
      </c>
      <c r="F4822" s="40">
        <v>80.216667000000001</v>
      </c>
      <c r="G4822" s="40">
        <v>19.498738531645053</v>
      </c>
      <c r="H4822" s="40">
        <v>80.216667000000001</v>
      </c>
      <c r="I4822" s="40">
        <v>15.856469760144275</v>
      </c>
      <c r="J4822" s="40">
        <v>80.216637726191095</v>
      </c>
      <c r="K4822" s="40">
        <v>12.607577244667144</v>
      </c>
      <c r="L4822" s="40"/>
      <c r="M4822" s="40"/>
      <c r="N4822" s="40"/>
    </row>
    <row r="4823" spans="4:14" x14ac:dyDescent="0.25">
      <c r="D4823" s="40">
        <v>80.24679100000354</v>
      </c>
      <c r="E4823" s="40">
        <v>20.295767218603835</v>
      </c>
      <c r="F4823" s="40">
        <v>80.233332999999988</v>
      </c>
      <c r="G4823" s="40">
        <v>19.503353915614952</v>
      </c>
      <c r="H4823" s="40">
        <v>80.233334000000013</v>
      </c>
      <c r="I4823" s="40">
        <v>15.856469760144275</v>
      </c>
      <c r="J4823" s="40">
        <v>80.233304386905402</v>
      </c>
      <c r="K4823" s="40">
        <v>12.607577244667144</v>
      </c>
      <c r="L4823" s="40"/>
      <c r="M4823" s="40"/>
      <c r="N4823" s="40"/>
    </row>
    <row r="4824" spans="4:14" x14ac:dyDescent="0.25">
      <c r="D4824" s="40">
        <v>80.263457000003541</v>
      </c>
      <c r="E4824" s="40">
        <v>20.295767218603835</v>
      </c>
      <c r="F4824" s="40">
        <v>80.25</v>
      </c>
      <c r="G4824" s="40">
        <v>19.503353915614952</v>
      </c>
      <c r="H4824" s="40">
        <v>80.25</v>
      </c>
      <c r="I4824" s="40">
        <v>15.859822496287531</v>
      </c>
      <c r="J4824" s="40">
        <v>80.249971047619596</v>
      </c>
      <c r="K4824" s="40">
        <v>12.607577244667144</v>
      </c>
      <c r="L4824" s="40"/>
      <c r="M4824" s="40"/>
      <c r="N4824" s="40"/>
    </row>
    <row r="4825" spans="4:14" x14ac:dyDescent="0.25">
      <c r="D4825" s="40">
        <v>80.280123000003542</v>
      </c>
      <c r="E4825" s="40">
        <v>20.295767218603835</v>
      </c>
      <c r="F4825" s="40">
        <v>80.266666999999984</v>
      </c>
      <c r="G4825" s="40">
        <v>19.503353915614952</v>
      </c>
      <c r="H4825" s="40">
        <v>80.266667000000012</v>
      </c>
      <c r="I4825" s="40">
        <v>15.859822496287531</v>
      </c>
      <c r="J4825" s="40">
        <v>80.266637708333903</v>
      </c>
      <c r="K4825" s="40">
        <v>12.607577244667144</v>
      </c>
      <c r="L4825" s="40"/>
      <c r="M4825" s="40"/>
      <c r="N4825" s="40"/>
    </row>
    <row r="4826" spans="4:14" x14ac:dyDescent="0.25">
      <c r="D4826" s="40">
        <v>80.296789000003542</v>
      </c>
      <c r="E4826" s="40">
        <v>20.300610397193257</v>
      </c>
      <c r="F4826" s="40">
        <v>80.283332999999999</v>
      </c>
      <c r="G4826" s="40">
        <v>19.508109159705047</v>
      </c>
      <c r="H4826" s="40">
        <v>80.283333999999996</v>
      </c>
      <c r="I4826" s="40">
        <v>15.863076622544295</v>
      </c>
      <c r="J4826" s="40">
        <v>80.283304369048196</v>
      </c>
      <c r="K4826" s="40">
        <v>12.607577244667144</v>
      </c>
      <c r="L4826" s="40"/>
      <c r="M4826" s="40"/>
      <c r="N4826" s="40"/>
    </row>
    <row r="4827" spans="4:14" x14ac:dyDescent="0.25">
      <c r="D4827" s="40">
        <v>80.313455000003543</v>
      </c>
      <c r="E4827" s="40">
        <v>20.300610397193257</v>
      </c>
      <c r="F4827" s="40">
        <v>80.299999999999983</v>
      </c>
      <c r="G4827" s="40">
        <v>19.508109159705047</v>
      </c>
      <c r="H4827" s="40">
        <v>80.300000000000011</v>
      </c>
      <c r="I4827" s="40">
        <v>15.866429358687553</v>
      </c>
      <c r="J4827" s="40">
        <v>80.299971029762503</v>
      </c>
      <c r="K4827" s="40">
        <v>12.607577244667144</v>
      </c>
      <c r="L4827" s="40"/>
      <c r="M4827" s="40"/>
      <c r="N4827" s="40"/>
    </row>
    <row r="4828" spans="4:14" x14ac:dyDescent="0.25">
      <c r="D4828" s="40">
        <v>80.330121000003544</v>
      </c>
      <c r="E4828" s="40">
        <v>20.300610397193257</v>
      </c>
      <c r="F4828" s="40">
        <v>80.316666999999995</v>
      </c>
      <c r="G4828" s="40">
        <v>19.508109159705047</v>
      </c>
      <c r="H4828" s="40">
        <v>80.316666999999995</v>
      </c>
      <c r="I4828" s="40">
        <v>15.866429358687553</v>
      </c>
      <c r="J4828" s="40">
        <v>80.316637690476796</v>
      </c>
      <c r="K4828" s="40">
        <v>12.607577244667144</v>
      </c>
      <c r="L4828" s="40"/>
      <c r="M4828" s="40"/>
      <c r="N4828" s="40"/>
    </row>
    <row r="4829" spans="4:14" x14ac:dyDescent="0.25">
      <c r="D4829" s="40">
        <v>80.346787000003545</v>
      </c>
      <c r="E4829" s="40">
        <v>20.300610397193257</v>
      </c>
      <c r="F4829" s="40">
        <v>80.333332999999982</v>
      </c>
      <c r="G4829" s="40">
        <v>19.512864403795266</v>
      </c>
      <c r="H4829" s="40">
        <v>80.333334000000008</v>
      </c>
      <c r="I4829" s="40">
        <v>15.869782094830986</v>
      </c>
      <c r="J4829" s="40">
        <v>80.333304351191103</v>
      </c>
      <c r="K4829" s="40">
        <v>12.607577244667144</v>
      </c>
      <c r="L4829" s="40"/>
      <c r="M4829" s="40"/>
      <c r="N4829" s="40"/>
    </row>
    <row r="4830" spans="4:14" x14ac:dyDescent="0.25">
      <c r="D4830" s="40">
        <v>80.363453000003545</v>
      </c>
      <c r="E4830" s="40">
        <v>20.305311129353683</v>
      </c>
      <c r="F4830" s="40">
        <v>80.349999999999994</v>
      </c>
      <c r="G4830" s="40">
        <v>19.512864403795266</v>
      </c>
      <c r="H4830" s="40">
        <v>80.349999999999994</v>
      </c>
      <c r="I4830" s="40">
        <v>15.869782094830986</v>
      </c>
      <c r="J4830" s="40">
        <v>80.349971011905396</v>
      </c>
      <c r="K4830" s="40">
        <v>12.607577244667144</v>
      </c>
      <c r="L4830" s="40"/>
      <c r="M4830" s="40"/>
      <c r="N4830" s="40"/>
    </row>
    <row r="4831" spans="4:14" x14ac:dyDescent="0.25">
      <c r="D4831" s="40">
        <v>80.380119000003546</v>
      </c>
      <c r="E4831" s="40">
        <v>20.305311129353683</v>
      </c>
      <c r="F4831" s="40">
        <v>80.366667000000007</v>
      </c>
      <c r="G4831" s="40">
        <v>19.512864403795266</v>
      </c>
      <c r="H4831" s="40">
        <v>80.366667000000007</v>
      </c>
      <c r="I4831" s="40">
        <v>15.873036221087748</v>
      </c>
      <c r="J4831" s="40">
        <v>80.366637672619603</v>
      </c>
      <c r="K4831" s="40">
        <v>12.607577244667144</v>
      </c>
      <c r="L4831" s="40"/>
      <c r="M4831" s="40"/>
      <c r="N4831" s="40"/>
    </row>
    <row r="4832" spans="4:14" x14ac:dyDescent="0.25">
      <c r="D4832" s="40">
        <v>80.396785000003547</v>
      </c>
      <c r="E4832" s="40">
        <v>20.305311129353683</v>
      </c>
      <c r="F4832" s="40">
        <v>80.383332999999993</v>
      </c>
      <c r="G4832" s="40">
        <v>19.512864403795266</v>
      </c>
      <c r="H4832" s="40">
        <v>80.383334000000019</v>
      </c>
      <c r="I4832" s="40">
        <v>15.876388957231004</v>
      </c>
      <c r="J4832" s="40">
        <v>80.383304333333896</v>
      </c>
      <c r="K4832" s="40">
        <v>12.607577244667144</v>
      </c>
      <c r="L4832" s="40"/>
      <c r="M4832" s="40"/>
      <c r="N4832" s="40"/>
    </row>
    <row r="4833" spans="4:14" x14ac:dyDescent="0.25">
      <c r="D4833" s="40">
        <v>80.413451000003548</v>
      </c>
      <c r="E4833" s="40">
        <v>20.300610397193257</v>
      </c>
      <c r="F4833" s="40">
        <v>80.400000000000006</v>
      </c>
      <c r="G4833" s="40">
        <v>19.517479787765165</v>
      </c>
      <c r="H4833" s="40">
        <v>80.400000000000006</v>
      </c>
      <c r="I4833" s="40">
        <v>15.876388957231004</v>
      </c>
      <c r="J4833" s="40">
        <v>80.399970994048203</v>
      </c>
      <c r="K4833" s="40">
        <v>12.612285610620077</v>
      </c>
      <c r="L4833" s="40"/>
      <c r="M4833" s="40"/>
      <c r="N4833" s="40"/>
    </row>
    <row r="4834" spans="4:14" x14ac:dyDescent="0.25">
      <c r="D4834" s="40">
        <v>80.430117000003548</v>
      </c>
      <c r="E4834" s="40">
        <v>20.300610397193257</v>
      </c>
      <c r="F4834" s="40">
        <v>80.41666699999999</v>
      </c>
      <c r="G4834" s="40">
        <v>19.517479787765165</v>
      </c>
      <c r="H4834" s="40">
        <v>80.416667000000018</v>
      </c>
      <c r="I4834" s="40">
        <v>15.879741693374264</v>
      </c>
      <c r="J4834" s="40">
        <v>80.416637654762496</v>
      </c>
      <c r="K4834" s="40">
        <v>12.612285610620077</v>
      </c>
      <c r="L4834" s="40"/>
      <c r="M4834" s="40"/>
      <c r="N4834" s="40"/>
    </row>
    <row r="4835" spans="4:14" x14ac:dyDescent="0.25">
      <c r="D4835" s="40">
        <v>80.446783000003549</v>
      </c>
      <c r="E4835" s="40">
        <v>20.300610397193257</v>
      </c>
      <c r="F4835" s="40">
        <v>80.433333000000005</v>
      </c>
      <c r="G4835" s="40">
        <v>19.517479787765165</v>
      </c>
      <c r="H4835" s="40">
        <v>80.433334000000002</v>
      </c>
      <c r="I4835" s="40">
        <v>15.882995819631027</v>
      </c>
      <c r="J4835" s="40">
        <v>80.433304315476803</v>
      </c>
      <c r="K4835" s="40">
        <v>12.612285610620077</v>
      </c>
      <c r="L4835" s="40"/>
      <c r="M4835" s="40"/>
      <c r="N4835" s="40"/>
    </row>
    <row r="4836" spans="4:14" x14ac:dyDescent="0.25">
      <c r="D4836" s="40">
        <v>80.46344900000355</v>
      </c>
      <c r="E4836" s="40">
        <v>20.300610397193257</v>
      </c>
      <c r="F4836" s="40">
        <v>80.449999999999989</v>
      </c>
      <c r="G4836" s="40">
        <v>19.517479787765165</v>
      </c>
      <c r="H4836" s="40">
        <v>80.450000000000017</v>
      </c>
      <c r="I4836" s="40">
        <v>15.886348555774282</v>
      </c>
      <c r="J4836" s="40">
        <v>80.449970976191096</v>
      </c>
      <c r="K4836" s="40">
        <v>12.612285610620077</v>
      </c>
      <c r="L4836" s="40"/>
      <c r="M4836" s="40"/>
      <c r="N4836" s="40"/>
    </row>
    <row r="4837" spans="4:14" x14ac:dyDescent="0.25">
      <c r="D4837" s="40">
        <v>80.480115000003551</v>
      </c>
      <c r="E4837" s="40">
        <v>20.300610397193257</v>
      </c>
      <c r="F4837" s="40">
        <v>80.466667000000001</v>
      </c>
      <c r="G4837" s="40">
        <v>19.517479787765165</v>
      </c>
      <c r="H4837" s="40">
        <v>80.466667000000001</v>
      </c>
      <c r="I4837" s="40">
        <v>15.889701291917715</v>
      </c>
      <c r="J4837" s="40">
        <v>80.466637636905403</v>
      </c>
      <c r="K4837" s="40">
        <v>12.612285610620077</v>
      </c>
      <c r="L4837" s="40"/>
      <c r="M4837" s="40"/>
      <c r="N4837" s="40"/>
    </row>
    <row r="4838" spans="4:14" x14ac:dyDescent="0.25">
      <c r="D4838" s="40">
        <v>80.496781000003551</v>
      </c>
      <c r="E4838" s="40">
        <v>20.300610397193257</v>
      </c>
      <c r="F4838" s="40">
        <v>80.483332999999988</v>
      </c>
      <c r="G4838" s="40">
        <v>19.522235031855264</v>
      </c>
      <c r="H4838" s="40">
        <v>80.483334000000013</v>
      </c>
      <c r="I4838" s="40">
        <v>15.889701291917715</v>
      </c>
      <c r="J4838" s="40">
        <v>80.483304297619597</v>
      </c>
      <c r="K4838" s="40">
        <v>12.612285610620077</v>
      </c>
      <c r="L4838" s="40"/>
      <c r="M4838" s="40"/>
      <c r="N4838" s="40"/>
    </row>
    <row r="4839" spans="4:14" x14ac:dyDescent="0.25">
      <c r="D4839" s="40">
        <v>80.513447000003552</v>
      </c>
      <c r="E4839" s="40">
        <v>20.300610397193257</v>
      </c>
      <c r="F4839" s="40">
        <v>80.5</v>
      </c>
      <c r="G4839" s="40">
        <v>19.522235031855264</v>
      </c>
      <c r="H4839" s="40">
        <v>80.5</v>
      </c>
      <c r="I4839" s="40">
        <v>15.892955418174479</v>
      </c>
      <c r="J4839" s="40">
        <v>80.499970958333904</v>
      </c>
      <c r="K4839" s="40">
        <v>12.612285610620077</v>
      </c>
      <c r="L4839" s="40"/>
      <c r="M4839" s="40"/>
      <c r="N4839" s="40"/>
    </row>
    <row r="4840" spans="4:14" x14ac:dyDescent="0.25">
      <c r="D4840" s="40">
        <v>80.530113000003553</v>
      </c>
      <c r="E4840" s="40">
        <v>20.300610397193257</v>
      </c>
      <c r="F4840" s="40">
        <v>80.516666999999984</v>
      </c>
      <c r="G4840" s="40">
        <v>19.522235031855264</v>
      </c>
      <c r="H4840" s="40">
        <v>80.516667000000012</v>
      </c>
      <c r="I4840" s="40">
        <v>15.896308154317733</v>
      </c>
      <c r="J4840" s="40">
        <v>80.516637619048197</v>
      </c>
      <c r="K4840" s="40">
        <v>12.612285610620077</v>
      </c>
      <c r="L4840" s="40"/>
      <c r="M4840" s="40"/>
      <c r="N4840" s="40"/>
    </row>
    <row r="4841" spans="4:14" x14ac:dyDescent="0.25">
      <c r="D4841" s="40">
        <v>80.546779000003554</v>
      </c>
      <c r="E4841" s="40">
        <v>20.300610397193257</v>
      </c>
      <c r="F4841" s="40">
        <v>80.533332999999999</v>
      </c>
      <c r="G4841" s="40">
        <v>19.522235031855264</v>
      </c>
      <c r="H4841" s="40">
        <v>80.533333999999996</v>
      </c>
      <c r="I4841" s="40">
        <v>15.899660890460993</v>
      </c>
      <c r="J4841" s="40">
        <v>80.533304279762504</v>
      </c>
      <c r="K4841" s="40">
        <v>12.612285610620077</v>
      </c>
      <c r="L4841" s="40"/>
      <c r="M4841" s="40"/>
      <c r="N4841" s="40"/>
    </row>
    <row r="4842" spans="4:14" x14ac:dyDescent="0.25">
      <c r="D4842" s="40">
        <v>80.563445000003554</v>
      </c>
      <c r="E4842" s="40">
        <v>20.300610397193257</v>
      </c>
      <c r="F4842" s="40">
        <v>80.549999999999983</v>
      </c>
      <c r="G4842" s="40">
        <v>19.526990275945483</v>
      </c>
      <c r="H4842" s="40">
        <v>80.550000000000011</v>
      </c>
      <c r="I4842" s="40">
        <v>15.899660890460993</v>
      </c>
      <c r="J4842" s="40">
        <v>80.549970940476797</v>
      </c>
      <c r="K4842" s="40">
        <v>12.612285610620077</v>
      </c>
      <c r="L4842" s="40"/>
      <c r="M4842" s="40"/>
      <c r="N4842" s="40"/>
    </row>
    <row r="4843" spans="4:14" x14ac:dyDescent="0.25">
      <c r="D4843" s="40">
        <v>80.580111000003555</v>
      </c>
      <c r="E4843" s="40">
        <v>20.300610397193257</v>
      </c>
      <c r="F4843" s="40">
        <v>80.566666999999995</v>
      </c>
      <c r="G4843" s="40">
        <v>19.526990275945483</v>
      </c>
      <c r="H4843" s="40">
        <v>80.566666999999995</v>
      </c>
      <c r="I4843" s="40">
        <v>15.902915016717756</v>
      </c>
      <c r="J4843" s="40">
        <v>80.566637601191104</v>
      </c>
      <c r="K4843" s="40">
        <v>12.612285610620077</v>
      </c>
      <c r="L4843" s="40"/>
      <c r="M4843" s="40"/>
      <c r="N4843" s="40"/>
    </row>
    <row r="4844" spans="4:14" x14ac:dyDescent="0.25">
      <c r="D4844" s="40">
        <v>80.596777000003556</v>
      </c>
      <c r="E4844" s="40">
        <v>20.305311129353683</v>
      </c>
      <c r="F4844" s="40">
        <v>80.583332999999982</v>
      </c>
      <c r="G4844" s="40">
        <v>19.531605659915382</v>
      </c>
      <c r="H4844" s="40">
        <v>80.583334000000008</v>
      </c>
      <c r="I4844" s="40">
        <v>15.906267752861188</v>
      </c>
      <c r="J4844" s="40">
        <v>80.583304261905397</v>
      </c>
      <c r="K4844" s="40">
        <v>12.612285610620077</v>
      </c>
      <c r="L4844" s="40"/>
      <c r="M4844" s="40"/>
      <c r="N4844" s="40"/>
    </row>
    <row r="4845" spans="4:14" x14ac:dyDescent="0.25">
      <c r="D4845" s="40">
        <v>80.613443000003556</v>
      </c>
      <c r="E4845" s="40">
        <v>20.305311129353683</v>
      </c>
      <c r="F4845" s="40">
        <v>80.599999999999994</v>
      </c>
      <c r="G4845" s="40">
        <v>19.531605659915382</v>
      </c>
      <c r="H4845" s="40">
        <v>80.599999999999994</v>
      </c>
      <c r="I4845" s="40">
        <v>15.909620489004444</v>
      </c>
      <c r="J4845" s="40">
        <v>80.599970922619704</v>
      </c>
      <c r="K4845" s="40">
        <v>12.617136654329311</v>
      </c>
      <c r="L4845" s="40"/>
      <c r="M4845" s="40"/>
      <c r="N4845" s="40"/>
    </row>
    <row r="4846" spans="4:14" x14ac:dyDescent="0.25">
      <c r="D4846" s="40">
        <v>80.630109000003557</v>
      </c>
      <c r="E4846" s="40">
        <v>20.305311129353683</v>
      </c>
      <c r="F4846" s="40">
        <v>80.616667000000007</v>
      </c>
      <c r="G4846" s="40">
        <v>19.531605659915382</v>
      </c>
      <c r="H4846" s="40">
        <v>80.616667000000007</v>
      </c>
      <c r="I4846" s="40">
        <v>15.909620489004444</v>
      </c>
      <c r="J4846" s="40">
        <v>80.616637583333898</v>
      </c>
      <c r="K4846" s="40">
        <v>12.617136654329311</v>
      </c>
      <c r="L4846" s="40"/>
      <c r="M4846" s="40"/>
      <c r="N4846" s="40"/>
    </row>
    <row r="4847" spans="4:14" x14ac:dyDescent="0.25">
      <c r="D4847" s="40">
        <v>80.646775000003558</v>
      </c>
      <c r="E4847" s="40">
        <v>20.305311129353683</v>
      </c>
      <c r="F4847" s="40">
        <v>80.633332999999993</v>
      </c>
      <c r="G4847" s="40">
        <v>19.531605659915382</v>
      </c>
      <c r="H4847" s="40">
        <v>80.633334000000019</v>
      </c>
      <c r="I4847" s="40">
        <v>15.912874615261208</v>
      </c>
      <c r="J4847" s="40">
        <v>80.633304244048205</v>
      </c>
      <c r="K4847" s="40">
        <v>12.617136654329311</v>
      </c>
      <c r="L4847" s="40"/>
      <c r="M4847" s="40"/>
      <c r="N4847" s="40"/>
    </row>
    <row r="4848" spans="4:14" x14ac:dyDescent="0.25">
      <c r="D4848" s="40">
        <v>80.663441000003559</v>
      </c>
      <c r="E4848" s="40">
        <v>20.305311129353683</v>
      </c>
      <c r="F4848" s="40">
        <v>80.650000000000006</v>
      </c>
      <c r="G4848" s="40">
        <v>19.536360904005477</v>
      </c>
      <c r="H4848" s="40">
        <v>80.650000000000006</v>
      </c>
      <c r="I4848" s="40">
        <v>15.916227351404466</v>
      </c>
      <c r="J4848" s="40">
        <v>80.649970904762498</v>
      </c>
      <c r="K4848" s="40">
        <v>12.621987698038543</v>
      </c>
      <c r="L4848" s="40"/>
      <c r="M4848" s="40"/>
      <c r="N4848" s="40"/>
    </row>
    <row r="4849" spans="4:14" x14ac:dyDescent="0.25">
      <c r="D4849" s="40">
        <v>80.680107000003559</v>
      </c>
      <c r="E4849" s="40">
        <v>20.305311129353683</v>
      </c>
      <c r="F4849" s="40">
        <v>80.66666699999999</v>
      </c>
      <c r="G4849" s="40">
        <v>19.536360904005477</v>
      </c>
      <c r="H4849" s="40">
        <v>80.666667000000018</v>
      </c>
      <c r="I4849" s="40">
        <v>15.919580087547722</v>
      </c>
      <c r="J4849" s="40">
        <v>80.666637565476805</v>
      </c>
      <c r="K4849" s="40">
        <v>12.621987698038543</v>
      </c>
      <c r="L4849" s="40"/>
      <c r="M4849" s="40"/>
      <c r="N4849" s="40"/>
    </row>
    <row r="4850" spans="4:14" x14ac:dyDescent="0.25">
      <c r="D4850" s="40">
        <v>80.69677300000356</v>
      </c>
      <c r="E4850" s="40">
        <v>20.305311129353683</v>
      </c>
      <c r="F4850" s="40">
        <v>80.683333000000005</v>
      </c>
      <c r="G4850" s="40">
        <v>19.536360904005477</v>
      </c>
      <c r="H4850" s="40">
        <v>80.683334000000002</v>
      </c>
      <c r="I4850" s="40">
        <v>15.919580087547722</v>
      </c>
      <c r="J4850" s="40">
        <v>80.683304226191098</v>
      </c>
      <c r="K4850" s="40">
        <v>12.617136654329311</v>
      </c>
      <c r="L4850" s="40"/>
      <c r="M4850" s="40"/>
      <c r="N4850" s="40"/>
    </row>
    <row r="4851" spans="4:14" x14ac:dyDescent="0.25">
      <c r="D4851" s="40">
        <v>80.713439000003561</v>
      </c>
      <c r="E4851" s="40">
        <v>20.300610397193257</v>
      </c>
      <c r="F4851" s="40">
        <v>80.699999999999989</v>
      </c>
      <c r="G4851" s="40">
        <v>19.536360904005477</v>
      </c>
      <c r="H4851" s="40">
        <v>80.700000000000017</v>
      </c>
      <c r="I4851" s="40">
        <v>15.922834213804485</v>
      </c>
      <c r="J4851" s="40">
        <v>80.699970886905405</v>
      </c>
      <c r="K4851" s="40">
        <v>12.617136654329311</v>
      </c>
      <c r="L4851" s="40"/>
      <c r="M4851" s="40"/>
      <c r="N4851" s="40"/>
    </row>
    <row r="4852" spans="4:14" x14ac:dyDescent="0.25">
      <c r="D4852" s="40">
        <v>80.730105000003562</v>
      </c>
      <c r="E4852" s="40">
        <v>20.300610397193257</v>
      </c>
      <c r="F4852" s="40">
        <v>80.716667000000001</v>
      </c>
      <c r="G4852" s="40">
        <v>19.541116148095696</v>
      </c>
      <c r="H4852" s="40">
        <v>80.716667000000001</v>
      </c>
      <c r="I4852" s="40">
        <v>15.926186949947917</v>
      </c>
      <c r="J4852" s="40">
        <v>80.716637547619598</v>
      </c>
      <c r="K4852" s="40">
        <v>12.617136654329311</v>
      </c>
      <c r="L4852" s="40"/>
      <c r="M4852" s="40"/>
      <c r="N4852" s="40"/>
    </row>
    <row r="4853" spans="4:14" x14ac:dyDescent="0.25">
      <c r="D4853" s="40">
        <v>80.746771000003562</v>
      </c>
      <c r="E4853" s="40">
        <v>20.300610397193257</v>
      </c>
      <c r="F4853" s="40">
        <v>80.733332999999988</v>
      </c>
      <c r="G4853" s="40">
        <v>19.541116148095696</v>
      </c>
      <c r="H4853" s="40">
        <v>80.733334000000013</v>
      </c>
      <c r="I4853" s="40">
        <v>15.929539686091177</v>
      </c>
      <c r="J4853" s="40">
        <v>80.733304208333905</v>
      </c>
      <c r="K4853" s="40">
        <v>12.617136654329311</v>
      </c>
      <c r="L4853" s="40"/>
      <c r="M4853" s="40"/>
      <c r="N4853" s="40"/>
    </row>
    <row r="4854" spans="4:14" x14ac:dyDescent="0.25">
      <c r="D4854" s="40">
        <v>80.763437000003563</v>
      </c>
      <c r="E4854" s="40">
        <v>20.300610397193257</v>
      </c>
      <c r="F4854" s="40">
        <v>80.75</v>
      </c>
      <c r="G4854" s="40">
        <v>19.541116148095696</v>
      </c>
      <c r="H4854" s="40">
        <v>80.75</v>
      </c>
      <c r="I4854" s="40">
        <v>15.932793812347937</v>
      </c>
      <c r="J4854" s="40">
        <v>80.749970869048198</v>
      </c>
      <c r="K4854" s="40">
        <v>12.617136654329311</v>
      </c>
      <c r="L4854" s="40"/>
      <c r="M4854" s="40"/>
      <c r="N4854" s="40"/>
    </row>
    <row r="4855" spans="4:14" x14ac:dyDescent="0.25">
      <c r="D4855" s="40">
        <v>80.780103000003564</v>
      </c>
      <c r="E4855" s="40">
        <v>20.300610397193257</v>
      </c>
      <c r="F4855" s="40">
        <v>80.766666999999984</v>
      </c>
      <c r="G4855" s="40">
        <v>19.545731532065595</v>
      </c>
      <c r="H4855" s="40">
        <v>80.766667000000012</v>
      </c>
      <c r="I4855" s="40">
        <v>15.936146548491195</v>
      </c>
      <c r="J4855" s="40">
        <v>80.766637529762505</v>
      </c>
      <c r="K4855" s="40">
        <v>12.621987698038543</v>
      </c>
      <c r="L4855" s="40"/>
      <c r="M4855" s="40"/>
      <c r="N4855" s="40"/>
    </row>
    <row r="4856" spans="4:14" x14ac:dyDescent="0.25">
      <c r="D4856" s="40">
        <v>80.796769000003565</v>
      </c>
      <c r="E4856" s="40">
        <v>20.295767218603835</v>
      </c>
      <c r="F4856" s="40">
        <v>80.783332999999999</v>
      </c>
      <c r="G4856" s="40">
        <v>19.545731532065595</v>
      </c>
      <c r="H4856" s="40">
        <v>80.783333999999996</v>
      </c>
      <c r="I4856" s="40">
        <v>15.936146548491195</v>
      </c>
      <c r="J4856" s="40">
        <v>80.783304190476798</v>
      </c>
      <c r="K4856" s="40">
        <v>12.621987698038543</v>
      </c>
      <c r="L4856" s="40"/>
      <c r="M4856" s="40"/>
      <c r="N4856" s="40"/>
    </row>
    <row r="4857" spans="4:14" x14ac:dyDescent="0.25">
      <c r="D4857" s="40">
        <v>80.813435000003565</v>
      </c>
      <c r="E4857" s="40">
        <v>20.295767218603835</v>
      </c>
      <c r="F4857" s="40">
        <v>80.799999999999983</v>
      </c>
      <c r="G4857" s="40">
        <v>19.55048677615569</v>
      </c>
      <c r="H4857" s="40">
        <v>80.800000000000011</v>
      </c>
      <c r="I4857" s="40">
        <v>15.939499284634451</v>
      </c>
      <c r="J4857" s="40">
        <v>80.799970851191105</v>
      </c>
      <c r="K4857" s="40">
        <v>12.621987698038543</v>
      </c>
      <c r="L4857" s="40"/>
      <c r="M4857" s="40"/>
      <c r="N4857" s="40"/>
    </row>
    <row r="4858" spans="4:14" x14ac:dyDescent="0.25">
      <c r="D4858" s="40">
        <v>80.830101000003566</v>
      </c>
      <c r="E4858" s="40">
        <v>20.295767218603835</v>
      </c>
      <c r="F4858" s="40">
        <v>80.816666999999995</v>
      </c>
      <c r="G4858" s="40">
        <v>19.55048677615569</v>
      </c>
      <c r="H4858" s="40">
        <v>80.816666999999995</v>
      </c>
      <c r="I4858" s="40">
        <v>15.942753410891214</v>
      </c>
      <c r="J4858" s="40">
        <v>80.816637511905398</v>
      </c>
      <c r="K4858" s="40">
        <v>12.626696063991476</v>
      </c>
      <c r="L4858" s="40"/>
      <c r="M4858" s="40"/>
      <c r="N4858" s="40"/>
    </row>
    <row r="4859" spans="4:14" x14ac:dyDescent="0.25">
      <c r="D4859" s="40">
        <v>80.846767000003567</v>
      </c>
      <c r="E4859" s="40">
        <v>20.295767218603835</v>
      </c>
      <c r="F4859" s="40">
        <v>80.833332999999982</v>
      </c>
      <c r="G4859" s="40">
        <v>19.55524202024591</v>
      </c>
      <c r="H4859" s="40">
        <v>80.833334000000008</v>
      </c>
      <c r="I4859" s="40">
        <v>15.942753410891214</v>
      </c>
      <c r="J4859" s="40">
        <v>80.833304172619705</v>
      </c>
      <c r="K4859" s="40">
        <v>12.626696063991476</v>
      </c>
      <c r="L4859" s="40"/>
      <c r="M4859" s="40"/>
      <c r="N4859" s="40"/>
    </row>
    <row r="4860" spans="4:14" x14ac:dyDescent="0.25">
      <c r="D4860" s="40">
        <v>80.863433000003567</v>
      </c>
      <c r="E4860" s="40">
        <v>20.295767218603835</v>
      </c>
      <c r="F4860" s="40">
        <v>80.849999999999994</v>
      </c>
      <c r="G4860" s="40">
        <v>19.55524202024591</v>
      </c>
      <c r="H4860" s="40">
        <v>80.849999999999994</v>
      </c>
      <c r="I4860" s="40">
        <v>15.946106147034646</v>
      </c>
      <c r="J4860" s="40">
        <v>80.849970833333899</v>
      </c>
      <c r="K4860" s="40">
        <v>12.631547107700708</v>
      </c>
      <c r="L4860" s="40"/>
      <c r="M4860" s="40"/>
      <c r="N4860" s="40"/>
    </row>
    <row r="4861" spans="4:14" x14ac:dyDescent="0.25">
      <c r="D4861" s="40">
        <v>80.880099000003568</v>
      </c>
      <c r="E4861" s="40">
        <v>20.300610397193257</v>
      </c>
      <c r="F4861" s="40">
        <v>80.866667000000007</v>
      </c>
      <c r="G4861" s="40">
        <v>19.559997264336133</v>
      </c>
      <c r="H4861" s="40">
        <v>80.866667000000007</v>
      </c>
      <c r="I4861" s="40">
        <v>15.949458883177906</v>
      </c>
      <c r="J4861" s="40">
        <v>80.866637494048206</v>
      </c>
      <c r="K4861" s="40">
        <v>12.631547107700708</v>
      </c>
      <c r="L4861" s="40"/>
      <c r="M4861" s="40"/>
      <c r="N4861" s="40"/>
    </row>
    <row r="4862" spans="4:14" x14ac:dyDescent="0.25">
      <c r="D4862" s="40">
        <v>80.896765000003569</v>
      </c>
      <c r="E4862" s="40">
        <v>20.300610397193257</v>
      </c>
      <c r="F4862" s="40">
        <v>80.883332999999993</v>
      </c>
      <c r="G4862" s="40">
        <v>19.559997264336133</v>
      </c>
      <c r="H4862" s="40">
        <v>80.883334000000019</v>
      </c>
      <c r="I4862" s="40">
        <v>15.949458883177906</v>
      </c>
      <c r="J4862" s="40">
        <v>80.883304154762499</v>
      </c>
      <c r="K4862" s="40">
        <v>12.63639815140994</v>
      </c>
      <c r="L4862" s="40"/>
      <c r="M4862" s="40"/>
      <c r="N4862" s="40"/>
    </row>
    <row r="4863" spans="4:14" x14ac:dyDescent="0.25">
      <c r="D4863" s="40">
        <v>80.91343100000357</v>
      </c>
      <c r="E4863" s="40">
        <v>20.295767218603835</v>
      </c>
      <c r="F4863" s="40">
        <v>80.900000000000006</v>
      </c>
      <c r="G4863" s="40">
        <v>19.564612648306031</v>
      </c>
      <c r="H4863" s="40">
        <v>80.900000000000006</v>
      </c>
      <c r="I4863" s="40">
        <v>15.952713009434669</v>
      </c>
      <c r="J4863" s="40">
        <v>80.899970815476806</v>
      </c>
      <c r="K4863" s="40">
        <v>12.63639815140994</v>
      </c>
      <c r="L4863" s="40"/>
      <c r="M4863" s="40"/>
      <c r="N4863" s="40"/>
    </row>
    <row r="4864" spans="4:14" x14ac:dyDescent="0.25">
      <c r="D4864" s="40">
        <v>80.93009700000357</v>
      </c>
      <c r="E4864" s="40">
        <v>20.295767218603835</v>
      </c>
      <c r="F4864" s="40">
        <v>80.91666699999999</v>
      </c>
      <c r="G4864" s="40">
        <v>19.564612648306031</v>
      </c>
      <c r="H4864" s="40">
        <v>80.916667000000018</v>
      </c>
      <c r="I4864" s="40">
        <v>15.956065745577924</v>
      </c>
      <c r="J4864" s="40">
        <v>80.916637476191099</v>
      </c>
      <c r="K4864" s="40">
        <v>12.641106517363001</v>
      </c>
      <c r="L4864" s="40"/>
      <c r="M4864" s="40"/>
      <c r="N4864" s="40"/>
    </row>
    <row r="4865" spans="4:14" x14ac:dyDescent="0.25">
      <c r="D4865" s="40">
        <v>80.946763000003571</v>
      </c>
      <c r="E4865" s="40">
        <v>20.295767218603835</v>
      </c>
      <c r="F4865" s="40">
        <v>80.933333000000005</v>
      </c>
      <c r="G4865" s="40">
        <v>19.564612648306031</v>
      </c>
      <c r="H4865" s="40">
        <v>80.933334000000002</v>
      </c>
      <c r="I4865" s="40">
        <v>15.956065745577924</v>
      </c>
      <c r="J4865" s="40">
        <v>80.933304136905406</v>
      </c>
      <c r="K4865" s="40">
        <v>12.641106517363001</v>
      </c>
      <c r="L4865" s="40"/>
      <c r="M4865" s="40"/>
      <c r="N4865" s="40"/>
    </row>
    <row r="4866" spans="4:14" x14ac:dyDescent="0.25">
      <c r="D4866" s="40">
        <v>80.963429000003572</v>
      </c>
      <c r="E4866" s="40">
        <v>20.295767218603835</v>
      </c>
      <c r="F4866" s="40">
        <v>80.949999999999989</v>
      </c>
      <c r="G4866" s="40">
        <v>19.569367892396127</v>
      </c>
      <c r="H4866" s="40">
        <v>80.950000000000017</v>
      </c>
      <c r="I4866" s="40">
        <v>15.959418481721357</v>
      </c>
      <c r="J4866" s="40">
        <v>80.949970797619699</v>
      </c>
      <c r="K4866" s="40">
        <v>12.641106517363001</v>
      </c>
      <c r="L4866" s="40"/>
      <c r="M4866" s="40"/>
      <c r="N4866" s="40"/>
    </row>
    <row r="4867" spans="4:14" x14ac:dyDescent="0.25">
      <c r="D4867" s="40">
        <v>80.980095000003573</v>
      </c>
      <c r="E4867" s="40">
        <v>20.295767218603835</v>
      </c>
      <c r="F4867" s="40">
        <v>80.966667000000001</v>
      </c>
      <c r="G4867" s="40">
        <v>19.569367892396127</v>
      </c>
      <c r="H4867" s="40">
        <v>80.966667000000001</v>
      </c>
      <c r="I4867" s="40">
        <v>15.959418481721357</v>
      </c>
      <c r="J4867" s="40">
        <v>80.966637458333906</v>
      </c>
      <c r="K4867" s="40">
        <v>12.645957561072107</v>
      </c>
      <c r="L4867" s="40"/>
      <c r="M4867" s="40"/>
      <c r="N4867" s="40"/>
    </row>
    <row r="4868" spans="4:14" x14ac:dyDescent="0.25">
      <c r="D4868" s="40">
        <v>80.996761000003573</v>
      </c>
      <c r="E4868" s="40">
        <v>20.295767218603835</v>
      </c>
      <c r="F4868" s="40">
        <v>80.983332999999988</v>
      </c>
      <c r="G4868" s="40">
        <v>19.569367892396127</v>
      </c>
      <c r="H4868" s="40">
        <v>80.983334000000013</v>
      </c>
      <c r="I4868" s="40">
        <v>15.962672607977947</v>
      </c>
      <c r="J4868" s="40">
        <v>80.983304119048199</v>
      </c>
      <c r="K4868" s="40">
        <v>12.645957561072107</v>
      </c>
      <c r="L4868" s="40"/>
      <c r="M4868" s="40"/>
      <c r="N4868" s="40"/>
    </row>
    <row r="4869" spans="4:14" x14ac:dyDescent="0.25">
      <c r="D4869" s="40">
        <v>81.013427000003574</v>
      </c>
      <c r="E4869" s="40">
        <v>20.295767218603835</v>
      </c>
      <c r="F4869" s="40">
        <v>81</v>
      </c>
      <c r="G4869" s="40">
        <v>19.574123136486346</v>
      </c>
      <c r="H4869" s="40">
        <v>81</v>
      </c>
      <c r="I4869" s="40">
        <v>15.966025344121379</v>
      </c>
      <c r="J4869" s="40">
        <v>80.999970779762506</v>
      </c>
      <c r="K4869" s="40">
        <v>12.645957561072107</v>
      </c>
      <c r="L4869" s="40"/>
      <c r="M4869" s="40"/>
      <c r="N4869" s="40"/>
    </row>
    <row r="4870" spans="4:14" x14ac:dyDescent="0.25">
      <c r="D4870" s="40">
        <v>81.030093000003575</v>
      </c>
      <c r="E4870" s="40">
        <v>20.300610397193257</v>
      </c>
      <c r="F4870" s="40">
        <v>81.016666999999984</v>
      </c>
      <c r="G4870" s="40">
        <v>19.574123136486346</v>
      </c>
      <c r="H4870" s="40">
        <v>81.016667000000012</v>
      </c>
      <c r="I4870" s="40">
        <v>15.966025344121379</v>
      </c>
      <c r="J4870" s="40">
        <v>81.016637440476799</v>
      </c>
      <c r="K4870" s="40">
        <v>12.650808604781339</v>
      </c>
      <c r="L4870" s="40"/>
      <c r="M4870" s="40"/>
      <c r="N4870" s="40"/>
    </row>
    <row r="4871" spans="4:14" x14ac:dyDescent="0.25">
      <c r="D4871" s="40">
        <v>81.046759000003576</v>
      </c>
      <c r="E4871" s="40">
        <v>20.300610397193257</v>
      </c>
      <c r="F4871" s="40">
        <v>81.033332999999999</v>
      </c>
      <c r="G4871" s="40">
        <v>19.574123136486346</v>
      </c>
      <c r="H4871" s="40">
        <v>81.033333999999996</v>
      </c>
      <c r="I4871" s="40">
        <v>15.969378080264635</v>
      </c>
      <c r="J4871" s="40">
        <v>81.033304101191106</v>
      </c>
      <c r="K4871" s="40">
        <v>12.650808604781339</v>
      </c>
      <c r="L4871" s="40"/>
      <c r="M4871" s="40"/>
      <c r="N4871" s="40"/>
    </row>
    <row r="4872" spans="4:14" x14ac:dyDescent="0.25">
      <c r="D4872" s="40">
        <v>81.063425000003576</v>
      </c>
      <c r="E4872" s="40">
        <v>20.305311129353683</v>
      </c>
      <c r="F4872" s="40">
        <v>81.049999999999983</v>
      </c>
      <c r="G4872" s="40">
        <v>19.578738520456245</v>
      </c>
      <c r="H4872" s="40">
        <v>81.050000000000011</v>
      </c>
      <c r="I4872" s="40">
        <v>15.969378080264635</v>
      </c>
      <c r="J4872" s="40">
        <v>81.049970761905399</v>
      </c>
      <c r="K4872" s="40">
        <v>12.650808604781339</v>
      </c>
      <c r="L4872" s="40"/>
      <c r="M4872" s="40"/>
      <c r="N4872" s="40"/>
    </row>
    <row r="4873" spans="4:14" x14ac:dyDescent="0.25">
      <c r="D4873" s="40">
        <v>81.080091000003577</v>
      </c>
      <c r="E4873" s="40">
        <v>20.305311129353683</v>
      </c>
      <c r="F4873" s="40">
        <v>81.066666999999995</v>
      </c>
      <c r="G4873" s="40">
        <v>19.578738520456245</v>
      </c>
      <c r="H4873" s="40">
        <v>81.066666999999995</v>
      </c>
      <c r="I4873" s="40">
        <v>15.972632206521398</v>
      </c>
      <c r="J4873" s="40">
        <v>81.066637422619706</v>
      </c>
      <c r="K4873" s="40">
        <v>12.650808604781339</v>
      </c>
      <c r="L4873" s="40"/>
      <c r="M4873" s="40"/>
      <c r="N4873" s="40"/>
    </row>
    <row r="4874" spans="4:14" x14ac:dyDescent="0.25">
      <c r="D4874" s="40">
        <v>81.096757000003578</v>
      </c>
      <c r="E4874" s="40">
        <v>20.305311129353683</v>
      </c>
      <c r="F4874" s="40">
        <v>81.083332999999982</v>
      </c>
      <c r="G4874" s="40">
        <v>19.578738520456245</v>
      </c>
      <c r="H4874" s="40">
        <v>81.083334000000008</v>
      </c>
      <c r="I4874" s="40">
        <v>15.975984942664653</v>
      </c>
      <c r="J4874" s="40">
        <v>81.0833040833339</v>
      </c>
      <c r="K4874" s="40">
        <v>12.650808604781339</v>
      </c>
      <c r="L4874" s="40"/>
      <c r="M4874" s="40"/>
      <c r="N4874" s="40"/>
    </row>
    <row r="4875" spans="4:14" x14ac:dyDescent="0.25">
      <c r="D4875" s="40">
        <v>81.113423000003579</v>
      </c>
      <c r="E4875" s="40">
        <v>20.310154307943229</v>
      </c>
      <c r="F4875" s="40">
        <v>81.099999999999994</v>
      </c>
      <c r="G4875" s="40">
        <v>19.58349376454634</v>
      </c>
      <c r="H4875" s="40">
        <v>81.099999999999994</v>
      </c>
      <c r="I4875" s="40">
        <v>15.975984942664653</v>
      </c>
      <c r="J4875" s="40">
        <v>81.099970744048207</v>
      </c>
      <c r="K4875" s="40">
        <v>12.650808604781339</v>
      </c>
      <c r="L4875" s="40"/>
      <c r="M4875" s="40"/>
      <c r="N4875" s="40"/>
    </row>
    <row r="4876" spans="4:14" x14ac:dyDescent="0.25">
      <c r="D4876" s="40">
        <v>81.130089000003579</v>
      </c>
      <c r="E4876" s="40">
        <v>20.310154307943229</v>
      </c>
      <c r="F4876" s="40">
        <v>81.116667000000007</v>
      </c>
      <c r="G4876" s="40">
        <v>19.58349376454634</v>
      </c>
      <c r="H4876" s="40">
        <v>81.116667000000007</v>
      </c>
      <c r="I4876" s="40">
        <v>15.979337678808086</v>
      </c>
      <c r="J4876" s="40">
        <v>81.1166374047625</v>
      </c>
      <c r="K4876" s="40">
        <v>12.650808604781339</v>
      </c>
      <c r="L4876" s="40"/>
      <c r="M4876" s="40"/>
      <c r="N4876" s="40"/>
    </row>
    <row r="4877" spans="4:14" x14ac:dyDescent="0.25">
      <c r="D4877" s="40">
        <v>81.14675500000358</v>
      </c>
      <c r="E4877" s="40">
        <v>20.314997486532782</v>
      </c>
      <c r="F4877" s="40">
        <v>81.133332999999993</v>
      </c>
      <c r="G4877" s="40">
        <v>19.588249008636559</v>
      </c>
      <c r="H4877" s="40">
        <v>81.133334000000019</v>
      </c>
      <c r="I4877" s="40">
        <v>15.979337678808086</v>
      </c>
      <c r="J4877" s="40">
        <v>81.133304065476807</v>
      </c>
      <c r="K4877" s="40">
        <v>12.650808604781339</v>
      </c>
      <c r="L4877" s="40"/>
      <c r="M4877" s="40"/>
      <c r="N4877" s="40"/>
    </row>
    <row r="4878" spans="4:14" x14ac:dyDescent="0.25">
      <c r="D4878" s="40">
        <v>81.163421000003581</v>
      </c>
      <c r="E4878" s="40">
        <v>20.319698218693077</v>
      </c>
      <c r="F4878" s="40">
        <v>81.150000000000006</v>
      </c>
      <c r="G4878" s="40">
        <v>19.588249008636559</v>
      </c>
      <c r="H4878" s="40">
        <v>81.150000000000006</v>
      </c>
      <c r="I4878" s="40">
        <v>15.982690414951344</v>
      </c>
      <c r="J4878" s="40">
        <v>81.1499707261911</v>
      </c>
      <c r="K4878" s="40">
        <v>12.650808604781339</v>
      </c>
      <c r="L4878" s="40"/>
      <c r="M4878" s="40"/>
      <c r="N4878" s="40"/>
    </row>
    <row r="4879" spans="4:14" x14ac:dyDescent="0.25">
      <c r="D4879" s="40">
        <v>81.180087000003581</v>
      </c>
      <c r="E4879" s="40">
        <v>20.32454139728263</v>
      </c>
      <c r="F4879" s="40">
        <v>81.16666699999999</v>
      </c>
      <c r="G4879" s="40">
        <v>19.588249008636559</v>
      </c>
      <c r="H4879" s="40">
        <v>81.166667000000018</v>
      </c>
      <c r="I4879" s="40">
        <v>15.985944541208108</v>
      </c>
      <c r="J4879" s="40">
        <v>81.166637386905407</v>
      </c>
      <c r="K4879" s="40">
        <v>12.655516970734398</v>
      </c>
      <c r="L4879" s="40"/>
      <c r="M4879" s="40"/>
      <c r="N4879" s="40"/>
    </row>
    <row r="4880" spans="4:14" x14ac:dyDescent="0.25">
      <c r="D4880" s="40">
        <v>81.196753000003582</v>
      </c>
      <c r="E4880" s="40">
        <v>20.329384575872176</v>
      </c>
      <c r="F4880" s="40">
        <v>81.183333000000005</v>
      </c>
      <c r="G4880" s="40">
        <v>19.588249008636559</v>
      </c>
      <c r="H4880" s="40">
        <v>81.183334000000002</v>
      </c>
      <c r="I4880" s="40">
        <v>15.985944541208108</v>
      </c>
      <c r="J4880" s="40">
        <v>81.1833040476197</v>
      </c>
      <c r="K4880" s="40">
        <v>12.655516970734398</v>
      </c>
      <c r="L4880" s="40"/>
      <c r="M4880" s="40"/>
      <c r="N4880" s="40"/>
    </row>
    <row r="4881" spans="4:14" x14ac:dyDescent="0.25">
      <c r="D4881" s="40">
        <v>81.213419000003583</v>
      </c>
      <c r="E4881" s="40">
        <v>20.334085308032478</v>
      </c>
      <c r="F4881" s="40">
        <v>81.199999999999989</v>
      </c>
      <c r="G4881" s="40">
        <v>19.592864392606458</v>
      </c>
      <c r="H4881" s="40">
        <v>81.200000000000017</v>
      </c>
      <c r="I4881" s="40">
        <v>15.989297277351364</v>
      </c>
      <c r="J4881" s="40">
        <v>81.199970708333893</v>
      </c>
      <c r="K4881" s="40">
        <v>12.655516970734398</v>
      </c>
      <c r="L4881" s="40"/>
      <c r="M4881" s="40"/>
      <c r="N4881" s="40"/>
    </row>
    <row r="4882" spans="4:14" x14ac:dyDescent="0.25">
      <c r="D4882" s="40">
        <v>81.230085000003584</v>
      </c>
      <c r="E4882" s="40">
        <v>20.334085308032478</v>
      </c>
      <c r="F4882" s="40">
        <v>81.216667000000001</v>
      </c>
      <c r="G4882" s="40">
        <v>19.592864392606458</v>
      </c>
      <c r="H4882" s="40">
        <v>81.216667000000001</v>
      </c>
      <c r="I4882" s="40">
        <v>15.992650013494796</v>
      </c>
      <c r="J4882" s="40">
        <v>81.2166373690482</v>
      </c>
      <c r="K4882" s="40">
        <v>12.650808604781339</v>
      </c>
      <c r="L4882" s="40"/>
      <c r="M4882" s="40"/>
      <c r="N4882" s="40"/>
    </row>
    <row r="4883" spans="4:14" x14ac:dyDescent="0.25">
      <c r="D4883" s="40">
        <v>81.246751000003584</v>
      </c>
      <c r="E4883" s="40">
        <v>20.338928486622024</v>
      </c>
      <c r="F4883" s="40">
        <v>81.233332999999988</v>
      </c>
      <c r="G4883" s="40">
        <v>19.592864392606458</v>
      </c>
      <c r="H4883" s="40">
        <v>81.233334000000013</v>
      </c>
      <c r="I4883" s="40">
        <v>15.992650013494796</v>
      </c>
      <c r="J4883" s="40">
        <v>81.233304029762493</v>
      </c>
      <c r="K4883" s="40">
        <v>12.650808604781339</v>
      </c>
      <c r="L4883" s="40"/>
      <c r="M4883" s="40"/>
      <c r="N4883" s="40"/>
    </row>
    <row r="4884" spans="4:14" x14ac:dyDescent="0.25">
      <c r="D4884" s="40">
        <v>81.263417000003585</v>
      </c>
      <c r="E4884" s="40">
        <v>20.338928486622024</v>
      </c>
      <c r="F4884" s="40">
        <v>81.25</v>
      </c>
      <c r="G4884" s="40">
        <v>19.592864392606458</v>
      </c>
      <c r="H4884" s="40">
        <v>81.25</v>
      </c>
      <c r="I4884" s="40">
        <v>15.995904139751385</v>
      </c>
      <c r="J4884" s="40">
        <v>81.2499706904768</v>
      </c>
      <c r="K4884" s="40">
        <v>12.650808604781339</v>
      </c>
      <c r="L4884" s="40"/>
      <c r="M4884" s="40"/>
      <c r="N4884" s="40"/>
    </row>
    <row r="4885" spans="4:14" x14ac:dyDescent="0.25">
      <c r="D4885" s="40">
        <v>81.280083000003586</v>
      </c>
      <c r="E4885" s="40">
        <v>20.338928486622024</v>
      </c>
      <c r="F4885" s="40">
        <v>81.266666999999984</v>
      </c>
      <c r="G4885" s="40">
        <v>19.597619636696557</v>
      </c>
      <c r="H4885" s="40">
        <v>81.266667000000012</v>
      </c>
      <c r="I4885" s="40">
        <v>15.995904139751385</v>
      </c>
      <c r="J4885" s="40">
        <v>81.266637351191093</v>
      </c>
      <c r="K4885" s="40">
        <v>12.650808604781339</v>
      </c>
      <c r="L4885" s="40"/>
      <c r="M4885" s="40"/>
      <c r="N4885" s="40"/>
    </row>
    <row r="4886" spans="4:14" x14ac:dyDescent="0.25">
      <c r="D4886" s="40">
        <v>81.296749000003587</v>
      </c>
      <c r="E4886" s="40">
        <v>20.338928486622024</v>
      </c>
      <c r="F4886" s="40">
        <v>81.283332999999999</v>
      </c>
      <c r="G4886" s="40">
        <v>19.597619636696557</v>
      </c>
      <c r="H4886" s="40">
        <v>81.283333999999996</v>
      </c>
      <c r="I4886" s="40">
        <v>15.999256875894819</v>
      </c>
      <c r="J4886" s="40">
        <v>81.2833040119054</v>
      </c>
      <c r="K4886" s="40">
        <v>12.650808604781339</v>
      </c>
      <c r="L4886" s="40"/>
      <c r="M4886" s="40"/>
      <c r="N4886" s="40"/>
    </row>
    <row r="4887" spans="4:14" x14ac:dyDescent="0.25">
      <c r="D4887" s="40">
        <v>81.313415000003587</v>
      </c>
      <c r="E4887" s="40">
        <v>20.34377166521157</v>
      </c>
      <c r="F4887" s="40">
        <v>81.299999999999983</v>
      </c>
      <c r="G4887" s="40">
        <v>19.597619636696557</v>
      </c>
      <c r="H4887" s="61">
        <v>81.300000000000011</v>
      </c>
      <c r="I4887" s="61">
        <v>16.002609612038075</v>
      </c>
      <c r="J4887" s="40">
        <v>81.299970672619693</v>
      </c>
      <c r="K4887" s="40">
        <v>12.650808604781339</v>
      </c>
      <c r="L4887" s="40"/>
      <c r="M4887" s="40"/>
      <c r="N4887" s="40"/>
    </row>
    <row r="4888" spans="4:14" x14ac:dyDescent="0.25">
      <c r="D4888" s="40">
        <v>81.330081000003588</v>
      </c>
      <c r="E4888" s="40">
        <v>20.34377166521157</v>
      </c>
      <c r="F4888" s="40">
        <v>81.316666999999995</v>
      </c>
      <c r="G4888" s="40">
        <v>19.602374880786776</v>
      </c>
      <c r="H4888" s="40">
        <v>81.316666999999995</v>
      </c>
      <c r="I4888" s="40">
        <v>16.002609612038075</v>
      </c>
      <c r="J4888" s="40">
        <v>81.316637333333901</v>
      </c>
      <c r="K4888" s="40">
        <v>12.650808604781339</v>
      </c>
      <c r="L4888" s="40"/>
      <c r="M4888" s="40"/>
      <c r="N4888" s="40"/>
    </row>
    <row r="4889" spans="4:14" x14ac:dyDescent="0.25">
      <c r="D4889" s="40">
        <v>81.346747000003589</v>
      </c>
      <c r="E4889" s="40">
        <v>20.34377166521157</v>
      </c>
      <c r="F4889" s="40">
        <v>81.333332999999982</v>
      </c>
      <c r="G4889" s="40">
        <v>19.602374880786776</v>
      </c>
      <c r="H4889" s="40">
        <v>81.333334000000008</v>
      </c>
      <c r="I4889" s="40">
        <v>16.005863738294838</v>
      </c>
      <c r="J4889" s="40">
        <v>81.333303994048194</v>
      </c>
      <c r="K4889" s="40">
        <v>12.650808604781339</v>
      </c>
      <c r="L4889" s="40"/>
      <c r="M4889" s="40"/>
      <c r="N4889" s="40"/>
    </row>
    <row r="4890" spans="4:14" x14ac:dyDescent="0.25">
      <c r="D4890" s="40">
        <v>81.36341300000359</v>
      </c>
      <c r="E4890" s="40">
        <v>20.34377166521157</v>
      </c>
      <c r="F4890" s="40">
        <v>81.349999999999994</v>
      </c>
      <c r="G4890" s="40">
        <v>19.602374880786776</v>
      </c>
      <c r="H4890" s="40">
        <v>81.349999999999994</v>
      </c>
      <c r="I4890" s="40">
        <v>16.009216474438094</v>
      </c>
      <c r="J4890" s="40">
        <v>81.349970654762501</v>
      </c>
      <c r="K4890" s="40">
        <v>12.650808604781339</v>
      </c>
      <c r="L4890" s="40"/>
      <c r="M4890" s="40"/>
      <c r="N4890" s="40"/>
    </row>
    <row r="4891" spans="4:14" x14ac:dyDescent="0.25">
      <c r="D4891" s="40">
        <v>81.38007900000359</v>
      </c>
      <c r="E4891" s="40">
        <v>20.34377166521157</v>
      </c>
      <c r="F4891" s="40">
        <v>81.366667000000007</v>
      </c>
      <c r="G4891" s="40">
        <v>19.606990264756675</v>
      </c>
      <c r="H4891" s="40">
        <v>81.366667000000007</v>
      </c>
      <c r="I4891" s="40">
        <v>16.009216474438094</v>
      </c>
      <c r="J4891" s="40">
        <v>81.366637315476794</v>
      </c>
      <c r="K4891" s="40">
        <v>12.650808604781339</v>
      </c>
      <c r="L4891" s="40"/>
      <c r="M4891" s="40"/>
      <c r="N4891" s="40"/>
    </row>
    <row r="4892" spans="4:14" x14ac:dyDescent="0.25">
      <c r="D4892" s="40">
        <v>81.396745000003591</v>
      </c>
      <c r="E4892" s="40">
        <v>20.348472397371996</v>
      </c>
      <c r="F4892" s="40">
        <v>81.383332999999993</v>
      </c>
      <c r="G4892" s="40">
        <v>19.606990264756675</v>
      </c>
      <c r="H4892" s="40">
        <v>81.383334000000019</v>
      </c>
      <c r="I4892" s="40">
        <v>16.012569210581528</v>
      </c>
      <c r="J4892" s="40">
        <v>81.383303976191101</v>
      </c>
      <c r="K4892" s="40">
        <v>12.650808604781339</v>
      </c>
      <c r="L4892" s="40"/>
      <c r="M4892" s="40"/>
      <c r="N4892" s="40"/>
    </row>
    <row r="4893" spans="4:14" x14ac:dyDescent="0.25">
      <c r="D4893" s="40">
        <v>81.413411000003592</v>
      </c>
      <c r="E4893" s="40">
        <v>20.348472397371996</v>
      </c>
      <c r="F4893" s="40">
        <v>81.400000000000006</v>
      </c>
      <c r="G4893" s="40">
        <v>19.606990264756675</v>
      </c>
      <c r="H4893" s="40">
        <v>81.400000000000006</v>
      </c>
      <c r="I4893" s="40">
        <v>16.012569210581528</v>
      </c>
      <c r="J4893" s="40">
        <v>81.399970636905394</v>
      </c>
      <c r="K4893" s="40">
        <v>12.655516970734398</v>
      </c>
      <c r="L4893" s="40"/>
      <c r="M4893" s="40"/>
      <c r="N4893" s="40"/>
    </row>
    <row r="4894" spans="4:14" x14ac:dyDescent="0.25">
      <c r="D4894" s="40">
        <v>81.430077000003593</v>
      </c>
      <c r="E4894" s="40">
        <v>20.348472397371996</v>
      </c>
      <c r="F4894" s="40">
        <v>81.41666699999999</v>
      </c>
      <c r="G4894" s="40">
        <v>19.606990264756675</v>
      </c>
      <c r="H4894" s="40">
        <v>81.416667000000018</v>
      </c>
      <c r="I4894" s="40">
        <v>16.015823336838288</v>
      </c>
      <c r="J4894" s="40">
        <v>81.416637297619701</v>
      </c>
      <c r="K4894" s="40">
        <v>12.655516970734398</v>
      </c>
      <c r="L4894" s="40"/>
      <c r="M4894" s="40"/>
      <c r="N4894" s="40"/>
    </row>
    <row r="4895" spans="4:14" x14ac:dyDescent="0.25">
      <c r="D4895" s="40">
        <v>81.446743000003593</v>
      </c>
      <c r="E4895" s="40">
        <v>20.348472397371996</v>
      </c>
      <c r="F4895" s="40">
        <v>81.433333000000005</v>
      </c>
      <c r="G4895" s="40">
        <v>19.606990264756675</v>
      </c>
      <c r="H4895" s="40">
        <v>81.433334000000002</v>
      </c>
      <c r="I4895" s="40">
        <v>16.019176072981548</v>
      </c>
      <c r="J4895" s="40">
        <v>81.433303958333894</v>
      </c>
      <c r="K4895" s="40">
        <v>12.655516970734398</v>
      </c>
      <c r="L4895" s="40"/>
      <c r="M4895" s="40"/>
      <c r="N4895" s="40"/>
    </row>
    <row r="4896" spans="4:14" x14ac:dyDescent="0.25">
      <c r="D4896" s="40">
        <v>81.463409000003594</v>
      </c>
      <c r="E4896" s="40">
        <v>20.348472397371996</v>
      </c>
      <c r="F4896" s="40">
        <v>81.449999999999989</v>
      </c>
      <c r="G4896" s="40">
        <v>19.606990264756675</v>
      </c>
      <c r="H4896" s="40">
        <v>81.450000000000017</v>
      </c>
      <c r="I4896" s="40">
        <v>16.022528809124804</v>
      </c>
      <c r="J4896" s="40">
        <v>81.449970619048202</v>
      </c>
      <c r="K4896" s="40">
        <v>12.655516970734398</v>
      </c>
      <c r="L4896" s="40"/>
      <c r="M4896" s="40"/>
      <c r="N4896" s="40"/>
    </row>
    <row r="4897" spans="4:14" x14ac:dyDescent="0.25">
      <c r="D4897" s="40">
        <v>81.480075000003595</v>
      </c>
      <c r="E4897" s="40">
        <v>20.348472397371996</v>
      </c>
      <c r="F4897" s="40">
        <v>81.466667000000001</v>
      </c>
      <c r="G4897" s="40">
        <v>19.606990264756675</v>
      </c>
      <c r="H4897" s="40">
        <v>81.466667000000001</v>
      </c>
      <c r="I4897" s="40">
        <v>16.022528809124804</v>
      </c>
      <c r="J4897" s="40">
        <v>81.466637279762494</v>
      </c>
      <c r="K4897" s="40">
        <v>12.655516970734398</v>
      </c>
      <c r="L4897" s="40"/>
      <c r="M4897" s="40"/>
      <c r="N4897" s="40"/>
    </row>
    <row r="4898" spans="4:14" x14ac:dyDescent="0.25">
      <c r="D4898" s="40">
        <v>81.496741000003595</v>
      </c>
      <c r="E4898" s="40">
        <v>20.348472397371996</v>
      </c>
      <c r="F4898" s="40">
        <v>81.483332999999988</v>
      </c>
      <c r="G4898" s="40">
        <v>19.611745508846894</v>
      </c>
      <c r="H4898" s="40">
        <v>81.483334000000013</v>
      </c>
      <c r="I4898" s="40">
        <v>16.025782935381567</v>
      </c>
      <c r="J4898" s="40">
        <v>81.483303940476802</v>
      </c>
      <c r="K4898" s="40">
        <v>12.655516970734398</v>
      </c>
      <c r="L4898" s="40"/>
      <c r="M4898" s="40"/>
      <c r="N4898" s="40"/>
    </row>
    <row r="4899" spans="4:14" x14ac:dyDescent="0.25">
      <c r="D4899" s="40">
        <v>81.513407000003596</v>
      </c>
      <c r="E4899" s="40">
        <v>20.348472397371996</v>
      </c>
      <c r="F4899" s="40">
        <v>81.5</v>
      </c>
      <c r="G4899" s="40">
        <v>19.611745508846894</v>
      </c>
      <c r="H4899" s="40">
        <v>81.5</v>
      </c>
      <c r="I4899" s="40">
        <v>16.029135671524827</v>
      </c>
      <c r="J4899" s="40">
        <v>81.499970601191094</v>
      </c>
      <c r="K4899" s="40">
        <v>12.655516970734398</v>
      </c>
      <c r="L4899" s="40"/>
      <c r="M4899" s="40"/>
      <c r="N4899" s="40"/>
    </row>
    <row r="4900" spans="4:14" x14ac:dyDescent="0.25">
      <c r="D4900" s="40">
        <v>81.530073000003597</v>
      </c>
      <c r="E4900" s="40">
        <v>20.348472397371996</v>
      </c>
      <c r="F4900" s="40">
        <v>81.516666999999984</v>
      </c>
      <c r="G4900" s="40">
        <v>19.611745508846894</v>
      </c>
      <c r="H4900" s="40">
        <v>81.516667000000012</v>
      </c>
      <c r="I4900" s="40">
        <v>16.029135671524827</v>
      </c>
      <c r="J4900" s="40">
        <v>81.516637261905402</v>
      </c>
      <c r="K4900" s="40">
        <v>12.655516970734398</v>
      </c>
      <c r="L4900" s="40"/>
      <c r="M4900" s="40"/>
      <c r="N4900" s="40"/>
    </row>
    <row r="4901" spans="4:14" x14ac:dyDescent="0.25">
      <c r="D4901" s="40">
        <v>81.546739000003598</v>
      </c>
      <c r="E4901" s="40">
        <v>20.353315575961417</v>
      </c>
      <c r="F4901" s="40">
        <v>81.533332999999999</v>
      </c>
      <c r="G4901" s="40">
        <v>19.616500752936989</v>
      </c>
      <c r="H4901" s="40">
        <v>81.533333999999996</v>
      </c>
      <c r="I4901" s="40">
        <v>16.032488407668257</v>
      </c>
      <c r="J4901" s="40">
        <v>81.533303922619695</v>
      </c>
      <c r="K4901" s="40">
        <v>12.660368014443504</v>
      </c>
      <c r="L4901" s="40"/>
      <c r="M4901" s="40"/>
      <c r="N4901" s="40"/>
    </row>
    <row r="4902" spans="4:14" x14ac:dyDescent="0.25">
      <c r="D4902" s="40">
        <v>81.563405000003598</v>
      </c>
      <c r="E4902" s="40">
        <v>20.353315575961417</v>
      </c>
      <c r="F4902" s="40">
        <v>81.549999999999983</v>
      </c>
      <c r="G4902" s="40">
        <v>19.616500752936989</v>
      </c>
      <c r="H4902" s="40">
        <v>81.550000000000011</v>
      </c>
      <c r="I4902" s="40">
        <v>16.035742533925021</v>
      </c>
      <c r="J4902" s="40">
        <v>81.549970583333902</v>
      </c>
      <c r="K4902" s="40">
        <v>12.660368014443504</v>
      </c>
      <c r="L4902" s="40"/>
      <c r="M4902" s="40"/>
      <c r="N4902" s="40"/>
    </row>
    <row r="4903" spans="4:14" x14ac:dyDescent="0.25">
      <c r="D4903" s="40">
        <v>81.580071000003599</v>
      </c>
      <c r="E4903" s="40">
        <v>20.353315575961417</v>
      </c>
      <c r="F4903" s="40">
        <v>81.566666999999995</v>
      </c>
      <c r="G4903" s="40">
        <v>19.616500752936989</v>
      </c>
      <c r="H4903" s="40">
        <v>81.566666999999995</v>
      </c>
      <c r="I4903" s="40">
        <v>16.039095270068277</v>
      </c>
      <c r="J4903" s="40">
        <v>81.566637244048195</v>
      </c>
      <c r="K4903" s="40">
        <v>12.665219058152736</v>
      </c>
      <c r="L4903" s="40"/>
      <c r="M4903" s="40"/>
      <c r="N4903" s="40"/>
    </row>
    <row r="4904" spans="4:14" x14ac:dyDescent="0.25">
      <c r="D4904" s="40">
        <v>81.5967370000036</v>
      </c>
      <c r="E4904" s="40">
        <v>20.348472397371996</v>
      </c>
      <c r="F4904" s="40">
        <v>81.583332999999982</v>
      </c>
      <c r="G4904" s="40">
        <v>19.621116136906888</v>
      </c>
      <c r="H4904" s="40">
        <v>81.583334000000008</v>
      </c>
      <c r="I4904" s="40">
        <v>16.039095270068277</v>
      </c>
      <c r="J4904" s="40">
        <v>81.583303904762502</v>
      </c>
      <c r="K4904" s="40">
        <v>12.665219058152736</v>
      </c>
      <c r="L4904" s="40"/>
      <c r="M4904" s="40"/>
      <c r="N4904" s="40"/>
    </row>
    <row r="4905" spans="4:14" x14ac:dyDescent="0.25">
      <c r="D4905" s="40">
        <v>81.613403000003601</v>
      </c>
      <c r="E4905" s="40">
        <v>20.348472397371996</v>
      </c>
      <c r="F4905" s="40">
        <v>81.599999999999994</v>
      </c>
      <c r="G4905" s="40">
        <v>19.625871380997108</v>
      </c>
      <c r="H4905" s="40">
        <v>81.599999999999994</v>
      </c>
      <c r="I4905" s="40">
        <v>16.042448006211536</v>
      </c>
      <c r="J4905" s="40">
        <v>81.599970565476795</v>
      </c>
      <c r="K4905" s="40">
        <v>12.669927424105797</v>
      </c>
      <c r="L4905" s="40"/>
      <c r="M4905" s="40"/>
      <c r="N4905" s="40"/>
    </row>
    <row r="4906" spans="4:14" x14ac:dyDescent="0.25">
      <c r="D4906" s="40">
        <v>81.630069000003601</v>
      </c>
      <c r="E4906" s="40">
        <v>20.348472397371996</v>
      </c>
      <c r="F4906" s="40">
        <v>81.616667000000007</v>
      </c>
      <c r="G4906" s="40">
        <v>19.625871380997108</v>
      </c>
      <c r="H4906" s="40">
        <v>81.616667000000007</v>
      </c>
      <c r="I4906" s="40">
        <v>16.0457021324683</v>
      </c>
      <c r="J4906" s="40">
        <v>81.616637226191102</v>
      </c>
      <c r="K4906" s="40">
        <v>12.669927424105797</v>
      </c>
      <c r="L4906" s="40"/>
      <c r="M4906" s="40"/>
      <c r="N4906" s="40"/>
    </row>
    <row r="4907" spans="4:14" x14ac:dyDescent="0.25">
      <c r="D4907" s="40">
        <v>81.646735000003602</v>
      </c>
      <c r="E4907" s="40">
        <v>20.348472397371996</v>
      </c>
      <c r="F4907" s="40">
        <v>81.633332999999993</v>
      </c>
      <c r="G4907" s="40">
        <v>19.630626625087203</v>
      </c>
      <c r="H4907" s="40">
        <v>81.633334000000019</v>
      </c>
      <c r="I4907" s="40">
        <v>16.0457021324683</v>
      </c>
      <c r="J4907" s="40">
        <v>81.633303886905395</v>
      </c>
      <c r="K4907" s="40">
        <v>12.669927424105797</v>
      </c>
      <c r="L4907" s="40"/>
      <c r="M4907" s="40"/>
      <c r="N4907" s="40"/>
    </row>
    <row r="4908" spans="4:14" x14ac:dyDescent="0.25">
      <c r="D4908" s="40">
        <v>81.663401000003603</v>
      </c>
      <c r="E4908" s="40">
        <v>20.348472397371996</v>
      </c>
      <c r="F4908" s="40">
        <v>81.650000000000006</v>
      </c>
      <c r="G4908" s="40">
        <v>19.630626625087203</v>
      </c>
      <c r="H4908" s="40">
        <v>81.650000000000006</v>
      </c>
      <c r="I4908" s="40">
        <v>16.04905486861173</v>
      </c>
      <c r="J4908" s="40">
        <v>81.649970547619702</v>
      </c>
      <c r="K4908" s="40">
        <v>12.669927424105797</v>
      </c>
      <c r="L4908" s="40"/>
      <c r="M4908" s="40"/>
      <c r="N4908" s="40"/>
    </row>
    <row r="4909" spans="4:14" x14ac:dyDescent="0.25">
      <c r="D4909" s="40">
        <v>81.680067000003604</v>
      </c>
      <c r="E4909" s="40">
        <v>20.348472397371996</v>
      </c>
      <c r="F4909" s="40">
        <v>81.66666699999999</v>
      </c>
      <c r="G4909" s="40">
        <v>19.630626625087203</v>
      </c>
      <c r="H4909" s="40">
        <v>81.666667000000018</v>
      </c>
      <c r="I4909" s="40">
        <v>16.04905486861173</v>
      </c>
      <c r="J4909" s="40">
        <v>81.666637208333896</v>
      </c>
      <c r="K4909" s="40">
        <v>12.669927424105797</v>
      </c>
      <c r="L4909" s="40"/>
      <c r="M4909" s="40"/>
      <c r="N4909" s="40"/>
    </row>
    <row r="4910" spans="4:14" x14ac:dyDescent="0.25">
      <c r="D4910" s="40">
        <v>81.696733000003604</v>
      </c>
      <c r="E4910" s="40">
        <v>20.348472397371996</v>
      </c>
      <c r="F4910" s="40">
        <v>81.683333000000005</v>
      </c>
      <c r="G4910" s="40">
        <v>19.635242009057102</v>
      </c>
      <c r="H4910" s="40">
        <v>81.683334000000002</v>
      </c>
      <c r="I4910" s="40">
        <v>16.052407604754986</v>
      </c>
      <c r="J4910" s="40">
        <v>81.683303869048203</v>
      </c>
      <c r="K4910" s="40">
        <v>12.669927424105797</v>
      </c>
      <c r="L4910" s="40"/>
      <c r="M4910" s="40"/>
      <c r="N4910" s="40"/>
    </row>
    <row r="4911" spans="4:14" x14ac:dyDescent="0.25">
      <c r="D4911" s="40">
        <v>81.713399000003605</v>
      </c>
      <c r="E4911" s="40">
        <v>20.348472397371996</v>
      </c>
      <c r="F4911" s="40">
        <v>81.699999999999989</v>
      </c>
      <c r="G4911" s="40">
        <v>19.635242009057102</v>
      </c>
      <c r="H4911" s="40">
        <v>81.700000000000017</v>
      </c>
      <c r="I4911" s="40">
        <v>16.05566173101175</v>
      </c>
      <c r="J4911" s="40">
        <v>81.699970529762496</v>
      </c>
      <c r="K4911" s="40">
        <v>12.669927424105797</v>
      </c>
      <c r="L4911" s="40"/>
      <c r="M4911" s="40"/>
      <c r="N4911" s="40"/>
    </row>
    <row r="4912" spans="4:14" x14ac:dyDescent="0.25">
      <c r="D4912" s="40">
        <v>81.730065000003606</v>
      </c>
      <c r="E4912" s="40">
        <v>20.353315575961417</v>
      </c>
      <c r="F4912" s="40">
        <v>81.716667000000001</v>
      </c>
      <c r="G4912" s="40">
        <v>19.635242009057102</v>
      </c>
      <c r="H4912" s="40">
        <v>81.716667000000001</v>
      </c>
      <c r="I4912" s="40">
        <v>16.059014467155009</v>
      </c>
      <c r="J4912" s="40">
        <v>81.716637190476803</v>
      </c>
      <c r="K4912" s="40">
        <v>12.669927424105797</v>
      </c>
      <c r="L4912" s="40"/>
      <c r="M4912" s="40"/>
      <c r="N4912" s="40"/>
    </row>
    <row r="4913" spans="4:14" x14ac:dyDescent="0.25">
      <c r="D4913" s="40">
        <v>81.746731000003606</v>
      </c>
      <c r="E4913" s="40">
        <v>20.353315575961417</v>
      </c>
      <c r="F4913" s="40">
        <v>81.733332999999988</v>
      </c>
      <c r="G4913" s="40">
        <v>19.639997253147321</v>
      </c>
      <c r="H4913" s="40">
        <v>81.733334000000013</v>
      </c>
      <c r="I4913" s="40">
        <v>16.059014467155009</v>
      </c>
      <c r="J4913" s="40">
        <v>81.733303851191096</v>
      </c>
      <c r="K4913" s="40">
        <v>12.669927424105797</v>
      </c>
      <c r="L4913" s="40"/>
      <c r="M4913" s="40"/>
      <c r="N4913" s="40"/>
    </row>
    <row r="4914" spans="4:14" x14ac:dyDescent="0.25">
      <c r="D4914" s="40">
        <v>81.763397000003607</v>
      </c>
      <c r="E4914" s="40">
        <v>20.353315575961417</v>
      </c>
      <c r="F4914" s="40">
        <v>81.75</v>
      </c>
      <c r="G4914" s="40">
        <v>19.639997253147321</v>
      </c>
      <c r="H4914" s="40">
        <v>81.75</v>
      </c>
      <c r="I4914" s="40">
        <v>16.062367203298265</v>
      </c>
      <c r="J4914" s="40">
        <v>81.749970511905403</v>
      </c>
      <c r="K4914" s="40">
        <v>12.669927424105797</v>
      </c>
      <c r="L4914" s="40"/>
      <c r="M4914" s="40"/>
      <c r="N4914" s="40"/>
    </row>
    <row r="4915" spans="4:14" x14ac:dyDescent="0.25">
      <c r="D4915" s="40">
        <v>81.780063000003608</v>
      </c>
      <c r="E4915" s="40">
        <v>20.348472397371996</v>
      </c>
      <c r="F4915" s="40">
        <v>81.766666999999984</v>
      </c>
      <c r="G4915" s="40">
        <v>19.639997253147321</v>
      </c>
      <c r="H4915" s="40">
        <v>81.766667000000012</v>
      </c>
      <c r="I4915" s="40">
        <v>16.065621329555029</v>
      </c>
      <c r="J4915" s="40">
        <v>81.766637172619696</v>
      </c>
      <c r="K4915" s="40">
        <v>12.669927424105797</v>
      </c>
      <c r="L4915" s="40"/>
      <c r="M4915" s="40"/>
      <c r="N4915" s="40"/>
    </row>
    <row r="4916" spans="4:14" x14ac:dyDescent="0.25">
      <c r="D4916" s="40">
        <v>81.796729000003609</v>
      </c>
      <c r="E4916" s="40">
        <v>20.348472397371996</v>
      </c>
      <c r="F4916" s="40">
        <v>81.783332999999999</v>
      </c>
      <c r="G4916" s="40">
        <v>19.64475249723742</v>
      </c>
      <c r="H4916" s="40">
        <v>81.783333999999996</v>
      </c>
      <c r="I4916" s="40">
        <v>16.065621329555029</v>
      </c>
      <c r="J4916" s="40">
        <v>81.783303833333903</v>
      </c>
      <c r="K4916" s="40">
        <v>12.669927424105797</v>
      </c>
      <c r="L4916" s="40"/>
      <c r="M4916" s="40"/>
      <c r="N4916" s="40"/>
    </row>
    <row r="4917" spans="4:14" x14ac:dyDescent="0.25">
      <c r="D4917" s="40">
        <v>81.813395000003609</v>
      </c>
      <c r="E4917" s="40">
        <v>20.348472397371996</v>
      </c>
      <c r="F4917" s="40">
        <v>81.799999999999983</v>
      </c>
      <c r="G4917" s="40">
        <v>19.64475249723742</v>
      </c>
      <c r="H4917" s="40">
        <v>81.800000000000011</v>
      </c>
      <c r="I4917" s="40">
        <v>16.068974065698459</v>
      </c>
      <c r="J4917" s="40">
        <v>81.799970494048196</v>
      </c>
      <c r="K4917" s="40">
        <v>12.665219058152736</v>
      </c>
      <c r="L4917" s="40"/>
      <c r="M4917" s="40"/>
      <c r="N4917" s="40"/>
    </row>
    <row r="4918" spans="4:14" x14ac:dyDescent="0.25">
      <c r="D4918" s="40">
        <v>81.83006100000361</v>
      </c>
      <c r="E4918" s="40">
        <v>20.348472397371996</v>
      </c>
      <c r="F4918" s="40">
        <v>81.816666999999995</v>
      </c>
      <c r="G4918" s="40">
        <v>19.649367881207318</v>
      </c>
      <c r="H4918" s="40">
        <v>81.816666999999995</v>
      </c>
      <c r="I4918" s="40">
        <v>16.072326801841715</v>
      </c>
      <c r="J4918" s="40">
        <v>81.816637154762503</v>
      </c>
      <c r="K4918" s="40">
        <v>12.665219058152736</v>
      </c>
      <c r="L4918" s="40"/>
      <c r="M4918" s="40"/>
      <c r="N4918" s="40"/>
    </row>
    <row r="4919" spans="4:14" x14ac:dyDescent="0.25">
      <c r="D4919" s="40">
        <v>81.846727000003611</v>
      </c>
      <c r="E4919" s="40">
        <v>20.353315575961417</v>
      </c>
      <c r="F4919" s="40">
        <v>81.833332999999982</v>
      </c>
      <c r="G4919" s="40">
        <v>19.649367881207318</v>
      </c>
      <c r="H4919" s="40">
        <v>81.833334000000008</v>
      </c>
      <c r="I4919" s="40">
        <v>16.072326801841715</v>
      </c>
      <c r="J4919" s="40">
        <v>81.833303815476796</v>
      </c>
      <c r="K4919" s="40">
        <v>12.665219058152736</v>
      </c>
      <c r="L4919" s="40"/>
      <c r="M4919" s="40"/>
      <c r="N4919" s="40"/>
    </row>
    <row r="4920" spans="4:14" x14ac:dyDescent="0.25">
      <c r="D4920" s="40">
        <v>81.863393000003612</v>
      </c>
      <c r="E4920" s="40">
        <v>20.353315575961417</v>
      </c>
      <c r="F4920" s="40">
        <v>81.849999999999994</v>
      </c>
      <c r="G4920" s="40">
        <v>19.654123125297538</v>
      </c>
      <c r="H4920" s="40">
        <v>81.849999999999994</v>
      </c>
      <c r="I4920" s="40">
        <v>16.075580928098478</v>
      </c>
      <c r="J4920" s="40">
        <v>81.849970476191103</v>
      </c>
      <c r="K4920" s="40">
        <v>12.665219058152736</v>
      </c>
      <c r="L4920" s="40"/>
      <c r="M4920" s="40"/>
      <c r="N4920" s="40"/>
    </row>
    <row r="4921" spans="4:14" x14ac:dyDescent="0.25">
      <c r="D4921" s="40">
        <v>81.880059000003612</v>
      </c>
      <c r="E4921" s="40">
        <v>20.353315575961417</v>
      </c>
      <c r="F4921" s="40">
        <v>81.866667000000007</v>
      </c>
      <c r="G4921" s="40">
        <v>19.654123125297538</v>
      </c>
      <c r="H4921" s="40">
        <v>81.866667000000007</v>
      </c>
      <c r="I4921" s="40">
        <v>16.075580928098478</v>
      </c>
      <c r="J4921" s="40">
        <v>81.866637136905396</v>
      </c>
      <c r="K4921" s="40">
        <v>12.665219058152736</v>
      </c>
      <c r="L4921" s="40"/>
      <c r="M4921" s="40"/>
      <c r="N4921" s="40"/>
    </row>
    <row r="4922" spans="4:14" x14ac:dyDescent="0.25">
      <c r="D4922" s="40">
        <v>81.896725000003613</v>
      </c>
      <c r="E4922" s="40">
        <v>20.353315575961417</v>
      </c>
      <c r="F4922" s="40">
        <v>81.883332999999993</v>
      </c>
      <c r="G4922" s="40">
        <v>19.658878369387757</v>
      </c>
      <c r="H4922" s="40">
        <v>81.883334000000019</v>
      </c>
      <c r="I4922" s="40">
        <v>16.078933664241738</v>
      </c>
      <c r="J4922" s="40">
        <v>81.883303797619703</v>
      </c>
      <c r="K4922" s="40">
        <v>12.665219058152736</v>
      </c>
      <c r="L4922" s="40"/>
      <c r="M4922" s="40"/>
      <c r="N4922" s="40"/>
    </row>
    <row r="4923" spans="4:14" x14ac:dyDescent="0.25">
      <c r="D4923" s="40">
        <v>81.913391000003614</v>
      </c>
      <c r="E4923" s="40">
        <v>20.353315575961417</v>
      </c>
      <c r="F4923" s="40">
        <v>81.900000000000006</v>
      </c>
      <c r="G4923" s="40">
        <v>19.658878369387757</v>
      </c>
      <c r="H4923" s="40">
        <v>81.900000000000006</v>
      </c>
      <c r="I4923" s="40">
        <v>16.078933664241738</v>
      </c>
      <c r="J4923" s="40">
        <v>81.899970458333897</v>
      </c>
      <c r="K4923" s="40">
        <v>12.669927424105797</v>
      </c>
      <c r="L4923" s="40"/>
      <c r="M4923" s="40"/>
      <c r="N4923" s="40"/>
    </row>
    <row r="4924" spans="4:14" x14ac:dyDescent="0.25">
      <c r="D4924" s="40">
        <v>81.930057000003615</v>
      </c>
      <c r="E4924" s="40">
        <v>20.353315575961417</v>
      </c>
      <c r="F4924" s="40">
        <v>81.91666699999999</v>
      </c>
      <c r="G4924" s="40">
        <v>19.658878369387757</v>
      </c>
      <c r="H4924" s="40">
        <v>81.916667000000018</v>
      </c>
      <c r="I4924" s="40">
        <v>16.082286400385172</v>
      </c>
      <c r="J4924" s="40">
        <v>81.916637119048204</v>
      </c>
      <c r="K4924" s="40">
        <v>12.669927424105797</v>
      </c>
      <c r="L4924" s="40"/>
      <c r="M4924" s="40"/>
      <c r="N4924" s="40"/>
    </row>
    <row r="4925" spans="4:14" x14ac:dyDescent="0.25">
      <c r="D4925" s="40">
        <v>81.946723000003615</v>
      </c>
      <c r="E4925" s="40">
        <v>20.353315575961417</v>
      </c>
      <c r="F4925" s="40">
        <v>81.933333000000005</v>
      </c>
      <c r="G4925" s="40">
        <v>19.663493753357532</v>
      </c>
      <c r="H4925" s="40">
        <v>81.933334000000002</v>
      </c>
      <c r="I4925" s="40">
        <v>16.082286400385172</v>
      </c>
      <c r="J4925" s="40">
        <v>81.933303779762497</v>
      </c>
      <c r="K4925" s="40">
        <v>12.669927424105797</v>
      </c>
      <c r="L4925" s="40"/>
      <c r="M4925" s="40"/>
      <c r="N4925" s="40"/>
    </row>
    <row r="4926" spans="4:14" x14ac:dyDescent="0.25">
      <c r="D4926" s="40">
        <v>81.963389000003616</v>
      </c>
      <c r="E4926" s="40">
        <v>20.353315575961417</v>
      </c>
      <c r="F4926" s="40">
        <v>81.949999999999989</v>
      </c>
      <c r="G4926" s="40">
        <v>19.663493753357532</v>
      </c>
      <c r="H4926" s="40">
        <v>81.950000000000017</v>
      </c>
      <c r="I4926" s="40">
        <v>16.085540526641758</v>
      </c>
      <c r="J4926" s="40">
        <v>81.949970440476804</v>
      </c>
      <c r="K4926" s="40">
        <v>12.665219058152736</v>
      </c>
      <c r="L4926" s="40"/>
      <c r="M4926" s="40"/>
      <c r="N4926" s="40"/>
    </row>
    <row r="4927" spans="4:14" x14ac:dyDescent="0.25">
      <c r="D4927" s="40">
        <v>81.980055000003617</v>
      </c>
      <c r="E4927" s="40">
        <v>20.353315575961417</v>
      </c>
      <c r="F4927" s="40">
        <v>81.966667000000001</v>
      </c>
      <c r="G4927" s="40">
        <v>19.663493753357532</v>
      </c>
      <c r="H4927" s="40">
        <v>81.966667000000001</v>
      </c>
      <c r="I4927" s="40">
        <v>16.085540526641758</v>
      </c>
      <c r="J4927" s="40">
        <v>81.966637101191097</v>
      </c>
      <c r="K4927" s="40">
        <v>12.665219058152736</v>
      </c>
      <c r="L4927" s="40"/>
      <c r="M4927" s="40"/>
      <c r="N4927" s="40"/>
    </row>
    <row r="4928" spans="4:14" x14ac:dyDescent="0.25">
      <c r="D4928" s="40">
        <v>81.996721000003618</v>
      </c>
      <c r="E4928" s="40">
        <v>20.353315575961417</v>
      </c>
      <c r="F4928" s="40">
        <v>81.983332999999988</v>
      </c>
      <c r="G4928" s="40">
        <v>19.663493753357532</v>
      </c>
      <c r="H4928" s="40">
        <v>81.983334000000013</v>
      </c>
      <c r="I4928" s="40">
        <v>16.088893262785188</v>
      </c>
      <c r="J4928" s="40">
        <v>81.983303761905404</v>
      </c>
      <c r="K4928" s="40">
        <v>12.665219058152736</v>
      </c>
      <c r="L4928" s="40"/>
      <c r="M4928" s="40"/>
      <c r="N4928" s="40"/>
    </row>
    <row r="4929" spans="4:14" x14ac:dyDescent="0.25">
      <c r="D4929" s="40">
        <v>82.013387000003618</v>
      </c>
      <c r="E4929" s="40">
        <v>20.358158754550967</v>
      </c>
      <c r="F4929" s="40">
        <v>82</v>
      </c>
      <c r="G4929" s="40">
        <v>19.668248997447751</v>
      </c>
      <c r="H4929" s="40">
        <v>82</v>
      </c>
      <c r="I4929" s="40">
        <v>16.088893262785188</v>
      </c>
      <c r="J4929" s="40">
        <v>81.999970422619697</v>
      </c>
      <c r="K4929" s="40">
        <v>12.665219058152736</v>
      </c>
      <c r="L4929" s="40"/>
      <c r="M4929" s="40"/>
      <c r="N4929" s="40"/>
    </row>
    <row r="4930" spans="4:14" x14ac:dyDescent="0.25">
      <c r="D4930" s="40">
        <v>82.030053000003619</v>
      </c>
      <c r="E4930" s="40">
        <v>20.358158754550967</v>
      </c>
      <c r="F4930" s="40">
        <v>82.016666999999984</v>
      </c>
      <c r="G4930" s="40">
        <v>19.668248997447751</v>
      </c>
      <c r="H4930" s="40">
        <v>82.016667000000012</v>
      </c>
      <c r="I4930" s="40">
        <v>16.092245998928448</v>
      </c>
      <c r="J4930" s="40">
        <v>82.016637083333904</v>
      </c>
      <c r="K4930" s="40">
        <v>12.665219058152736</v>
      </c>
      <c r="L4930" s="40"/>
      <c r="M4930" s="40"/>
      <c r="N4930" s="40"/>
    </row>
    <row r="4931" spans="4:14" x14ac:dyDescent="0.25">
      <c r="D4931" s="40">
        <v>82.04671900000362</v>
      </c>
      <c r="E4931" s="40">
        <v>20.358158754550967</v>
      </c>
      <c r="F4931" s="40">
        <v>82.033332999999999</v>
      </c>
      <c r="G4931" s="40">
        <v>19.668248997447751</v>
      </c>
      <c r="H4931" s="40">
        <v>82.033333999999996</v>
      </c>
      <c r="I4931" s="40">
        <v>16.092245998928448</v>
      </c>
      <c r="J4931" s="40">
        <v>82.033303744048197</v>
      </c>
      <c r="K4931" s="40">
        <v>12.669927424105797</v>
      </c>
      <c r="L4931" s="40"/>
      <c r="M4931" s="40"/>
      <c r="N4931" s="40"/>
    </row>
    <row r="4932" spans="4:14" x14ac:dyDescent="0.25">
      <c r="D4932" s="40">
        <v>82.06338500000362</v>
      </c>
      <c r="E4932" s="40">
        <v>20.362859486711393</v>
      </c>
      <c r="F4932" s="40">
        <v>82.049999999999983</v>
      </c>
      <c r="G4932" s="40">
        <v>19.668248997447751</v>
      </c>
      <c r="H4932" s="40">
        <v>82.050000000000011</v>
      </c>
      <c r="I4932" s="40">
        <v>16.095500125185211</v>
      </c>
      <c r="J4932" s="40">
        <v>82.049970404762504</v>
      </c>
      <c r="K4932" s="40">
        <v>12.669927424105797</v>
      </c>
      <c r="L4932" s="40"/>
      <c r="M4932" s="40"/>
      <c r="N4932" s="40"/>
    </row>
    <row r="4933" spans="4:14" x14ac:dyDescent="0.25">
      <c r="D4933" s="40">
        <v>82.080051000003621</v>
      </c>
      <c r="E4933" s="40">
        <v>20.362859486711393</v>
      </c>
      <c r="F4933" s="40">
        <v>82.066666999999995</v>
      </c>
      <c r="G4933" s="40">
        <v>19.668248997447751</v>
      </c>
      <c r="H4933" s="40">
        <v>82.066666999999995</v>
      </c>
      <c r="I4933" s="40">
        <v>16.098852861328467</v>
      </c>
      <c r="J4933" s="40">
        <v>82.066637065476797</v>
      </c>
      <c r="K4933" s="40">
        <v>12.669927424105797</v>
      </c>
      <c r="L4933" s="40"/>
      <c r="M4933" s="40"/>
      <c r="N4933" s="40"/>
    </row>
    <row r="4934" spans="4:14" x14ac:dyDescent="0.25">
      <c r="D4934" s="40">
        <v>82.096717000003622</v>
      </c>
      <c r="E4934" s="40">
        <v>20.362859486711393</v>
      </c>
      <c r="F4934" s="40">
        <v>82.083332999999982</v>
      </c>
      <c r="G4934" s="40">
        <v>19.668248997447751</v>
      </c>
      <c r="H4934" s="40">
        <v>82.083334000000008</v>
      </c>
      <c r="I4934" s="40">
        <v>16.102205597471901</v>
      </c>
      <c r="J4934" s="40">
        <v>82.083303726191104</v>
      </c>
      <c r="K4934" s="40">
        <v>12.674778467814903</v>
      </c>
      <c r="L4934" s="40"/>
      <c r="M4934" s="40"/>
      <c r="N4934" s="40"/>
    </row>
    <row r="4935" spans="4:14" x14ac:dyDescent="0.25">
      <c r="D4935" s="40">
        <v>82.113383000003623</v>
      </c>
      <c r="E4935" s="40">
        <v>20.367702665300815</v>
      </c>
      <c r="F4935" s="40">
        <v>82.1</v>
      </c>
      <c r="G4935" s="40">
        <v>19.668248997447751</v>
      </c>
      <c r="H4935" s="40">
        <v>82.1</v>
      </c>
      <c r="I4935" s="40">
        <v>16.102205597471901</v>
      </c>
      <c r="J4935" s="40">
        <v>82.099970386905397</v>
      </c>
      <c r="K4935" s="40">
        <v>12.674778467814903</v>
      </c>
      <c r="L4935" s="40"/>
      <c r="M4935" s="40"/>
      <c r="N4935" s="40"/>
    </row>
    <row r="4936" spans="4:14" x14ac:dyDescent="0.25">
      <c r="D4936" s="40">
        <v>82.130049000003623</v>
      </c>
      <c r="E4936" s="40">
        <v>20.367702665300815</v>
      </c>
      <c r="F4936" s="40">
        <v>82.116667000000007</v>
      </c>
      <c r="G4936" s="40">
        <v>19.668248997447751</v>
      </c>
      <c r="H4936" s="40">
        <v>82.116667000000007</v>
      </c>
      <c r="I4936" s="40">
        <v>16.105459723728664</v>
      </c>
      <c r="J4936" s="40">
        <v>82.116637047619705</v>
      </c>
      <c r="K4936" s="40">
        <v>12.674778467814903</v>
      </c>
      <c r="L4936" s="40"/>
      <c r="M4936" s="40"/>
      <c r="N4936" s="40"/>
    </row>
    <row r="4937" spans="4:14" x14ac:dyDescent="0.25">
      <c r="D4937" s="40">
        <v>82.146715000003624</v>
      </c>
      <c r="E4937" s="40">
        <v>20.367702665300815</v>
      </c>
      <c r="F4937" s="40">
        <v>82.133332999999993</v>
      </c>
      <c r="G4937" s="40">
        <v>19.673004241537971</v>
      </c>
      <c r="H4937" s="40">
        <v>82.133334000000019</v>
      </c>
      <c r="I4937" s="40">
        <v>16.108812459871917</v>
      </c>
      <c r="J4937" s="40">
        <v>82.133303708333898</v>
      </c>
      <c r="K4937" s="40">
        <v>12.674778467814903</v>
      </c>
      <c r="L4937" s="40"/>
      <c r="M4937" s="40"/>
      <c r="N4937" s="40"/>
    </row>
    <row r="4938" spans="4:14" x14ac:dyDescent="0.25">
      <c r="D4938" s="40">
        <v>82.163381000003625</v>
      </c>
      <c r="E4938" s="40">
        <v>20.367702665300815</v>
      </c>
      <c r="F4938" s="40">
        <v>82.15</v>
      </c>
      <c r="G4938" s="40">
        <v>19.673004241537971</v>
      </c>
      <c r="H4938" s="40">
        <v>82.15</v>
      </c>
      <c r="I4938" s="40">
        <v>16.108812459871917</v>
      </c>
      <c r="J4938" s="40">
        <v>82.149970369048205</v>
      </c>
      <c r="K4938" s="40">
        <v>12.679629511524135</v>
      </c>
      <c r="L4938" s="40"/>
      <c r="M4938" s="40"/>
      <c r="N4938" s="40"/>
    </row>
    <row r="4939" spans="4:14" x14ac:dyDescent="0.25">
      <c r="D4939" s="40">
        <v>82.180047000003626</v>
      </c>
      <c r="E4939" s="40">
        <v>20.372545843890364</v>
      </c>
      <c r="F4939" s="40">
        <v>82.16666699999999</v>
      </c>
      <c r="G4939" s="40">
        <v>19.673004241537971</v>
      </c>
      <c r="H4939" s="40">
        <v>82.166667000000018</v>
      </c>
      <c r="I4939" s="40">
        <v>16.112165196015177</v>
      </c>
      <c r="J4939" s="40">
        <v>82.166637029762498</v>
      </c>
      <c r="K4939" s="40">
        <v>12.679629511524135</v>
      </c>
      <c r="L4939" s="40"/>
      <c r="M4939" s="40"/>
      <c r="N4939" s="40"/>
    </row>
    <row r="4940" spans="4:14" x14ac:dyDescent="0.25">
      <c r="D4940" s="40">
        <v>82.196713000003626</v>
      </c>
      <c r="E4940" s="40">
        <v>20.372545843890364</v>
      </c>
      <c r="F4940" s="40">
        <v>82.183333000000005</v>
      </c>
      <c r="G4940" s="40">
        <v>19.673004241537971</v>
      </c>
      <c r="H4940" s="40">
        <v>82.183334000000002</v>
      </c>
      <c r="I4940" s="40">
        <v>16.11551793215861</v>
      </c>
      <c r="J4940" s="40">
        <v>82.183303690476805</v>
      </c>
      <c r="K4940" s="40">
        <v>12.679629511524135</v>
      </c>
      <c r="L4940" s="40"/>
      <c r="M4940" s="40"/>
      <c r="N4940" s="40"/>
    </row>
    <row r="4941" spans="4:14" x14ac:dyDescent="0.25">
      <c r="D4941" s="40">
        <v>82.213379000003627</v>
      </c>
      <c r="E4941" s="40">
        <v>20.372545843890364</v>
      </c>
      <c r="F4941" s="40">
        <v>82.199999999999989</v>
      </c>
      <c r="G4941" s="40">
        <v>19.673004241537971</v>
      </c>
      <c r="H4941" s="40">
        <v>82.200000000000017</v>
      </c>
      <c r="I4941" s="40">
        <v>16.11551793215861</v>
      </c>
      <c r="J4941" s="40">
        <v>82.199970351191098</v>
      </c>
      <c r="K4941" s="40">
        <v>12.679629511524135</v>
      </c>
      <c r="L4941" s="40"/>
      <c r="M4941" s="40"/>
      <c r="N4941" s="40"/>
    </row>
    <row r="4942" spans="4:14" x14ac:dyDescent="0.25">
      <c r="D4942" s="40">
        <v>82.230045000003628</v>
      </c>
      <c r="E4942" s="40">
        <v>20.377246576050787</v>
      </c>
      <c r="F4942" s="40">
        <v>82.216667000000001</v>
      </c>
      <c r="G4942" s="40">
        <v>19.673004241537971</v>
      </c>
      <c r="H4942" s="40">
        <v>82.216667000000001</v>
      </c>
      <c r="I4942" s="40">
        <v>16.118772058415196</v>
      </c>
      <c r="J4942" s="40">
        <v>82.216637011905405</v>
      </c>
      <c r="K4942" s="40">
        <v>12.684337877477194</v>
      </c>
      <c r="L4942" s="40"/>
      <c r="M4942" s="40"/>
      <c r="N4942" s="40"/>
    </row>
    <row r="4943" spans="4:14" x14ac:dyDescent="0.25">
      <c r="D4943" s="40">
        <v>82.246711000003629</v>
      </c>
      <c r="E4943" s="40">
        <v>20.377246576050787</v>
      </c>
      <c r="F4943" s="40">
        <v>82.233332999999988</v>
      </c>
      <c r="G4943" s="40">
        <v>19.677619625507745</v>
      </c>
      <c r="H4943" s="40">
        <v>82.233334000000013</v>
      </c>
      <c r="I4943" s="40">
        <v>16.12212479455863</v>
      </c>
      <c r="J4943" s="40">
        <v>82.233303672619698</v>
      </c>
      <c r="K4943" s="40">
        <v>12.684337877477194</v>
      </c>
      <c r="L4943" s="40"/>
      <c r="M4943" s="40"/>
      <c r="N4943" s="40"/>
    </row>
    <row r="4944" spans="4:14" x14ac:dyDescent="0.25">
      <c r="D4944" s="40">
        <v>82.263377000003629</v>
      </c>
      <c r="E4944" s="40">
        <v>20.382089754640212</v>
      </c>
      <c r="F4944" s="40">
        <v>82.25</v>
      </c>
      <c r="G4944" s="40">
        <v>19.677619625507745</v>
      </c>
      <c r="H4944" s="40">
        <v>82.25</v>
      </c>
      <c r="I4944" s="40">
        <v>16.12547753070189</v>
      </c>
      <c r="J4944" s="40">
        <v>82.249970333333906</v>
      </c>
      <c r="K4944" s="40">
        <v>12.689188921186426</v>
      </c>
      <c r="L4944" s="40"/>
      <c r="M4944" s="40"/>
      <c r="N4944" s="40"/>
    </row>
    <row r="4945" spans="4:14" x14ac:dyDescent="0.25">
      <c r="D4945" s="40">
        <v>82.28004300000363</v>
      </c>
      <c r="E4945" s="40">
        <v>20.382089754640212</v>
      </c>
      <c r="F4945" s="40">
        <v>82.266666999999984</v>
      </c>
      <c r="G4945" s="40">
        <v>19.677619625507745</v>
      </c>
      <c r="H4945" s="40">
        <v>82.266667000000012</v>
      </c>
      <c r="I4945" s="40">
        <v>16.128731656958649</v>
      </c>
      <c r="J4945" s="40">
        <v>82.266636994048199</v>
      </c>
      <c r="K4945" s="40">
        <v>12.689188921186426</v>
      </c>
      <c r="L4945" s="40"/>
      <c r="M4945" s="40"/>
      <c r="N4945" s="40"/>
    </row>
    <row r="4946" spans="4:14" x14ac:dyDescent="0.25">
      <c r="D4946" s="40">
        <v>82.296709000003631</v>
      </c>
      <c r="E4946" s="40">
        <v>20.382089754640212</v>
      </c>
      <c r="F4946" s="40">
        <v>82.283332999999999</v>
      </c>
      <c r="G4946" s="40">
        <v>19.682374869597965</v>
      </c>
      <c r="H4946" s="40">
        <v>82.283333999999996</v>
      </c>
      <c r="I4946" s="40">
        <v>16.128731656958649</v>
      </c>
      <c r="J4946" s="40">
        <v>82.283303654762506</v>
      </c>
      <c r="K4946" s="40">
        <v>12.689188921186426</v>
      </c>
      <c r="L4946" s="40"/>
      <c r="M4946" s="40"/>
      <c r="N4946" s="40"/>
    </row>
    <row r="4947" spans="4:14" x14ac:dyDescent="0.25">
      <c r="D4947" s="40">
        <v>82.313375000003631</v>
      </c>
      <c r="E4947" s="40">
        <v>20.382089754640212</v>
      </c>
      <c r="F4947" s="40">
        <v>82.299999999999983</v>
      </c>
      <c r="G4947" s="40">
        <v>19.682374869597965</v>
      </c>
      <c r="H4947" s="40">
        <v>82.300000000000011</v>
      </c>
      <c r="I4947" s="40">
        <v>16.132084393101906</v>
      </c>
      <c r="J4947" s="40">
        <v>82.299970315476799</v>
      </c>
      <c r="K4947" s="40">
        <v>12.689188921186426</v>
      </c>
      <c r="L4947" s="40"/>
      <c r="M4947" s="40"/>
      <c r="N4947" s="40"/>
    </row>
    <row r="4948" spans="4:14" x14ac:dyDescent="0.25">
      <c r="D4948" s="40">
        <v>82.330041000003632</v>
      </c>
      <c r="E4948" s="40">
        <v>20.382089754640212</v>
      </c>
      <c r="F4948" s="40">
        <v>82.316666999999995</v>
      </c>
      <c r="G4948" s="40">
        <v>19.687130113688188</v>
      </c>
      <c r="H4948" s="40">
        <v>82.316666999999995</v>
      </c>
      <c r="I4948" s="40">
        <v>16.132084393101906</v>
      </c>
      <c r="J4948" s="40">
        <v>82.316636976191106</v>
      </c>
      <c r="K4948" s="40">
        <v>12.689188921186426</v>
      </c>
      <c r="L4948" s="40"/>
      <c r="M4948" s="40"/>
      <c r="N4948" s="40"/>
    </row>
    <row r="4949" spans="4:14" x14ac:dyDescent="0.25">
      <c r="D4949" s="40">
        <v>82.346707000003633</v>
      </c>
      <c r="E4949" s="40">
        <v>20.382089754640212</v>
      </c>
      <c r="F4949" s="40">
        <v>82.333332999999982</v>
      </c>
      <c r="G4949" s="40">
        <v>19.687130113688188</v>
      </c>
      <c r="H4949" s="40">
        <v>82.333334000000008</v>
      </c>
      <c r="I4949" s="40">
        <v>16.135437129245339</v>
      </c>
      <c r="J4949" s="40">
        <v>82.333303636905399</v>
      </c>
      <c r="K4949" s="40">
        <v>12.689188921186426</v>
      </c>
      <c r="L4949" s="40"/>
      <c r="M4949" s="40"/>
      <c r="N4949" s="40"/>
    </row>
    <row r="4950" spans="4:14" x14ac:dyDescent="0.25">
      <c r="D4950" s="40">
        <v>82.363373000003634</v>
      </c>
      <c r="E4950" s="40">
        <v>20.382089754640212</v>
      </c>
      <c r="F4950" s="40">
        <v>82.35</v>
      </c>
      <c r="G4950" s="40">
        <v>19.691745497658086</v>
      </c>
      <c r="H4950" s="40">
        <v>82.35</v>
      </c>
      <c r="I4950" s="40">
        <v>16.138691255502103</v>
      </c>
      <c r="J4950" s="40">
        <v>82.349970297619706</v>
      </c>
      <c r="K4950" s="40">
        <v>12.689188921186426</v>
      </c>
      <c r="L4950" s="40"/>
      <c r="M4950" s="40"/>
      <c r="N4950" s="40"/>
    </row>
    <row r="4951" spans="4:14" x14ac:dyDescent="0.25">
      <c r="D4951" s="40">
        <v>82.380039000003634</v>
      </c>
      <c r="E4951" s="40">
        <v>20.382089754640212</v>
      </c>
      <c r="F4951" s="40">
        <v>82.366667000000007</v>
      </c>
      <c r="G4951" s="40">
        <v>19.691745497658086</v>
      </c>
      <c r="H4951" s="40">
        <v>82.366667000000007</v>
      </c>
      <c r="I4951" s="40">
        <v>16.138691255502103</v>
      </c>
      <c r="J4951" s="40">
        <v>82.366636958333999</v>
      </c>
      <c r="K4951" s="40">
        <v>12.689188921186426</v>
      </c>
      <c r="L4951" s="40"/>
      <c r="M4951" s="40"/>
      <c r="N4951" s="40"/>
    </row>
    <row r="4952" spans="4:14" x14ac:dyDescent="0.25">
      <c r="D4952" s="40">
        <v>82.396705000003635</v>
      </c>
      <c r="E4952" s="40">
        <v>20.377246576050787</v>
      </c>
      <c r="F4952" s="40">
        <v>82.383332999999993</v>
      </c>
      <c r="G4952" s="40">
        <v>19.691745497658086</v>
      </c>
      <c r="H4952" s="40">
        <v>82.383334000000019</v>
      </c>
      <c r="I4952" s="40">
        <v>16.142043991645362</v>
      </c>
      <c r="J4952" s="40">
        <v>82.383303619048206</v>
      </c>
      <c r="K4952" s="40">
        <v>12.694039964895532</v>
      </c>
      <c r="L4952" s="40"/>
      <c r="M4952" s="40"/>
      <c r="N4952" s="40"/>
    </row>
    <row r="4953" spans="4:14" x14ac:dyDescent="0.25">
      <c r="D4953" s="40">
        <v>82.413371000003636</v>
      </c>
      <c r="E4953" s="40">
        <v>20.377246576050787</v>
      </c>
      <c r="F4953" s="40">
        <v>82.4</v>
      </c>
      <c r="G4953" s="40">
        <v>19.696500741748181</v>
      </c>
      <c r="H4953" s="40">
        <v>82.4</v>
      </c>
      <c r="I4953" s="40">
        <v>16.145396727788619</v>
      </c>
      <c r="J4953" s="40">
        <v>82.399970279762499</v>
      </c>
      <c r="K4953" s="40">
        <v>12.694039964895532</v>
      </c>
      <c r="L4953" s="40"/>
      <c r="M4953" s="40"/>
      <c r="N4953" s="40"/>
    </row>
    <row r="4954" spans="4:14" x14ac:dyDescent="0.25">
      <c r="D4954" s="40">
        <v>82.430037000003637</v>
      </c>
      <c r="E4954" s="40">
        <v>20.377246576050787</v>
      </c>
      <c r="F4954" s="40">
        <v>82.41666699999999</v>
      </c>
      <c r="G4954" s="40">
        <v>19.696500741748181</v>
      </c>
      <c r="H4954" s="40">
        <v>82.416667000000018</v>
      </c>
      <c r="I4954" s="40">
        <v>16.145396727788619</v>
      </c>
      <c r="J4954" s="40">
        <v>82.416636940476806</v>
      </c>
      <c r="K4954" s="40">
        <v>12.694039964895532</v>
      </c>
      <c r="L4954" s="40"/>
      <c r="M4954" s="40"/>
      <c r="N4954" s="40"/>
    </row>
    <row r="4955" spans="4:14" x14ac:dyDescent="0.25">
      <c r="D4955" s="40">
        <v>82.446703000003637</v>
      </c>
      <c r="E4955" s="40">
        <v>20.377246576050787</v>
      </c>
      <c r="F4955" s="40">
        <v>82.433333000000005</v>
      </c>
      <c r="G4955" s="40">
        <v>19.701255985838401</v>
      </c>
      <c r="H4955" s="40">
        <v>82.433334000000002</v>
      </c>
      <c r="I4955" s="40">
        <v>16.148650854045378</v>
      </c>
      <c r="J4955" s="40">
        <v>82.433303601191099</v>
      </c>
      <c r="K4955" s="40">
        <v>12.694039964895532</v>
      </c>
      <c r="L4955" s="40"/>
      <c r="M4955" s="40"/>
      <c r="N4955" s="40"/>
    </row>
    <row r="4956" spans="4:14" x14ac:dyDescent="0.25">
      <c r="D4956" s="40">
        <v>82.463369000003638</v>
      </c>
      <c r="E4956" s="40">
        <v>20.377246576050787</v>
      </c>
      <c r="F4956" s="40">
        <v>82.449999999999989</v>
      </c>
      <c r="G4956" s="40">
        <v>19.701255985838401</v>
      </c>
      <c r="H4956" s="40">
        <v>82.450000000000017</v>
      </c>
      <c r="I4956" s="40">
        <v>16.152003590188635</v>
      </c>
      <c r="J4956" s="40">
        <v>82.449970261905406</v>
      </c>
      <c r="K4956" s="40">
        <v>12.694039964895532</v>
      </c>
      <c r="L4956" s="40"/>
      <c r="M4956" s="40"/>
      <c r="N4956" s="40"/>
    </row>
    <row r="4957" spans="4:14" x14ac:dyDescent="0.25">
      <c r="D4957" s="40">
        <v>82.480035000003639</v>
      </c>
      <c r="E4957" s="40">
        <v>20.372545843890364</v>
      </c>
      <c r="F4957" s="40">
        <v>82.466667000000001</v>
      </c>
      <c r="G4957" s="40">
        <v>19.705871369808303</v>
      </c>
      <c r="H4957" s="40">
        <v>82.466667000000001</v>
      </c>
      <c r="I4957" s="40">
        <v>16.152003590188635</v>
      </c>
      <c r="J4957" s="40">
        <v>82.466636922619699</v>
      </c>
      <c r="K4957" s="40">
        <v>12.694039964895532</v>
      </c>
      <c r="L4957" s="40"/>
      <c r="M4957" s="40"/>
      <c r="N4957" s="40"/>
    </row>
    <row r="4958" spans="4:14" x14ac:dyDescent="0.25">
      <c r="D4958" s="40">
        <v>82.49670100000364</v>
      </c>
      <c r="E4958" s="40">
        <v>20.372545843890364</v>
      </c>
      <c r="F4958" s="40">
        <v>82.483332999999988</v>
      </c>
      <c r="G4958" s="40">
        <v>19.705871369808303</v>
      </c>
      <c r="H4958" s="40">
        <v>82.483334000000013</v>
      </c>
      <c r="I4958" s="40">
        <v>16.155356326332068</v>
      </c>
      <c r="J4958" s="40">
        <v>82.483303583333907</v>
      </c>
      <c r="K4958" s="40">
        <v>12.694039964895532</v>
      </c>
      <c r="L4958" s="40"/>
      <c r="M4958" s="40"/>
      <c r="N4958" s="40"/>
    </row>
    <row r="4959" spans="4:14" x14ac:dyDescent="0.25">
      <c r="D4959" s="40">
        <v>82.51336700000364</v>
      </c>
      <c r="E4959" s="40">
        <v>20.372545843890364</v>
      </c>
      <c r="F4959" s="40">
        <v>82.5</v>
      </c>
      <c r="G4959" s="40">
        <v>19.705871369808303</v>
      </c>
      <c r="H4959" s="40">
        <v>82.5</v>
      </c>
      <c r="I4959" s="40">
        <v>16.155356326332068</v>
      </c>
      <c r="J4959" s="40">
        <v>82.4999702440482</v>
      </c>
      <c r="K4959" s="40">
        <v>12.694039964895532</v>
      </c>
      <c r="L4959" s="40"/>
      <c r="M4959" s="40"/>
      <c r="N4959" s="40"/>
    </row>
    <row r="4960" spans="4:14" x14ac:dyDescent="0.25">
      <c r="D4960" s="40">
        <v>82.530033000003641</v>
      </c>
      <c r="E4960" s="40">
        <v>20.372545843890364</v>
      </c>
      <c r="F4960" s="40">
        <v>82.516666999999984</v>
      </c>
      <c r="G4960" s="40">
        <v>19.710626613898395</v>
      </c>
      <c r="H4960" s="40">
        <v>82.516667000000012</v>
      </c>
      <c r="I4960" s="40">
        <v>16.158610452588832</v>
      </c>
      <c r="J4960" s="40">
        <v>82.516636904762507</v>
      </c>
      <c r="K4960" s="40">
        <v>12.694039964895532</v>
      </c>
      <c r="L4960" s="40"/>
      <c r="M4960" s="40"/>
      <c r="N4960" s="40"/>
    </row>
    <row r="4961" spans="4:14" x14ac:dyDescent="0.25">
      <c r="D4961" s="40">
        <v>82.546699000003642</v>
      </c>
      <c r="E4961" s="40">
        <v>20.372545843890364</v>
      </c>
      <c r="F4961" s="40">
        <v>82.533332999999999</v>
      </c>
      <c r="G4961" s="40">
        <v>19.710626613898395</v>
      </c>
      <c r="H4961" s="40">
        <v>82.533333999999996</v>
      </c>
      <c r="I4961" s="40">
        <v>16.158610452588832</v>
      </c>
      <c r="J4961" s="40">
        <v>82.5333035654768</v>
      </c>
      <c r="K4961" s="40">
        <v>12.694039964895532</v>
      </c>
      <c r="L4961" s="40"/>
      <c r="M4961" s="40"/>
      <c r="N4961" s="40"/>
    </row>
    <row r="4962" spans="4:14" x14ac:dyDescent="0.25">
      <c r="D4962" s="40">
        <v>82.563365000003643</v>
      </c>
      <c r="E4962" s="40">
        <v>20.372545843890364</v>
      </c>
      <c r="F4962" s="40">
        <v>82.549999999999983</v>
      </c>
      <c r="G4962" s="40">
        <v>19.710626613898395</v>
      </c>
      <c r="H4962" s="40">
        <v>82.550000000000011</v>
      </c>
      <c r="I4962" s="40">
        <v>16.161963188732091</v>
      </c>
      <c r="J4962" s="40">
        <v>82.549970226191107</v>
      </c>
      <c r="K4962" s="40">
        <v>12.694039964895532</v>
      </c>
      <c r="L4962" s="40"/>
      <c r="M4962" s="40"/>
      <c r="N4962" s="40"/>
    </row>
    <row r="4963" spans="4:14" x14ac:dyDescent="0.25">
      <c r="D4963" s="40">
        <v>82.580031000003643</v>
      </c>
      <c r="E4963" s="40">
        <v>20.372545843890364</v>
      </c>
      <c r="F4963" s="40">
        <v>82.566666999999995</v>
      </c>
      <c r="G4963" s="40">
        <v>19.715381857988614</v>
      </c>
      <c r="H4963" s="40">
        <v>82.566666999999995</v>
      </c>
      <c r="I4963" s="40">
        <v>16.161963188732091</v>
      </c>
      <c r="J4963" s="40">
        <v>82.5666368869054</v>
      </c>
      <c r="K4963" s="40">
        <v>12.694039964895532</v>
      </c>
      <c r="L4963" s="40"/>
      <c r="M4963" s="40"/>
      <c r="N4963" s="40"/>
    </row>
    <row r="4964" spans="4:14" x14ac:dyDescent="0.25">
      <c r="D4964" s="40">
        <v>82.596697000003644</v>
      </c>
      <c r="E4964" s="40">
        <v>20.372545843890364</v>
      </c>
      <c r="F4964" s="40">
        <v>82.583332999999982</v>
      </c>
      <c r="G4964" s="40">
        <v>19.715381857988614</v>
      </c>
      <c r="H4964" s="40">
        <v>82.583334000000008</v>
      </c>
      <c r="I4964" s="40">
        <v>16.165315924875348</v>
      </c>
      <c r="J4964" s="40">
        <v>82.583303547619707</v>
      </c>
      <c r="K4964" s="40">
        <v>12.694039964895532</v>
      </c>
      <c r="L4964" s="40"/>
      <c r="M4964" s="40"/>
      <c r="N4964" s="40"/>
    </row>
    <row r="4965" spans="4:14" x14ac:dyDescent="0.25">
      <c r="D4965" s="40">
        <v>82.613363000003645</v>
      </c>
      <c r="E4965" s="40">
        <v>20.377246576050787</v>
      </c>
      <c r="F4965" s="40">
        <v>82.6</v>
      </c>
      <c r="G4965" s="40">
        <v>19.715381857988614</v>
      </c>
      <c r="H4965" s="40">
        <v>82.6</v>
      </c>
      <c r="I4965" s="40">
        <v>16.168570051132111</v>
      </c>
      <c r="J4965" s="40">
        <v>82.599970208334</v>
      </c>
      <c r="K4965" s="40">
        <v>12.694039964895532</v>
      </c>
      <c r="L4965" s="40"/>
      <c r="M4965" s="40"/>
      <c r="N4965" s="40"/>
    </row>
    <row r="4966" spans="4:14" x14ac:dyDescent="0.25">
      <c r="D4966" s="40">
        <v>82.630029000003645</v>
      </c>
      <c r="E4966" s="40">
        <v>20.377246576050787</v>
      </c>
      <c r="F4966" s="40">
        <v>82.616667000000007</v>
      </c>
      <c r="G4966" s="40">
        <v>19.719997241958517</v>
      </c>
      <c r="H4966" s="40">
        <v>82.616667000000007</v>
      </c>
      <c r="I4966" s="40">
        <v>16.168570051132111</v>
      </c>
      <c r="J4966" s="40">
        <v>82.616636869048193</v>
      </c>
      <c r="K4966" s="40">
        <v>12.694039964895532</v>
      </c>
      <c r="L4966" s="40"/>
      <c r="M4966" s="40"/>
      <c r="N4966" s="40"/>
    </row>
    <row r="4967" spans="4:14" x14ac:dyDescent="0.25">
      <c r="D4967" s="40">
        <v>82.646695000003646</v>
      </c>
      <c r="E4967" s="40">
        <v>20.377246576050787</v>
      </c>
      <c r="F4967" s="40">
        <v>82.633332999999993</v>
      </c>
      <c r="G4967" s="40">
        <v>19.719997241958517</v>
      </c>
      <c r="H4967" s="40">
        <v>82.633334000000019</v>
      </c>
      <c r="I4967" s="40">
        <v>16.171922787275541</v>
      </c>
      <c r="J4967" s="40">
        <v>82.6333035297625</v>
      </c>
      <c r="K4967" s="40">
        <v>12.694039964895532</v>
      </c>
      <c r="L4967" s="40"/>
      <c r="M4967" s="40"/>
      <c r="N4967" s="40"/>
    </row>
    <row r="4968" spans="4:14" x14ac:dyDescent="0.25">
      <c r="D4968" s="40">
        <v>82.663361000003647</v>
      </c>
      <c r="E4968" s="40">
        <v>20.382089754640212</v>
      </c>
      <c r="F4968" s="40">
        <v>82.65</v>
      </c>
      <c r="G4968" s="40">
        <v>19.724752486048608</v>
      </c>
      <c r="H4968" s="40">
        <v>82.65</v>
      </c>
      <c r="I4968" s="40">
        <v>16.171922787275541</v>
      </c>
      <c r="J4968" s="40">
        <v>82.649970190476793</v>
      </c>
      <c r="K4968" s="40">
        <v>12.694039964895532</v>
      </c>
      <c r="L4968" s="40"/>
      <c r="M4968" s="40"/>
      <c r="N4968" s="40"/>
    </row>
    <row r="4969" spans="4:14" x14ac:dyDescent="0.25">
      <c r="D4969" s="40">
        <v>82.680027000003648</v>
      </c>
      <c r="E4969" s="40">
        <v>20.382089754640212</v>
      </c>
      <c r="F4969" s="40">
        <v>82.66666699999999</v>
      </c>
      <c r="G4969" s="40">
        <v>19.724752486048608</v>
      </c>
      <c r="H4969" s="40">
        <v>82.666667000000018</v>
      </c>
      <c r="I4969" s="40">
        <v>16.175275523418801</v>
      </c>
      <c r="J4969" s="40">
        <v>82.6666368511911</v>
      </c>
      <c r="K4969" s="40">
        <v>12.694039964895532</v>
      </c>
      <c r="L4969" s="40"/>
      <c r="M4969" s="40"/>
      <c r="N4969" s="40"/>
    </row>
    <row r="4970" spans="4:14" x14ac:dyDescent="0.25">
      <c r="D4970" s="40">
        <v>82.696693000003648</v>
      </c>
      <c r="E4970" s="40">
        <v>20.382089754640212</v>
      </c>
      <c r="F4970" s="40">
        <v>82.683333000000005</v>
      </c>
      <c r="G4970" s="40">
        <v>19.724752486048608</v>
      </c>
      <c r="H4970" s="40">
        <v>82.683334000000002</v>
      </c>
      <c r="I4970" s="40">
        <v>16.178529649675564</v>
      </c>
      <c r="J4970" s="40">
        <v>82.683303511905393</v>
      </c>
      <c r="K4970" s="40">
        <v>12.694039964895532</v>
      </c>
      <c r="L4970" s="40"/>
      <c r="M4970" s="40"/>
      <c r="N4970" s="40"/>
    </row>
    <row r="4971" spans="4:14" x14ac:dyDescent="0.25">
      <c r="D4971" s="40">
        <v>82.713359000003649</v>
      </c>
      <c r="E4971" s="40">
        <v>20.382089754640212</v>
      </c>
      <c r="F4971" s="40">
        <v>82.699999999999989</v>
      </c>
      <c r="G4971" s="40">
        <v>19.724752486048608</v>
      </c>
      <c r="H4971" s="40">
        <v>82.700000000000017</v>
      </c>
      <c r="I4971" s="40">
        <v>16.18188238581882</v>
      </c>
      <c r="J4971" s="40">
        <v>82.6999701726197</v>
      </c>
      <c r="K4971" s="40">
        <v>12.694039964895532</v>
      </c>
      <c r="L4971" s="40"/>
      <c r="M4971" s="40"/>
      <c r="N4971" s="40"/>
    </row>
    <row r="4972" spans="4:14" x14ac:dyDescent="0.25">
      <c r="D4972" s="40">
        <v>82.73002500000365</v>
      </c>
      <c r="E4972" s="40">
        <v>20.386932933229758</v>
      </c>
      <c r="F4972" s="40">
        <v>82.716667000000001</v>
      </c>
      <c r="G4972" s="40">
        <v>19.724752486048608</v>
      </c>
      <c r="H4972" s="40">
        <v>82.716667000000001</v>
      </c>
      <c r="I4972" s="40">
        <v>16.18188238581882</v>
      </c>
      <c r="J4972" s="40">
        <v>82.716636833333894</v>
      </c>
      <c r="K4972" s="40">
        <v>12.694039964895532</v>
      </c>
      <c r="L4972" s="40"/>
      <c r="M4972" s="40"/>
      <c r="N4972" s="40"/>
    </row>
    <row r="4973" spans="4:14" x14ac:dyDescent="0.25">
      <c r="D4973" s="40">
        <v>82.746691000003651</v>
      </c>
      <c r="E4973" s="40">
        <v>20.386932933229758</v>
      </c>
      <c r="F4973" s="40">
        <v>82.733332999999988</v>
      </c>
      <c r="G4973" s="40">
        <v>19.724752486048608</v>
      </c>
      <c r="H4973" s="40">
        <v>82.733334000000013</v>
      </c>
      <c r="I4973" s="40">
        <v>16.18523512196208</v>
      </c>
      <c r="J4973" s="40">
        <v>82.733303494048201</v>
      </c>
      <c r="K4973" s="40">
        <v>12.689188921186426</v>
      </c>
      <c r="L4973" s="40"/>
      <c r="M4973" s="40"/>
      <c r="N4973" s="40"/>
    </row>
    <row r="4974" spans="4:14" x14ac:dyDescent="0.25">
      <c r="D4974" s="40">
        <v>82.763357000003651</v>
      </c>
      <c r="E4974" s="40">
        <v>20.386932933229758</v>
      </c>
      <c r="F4974" s="40">
        <v>82.75</v>
      </c>
      <c r="G4974" s="40">
        <v>19.724752486048608</v>
      </c>
      <c r="H4974" s="40">
        <v>82.75</v>
      </c>
      <c r="I4974" s="40">
        <v>16.18848924821884</v>
      </c>
      <c r="J4974" s="40">
        <v>82.749970154762494</v>
      </c>
      <c r="K4974" s="40">
        <v>12.689188921186426</v>
      </c>
      <c r="L4974" s="40"/>
      <c r="M4974" s="40"/>
      <c r="N4974" s="40"/>
    </row>
    <row r="4975" spans="4:14" x14ac:dyDescent="0.25">
      <c r="D4975" s="40">
        <v>82.780023000003652</v>
      </c>
      <c r="E4975" s="40">
        <v>20.391776111819308</v>
      </c>
      <c r="F4975" s="40">
        <v>82.766666999999984</v>
      </c>
      <c r="G4975" s="40">
        <v>19.724752486048608</v>
      </c>
      <c r="H4975" s="40">
        <v>82.766667000000012</v>
      </c>
      <c r="I4975" s="40">
        <v>16.19184198436227</v>
      </c>
      <c r="J4975" s="40">
        <v>82.766636815476801</v>
      </c>
      <c r="K4975" s="40">
        <v>12.689188921186426</v>
      </c>
      <c r="L4975" s="40"/>
      <c r="M4975" s="40"/>
      <c r="N4975" s="40"/>
    </row>
    <row r="4976" spans="4:14" x14ac:dyDescent="0.25">
      <c r="D4976" s="40">
        <v>82.796689000003653</v>
      </c>
      <c r="E4976" s="40">
        <v>20.391776111819308</v>
      </c>
      <c r="F4976" s="40">
        <v>82.783332999999999</v>
      </c>
      <c r="G4976" s="40">
        <v>19.724752486048608</v>
      </c>
      <c r="H4976" s="40">
        <v>82.783333999999996</v>
      </c>
      <c r="I4976" s="40">
        <v>16.19184198436227</v>
      </c>
      <c r="J4976" s="40">
        <v>82.783303476191094</v>
      </c>
      <c r="K4976" s="40">
        <v>12.689188921186426</v>
      </c>
      <c r="L4976" s="40"/>
      <c r="M4976" s="40"/>
      <c r="N4976" s="40"/>
    </row>
    <row r="4977" spans="4:14" x14ac:dyDescent="0.25">
      <c r="D4977" s="40">
        <v>82.813355000003654</v>
      </c>
      <c r="E4977" s="40">
        <v>20.391776111819308</v>
      </c>
      <c r="F4977" s="40">
        <v>82.799999999999983</v>
      </c>
      <c r="G4977" s="40">
        <v>19.724752486048608</v>
      </c>
      <c r="H4977" s="40">
        <v>82.800000000000011</v>
      </c>
      <c r="I4977" s="40">
        <v>16.19519472050553</v>
      </c>
      <c r="J4977" s="40">
        <v>82.799970136905401</v>
      </c>
      <c r="K4977" s="40">
        <v>12.689188921186426</v>
      </c>
      <c r="L4977" s="40"/>
      <c r="M4977" s="40"/>
      <c r="N4977" s="40"/>
    </row>
    <row r="4978" spans="4:14" x14ac:dyDescent="0.25">
      <c r="D4978" s="40">
        <v>82.830021000003654</v>
      </c>
      <c r="E4978" s="40">
        <v>20.396476843979606</v>
      </c>
      <c r="F4978" s="40">
        <v>82.816666999999995</v>
      </c>
      <c r="G4978" s="40">
        <v>19.724752486048608</v>
      </c>
      <c r="H4978" s="40">
        <v>82.816666999999995</v>
      </c>
      <c r="I4978" s="40">
        <v>16.198448846762293</v>
      </c>
      <c r="J4978" s="40">
        <v>82.816636797619694</v>
      </c>
      <c r="K4978" s="40">
        <v>12.689188921186426</v>
      </c>
      <c r="L4978" s="40"/>
      <c r="M4978" s="40"/>
      <c r="N4978" s="40"/>
    </row>
    <row r="4979" spans="4:14" x14ac:dyDescent="0.25">
      <c r="D4979" s="40">
        <v>82.846687000003655</v>
      </c>
      <c r="E4979" s="40">
        <v>20.396476843979606</v>
      </c>
      <c r="F4979" s="40">
        <v>82.833332999999982</v>
      </c>
      <c r="G4979" s="40">
        <v>19.729507730138831</v>
      </c>
      <c r="H4979" s="40">
        <v>82.833334000000008</v>
      </c>
      <c r="I4979" s="40">
        <v>16.201801582905549</v>
      </c>
      <c r="J4979" s="40">
        <v>82.833303458334001</v>
      </c>
      <c r="K4979" s="40">
        <v>12.689188921186426</v>
      </c>
      <c r="L4979" s="40"/>
      <c r="M4979" s="40"/>
      <c r="N4979" s="40"/>
    </row>
    <row r="4980" spans="4:14" x14ac:dyDescent="0.25">
      <c r="D4980" s="40">
        <v>82.863353000003656</v>
      </c>
      <c r="E4980" s="40">
        <v>20.401320022569156</v>
      </c>
      <c r="F4980" s="40">
        <v>82.85</v>
      </c>
      <c r="G4980" s="40">
        <v>19.729507730138831</v>
      </c>
      <c r="H4980" s="40">
        <v>82.85</v>
      </c>
      <c r="I4980" s="40">
        <v>16.20515431904898</v>
      </c>
      <c r="J4980" s="40">
        <v>82.849970119048194</v>
      </c>
      <c r="K4980" s="40">
        <v>12.689188921186426</v>
      </c>
      <c r="L4980" s="40"/>
      <c r="M4980" s="40"/>
      <c r="N4980" s="40"/>
    </row>
    <row r="4981" spans="4:14" x14ac:dyDescent="0.25">
      <c r="D4981" s="40">
        <v>82.880019000003657</v>
      </c>
      <c r="E4981" s="40">
        <v>20.401320022569156</v>
      </c>
      <c r="F4981" s="40">
        <v>82.866667000000007</v>
      </c>
      <c r="G4981" s="40">
        <v>19.729507730138831</v>
      </c>
      <c r="H4981" s="40">
        <v>82.866667000000007</v>
      </c>
      <c r="I4981" s="40">
        <v>16.20515431904898</v>
      </c>
      <c r="J4981" s="40">
        <v>82.866636779762501</v>
      </c>
      <c r="K4981" s="40">
        <v>12.689188921186426</v>
      </c>
      <c r="L4981" s="40"/>
      <c r="M4981" s="40"/>
      <c r="N4981" s="40"/>
    </row>
    <row r="4982" spans="4:14" x14ac:dyDescent="0.25">
      <c r="D4982" s="40">
        <v>82.896685000003657</v>
      </c>
      <c r="E4982" s="40">
        <v>20.401320022569156</v>
      </c>
      <c r="F4982" s="40">
        <v>82.883332999999993</v>
      </c>
      <c r="G4982" s="40">
        <v>19.734262974229051</v>
      </c>
      <c r="H4982" s="40">
        <v>82.883334000000019</v>
      </c>
      <c r="I4982" s="40">
        <v>16.208408445305572</v>
      </c>
      <c r="J4982" s="40">
        <v>82.883303440476794</v>
      </c>
      <c r="K4982" s="40">
        <v>12.689188921186426</v>
      </c>
      <c r="L4982" s="40"/>
      <c r="M4982" s="40"/>
      <c r="N4982" s="40"/>
    </row>
    <row r="4983" spans="4:14" x14ac:dyDescent="0.25">
      <c r="D4983" s="40">
        <v>82.913351000003658</v>
      </c>
      <c r="E4983" s="40">
        <v>20.406163201158702</v>
      </c>
      <c r="F4983" s="40">
        <v>82.9</v>
      </c>
      <c r="G4983" s="40">
        <v>19.734262974229051</v>
      </c>
      <c r="H4983" s="40">
        <v>82.9</v>
      </c>
      <c r="I4983" s="40">
        <v>16.211761181449003</v>
      </c>
      <c r="J4983" s="40">
        <v>82.899970101191101</v>
      </c>
      <c r="K4983" s="40">
        <v>12.689188921186426</v>
      </c>
      <c r="L4983" s="40"/>
      <c r="M4983" s="40"/>
      <c r="N4983" s="40"/>
    </row>
    <row r="4984" spans="4:14" x14ac:dyDescent="0.25">
      <c r="D4984" s="40">
        <v>82.930017000003659</v>
      </c>
      <c r="E4984" s="40">
        <v>20.406163201158702</v>
      </c>
      <c r="F4984" s="40">
        <v>82.91666699999999</v>
      </c>
      <c r="G4984" s="40">
        <v>19.734262974229051</v>
      </c>
      <c r="H4984" s="40">
        <v>82.916667000000018</v>
      </c>
      <c r="I4984" s="40">
        <v>16.215113917592259</v>
      </c>
      <c r="J4984" s="40">
        <v>82.916636761905394</v>
      </c>
      <c r="K4984" s="40">
        <v>12.684337877477194</v>
      </c>
      <c r="L4984" s="40"/>
      <c r="M4984" s="40"/>
      <c r="N4984" s="40"/>
    </row>
    <row r="4985" spans="4:14" x14ac:dyDescent="0.25">
      <c r="D4985" s="40">
        <v>82.946683000003659</v>
      </c>
      <c r="E4985" s="40">
        <v>20.406163201158702</v>
      </c>
      <c r="F4985" s="40">
        <v>82.933333000000005</v>
      </c>
      <c r="G4985" s="40">
        <v>19.738878358198825</v>
      </c>
      <c r="H4985" s="40">
        <v>82.933334000000002</v>
      </c>
      <c r="I4985" s="40">
        <v>16.215113917592259</v>
      </c>
      <c r="J4985" s="40">
        <v>82.933303422619701</v>
      </c>
      <c r="K4985" s="40">
        <v>12.684337877477194</v>
      </c>
      <c r="L4985" s="40"/>
      <c r="M4985" s="40"/>
      <c r="N4985" s="40"/>
    </row>
    <row r="4986" spans="4:14" x14ac:dyDescent="0.25">
      <c r="D4986" s="40">
        <v>82.96334900000366</v>
      </c>
      <c r="E4986" s="40">
        <v>20.406163201158702</v>
      </c>
      <c r="F4986" s="40">
        <v>82.949999999999989</v>
      </c>
      <c r="G4986" s="40">
        <v>19.738878358198825</v>
      </c>
      <c r="H4986" s="40">
        <v>82.950000000000017</v>
      </c>
      <c r="I4986" s="40">
        <v>16.218368043849022</v>
      </c>
      <c r="J4986" s="40">
        <v>82.949970083333994</v>
      </c>
      <c r="K4986" s="40">
        <v>12.684337877477194</v>
      </c>
      <c r="L4986" s="40"/>
      <c r="M4986" s="40"/>
      <c r="N4986" s="40"/>
    </row>
    <row r="4987" spans="4:14" x14ac:dyDescent="0.25">
      <c r="D4987" s="40">
        <v>82.980015000003661</v>
      </c>
      <c r="E4987" s="40">
        <v>20.406163201158702</v>
      </c>
      <c r="F4987" s="40">
        <v>82.966667000000001</v>
      </c>
      <c r="G4987" s="40">
        <v>19.743633602289044</v>
      </c>
      <c r="H4987" s="40">
        <v>82.966667000000001</v>
      </c>
      <c r="I4987" s="40">
        <v>16.221720779992282</v>
      </c>
      <c r="J4987" s="40">
        <v>82.966636744048202</v>
      </c>
      <c r="K4987" s="40">
        <v>12.684337877477194</v>
      </c>
      <c r="L4987" s="40"/>
      <c r="M4987" s="40"/>
      <c r="N4987" s="40"/>
    </row>
    <row r="4988" spans="4:14" x14ac:dyDescent="0.25">
      <c r="D4988" s="40">
        <v>82.996681000003662</v>
      </c>
      <c r="E4988" s="40">
        <v>20.406163201158702</v>
      </c>
      <c r="F4988" s="40">
        <v>82.983332999999988</v>
      </c>
      <c r="G4988" s="40">
        <v>19.743633602289044</v>
      </c>
      <c r="H4988" s="40">
        <v>82.983334000000013</v>
      </c>
      <c r="I4988" s="40">
        <v>16.225073516135712</v>
      </c>
      <c r="J4988" s="40">
        <v>82.983303404762495</v>
      </c>
      <c r="K4988" s="40">
        <v>12.684337877477194</v>
      </c>
      <c r="L4988" s="40"/>
      <c r="M4988" s="40"/>
      <c r="N4988" s="40"/>
    </row>
    <row r="4989" spans="4:14" x14ac:dyDescent="0.25">
      <c r="D4989" s="40">
        <v>83.013347000003662</v>
      </c>
      <c r="E4989" s="40">
        <v>20.406163201158702</v>
      </c>
      <c r="F4989" s="40">
        <v>83</v>
      </c>
      <c r="G4989" s="40">
        <v>19.743633602289044</v>
      </c>
      <c r="H4989" s="40">
        <v>83</v>
      </c>
      <c r="I4989" s="40">
        <v>16.225073516135712</v>
      </c>
      <c r="J4989" s="40">
        <v>82.999970065476802</v>
      </c>
      <c r="K4989" s="40">
        <v>12.684337877477194</v>
      </c>
      <c r="L4989" s="40"/>
      <c r="M4989" s="40"/>
      <c r="N4989" s="40"/>
    </row>
    <row r="4990" spans="4:14" x14ac:dyDescent="0.25">
      <c r="D4990" s="40">
        <v>83.030013000003663</v>
      </c>
      <c r="E4990" s="40">
        <v>20.410863933319128</v>
      </c>
      <c r="F4990" s="40">
        <v>83.016666999999984</v>
      </c>
      <c r="G4990" s="40">
        <v>19.748388846379264</v>
      </c>
      <c r="H4990" s="40">
        <v>83.016667000000012</v>
      </c>
      <c r="I4990" s="40">
        <v>16.228327642392475</v>
      </c>
      <c r="J4990" s="40">
        <v>83.016636726191095</v>
      </c>
      <c r="K4990" s="40">
        <v>12.684337877477194</v>
      </c>
      <c r="L4990" s="40"/>
      <c r="M4990" s="40"/>
      <c r="N4990" s="40"/>
    </row>
    <row r="4991" spans="4:14" x14ac:dyDescent="0.25">
      <c r="D4991" s="40">
        <v>83.046679000003664</v>
      </c>
      <c r="E4991" s="40">
        <v>20.410863933319128</v>
      </c>
      <c r="F4991" s="40">
        <v>83.033332999999999</v>
      </c>
      <c r="G4991" s="40">
        <v>19.748388846379264</v>
      </c>
      <c r="H4991" s="40">
        <v>83.033333999999996</v>
      </c>
      <c r="I4991" s="40">
        <v>16.231680378535732</v>
      </c>
      <c r="J4991" s="40">
        <v>83.033303386905402</v>
      </c>
      <c r="K4991" s="40">
        <v>12.684337877477194</v>
      </c>
      <c r="L4991" s="40"/>
      <c r="M4991" s="40"/>
      <c r="N4991" s="40"/>
    </row>
    <row r="4992" spans="4:14" x14ac:dyDescent="0.25">
      <c r="D4992" s="40">
        <v>83.063345000003665</v>
      </c>
      <c r="E4992" s="40">
        <v>20.410863933319128</v>
      </c>
      <c r="F4992" s="40">
        <v>83.049999999999983</v>
      </c>
      <c r="G4992" s="40">
        <v>19.753004230349166</v>
      </c>
      <c r="H4992" s="40">
        <v>83.050000000000011</v>
      </c>
      <c r="I4992" s="40">
        <v>16.235033114678988</v>
      </c>
      <c r="J4992" s="40">
        <v>83.049970047619695</v>
      </c>
      <c r="K4992" s="40">
        <v>12.684337877477194</v>
      </c>
      <c r="L4992" s="40"/>
      <c r="M4992" s="40"/>
      <c r="N4992" s="40"/>
    </row>
    <row r="4993" spans="4:14" x14ac:dyDescent="0.25">
      <c r="D4993" s="40">
        <v>83.080011000003665</v>
      </c>
      <c r="E4993" s="40">
        <v>20.410863933319128</v>
      </c>
      <c r="F4993" s="40">
        <v>83.066666999999995</v>
      </c>
      <c r="G4993" s="40">
        <v>19.753004230349166</v>
      </c>
      <c r="H4993" s="40">
        <v>83.066666999999995</v>
      </c>
      <c r="I4993" s="40">
        <v>16.235033114678988</v>
      </c>
      <c r="J4993" s="40">
        <v>83.066636708334002</v>
      </c>
      <c r="K4993" s="40">
        <v>12.684337877477194</v>
      </c>
      <c r="L4993" s="40"/>
      <c r="M4993" s="40"/>
      <c r="N4993" s="40"/>
    </row>
    <row r="4994" spans="4:14" x14ac:dyDescent="0.25">
      <c r="D4994" s="40">
        <v>83.096677000003666</v>
      </c>
      <c r="E4994" s="40">
        <v>20.410863933319128</v>
      </c>
      <c r="F4994" s="40">
        <v>83.083332999999982</v>
      </c>
      <c r="G4994" s="40">
        <v>19.757759474439258</v>
      </c>
      <c r="H4994" s="40">
        <v>83.083334000000008</v>
      </c>
      <c r="I4994" s="40">
        <v>16.238385850822247</v>
      </c>
      <c r="J4994" s="40">
        <v>83.083303369048195</v>
      </c>
      <c r="K4994" s="40">
        <v>12.684337877477194</v>
      </c>
      <c r="L4994" s="40"/>
      <c r="M4994" s="40"/>
      <c r="N4994" s="40"/>
    </row>
    <row r="4995" spans="4:14" x14ac:dyDescent="0.25">
      <c r="D4995" s="40">
        <v>83.113343000003667</v>
      </c>
      <c r="E4995" s="40">
        <v>20.410863933319128</v>
      </c>
      <c r="F4995" s="40">
        <v>83.1</v>
      </c>
      <c r="G4995" s="40">
        <v>19.757759474439258</v>
      </c>
      <c r="H4995" s="40">
        <v>83.1</v>
      </c>
      <c r="I4995" s="40">
        <v>16.238385850822247</v>
      </c>
      <c r="J4995" s="40">
        <v>83.099970029762503</v>
      </c>
      <c r="K4995" s="40">
        <v>12.684337877477194</v>
      </c>
      <c r="L4995" s="40"/>
      <c r="M4995" s="40"/>
      <c r="N4995" s="40"/>
    </row>
    <row r="4996" spans="4:14" x14ac:dyDescent="0.25">
      <c r="D4996" s="40">
        <v>83.130009000003668</v>
      </c>
      <c r="E4996" s="40">
        <v>20.410863933319128</v>
      </c>
      <c r="F4996" s="40">
        <v>83.116667000000007</v>
      </c>
      <c r="G4996" s="40">
        <v>19.757759474439258</v>
      </c>
      <c r="H4996" s="40">
        <v>83.116667000000007</v>
      </c>
      <c r="I4996" s="40">
        <v>16.241639977079011</v>
      </c>
      <c r="J4996" s="40">
        <v>83.116636690476795</v>
      </c>
      <c r="K4996" s="40">
        <v>12.684337877477194</v>
      </c>
      <c r="L4996" s="40"/>
      <c r="M4996" s="40"/>
      <c r="N4996" s="40"/>
    </row>
    <row r="4997" spans="4:14" x14ac:dyDescent="0.25">
      <c r="D4997" s="40">
        <v>83.146675000003668</v>
      </c>
      <c r="E4997" s="40">
        <v>20.415707111908549</v>
      </c>
      <c r="F4997" s="40">
        <v>83.133332999999993</v>
      </c>
      <c r="G4997" s="40">
        <v>19.762514718529477</v>
      </c>
      <c r="H4997" s="40">
        <v>83.133334000000019</v>
      </c>
      <c r="I4997" s="40">
        <v>16.244992713222441</v>
      </c>
      <c r="J4997" s="40">
        <v>83.133303351191103</v>
      </c>
      <c r="K4997" s="40">
        <v>12.684337877477194</v>
      </c>
      <c r="L4997" s="40"/>
      <c r="M4997" s="40"/>
      <c r="N4997" s="40"/>
    </row>
    <row r="4998" spans="4:14" x14ac:dyDescent="0.25">
      <c r="D4998" s="40">
        <v>83.163341000003669</v>
      </c>
      <c r="E4998" s="40">
        <v>20.415707111908549</v>
      </c>
      <c r="F4998" s="40">
        <v>83.15</v>
      </c>
      <c r="G4998" s="40">
        <v>19.762514718529477</v>
      </c>
      <c r="H4998" s="40">
        <v>83.15</v>
      </c>
      <c r="I4998" s="40">
        <v>16.244992713222441</v>
      </c>
      <c r="J4998" s="40">
        <v>83.149970011905395</v>
      </c>
      <c r="K4998" s="40">
        <v>12.684337877477194</v>
      </c>
      <c r="L4998" s="40"/>
      <c r="M4998" s="40"/>
      <c r="N4998" s="40"/>
    </row>
    <row r="4999" spans="4:14" x14ac:dyDescent="0.25">
      <c r="D4999" s="40">
        <v>83.18000700000367</v>
      </c>
      <c r="E4999" s="40">
        <v>20.415707111908549</v>
      </c>
      <c r="F4999" s="40">
        <v>83.16666699999999</v>
      </c>
      <c r="G4999" s="40">
        <v>19.76713010249938</v>
      </c>
      <c r="H4999" s="40">
        <v>83.166667000000018</v>
      </c>
      <c r="I4999" s="40">
        <v>16.248345449365697</v>
      </c>
      <c r="J4999" s="40">
        <v>83.166636672619703</v>
      </c>
      <c r="K4999" s="40">
        <v>12.684337877477194</v>
      </c>
      <c r="L4999" s="40"/>
      <c r="M4999" s="40"/>
      <c r="N4999" s="40"/>
    </row>
    <row r="5000" spans="4:14" x14ac:dyDescent="0.25">
      <c r="D5000" s="40">
        <v>83.19667300000367</v>
      </c>
      <c r="E5000" s="40">
        <v>20.420550290498095</v>
      </c>
      <c r="F5000" s="40">
        <v>83.183333000000005</v>
      </c>
      <c r="G5000" s="40">
        <v>19.76713010249938</v>
      </c>
      <c r="H5000" s="40">
        <v>83.183334000000002</v>
      </c>
      <c r="I5000" s="40">
        <v>16.25159957562246</v>
      </c>
      <c r="J5000" s="40">
        <v>83.183303333333996</v>
      </c>
      <c r="K5000" s="40">
        <v>12.684337877477194</v>
      </c>
      <c r="L5000" s="40"/>
      <c r="M5000" s="40"/>
      <c r="N5000" s="40"/>
    </row>
    <row r="5001" spans="4:14" x14ac:dyDescent="0.25">
      <c r="D5001" s="40">
        <v>83.213339000003671</v>
      </c>
      <c r="E5001" s="40">
        <v>20.420550290498095</v>
      </c>
      <c r="F5001" s="40">
        <v>83.199999999999989</v>
      </c>
      <c r="G5001" s="40">
        <v>19.771885346589475</v>
      </c>
      <c r="H5001" s="40">
        <v>83.200000000000017</v>
      </c>
      <c r="I5001" s="40">
        <v>16.25159957562246</v>
      </c>
      <c r="J5001" s="40">
        <v>83.199969994048203</v>
      </c>
      <c r="K5001" s="40">
        <v>12.684337877477194</v>
      </c>
      <c r="L5001" s="40"/>
      <c r="M5001" s="40"/>
      <c r="N5001" s="40"/>
    </row>
    <row r="5002" spans="4:14" x14ac:dyDescent="0.25">
      <c r="D5002" s="40">
        <v>83.230005000003672</v>
      </c>
      <c r="E5002" s="40">
        <v>20.420550290498095</v>
      </c>
      <c r="F5002" s="40">
        <v>83.216667000000001</v>
      </c>
      <c r="G5002" s="40">
        <v>19.771885346589475</v>
      </c>
      <c r="H5002" s="40">
        <v>83.216667000000001</v>
      </c>
      <c r="I5002" s="40">
        <v>16.25495231176572</v>
      </c>
      <c r="J5002" s="40">
        <v>83.216636654762496</v>
      </c>
      <c r="K5002" s="40">
        <v>12.684337877477194</v>
      </c>
      <c r="L5002" s="40"/>
      <c r="M5002" s="40"/>
      <c r="N5002" s="40"/>
    </row>
    <row r="5003" spans="4:14" x14ac:dyDescent="0.25">
      <c r="D5003" s="40">
        <v>83.246671000003673</v>
      </c>
      <c r="E5003" s="40">
        <v>20.425251022658522</v>
      </c>
      <c r="F5003" s="40">
        <v>83.233332999999988</v>
      </c>
      <c r="G5003" s="40">
        <v>19.771885346589475</v>
      </c>
      <c r="H5003" s="40">
        <v>83.233334000000013</v>
      </c>
      <c r="I5003" s="40">
        <v>16.258305047909154</v>
      </c>
      <c r="J5003" s="40">
        <v>83.233303315476803</v>
      </c>
      <c r="K5003" s="40">
        <v>12.684337877477194</v>
      </c>
      <c r="L5003" s="40"/>
      <c r="M5003" s="40"/>
      <c r="N5003" s="40"/>
    </row>
    <row r="5004" spans="4:14" x14ac:dyDescent="0.25">
      <c r="D5004" s="40">
        <v>83.263337000003673</v>
      </c>
      <c r="E5004" s="40">
        <v>20.425251022658522</v>
      </c>
      <c r="F5004" s="40">
        <v>83.25</v>
      </c>
      <c r="G5004" s="40">
        <v>19.776640590679694</v>
      </c>
      <c r="H5004" s="40">
        <v>83.25</v>
      </c>
      <c r="I5004" s="40">
        <v>16.258305047909154</v>
      </c>
      <c r="J5004" s="40">
        <v>83.249969976191096</v>
      </c>
      <c r="K5004" s="40">
        <v>12.684337877477194</v>
      </c>
      <c r="L5004" s="40"/>
      <c r="M5004" s="40"/>
      <c r="N5004" s="40"/>
    </row>
    <row r="5005" spans="4:14" x14ac:dyDescent="0.25">
      <c r="D5005" s="40">
        <v>83.280003000003674</v>
      </c>
      <c r="E5005" s="40">
        <v>20.425251022658522</v>
      </c>
      <c r="F5005" s="40">
        <v>83.266666999999984</v>
      </c>
      <c r="G5005" s="40">
        <v>19.776640590679694</v>
      </c>
      <c r="H5005" s="40">
        <v>83.266667000000012</v>
      </c>
      <c r="I5005" s="40">
        <v>16.26155917416574</v>
      </c>
      <c r="J5005" s="40">
        <v>83.266636636905403</v>
      </c>
      <c r="K5005" s="40">
        <v>12.684337877477194</v>
      </c>
      <c r="L5005" s="40"/>
      <c r="M5005" s="40"/>
      <c r="N5005" s="40"/>
    </row>
    <row r="5006" spans="4:14" x14ac:dyDescent="0.25">
      <c r="D5006" s="40">
        <v>83.296669000003675</v>
      </c>
      <c r="E5006" s="40">
        <v>20.425251022658522</v>
      </c>
      <c r="F5006" s="40">
        <v>83.283332999999999</v>
      </c>
      <c r="G5006" s="40">
        <v>19.776640590679694</v>
      </c>
      <c r="H5006" s="40">
        <v>83.283333999999996</v>
      </c>
      <c r="I5006" s="40">
        <v>16.264911910309173</v>
      </c>
      <c r="J5006" s="40">
        <v>83.283303297619696</v>
      </c>
      <c r="K5006" s="40">
        <v>12.684337877477194</v>
      </c>
      <c r="L5006" s="40"/>
      <c r="M5006" s="40"/>
      <c r="N5006" s="40"/>
    </row>
    <row r="5007" spans="4:14" x14ac:dyDescent="0.25">
      <c r="D5007" s="40">
        <v>83.313335000003676</v>
      </c>
      <c r="E5007" s="40">
        <v>20.425251022658522</v>
      </c>
      <c r="F5007" s="40">
        <v>83.299999999999983</v>
      </c>
      <c r="G5007" s="40">
        <v>19.781255974649596</v>
      </c>
      <c r="H5007" s="40">
        <v>83.300000000000011</v>
      </c>
      <c r="I5007" s="40">
        <v>16.264911910309173</v>
      </c>
      <c r="J5007" s="40">
        <v>83.299969958334003</v>
      </c>
      <c r="K5007" s="40">
        <v>12.689188921186426</v>
      </c>
      <c r="L5007" s="40"/>
      <c r="M5007" s="40"/>
      <c r="N5007" s="40"/>
    </row>
    <row r="5008" spans="4:14" x14ac:dyDescent="0.25">
      <c r="D5008" s="40">
        <v>83.330001000003676</v>
      </c>
      <c r="E5008" s="40">
        <v>20.430094201247943</v>
      </c>
      <c r="F5008" s="40">
        <v>83.316666999999995</v>
      </c>
      <c r="G5008" s="40">
        <v>19.781255974649596</v>
      </c>
      <c r="H5008" s="40">
        <v>83.316666999999995</v>
      </c>
      <c r="I5008" s="40">
        <v>16.26826464645243</v>
      </c>
      <c r="J5008" s="40">
        <v>83.316636619048197</v>
      </c>
      <c r="K5008" s="40">
        <v>12.689188921186426</v>
      </c>
      <c r="L5008" s="40"/>
      <c r="M5008" s="40"/>
      <c r="N5008" s="40"/>
    </row>
    <row r="5009" spans="4:14" x14ac:dyDescent="0.25">
      <c r="D5009" s="40">
        <v>83.346667000003677</v>
      </c>
      <c r="E5009" s="40">
        <v>20.430094201247943</v>
      </c>
      <c r="F5009" s="40">
        <v>83.333332999999982</v>
      </c>
      <c r="G5009" s="40">
        <v>19.781255974649596</v>
      </c>
      <c r="H5009" s="40">
        <v>83.333334000000008</v>
      </c>
      <c r="I5009" s="40">
        <v>16.26826464645243</v>
      </c>
      <c r="J5009" s="40">
        <v>83.333303279762504</v>
      </c>
      <c r="K5009" s="40">
        <v>12.694039964895532</v>
      </c>
      <c r="L5009" s="40"/>
      <c r="M5009" s="40"/>
      <c r="N5009" s="40"/>
    </row>
    <row r="5010" spans="4:14" x14ac:dyDescent="0.25">
      <c r="D5010" s="40">
        <v>83.363333000003678</v>
      </c>
      <c r="E5010" s="40">
        <v>20.430094201247943</v>
      </c>
      <c r="F5010" s="40">
        <v>83.35</v>
      </c>
      <c r="G5010" s="40">
        <v>19.786011218739688</v>
      </c>
      <c r="H5010" s="40">
        <v>83.35</v>
      </c>
      <c r="I5010" s="40">
        <v>16.271518772709193</v>
      </c>
      <c r="J5010" s="40">
        <v>83.349969940476797</v>
      </c>
      <c r="K5010" s="40">
        <v>12.694039964895532</v>
      </c>
      <c r="L5010" s="40"/>
      <c r="M5010" s="40"/>
      <c r="N5010" s="40"/>
    </row>
    <row r="5011" spans="4:14" x14ac:dyDescent="0.25">
      <c r="D5011" s="40">
        <v>83.379999000003679</v>
      </c>
      <c r="E5011" s="40">
        <v>20.434937379837496</v>
      </c>
      <c r="F5011" s="40">
        <v>83.366667000000007</v>
      </c>
      <c r="G5011" s="40">
        <v>19.786011218739688</v>
      </c>
      <c r="H5011" s="40">
        <v>83.366667000000007</v>
      </c>
      <c r="I5011" s="40">
        <v>16.271518772709193</v>
      </c>
      <c r="J5011" s="40">
        <v>83.366636601191104</v>
      </c>
      <c r="K5011" s="40">
        <v>12.694039964895532</v>
      </c>
      <c r="L5011" s="40"/>
      <c r="M5011" s="40"/>
      <c r="N5011" s="40"/>
    </row>
    <row r="5012" spans="4:14" x14ac:dyDescent="0.25">
      <c r="D5012" s="40">
        <v>83.396665000003679</v>
      </c>
      <c r="E5012" s="40">
        <v>20.434937379837496</v>
      </c>
      <c r="F5012" s="40">
        <v>83.383332999999993</v>
      </c>
      <c r="G5012" s="40">
        <v>19.786011218739688</v>
      </c>
      <c r="H5012" s="40">
        <v>83.383334000000019</v>
      </c>
      <c r="I5012" s="40">
        <v>16.274871508852449</v>
      </c>
      <c r="J5012" s="40">
        <v>83.383303261905397</v>
      </c>
      <c r="K5012" s="40">
        <v>12.694039964895532</v>
      </c>
      <c r="L5012" s="40"/>
      <c r="M5012" s="40"/>
      <c r="N5012" s="40"/>
    </row>
    <row r="5013" spans="4:14" x14ac:dyDescent="0.25">
      <c r="D5013" s="40">
        <v>83.41333100000368</v>
      </c>
      <c r="E5013" s="40">
        <v>20.434937379837496</v>
      </c>
      <c r="F5013" s="40">
        <v>83.4</v>
      </c>
      <c r="G5013" s="40">
        <v>19.790766462829907</v>
      </c>
      <c r="H5013" s="40">
        <v>83.4</v>
      </c>
      <c r="I5013" s="40">
        <v>16.278224244995883</v>
      </c>
      <c r="J5013" s="40">
        <v>83.399969922619704</v>
      </c>
      <c r="K5013" s="40">
        <v>12.694039964895532</v>
      </c>
      <c r="L5013" s="40"/>
      <c r="M5013" s="40"/>
      <c r="N5013" s="40"/>
    </row>
    <row r="5014" spans="4:14" x14ac:dyDescent="0.25">
      <c r="D5014" s="40">
        <v>83.429997000003681</v>
      </c>
      <c r="E5014" s="40">
        <v>20.434937379837496</v>
      </c>
      <c r="F5014" s="40">
        <v>83.41666699999999</v>
      </c>
      <c r="G5014" s="40">
        <v>19.790766462829907</v>
      </c>
      <c r="H5014" s="40">
        <v>83.416667000000018</v>
      </c>
      <c r="I5014" s="40">
        <v>16.278224244995883</v>
      </c>
      <c r="J5014" s="40">
        <v>83.416636583333997</v>
      </c>
      <c r="K5014" s="40">
        <v>12.694039964895532</v>
      </c>
      <c r="L5014" s="40"/>
      <c r="M5014" s="40"/>
      <c r="N5014" s="40"/>
    </row>
    <row r="5015" spans="4:14" x14ac:dyDescent="0.25">
      <c r="D5015" s="40">
        <v>83.446663000003682</v>
      </c>
      <c r="E5015" s="40">
        <v>20.434937379837496</v>
      </c>
      <c r="F5015" s="40">
        <v>83.433333000000005</v>
      </c>
      <c r="G5015" s="40">
        <v>19.790766462829907</v>
      </c>
      <c r="H5015" s="40">
        <v>83.433334000000002</v>
      </c>
      <c r="I5015" s="40">
        <v>16.281478371252646</v>
      </c>
      <c r="J5015" s="40">
        <v>83.433303244048204</v>
      </c>
      <c r="K5015" s="40">
        <v>12.694039964895532</v>
      </c>
      <c r="L5015" s="40"/>
      <c r="M5015" s="40"/>
      <c r="N5015" s="40"/>
    </row>
    <row r="5016" spans="4:14" x14ac:dyDescent="0.25">
      <c r="D5016" s="40">
        <v>83.463329000003682</v>
      </c>
      <c r="E5016" s="40">
        <v>20.434937379837496</v>
      </c>
      <c r="F5016" s="40">
        <v>83.449999999999989</v>
      </c>
      <c r="G5016" s="40">
        <v>19.790766462829907</v>
      </c>
      <c r="H5016" s="40">
        <v>83.450000000000017</v>
      </c>
      <c r="I5016" s="40">
        <v>16.281478371252646</v>
      </c>
      <c r="J5016" s="40">
        <v>83.449969904762497</v>
      </c>
      <c r="K5016" s="40">
        <v>12.689188921186426</v>
      </c>
      <c r="L5016" s="40"/>
      <c r="M5016" s="40"/>
      <c r="N5016" s="40"/>
    </row>
    <row r="5017" spans="4:14" x14ac:dyDescent="0.25">
      <c r="D5017" s="40">
        <v>83.479995000003683</v>
      </c>
      <c r="E5017" s="40">
        <v>20.434937379837496</v>
      </c>
      <c r="F5017" s="40">
        <v>83.466667000000001</v>
      </c>
      <c r="G5017" s="40">
        <v>19.79538184679981</v>
      </c>
      <c r="H5017" s="40">
        <v>83.466667000000001</v>
      </c>
      <c r="I5017" s="40">
        <v>16.284831107395902</v>
      </c>
      <c r="J5017" s="40">
        <v>83.466636565476804</v>
      </c>
      <c r="K5017" s="40">
        <v>12.689188921186426</v>
      </c>
      <c r="L5017" s="40"/>
      <c r="M5017" s="40"/>
      <c r="N5017" s="40"/>
    </row>
    <row r="5018" spans="4:14" x14ac:dyDescent="0.25">
      <c r="D5018" s="40">
        <v>83.496661000003684</v>
      </c>
      <c r="E5018" s="40">
        <v>20.434937379837496</v>
      </c>
      <c r="F5018" s="40">
        <v>83.483332999999988</v>
      </c>
      <c r="G5018" s="40">
        <v>19.79538184679981</v>
      </c>
      <c r="H5018" s="40">
        <v>83.483334000000013</v>
      </c>
      <c r="I5018" s="40">
        <v>16.288183843539159</v>
      </c>
      <c r="J5018" s="40">
        <v>83.483303226191097</v>
      </c>
      <c r="K5018" s="40">
        <v>12.689188921186426</v>
      </c>
      <c r="L5018" s="40"/>
      <c r="M5018" s="40"/>
      <c r="N5018" s="40"/>
    </row>
    <row r="5019" spans="4:14" x14ac:dyDescent="0.25">
      <c r="D5019" s="40">
        <v>83.513327000003684</v>
      </c>
      <c r="E5019" s="40">
        <v>20.434937379837496</v>
      </c>
      <c r="F5019" s="40">
        <v>83.5</v>
      </c>
      <c r="G5019" s="40">
        <v>19.79538184679981</v>
      </c>
      <c r="H5019" s="40">
        <v>83.5</v>
      </c>
      <c r="I5019" s="40">
        <v>16.288183843539159</v>
      </c>
      <c r="J5019" s="40">
        <v>83.499969886905404</v>
      </c>
      <c r="K5019" s="40">
        <v>12.694039964895532</v>
      </c>
      <c r="L5019" s="40"/>
      <c r="M5019" s="40"/>
      <c r="N5019" s="40"/>
    </row>
    <row r="5020" spans="4:14" x14ac:dyDescent="0.25">
      <c r="D5020" s="40">
        <v>83.529993000003685</v>
      </c>
      <c r="E5020" s="40">
        <v>20.434937379837496</v>
      </c>
      <c r="F5020" s="40">
        <v>83.516666999999984</v>
      </c>
      <c r="G5020" s="40">
        <v>19.79538184679981</v>
      </c>
      <c r="H5020" s="40">
        <v>83.516667000000012</v>
      </c>
      <c r="I5020" s="40">
        <v>16.291437969795922</v>
      </c>
      <c r="J5020" s="40">
        <v>83.516636547619697</v>
      </c>
      <c r="K5020" s="40">
        <v>12.694039964895532</v>
      </c>
      <c r="L5020" s="40"/>
      <c r="M5020" s="40"/>
      <c r="N5020" s="40"/>
    </row>
    <row r="5021" spans="4:14" x14ac:dyDescent="0.25">
      <c r="D5021" s="40">
        <v>83.546659000003686</v>
      </c>
      <c r="E5021" s="40">
        <v>20.434937379837496</v>
      </c>
      <c r="F5021" s="40">
        <v>83.533332999999999</v>
      </c>
      <c r="G5021" s="40">
        <v>19.79538184679981</v>
      </c>
      <c r="H5021" s="40">
        <v>83.533333999999996</v>
      </c>
      <c r="I5021" s="40">
        <v>16.291437969795922</v>
      </c>
      <c r="J5021" s="40">
        <v>83.533303208334004</v>
      </c>
      <c r="K5021" s="40">
        <v>12.698748330848593</v>
      </c>
      <c r="L5021" s="40"/>
      <c r="M5021" s="40"/>
      <c r="N5021" s="40"/>
    </row>
    <row r="5022" spans="4:14" x14ac:dyDescent="0.25">
      <c r="D5022" s="40">
        <v>83.563325000003687</v>
      </c>
      <c r="E5022" s="40">
        <v>20.434937379837496</v>
      </c>
      <c r="F5022" s="40">
        <v>83.549999999999983</v>
      </c>
      <c r="G5022" s="40">
        <v>19.800137090890026</v>
      </c>
      <c r="H5022" s="40">
        <v>83.550000000000011</v>
      </c>
      <c r="I5022" s="40">
        <v>16.294790705939178</v>
      </c>
      <c r="J5022" s="40">
        <v>83.549969869048198</v>
      </c>
      <c r="K5022" s="40">
        <v>12.698748330848593</v>
      </c>
      <c r="L5022" s="40"/>
      <c r="M5022" s="40"/>
      <c r="N5022" s="40"/>
    </row>
    <row r="5023" spans="4:14" x14ac:dyDescent="0.25">
      <c r="D5023" s="40">
        <v>83.579991000003687</v>
      </c>
      <c r="E5023" s="40">
        <v>20.434937379837496</v>
      </c>
      <c r="F5023" s="40">
        <v>83.566666999999995</v>
      </c>
      <c r="G5023" s="40">
        <v>19.800137090890026</v>
      </c>
      <c r="H5023" s="40">
        <v>83.566666999999995</v>
      </c>
      <c r="I5023" s="40">
        <v>16.298143442082612</v>
      </c>
      <c r="J5023" s="40">
        <v>83.566636529762505</v>
      </c>
      <c r="K5023" s="40">
        <v>12.703599374557825</v>
      </c>
      <c r="L5023" s="40"/>
      <c r="M5023" s="40"/>
      <c r="N5023" s="40"/>
    </row>
    <row r="5024" spans="4:14" x14ac:dyDescent="0.25">
      <c r="D5024" s="40">
        <v>83.596657000003688</v>
      </c>
      <c r="E5024" s="40">
        <v>20.434937379837496</v>
      </c>
      <c r="F5024" s="40">
        <v>83.583332999999982</v>
      </c>
      <c r="G5024" s="40">
        <v>19.800137090890026</v>
      </c>
      <c r="H5024" s="40">
        <v>83.583334000000008</v>
      </c>
      <c r="I5024" s="40">
        <v>16.298143442082612</v>
      </c>
      <c r="J5024" s="40">
        <v>83.583303190476798</v>
      </c>
      <c r="K5024" s="40">
        <v>12.703599374557825</v>
      </c>
      <c r="L5024" s="40"/>
      <c r="M5024" s="40"/>
      <c r="N5024" s="40"/>
    </row>
    <row r="5025" spans="4:14" x14ac:dyDescent="0.25">
      <c r="D5025" s="40">
        <v>83.613323000003689</v>
      </c>
      <c r="E5025" s="40">
        <v>20.434937379837496</v>
      </c>
      <c r="F5025" s="40">
        <v>83.6</v>
      </c>
      <c r="G5025" s="40">
        <v>19.800137090890026</v>
      </c>
      <c r="H5025" s="40">
        <v>83.6</v>
      </c>
      <c r="I5025" s="40">
        <v>16.301397568339375</v>
      </c>
      <c r="J5025" s="40">
        <v>83.599969851191105</v>
      </c>
      <c r="K5025" s="40">
        <v>12.703599374557825</v>
      </c>
      <c r="L5025" s="40"/>
      <c r="M5025" s="40"/>
      <c r="N5025" s="40"/>
    </row>
    <row r="5026" spans="4:14" x14ac:dyDescent="0.25">
      <c r="D5026" s="40">
        <v>83.62998900000369</v>
      </c>
      <c r="E5026" s="40">
        <v>20.430094201247943</v>
      </c>
      <c r="F5026" s="40">
        <v>83.616667000000007</v>
      </c>
      <c r="G5026" s="40">
        <v>19.804892334980121</v>
      </c>
      <c r="H5026" s="40">
        <v>83.616667000000007</v>
      </c>
      <c r="I5026" s="40">
        <v>16.301397568339375</v>
      </c>
      <c r="J5026" s="40">
        <v>83.616636511905398</v>
      </c>
      <c r="K5026" s="40">
        <v>12.703599374557825</v>
      </c>
      <c r="L5026" s="40"/>
      <c r="M5026" s="40"/>
      <c r="N5026" s="40"/>
    </row>
    <row r="5027" spans="4:14" x14ac:dyDescent="0.25">
      <c r="D5027" s="40">
        <v>83.64665500000369</v>
      </c>
      <c r="E5027" s="40">
        <v>20.430094201247943</v>
      </c>
      <c r="F5027" s="40">
        <v>83.633332999999993</v>
      </c>
      <c r="G5027" s="40">
        <v>19.804892334980121</v>
      </c>
      <c r="H5027" s="40">
        <v>83.633334000000019</v>
      </c>
      <c r="I5027" s="40">
        <v>16.304750304482635</v>
      </c>
      <c r="J5027" s="40">
        <v>83.633303172619705</v>
      </c>
      <c r="K5027" s="40">
        <v>12.70845041826693</v>
      </c>
      <c r="L5027" s="40"/>
      <c r="M5027" s="40"/>
      <c r="N5027" s="40"/>
    </row>
    <row r="5028" spans="4:14" x14ac:dyDescent="0.25">
      <c r="D5028" s="40">
        <v>83.663321000003691</v>
      </c>
      <c r="E5028" s="40">
        <v>20.430094201247943</v>
      </c>
      <c r="F5028" s="40">
        <v>83.65</v>
      </c>
      <c r="G5028" s="40">
        <v>19.804892334980121</v>
      </c>
      <c r="H5028" s="40">
        <v>83.65</v>
      </c>
      <c r="I5028" s="40">
        <v>16.304750304482635</v>
      </c>
      <c r="J5028" s="40">
        <v>83.649969833333998</v>
      </c>
      <c r="K5028" s="40">
        <v>12.70845041826693</v>
      </c>
      <c r="L5028" s="40"/>
      <c r="M5028" s="40"/>
      <c r="N5028" s="40"/>
    </row>
    <row r="5029" spans="4:14" x14ac:dyDescent="0.25">
      <c r="D5029" s="40">
        <v>83.679987000003692</v>
      </c>
      <c r="E5029" s="40">
        <v>20.430094201247943</v>
      </c>
      <c r="F5029" s="40">
        <v>83.66666699999999</v>
      </c>
      <c r="G5029" s="40">
        <v>19.809507718950023</v>
      </c>
      <c r="H5029" s="40">
        <v>83.666667000000018</v>
      </c>
      <c r="I5029" s="40">
        <v>16.308103040625888</v>
      </c>
      <c r="J5029" s="40">
        <v>83.666636494048205</v>
      </c>
      <c r="K5029" s="40">
        <v>12.70845041826693</v>
      </c>
      <c r="L5029" s="40"/>
      <c r="M5029" s="40"/>
      <c r="N5029" s="40"/>
    </row>
    <row r="5030" spans="4:14" x14ac:dyDescent="0.25">
      <c r="D5030" s="40">
        <v>83.696653000003693</v>
      </c>
      <c r="E5030" s="40">
        <v>20.425251022658522</v>
      </c>
      <c r="F5030" s="40">
        <v>83.683333000000005</v>
      </c>
      <c r="G5030" s="40">
        <v>19.809507718950023</v>
      </c>
      <c r="H5030" s="40">
        <v>83.683334000000002</v>
      </c>
      <c r="I5030" s="40">
        <v>16.308103040625888</v>
      </c>
      <c r="J5030" s="40">
        <v>83.683303154762498</v>
      </c>
      <c r="K5030" s="40">
        <v>12.70845041826693</v>
      </c>
      <c r="L5030" s="40"/>
      <c r="M5030" s="40"/>
      <c r="N5030" s="40"/>
    </row>
    <row r="5031" spans="4:14" x14ac:dyDescent="0.25">
      <c r="D5031" s="40">
        <v>83.713319000003693</v>
      </c>
      <c r="E5031" s="40">
        <v>20.430094201247943</v>
      </c>
      <c r="F5031" s="40">
        <v>83.699999999999989</v>
      </c>
      <c r="G5031" s="40">
        <v>19.809507718950023</v>
      </c>
      <c r="H5031" s="40">
        <v>83.700000000000017</v>
      </c>
      <c r="I5031" s="40">
        <v>16.311357166882651</v>
      </c>
      <c r="J5031" s="40">
        <v>83.699969815476805</v>
      </c>
      <c r="K5031" s="40">
        <v>12.70845041826693</v>
      </c>
      <c r="L5031" s="40"/>
      <c r="M5031" s="40"/>
      <c r="N5031" s="40"/>
    </row>
    <row r="5032" spans="4:14" x14ac:dyDescent="0.25">
      <c r="D5032" s="40">
        <v>83.729985000003694</v>
      </c>
      <c r="E5032" s="40">
        <v>20.430094201247943</v>
      </c>
      <c r="F5032" s="40">
        <v>83.716667000000001</v>
      </c>
      <c r="G5032" s="40">
        <v>19.814262963040239</v>
      </c>
      <c r="H5032" s="40">
        <v>83.716667000000001</v>
      </c>
      <c r="I5032" s="40">
        <v>16.314709903026085</v>
      </c>
      <c r="J5032" s="40">
        <v>83.716636476191098</v>
      </c>
      <c r="K5032" s="40">
        <v>12.703599374557825</v>
      </c>
      <c r="L5032" s="40"/>
      <c r="M5032" s="40"/>
      <c r="N5032" s="40"/>
    </row>
    <row r="5033" spans="4:14" x14ac:dyDescent="0.25">
      <c r="D5033" s="40">
        <v>83.746651000003695</v>
      </c>
      <c r="E5033" s="40">
        <v>20.430094201247943</v>
      </c>
      <c r="F5033" s="40">
        <v>83.733332999999988</v>
      </c>
      <c r="G5033" s="40">
        <v>19.814262963040239</v>
      </c>
      <c r="H5033" s="40">
        <v>83.733334000000013</v>
      </c>
      <c r="I5033" s="40">
        <v>16.314709903026085</v>
      </c>
      <c r="J5033" s="40">
        <v>83.733303136905405</v>
      </c>
      <c r="K5033" s="40">
        <v>12.703599374557825</v>
      </c>
      <c r="L5033" s="40"/>
      <c r="M5033" s="40"/>
      <c r="N5033" s="40"/>
    </row>
    <row r="5034" spans="4:14" x14ac:dyDescent="0.25">
      <c r="D5034" s="40">
        <v>83.763317000003696</v>
      </c>
      <c r="E5034" s="40">
        <v>20.430094201247943</v>
      </c>
      <c r="F5034" s="40">
        <v>83.75</v>
      </c>
      <c r="G5034" s="40">
        <v>19.814262963040239</v>
      </c>
      <c r="H5034" s="40">
        <v>83.75</v>
      </c>
      <c r="I5034" s="40">
        <v>16.318062639169341</v>
      </c>
      <c r="J5034" s="40">
        <v>83.749969797619698</v>
      </c>
      <c r="K5034" s="40">
        <v>12.698748330848593</v>
      </c>
      <c r="L5034" s="40"/>
      <c r="M5034" s="40"/>
      <c r="N5034" s="40"/>
    </row>
    <row r="5035" spans="4:14" x14ac:dyDescent="0.25">
      <c r="D5035" s="40">
        <v>83.779983000003696</v>
      </c>
      <c r="E5035" s="40">
        <v>20.430094201247943</v>
      </c>
      <c r="F5035" s="40">
        <v>83.766666999999984</v>
      </c>
      <c r="G5035" s="40">
        <v>19.814262963040239</v>
      </c>
      <c r="H5035" s="40">
        <v>83.766667000000012</v>
      </c>
      <c r="I5035" s="40">
        <v>16.318062639169341</v>
      </c>
      <c r="J5035" s="40">
        <v>83.766636458334006</v>
      </c>
      <c r="K5035" s="40">
        <v>12.698748330848593</v>
      </c>
      <c r="L5035" s="40"/>
      <c r="M5035" s="40"/>
      <c r="N5035" s="40"/>
    </row>
    <row r="5036" spans="4:14" x14ac:dyDescent="0.25">
      <c r="D5036" s="40">
        <v>83.796649000003697</v>
      </c>
      <c r="E5036" s="40">
        <v>20.430094201247943</v>
      </c>
      <c r="F5036" s="40">
        <v>83.783332999999999</v>
      </c>
      <c r="G5036" s="40">
        <v>19.819018207130338</v>
      </c>
      <c r="H5036" s="40">
        <v>83.783333999999996</v>
      </c>
      <c r="I5036" s="40">
        <v>16.321316765426104</v>
      </c>
      <c r="J5036" s="40">
        <v>83.783303119048298</v>
      </c>
      <c r="K5036" s="40">
        <v>12.698748330848593</v>
      </c>
      <c r="L5036" s="40"/>
      <c r="M5036" s="40"/>
      <c r="N5036" s="40"/>
    </row>
    <row r="5037" spans="4:14" x14ac:dyDescent="0.25">
      <c r="D5037" s="40">
        <v>83.813315000003698</v>
      </c>
      <c r="E5037" s="40">
        <v>20.430094201247943</v>
      </c>
      <c r="F5037" s="40">
        <v>83.799999999999983</v>
      </c>
      <c r="G5037" s="40">
        <v>19.819018207130338</v>
      </c>
      <c r="H5037" s="40">
        <v>83.800000000000011</v>
      </c>
      <c r="I5037" s="40">
        <v>16.321316765426104</v>
      </c>
      <c r="J5037" s="40">
        <v>83.799969779762506</v>
      </c>
      <c r="K5037" s="40">
        <v>12.703599374557825</v>
      </c>
      <c r="L5037" s="40"/>
      <c r="M5037" s="40"/>
      <c r="N5037" s="40"/>
    </row>
    <row r="5038" spans="4:14" x14ac:dyDescent="0.25">
      <c r="D5038" s="40">
        <v>83.829981000003698</v>
      </c>
      <c r="E5038" s="40">
        <v>20.430094201247943</v>
      </c>
      <c r="F5038" s="40">
        <v>83.816666999999995</v>
      </c>
      <c r="G5038" s="40">
        <v>19.819018207130338</v>
      </c>
      <c r="H5038" s="40">
        <v>83.816666999999995</v>
      </c>
      <c r="I5038" s="40">
        <v>16.324669501569364</v>
      </c>
      <c r="J5038" s="40">
        <v>83.816636440476799</v>
      </c>
      <c r="K5038" s="40">
        <v>12.70845041826693</v>
      </c>
      <c r="L5038" s="40"/>
      <c r="M5038" s="40"/>
      <c r="N5038" s="40"/>
    </row>
    <row r="5039" spans="4:14" x14ac:dyDescent="0.25">
      <c r="D5039" s="40">
        <v>83.846647000003699</v>
      </c>
      <c r="E5039" s="40">
        <v>20.430094201247943</v>
      </c>
      <c r="F5039" s="40">
        <v>83.833332999999982</v>
      </c>
      <c r="G5039" s="40">
        <v>19.82363359110024</v>
      </c>
      <c r="H5039" s="40">
        <v>83.833334000000008</v>
      </c>
      <c r="I5039" s="40">
        <v>16.324669501569364</v>
      </c>
      <c r="J5039" s="40">
        <v>83.833303101191106</v>
      </c>
      <c r="K5039" s="40">
        <v>12.70845041826693</v>
      </c>
      <c r="L5039" s="40"/>
      <c r="M5039" s="40"/>
      <c r="N5039" s="40"/>
    </row>
    <row r="5040" spans="4:14" x14ac:dyDescent="0.25">
      <c r="D5040" s="40">
        <v>83.8633130000037</v>
      </c>
      <c r="E5040" s="40">
        <v>20.430094201247943</v>
      </c>
      <c r="F5040" s="40">
        <v>83.85</v>
      </c>
      <c r="G5040" s="40">
        <v>19.82363359110024</v>
      </c>
      <c r="H5040" s="40">
        <v>83.85</v>
      </c>
      <c r="I5040" s="40">
        <v>16.328022237712617</v>
      </c>
      <c r="J5040" s="40">
        <v>83.849969761905399</v>
      </c>
      <c r="K5040" s="40">
        <v>12.71315878421999</v>
      </c>
      <c r="L5040" s="40"/>
      <c r="M5040" s="40"/>
      <c r="N5040" s="40"/>
    </row>
    <row r="5041" spans="4:14" x14ac:dyDescent="0.25">
      <c r="D5041" s="40">
        <v>83.879979000003701</v>
      </c>
      <c r="E5041" s="40">
        <v>20.430094201247943</v>
      </c>
      <c r="F5041" s="40">
        <v>83.866667000000007</v>
      </c>
      <c r="G5041" s="40">
        <v>19.82363359110024</v>
      </c>
      <c r="H5041" s="40">
        <v>83.866667000000007</v>
      </c>
      <c r="I5041" s="40">
        <v>16.33127636396938</v>
      </c>
      <c r="J5041" s="40">
        <v>83.866636422619706</v>
      </c>
      <c r="K5041" s="40">
        <v>12.71315878421999</v>
      </c>
      <c r="L5041" s="40"/>
      <c r="M5041" s="40"/>
      <c r="N5041" s="40"/>
    </row>
    <row r="5042" spans="4:14" x14ac:dyDescent="0.25">
      <c r="D5042" s="40">
        <v>83.896645000003701</v>
      </c>
      <c r="E5042" s="40">
        <v>20.430094201247943</v>
      </c>
      <c r="F5042" s="40">
        <v>83.883332999999993</v>
      </c>
      <c r="G5042" s="40">
        <v>19.82363359110024</v>
      </c>
      <c r="H5042" s="40">
        <v>83.883334000000019</v>
      </c>
      <c r="I5042" s="40">
        <v>16.33127636396938</v>
      </c>
      <c r="J5042" s="40">
        <v>83.883303083333999</v>
      </c>
      <c r="K5042" s="40">
        <v>12.718009827929222</v>
      </c>
      <c r="L5042" s="40"/>
      <c r="M5042" s="40"/>
      <c r="N5042" s="40"/>
    </row>
    <row r="5043" spans="4:14" x14ac:dyDescent="0.25">
      <c r="D5043" s="40">
        <v>83.913311000003702</v>
      </c>
      <c r="E5043" s="40">
        <v>20.434937379837496</v>
      </c>
      <c r="F5043" s="40">
        <v>83.9</v>
      </c>
      <c r="G5043" s="40">
        <v>19.828388835190456</v>
      </c>
      <c r="H5043" s="40">
        <v>83.9</v>
      </c>
      <c r="I5043" s="40">
        <v>16.334629100112814</v>
      </c>
      <c r="J5043" s="40">
        <v>83.899969744048207</v>
      </c>
      <c r="K5043" s="40">
        <v>12.718009827929222</v>
      </c>
      <c r="L5043" s="40"/>
      <c r="M5043" s="40"/>
      <c r="N5043" s="40"/>
    </row>
    <row r="5044" spans="4:14" x14ac:dyDescent="0.25">
      <c r="D5044" s="40">
        <v>83.929977000003703</v>
      </c>
      <c r="E5044" s="40">
        <v>20.434937379837496</v>
      </c>
      <c r="F5044" s="40">
        <v>83.91666699999999</v>
      </c>
      <c r="G5044" s="40">
        <v>19.828388835190456</v>
      </c>
      <c r="H5044" s="40">
        <v>83.916667000000018</v>
      </c>
      <c r="I5044" s="40">
        <v>16.337981836256073</v>
      </c>
      <c r="J5044" s="40">
        <v>83.9166364047625</v>
      </c>
      <c r="K5044" s="40">
        <v>12.718009827929222</v>
      </c>
      <c r="L5044" s="40"/>
      <c r="M5044" s="40"/>
      <c r="N5044" s="40"/>
    </row>
    <row r="5045" spans="4:14" x14ac:dyDescent="0.25">
      <c r="D5045" s="40">
        <v>83.946643000003704</v>
      </c>
      <c r="E5045" s="40">
        <v>20.434937379837496</v>
      </c>
      <c r="F5045" s="40">
        <v>83.933333000000005</v>
      </c>
      <c r="G5045" s="40">
        <v>19.828388835190456</v>
      </c>
      <c r="H5045" s="40">
        <v>83.933334000000002</v>
      </c>
      <c r="I5045" s="40">
        <v>16.337981836256073</v>
      </c>
      <c r="J5045" s="40">
        <v>83.933303065476807</v>
      </c>
      <c r="K5045" s="40">
        <v>12.718009827929222</v>
      </c>
      <c r="L5045" s="40"/>
      <c r="M5045" s="40"/>
      <c r="N5045" s="40"/>
    </row>
    <row r="5046" spans="4:14" x14ac:dyDescent="0.25">
      <c r="D5046" s="40">
        <v>83.963309000003704</v>
      </c>
      <c r="E5046" s="40">
        <v>20.434937379837496</v>
      </c>
      <c r="F5046" s="40">
        <v>83.949999999999989</v>
      </c>
      <c r="G5046" s="40">
        <v>19.833144079280551</v>
      </c>
      <c r="H5046" s="40">
        <v>83.950000000000017</v>
      </c>
      <c r="I5046" s="40">
        <v>16.341235962512837</v>
      </c>
      <c r="J5046" s="40">
        <v>83.9499697261911</v>
      </c>
      <c r="K5046" s="40">
        <v>12.718009827929222</v>
      </c>
      <c r="L5046" s="40"/>
      <c r="M5046" s="40"/>
      <c r="N5046" s="40"/>
    </row>
    <row r="5047" spans="4:14" x14ac:dyDescent="0.25">
      <c r="D5047" s="40">
        <v>83.979975000003705</v>
      </c>
      <c r="E5047" s="40">
        <v>20.434937379837496</v>
      </c>
      <c r="F5047" s="40">
        <v>83.966667000000001</v>
      </c>
      <c r="G5047" s="40">
        <v>19.833144079280551</v>
      </c>
      <c r="H5047" s="40">
        <v>83.966667000000001</v>
      </c>
      <c r="I5047" s="40">
        <v>16.344588698656093</v>
      </c>
      <c r="J5047" s="40">
        <v>83.966636386905407</v>
      </c>
      <c r="K5047" s="40">
        <v>12.718009827929222</v>
      </c>
      <c r="L5047" s="40"/>
      <c r="M5047" s="40"/>
      <c r="N5047" s="40"/>
    </row>
    <row r="5048" spans="4:14" x14ac:dyDescent="0.25">
      <c r="D5048" s="40">
        <v>83.996641000003706</v>
      </c>
      <c r="E5048" s="40">
        <v>20.434937379837496</v>
      </c>
      <c r="F5048" s="40">
        <v>83.983332999999988</v>
      </c>
      <c r="G5048" s="40">
        <v>19.833144079280551</v>
      </c>
      <c r="H5048" s="40">
        <v>83.983334000000013</v>
      </c>
      <c r="I5048" s="40">
        <v>16.347941434799523</v>
      </c>
      <c r="J5048" s="40">
        <v>83.9833030476197</v>
      </c>
      <c r="K5048" s="40">
        <v>12.718009827929222</v>
      </c>
      <c r="L5048" s="40"/>
      <c r="M5048" s="40"/>
      <c r="N5048" s="40"/>
    </row>
    <row r="5049" spans="4:14" x14ac:dyDescent="0.25">
      <c r="D5049" s="40">
        <v>84.013307000003707</v>
      </c>
      <c r="E5049" s="40">
        <v>20.434937379837496</v>
      </c>
      <c r="F5049" s="40">
        <v>84</v>
      </c>
      <c r="G5049" s="40">
        <v>19.833144079280551</v>
      </c>
      <c r="H5049" s="40">
        <v>84</v>
      </c>
      <c r="I5049" s="40">
        <v>16.347941434799523</v>
      </c>
      <c r="J5049" s="40">
        <v>83.999969708334007</v>
      </c>
      <c r="K5049" s="40">
        <v>12.718009827929222</v>
      </c>
      <c r="L5049" s="40"/>
      <c r="M5049" s="40"/>
      <c r="N5049" s="40"/>
    </row>
    <row r="5050" spans="4:14" x14ac:dyDescent="0.25">
      <c r="D5050" s="40">
        <v>84.029973000003707</v>
      </c>
      <c r="E5050" s="40">
        <v>20.434937379837496</v>
      </c>
      <c r="F5050" s="40">
        <v>84.016666999999984</v>
      </c>
      <c r="G5050" s="40">
        <v>19.833144079280551</v>
      </c>
      <c r="H5050" s="40">
        <v>84.016667000000012</v>
      </c>
      <c r="I5050" s="40">
        <v>16.351195561056112</v>
      </c>
      <c r="J5050" s="40">
        <v>84.0166363690483</v>
      </c>
      <c r="K5050" s="40">
        <v>12.718009827929222</v>
      </c>
      <c r="L5050" s="40"/>
      <c r="M5050" s="40"/>
      <c r="N5050" s="40"/>
    </row>
    <row r="5051" spans="4:14" x14ac:dyDescent="0.25">
      <c r="D5051" s="40">
        <v>84.046639000003708</v>
      </c>
      <c r="E5051" s="40">
        <v>20.434937379837496</v>
      </c>
      <c r="F5051" s="40">
        <v>84.033332999999999</v>
      </c>
      <c r="G5051" s="40">
        <v>19.833144079280551</v>
      </c>
      <c r="H5051" s="40">
        <v>84.033333999999996</v>
      </c>
      <c r="I5051" s="40">
        <v>16.354548297199546</v>
      </c>
      <c r="J5051" s="40">
        <v>84.033303029762493</v>
      </c>
      <c r="K5051" s="40">
        <v>12.718009827929222</v>
      </c>
      <c r="L5051" s="40"/>
      <c r="M5051" s="40"/>
      <c r="N5051" s="40"/>
    </row>
    <row r="5052" spans="4:14" x14ac:dyDescent="0.25">
      <c r="D5052" s="40">
        <v>84.063305000003709</v>
      </c>
      <c r="E5052" s="40">
        <v>20.439638111997922</v>
      </c>
      <c r="F5052" s="40">
        <v>84.049999999999983</v>
      </c>
      <c r="G5052" s="40">
        <v>19.833144079280551</v>
      </c>
      <c r="H5052" s="40">
        <v>84.050000000000011</v>
      </c>
      <c r="I5052" s="40">
        <v>16.354548297199546</v>
      </c>
      <c r="J5052" s="40">
        <v>84.0499696904768</v>
      </c>
      <c r="K5052" s="40">
        <v>12.718009827929222</v>
      </c>
      <c r="L5052" s="40"/>
      <c r="M5052" s="40"/>
      <c r="N5052" s="40"/>
    </row>
    <row r="5053" spans="4:14" x14ac:dyDescent="0.25">
      <c r="D5053" s="40">
        <v>84.079971000003709</v>
      </c>
      <c r="E5053" s="40">
        <v>20.439638111997922</v>
      </c>
      <c r="F5053" s="40">
        <v>84.066666999999995</v>
      </c>
      <c r="G5053" s="40">
        <v>19.833144079280551</v>
      </c>
      <c r="H5053" s="40">
        <v>84.066666999999995</v>
      </c>
      <c r="I5053" s="40">
        <v>16.357901033342802</v>
      </c>
      <c r="J5053" s="40">
        <v>84.066636351191093</v>
      </c>
      <c r="K5053" s="40">
        <v>12.718009827929222</v>
      </c>
      <c r="L5053" s="40"/>
      <c r="M5053" s="40"/>
      <c r="N5053" s="40"/>
    </row>
    <row r="5054" spans="4:14" x14ac:dyDescent="0.25">
      <c r="D5054" s="40">
        <v>84.09663700000371</v>
      </c>
      <c r="E5054" s="40">
        <v>20.439638111997922</v>
      </c>
      <c r="F5054" s="40">
        <v>84.083332999999982</v>
      </c>
      <c r="G5054" s="40">
        <v>19.837759463250453</v>
      </c>
      <c r="H5054" s="40">
        <v>84.083334000000008</v>
      </c>
      <c r="I5054" s="40">
        <v>16.361155159599566</v>
      </c>
      <c r="J5054" s="40">
        <v>84.0833030119054</v>
      </c>
      <c r="K5054" s="40">
        <v>12.718009827929222</v>
      </c>
      <c r="L5054" s="40"/>
      <c r="M5054" s="40"/>
      <c r="N5054" s="40"/>
    </row>
    <row r="5055" spans="4:14" x14ac:dyDescent="0.25">
      <c r="D5055" s="40">
        <v>84.113303000003711</v>
      </c>
      <c r="E5055" s="40">
        <v>20.444481290587344</v>
      </c>
      <c r="F5055" s="40">
        <v>84.1</v>
      </c>
      <c r="G5055" s="40">
        <v>19.837759463250453</v>
      </c>
      <c r="H5055" s="40">
        <v>84.1</v>
      </c>
      <c r="I5055" s="40">
        <v>16.364507895742822</v>
      </c>
      <c r="J5055" s="40">
        <v>84.099969672619693</v>
      </c>
      <c r="K5055" s="40">
        <v>12.718009827929222</v>
      </c>
      <c r="L5055" s="40"/>
      <c r="M5055" s="40"/>
      <c r="N5055" s="40"/>
    </row>
    <row r="5056" spans="4:14" x14ac:dyDescent="0.25">
      <c r="D5056" s="40">
        <v>84.129969000003712</v>
      </c>
      <c r="E5056" s="40">
        <v>20.444481290587344</v>
      </c>
      <c r="F5056" s="40">
        <v>84.116667000000007</v>
      </c>
      <c r="G5056" s="40">
        <v>19.837759463250453</v>
      </c>
      <c r="H5056" s="40">
        <v>84.116667000000007</v>
      </c>
      <c r="I5056" s="40">
        <v>16.364507895742822</v>
      </c>
      <c r="J5056" s="40">
        <v>84.116636333334</v>
      </c>
      <c r="K5056" s="40">
        <v>12.718009827929222</v>
      </c>
      <c r="L5056" s="40"/>
      <c r="M5056" s="40"/>
      <c r="N5056" s="40"/>
    </row>
    <row r="5057" spans="4:14" x14ac:dyDescent="0.25">
      <c r="D5057" s="40">
        <v>84.146635000003712</v>
      </c>
      <c r="E5057" s="40">
        <v>20.444481290587344</v>
      </c>
      <c r="F5057" s="40">
        <v>84.133332999999993</v>
      </c>
      <c r="G5057" s="40">
        <v>19.837759463250453</v>
      </c>
      <c r="H5057" s="40">
        <v>84.133334000000019</v>
      </c>
      <c r="I5057" s="40">
        <v>16.367860631886252</v>
      </c>
      <c r="J5057" s="40">
        <v>84.133302994048194</v>
      </c>
      <c r="K5057" s="40">
        <v>12.718009827929222</v>
      </c>
      <c r="L5057" s="40"/>
      <c r="M5057" s="40"/>
      <c r="N5057" s="40"/>
    </row>
    <row r="5058" spans="4:14" x14ac:dyDescent="0.25">
      <c r="D5058" s="40">
        <v>84.163301000003713</v>
      </c>
      <c r="E5058" s="40">
        <v>20.444481290587344</v>
      </c>
      <c r="F5058" s="40">
        <v>84.15</v>
      </c>
      <c r="G5058" s="40">
        <v>19.837759463250453</v>
      </c>
      <c r="H5058" s="40">
        <v>84.15</v>
      </c>
      <c r="I5058" s="40">
        <v>16.371213368029512</v>
      </c>
      <c r="J5058" s="40">
        <v>84.149969654762501</v>
      </c>
      <c r="K5058" s="40">
        <v>12.718009827929222</v>
      </c>
      <c r="L5058" s="40"/>
      <c r="M5058" s="40"/>
      <c r="N5058" s="40"/>
    </row>
    <row r="5059" spans="4:14" x14ac:dyDescent="0.25">
      <c r="D5059" s="40">
        <v>84.179967000003714</v>
      </c>
      <c r="E5059" s="40">
        <v>20.444481290587344</v>
      </c>
      <c r="F5059" s="40">
        <v>84.16666699999999</v>
      </c>
      <c r="G5059" s="40">
        <v>19.842514707340669</v>
      </c>
      <c r="H5059" s="40">
        <v>84.166667000000018</v>
      </c>
      <c r="I5059" s="40">
        <v>16.374467494286275</v>
      </c>
      <c r="J5059" s="40">
        <v>84.166636315476794</v>
      </c>
      <c r="K5059" s="40">
        <v>12.718009827929222</v>
      </c>
      <c r="L5059" s="40"/>
      <c r="M5059" s="40"/>
      <c r="N5059" s="40"/>
    </row>
    <row r="5060" spans="4:14" x14ac:dyDescent="0.25">
      <c r="D5060" s="40">
        <v>84.196633000003715</v>
      </c>
      <c r="E5060" s="40">
        <v>20.444481290587344</v>
      </c>
      <c r="F5060" s="40">
        <v>84.183333000000005</v>
      </c>
      <c r="G5060" s="40">
        <v>19.842514707340669</v>
      </c>
      <c r="H5060" s="40">
        <v>84.183334000000002</v>
      </c>
      <c r="I5060" s="40">
        <v>16.374467494286275</v>
      </c>
      <c r="J5060" s="40">
        <v>84.183302976191101</v>
      </c>
      <c r="K5060" s="40">
        <v>12.722860871638328</v>
      </c>
      <c r="L5060" s="40"/>
      <c r="M5060" s="40"/>
      <c r="N5060" s="40"/>
    </row>
    <row r="5061" spans="4:14" x14ac:dyDescent="0.25">
      <c r="D5061" s="40">
        <v>84.213299000003715</v>
      </c>
      <c r="E5061" s="40">
        <v>20.444481290587344</v>
      </c>
      <c r="F5061" s="40">
        <v>84.199999999999989</v>
      </c>
      <c r="G5061" s="40">
        <v>19.842514707340669</v>
      </c>
      <c r="H5061" s="40">
        <v>84.200000000000017</v>
      </c>
      <c r="I5061" s="40">
        <v>16.377820230429531</v>
      </c>
      <c r="J5061" s="40">
        <v>84.199969636905394</v>
      </c>
      <c r="K5061" s="40">
        <v>12.722860871638328</v>
      </c>
      <c r="L5061" s="40"/>
      <c r="M5061" s="40"/>
      <c r="N5061" s="40"/>
    </row>
    <row r="5062" spans="4:14" x14ac:dyDescent="0.25">
      <c r="D5062" s="40">
        <v>84.229965000003716</v>
      </c>
      <c r="E5062" s="40">
        <v>20.444481290587344</v>
      </c>
      <c r="F5062" s="40">
        <v>84.216667000000001</v>
      </c>
      <c r="G5062" s="40">
        <v>19.842514707340669</v>
      </c>
      <c r="H5062" s="40">
        <v>84.216667000000001</v>
      </c>
      <c r="I5062" s="40">
        <v>16.381172966572965</v>
      </c>
      <c r="J5062" s="40">
        <v>84.216636297619701</v>
      </c>
      <c r="K5062" s="40">
        <v>12.722860871638328</v>
      </c>
      <c r="L5062" s="40"/>
      <c r="M5062" s="40"/>
      <c r="N5062" s="40"/>
    </row>
    <row r="5063" spans="4:14" x14ac:dyDescent="0.25">
      <c r="D5063" s="40">
        <v>84.246631000003717</v>
      </c>
      <c r="E5063" s="40">
        <v>20.444481290587344</v>
      </c>
      <c r="F5063" s="40">
        <v>84.233332999999988</v>
      </c>
      <c r="G5063" s="40">
        <v>19.847269951430889</v>
      </c>
      <c r="H5063" s="40">
        <v>84.233334000000013</v>
      </c>
      <c r="I5063" s="40">
        <v>16.381172966572965</v>
      </c>
      <c r="J5063" s="40">
        <v>84.233302958333994</v>
      </c>
      <c r="K5063" s="40">
        <v>12.718009827929222</v>
      </c>
      <c r="L5063" s="40"/>
      <c r="M5063" s="40"/>
      <c r="N5063" s="40"/>
    </row>
    <row r="5064" spans="4:14" x14ac:dyDescent="0.25">
      <c r="D5064" s="40">
        <v>84.263297000003718</v>
      </c>
      <c r="E5064" s="40">
        <v>20.44932446917689</v>
      </c>
      <c r="F5064" s="40">
        <v>84.25</v>
      </c>
      <c r="G5064" s="40">
        <v>19.847269951430889</v>
      </c>
      <c r="H5064" s="40">
        <v>84.25</v>
      </c>
      <c r="I5064" s="40">
        <v>16.384427092829554</v>
      </c>
      <c r="J5064" s="40">
        <v>84.249969619048301</v>
      </c>
      <c r="K5064" s="40">
        <v>12.718009827929222</v>
      </c>
      <c r="L5064" s="40"/>
      <c r="M5064" s="40"/>
      <c r="N5064" s="40"/>
    </row>
    <row r="5065" spans="4:14" x14ac:dyDescent="0.25">
      <c r="D5065" s="40">
        <v>84.279963000003718</v>
      </c>
      <c r="E5065" s="40">
        <v>20.44932446917689</v>
      </c>
      <c r="F5065" s="40">
        <v>84.266666999999984</v>
      </c>
      <c r="G5065" s="40">
        <v>19.847269951430889</v>
      </c>
      <c r="H5065" s="40">
        <v>84.266667000000012</v>
      </c>
      <c r="I5065" s="40">
        <v>16.387779828972985</v>
      </c>
      <c r="J5065" s="40">
        <v>84.266636279762494</v>
      </c>
      <c r="K5065" s="40">
        <v>12.718009827929222</v>
      </c>
      <c r="L5065" s="40"/>
      <c r="M5065" s="40"/>
      <c r="N5065" s="40"/>
    </row>
    <row r="5066" spans="4:14" x14ac:dyDescent="0.25">
      <c r="D5066" s="40">
        <v>84.296629000003719</v>
      </c>
      <c r="E5066" s="40">
        <v>20.44932446917689</v>
      </c>
      <c r="F5066" s="40">
        <v>84.283332999999999</v>
      </c>
      <c r="G5066" s="40">
        <v>19.851885335400667</v>
      </c>
      <c r="H5066" s="40">
        <v>84.283333999999996</v>
      </c>
      <c r="I5066" s="40">
        <v>16.387779828972985</v>
      </c>
      <c r="J5066" s="40">
        <v>84.283302940476801</v>
      </c>
      <c r="K5066" s="40">
        <v>12.718009827929222</v>
      </c>
      <c r="L5066" s="40"/>
      <c r="M5066" s="40"/>
      <c r="N5066" s="40"/>
    </row>
    <row r="5067" spans="4:14" x14ac:dyDescent="0.25">
      <c r="D5067" s="40">
        <v>84.31329500000372</v>
      </c>
      <c r="E5067" s="40">
        <v>20.44932446917689</v>
      </c>
      <c r="F5067" s="40">
        <v>84.299999999999983</v>
      </c>
      <c r="G5067" s="40">
        <v>19.851885335400667</v>
      </c>
      <c r="H5067" s="40">
        <v>84.300000000000011</v>
      </c>
      <c r="I5067" s="40">
        <v>16.391132565116241</v>
      </c>
      <c r="J5067" s="40">
        <v>84.299969601191094</v>
      </c>
      <c r="K5067" s="40">
        <v>12.71315878421999</v>
      </c>
      <c r="L5067" s="40"/>
      <c r="M5067" s="40"/>
      <c r="N5067" s="40"/>
    </row>
    <row r="5068" spans="4:14" x14ac:dyDescent="0.25">
      <c r="D5068" s="40">
        <v>84.329961000003721</v>
      </c>
      <c r="E5068" s="40">
        <v>20.454025201337316</v>
      </c>
      <c r="F5068" s="40">
        <v>84.316666999999995</v>
      </c>
      <c r="G5068" s="40">
        <v>19.856640579490886</v>
      </c>
      <c r="H5068" s="40">
        <v>84.316666999999995</v>
      </c>
      <c r="I5068" s="40">
        <v>16.391132565116241</v>
      </c>
      <c r="J5068" s="40">
        <v>84.316636261905401</v>
      </c>
      <c r="K5068" s="40">
        <v>12.71315878421999</v>
      </c>
      <c r="L5068" s="40"/>
      <c r="M5068" s="40"/>
      <c r="N5068" s="40"/>
    </row>
    <row r="5069" spans="4:14" x14ac:dyDescent="0.25">
      <c r="D5069" s="40">
        <v>84.346627000003721</v>
      </c>
      <c r="E5069" s="40">
        <v>20.454025201337316</v>
      </c>
      <c r="F5069" s="40">
        <v>84.333332999999982</v>
      </c>
      <c r="G5069" s="40">
        <v>19.856640579490886</v>
      </c>
      <c r="H5069" s="40">
        <v>84.333334000000008</v>
      </c>
      <c r="I5069" s="40">
        <v>16.394386691373004</v>
      </c>
      <c r="J5069" s="40">
        <v>84.333302922619694</v>
      </c>
      <c r="K5069" s="40">
        <v>12.718009827929222</v>
      </c>
      <c r="L5069" s="40"/>
      <c r="M5069" s="40"/>
      <c r="N5069" s="40"/>
    </row>
    <row r="5070" spans="4:14" x14ac:dyDescent="0.25">
      <c r="D5070" s="40">
        <v>84.363293000003722</v>
      </c>
      <c r="E5070" s="40">
        <v>20.458868379926862</v>
      </c>
      <c r="F5070" s="40">
        <v>84.35</v>
      </c>
      <c r="G5070" s="40">
        <v>19.861395823581105</v>
      </c>
      <c r="H5070" s="40">
        <v>84.35</v>
      </c>
      <c r="I5070" s="40">
        <v>16.397739427516264</v>
      </c>
      <c r="J5070" s="40">
        <v>84.349969583334001</v>
      </c>
      <c r="K5070" s="40">
        <v>12.718009827929222</v>
      </c>
      <c r="L5070" s="40"/>
      <c r="M5070" s="40"/>
      <c r="N5070" s="40"/>
    </row>
    <row r="5071" spans="4:14" x14ac:dyDescent="0.25">
      <c r="D5071" s="40">
        <v>84.379959000003723</v>
      </c>
      <c r="E5071" s="40">
        <v>20.458868379926862</v>
      </c>
      <c r="F5071" s="40">
        <v>84.366667000000007</v>
      </c>
      <c r="G5071" s="40">
        <v>19.861395823581105</v>
      </c>
      <c r="H5071" s="40">
        <v>84.366667000000007</v>
      </c>
      <c r="I5071" s="40">
        <v>16.397739427516264</v>
      </c>
      <c r="J5071" s="40">
        <v>84.366636244048195</v>
      </c>
      <c r="K5071" s="40">
        <v>12.718009827929222</v>
      </c>
      <c r="L5071" s="40"/>
      <c r="M5071" s="40"/>
      <c r="N5071" s="40"/>
    </row>
    <row r="5072" spans="4:14" x14ac:dyDescent="0.25">
      <c r="D5072" s="40">
        <v>84.396625000003723</v>
      </c>
      <c r="E5072" s="40">
        <v>20.458868379926862</v>
      </c>
      <c r="F5072" s="40">
        <v>84.383332999999993</v>
      </c>
      <c r="G5072" s="40">
        <v>19.866011207550883</v>
      </c>
      <c r="H5072" s="40">
        <v>84.383334000000019</v>
      </c>
      <c r="I5072" s="40">
        <v>16.401092163659698</v>
      </c>
      <c r="J5072" s="40">
        <v>84.383302904762502</v>
      </c>
      <c r="K5072" s="40">
        <v>12.718009827929222</v>
      </c>
      <c r="L5072" s="40"/>
      <c r="M5072" s="40"/>
      <c r="N5072" s="40"/>
    </row>
    <row r="5073" spans="4:14" x14ac:dyDescent="0.25">
      <c r="D5073" s="40">
        <v>84.413291000003724</v>
      </c>
      <c r="E5073" s="40">
        <v>20.458868379926862</v>
      </c>
      <c r="F5073" s="40">
        <v>84.4</v>
      </c>
      <c r="G5073" s="40">
        <v>19.866011207550883</v>
      </c>
      <c r="H5073" s="40">
        <v>84.4</v>
      </c>
      <c r="I5073" s="40">
        <v>16.401092163659698</v>
      </c>
      <c r="J5073" s="40">
        <v>84.399969565476795</v>
      </c>
      <c r="K5073" s="40">
        <v>12.718009827929222</v>
      </c>
      <c r="L5073" s="40"/>
      <c r="M5073" s="40"/>
      <c r="N5073" s="40"/>
    </row>
    <row r="5074" spans="4:14" x14ac:dyDescent="0.25">
      <c r="D5074" s="40">
        <v>84.429957000003725</v>
      </c>
      <c r="E5074" s="40">
        <v>20.463711558516284</v>
      </c>
      <c r="F5074" s="40">
        <v>84.41666699999999</v>
      </c>
      <c r="G5074" s="40">
        <v>19.866011207550883</v>
      </c>
      <c r="H5074" s="40">
        <v>84.416667000000018</v>
      </c>
      <c r="I5074" s="40">
        <v>16.404346289916457</v>
      </c>
      <c r="J5074" s="40">
        <v>84.416636226191102</v>
      </c>
      <c r="K5074" s="40">
        <v>12.722860871638328</v>
      </c>
      <c r="L5074" s="40"/>
      <c r="M5074" s="40"/>
      <c r="N5074" s="40"/>
    </row>
    <row r="5075" spans="4:14" x14ac:dyDescent="0.25">
      <c r="D5075" s="40">
        <v>84.446623000003726</v>
      </c>
      <c r="E5075" s="40">
        <v>20.463711558516284</v>
      </c>
      <c r="F5075" s="40">
        <v>84.433333000000005</v>
      </c>
      <c r="G5075" s="40">
        <v>19.870766451641099</v>
      </c>
      <c r="H5075" s="40">
        <v>84.433334000000002</v>
      </c>
      <c r="I5075" s="40">
        <v>16.404346289916457</v>
      </c>
      <c r="J5075" s="40">
        <v>84.433302886905395</v>
      </c>
      <c r="K5075" s="40">
        <v>12.722860871638328</v>
      </c>
      <c r="L5075" s="40"/>
      <c r="M5075" s="40"/>
      <c r="N5075" s="40"/>
    </row>
    <row r="5076" spans="4:14" x14ac:dyDescent="0.25">
      <c r="D5076" s="40">
        <v>84.463289000003726</v>
      </c>
      <c r="E5076" s="40">
        <v>20.463711558516284</v>
      </c>
      <c r="F5076" s="40">
        <v>84.449999999999989</v>
      </c>
      <c r="G5076" s="40">
        <v>19.870766451641099</v>
      </c>
      <c r="H5076" s="40">
        <v>84.450000000000017</v>
      </c>
      <c r="I5076" s="40">
        <v>16.407699026059714</v>
      </c>
      <c r="J5076" s="40">
        <v>84.449969547619702</v>
      </c>
      <c r="K5076" s="40">
        <v>12.727569237591387</v>
      </c>
      <c r="L5076" s="40"/>
      <c r="M5076" s="40"/>
      <c r="N5076" s="40"/>
    </row>
    <row r="5077" spans="4:14" x14ac:dyDescent="0.25">
      <c r="D5077" s="40">
        <v>84.479955000003727</v>
      </c>
      <c r="E5077" s="40">
        <v>20.463711558516284</v>
      </c>
      <c r="F5077" s="40">
        <v>84.466667000000001</v>
      </c>
      <c r="G5077" s="40">
        <v>19.870766451641099</v>
      </c>
      <c r="H5077" s="40">
        <v>84.466667000000001</v>
      </c>
      <c r="I5077" s="40">
        <v>16.41105176220297</v>
      </c>
      <c r="J5077" s="40">
        <v>84.466636208333995</v>
      </c>
      <c r="K5077" s="40">
        <v>12.727569237591387</v>
      </c>
      <c r="L5077" s="40"/>
      <c r="M5077" s="40"/>
      <c r="N5077" s="40"/>
    </row>
    <row r="5078" spans="4:14" x14ac:dyDescent="0.25">
      <c r="D5078" s="40">
        <v>84.496621000003728</v>
      </c>
      <c r="E5078" s="40">
        <v>20.463711558516284</v>
      </c>
      <c r="F5078" s="40">
        <v>84.483332999999988</v>
      </c>
      <c r="G5078" s="40">
        <v>19.875521695731319</v>
      </c>
      <c r="H5078" s="40">
        <v>84.483334000000013</v>
      </c>
      <c r="I5078" s="40">
        <v>16.41105176220297</v>
      </c>
      <c r="J5078" s="40">
        <v>84.483302869048302</v>
      </c>
      <c r="K5078" s="40">
        <v>12.73242028130062</v>
      </c>
      <c r="L5078" s="40"/>
      <c r="M5078" s="40"/>
      <c r="N5078" s="40"/>
    </row>
    <row r="5079" spans="4:14" x14ac:dyDescent="0.25">
      <c r="D5079" s="40">
        <v>84.513287000003729</v>
      </c>
      <c r="E5079" s="40">
        <v>20.46841229067671</v>
      </c>
      <c r="F5079" s="40">
        <v>84.5</v>
      </c>
      <c r="G5079" s="40">
        <v>19.875521695731319</v>
      </c>
      <c r="H5079" s="40">
        <v>84.5</v>
      </c>
      <c r="I5079" s="40">
        <v>16.414305888459733</v>
      </c>
      <c r="J5079" s="40">
        <v>84.499969529762495</v>
      </c>
      <c r="K5079" s="40">
        <v>12.73242028130062</v>
      </c>
      <c r="L5079" s="40"/>
      <c r="M5079" s="40"/>
      <c r="N5079" s="40"/>
    </row>
    <row r="5080" spans="4:14" x14ac:dyDescent="0.25">
      <c r="D5080" s="40">
        <v>84.529953000003729</v>
      </c>
      <c r="E5080" s="40">
        <v>20.46841229067671</v>
      </c>
      <c r="F5080" s="40">
        <v>84.516666999999984</v>
      </c>
      <c r="G5080" s="40">
        <v>19.875521695731319</v>
      </c>
      <c r="H5080" s="40">
        <v>84.516667000000012</v>
      </c>
      <c r="I5080" s="40">
        <v>16.417658624602993</v>
      </c>
      <c r="J5080" s="40">
        <v>84.516636190476802</v>
      </c>
      <c r="K5080" s="40">
        <v>12.73242028130062</v>
      </c>
      <c r="L5080" s="40"/>
      <c r="M5080" s="40"/>
      <c r="N5080" s="40"/>
    </row>
    <row r="5081" spans="4:14" x14ac:dyDescent="0.25">
      <c r="D5081" s="40">
        <v>84.54661900000373</v>
      </c>
      <c r="E5081" s="40">
        <v>20.46841229067671</v>
      </c>
      <c r="F5081" s="40">
        <v>84.533332999999999</v>
      </c>
      <c r="G5081" s="40">
        <v>19.880137079701221</v>
      </c>
      <c r="H5081" s="40">
        <v>84.533333999999996</v>
      </c>
      <c r="I5081" s="40">
        <v>16.417658624602993</v>
      </c>
      <c r="J5081" s="40">
        <v>84.533302851191095</v>
      </c>
      <c r="K5081" s="40">
        <v>12.737271325009852</v>
      </c>
      <c r="L5081" s="40"/>
      <c r="M5081" s="40"/>
      <c r="N5081" s="40"/>
    </row>
    <row r="5082" spans="4:14" x14ac:dyDescent="0.25">
      <c r="D5082" s="40">
        <v>84.563285000003731</v>
      </c>
      <c r="E5082" s="40">
        <v>20.46841229067671</v>
      </c>
      <c r="F5082" s="40">
        <v>84.549999999999983</v>
      </c>
      <c r="G5082" s="40">
        <v>19.880137079701221</v>
      </c>
      <c r="H5082" s="40">
        <v>84.550000000000011</v>
      </c>
      <c r="I5082" s="40">
        <v>16.421011360746427</v>
      </c>
      <c r="J5082" s="40">
        <v>84.549969511905402</v>
      </c>
      <c r="K5082" s="40">
        <v>12.737271325009852</v>
      </c>
      <c r="L5082" s="40"/>
      <c r="M5082" s="40"/>
      <c r="N5082" s="40"/>
    </row>
    <row r="5083" spans="4:14" x14ac:dyDescent="0.25">
      <c r="D5083" s="40">
        <v>84.579951000003732</v>
      </c>
      <c r="E5083" s="40">
        <v>20.463711558516284</v>
      </c>
      <c r="F5083" s="40">
        <v>84.566666999999995</v>
      </c>
      <c r="G5083" s="40">
        <v>19.880137079701221</v>
      </c>
      <c r="H5083" s="40">
        <v>84.566666999999995</v>
      </c>
      <c r="I5083" s="40">
        <v>16.42426548700319</v>
      </c>
      <c r="J5083" s="40">
        <v>84.566636172619695</v>
      </c>
      <c r="K5083" s="40">
        <v>12.737271325009852</v>
      </c>
      <c r="L5083" s="40"/>
      <c r="M5083" s="40"/>
      <c r="N5083" s="40"/>
    </row>
    <row r="5084" spans="4:14" x14ac:dyDescent="0.25">
      <c r="D5084" s="40">
        <v>84.596617000003732</v>
      </c>
      <c r="E5084" s="40">
        <v>20.46841229067671</v>
      </c>
      <c r="F5084" s="40">
        <v>84.583332999999982</v>
      </c>
      <c r="G5084" s="40">
        <v>19.884892323791313</v>
      </c>
      <c r="H5084" s="40">
        <v>84.583334000000008</v>
      </c>
      <c r="I5084" s="40">
        <v>16.42426548700319</v>
      </c>
      <c r="J5084" s="40">
        <v>84.583302833334002</v>
      </c>
      <c r="K5084" s="40">
        <v>12.737271325009852</v>
      </c>
      <c r="L5084" s="40"/>
      <c r="M5084" s="40"/>
      <c r="N5084" s="40"/>
    </row>
    <row r="5085" spans="4:14" x14ac:dyDescent="0.25">
      <c r="D5085" s="40">
        <v>84.613283000003733</v>
      </c>
      <c r="E5085" s="40">
        <v>20.46841229067671</v>
      </c>
      <c r="F5085" s="40">
        <v>84.6</v>
      </c>
      <c r="G5085" s="40">
        <v>19.884892323791313</v>
      </c>
      <c r="H5085" s="40">
        <v>84.6</v>
      </c>
      <c r="I5085" s="40">
        <v>16.427618223146442</v>
      </c>
      <c r="J5085" s="40">
        <v>84.599969494048196</v>
      </c>
      <c r="K5085" s="40">
        <v>12.737271325009852</v>
      </c>
      <c r="L5085" s="40"/>
      <c r="M5085" s="40"/>
      <c r="N5085" s="40"/>
    </row>
    <row r="5086" spans="4:14" x14ac:dyDescent="0.25">
      <c r="D5086" s="40">
        <v>84.629949000003734</v>
      </c>
      <c r="E5086" s="40">
        <v>20.46841229067671</v>
      </c>
      <c r="F5086" s="40">
        <v>84.616667000000007</v>
      </c>
      <c r="G5086" s="40">
        <v>19.884892323791313</v>
      </c>
      <c r="H5086" s="40">
        <v>84.616667000000007</v>
      </c>
      <c r="I5086" s="40">
        <v>16.427618223146442</v>
      </c>
      <c r="J5086" s="40">
        <v>84.616636154762503</v>
      </c>
      <c r="K5086" s="40">
        <v>12.737271325009852</v>
      </c>
      <c r="L5086" s="40"/>
      <c r="M5086" s="40"/>
      <c r="N5086" s="40"/>
    </row>
    <row r="5087" spans="4:14" x14ac:dyDescent="0.25">
      <c r="D5087" s="40">
        <v>84.646615000003735</v>
      </c>
      <c r="E5087" s="40">
        <v>20.46841229067671</v>
      </c>
      <c r="F5087" s="40">
        <v>84.633332999999993</v>
      </c>
      <c r="G5087" s="40">
        <v>19.889647567881532</v>
      </c>
      <c r="H5087" s="40">
        <v>84.633334000000019</v>
      </c>
      <c r="I5087" s="40">
        <v>16.430970959289702</v>
      </c>
      <c r="J5087" s="40">
        <v>84.633302815476796</v>
      </c>
      <c r="K5087" s="40">
        <v>12.737271325009852</v>
      </c>
      <c r="L5087" s="40"/>
      <c r="M5087" s="40"/>
      <c r="N5087" s="40"/>
    </row>
    <row r="5088" spans="4:14" x14ac:dyDescent="0.25">
      <c r="D5088" s="40">
        <v>84.663281000003735</v>
      </c>
      <c r="E5088" s="40">
        <v>20.46841229067671</v>
      </c>
      <c r="F5088" s="40">
        <v>84.65</v>
      </c>
      <c r="G5088" s="40">
        <v>19.889647567881532</v>
      </c>
      <c r="H5088" s="40">
        <v>84.65</v>
      </c>
      <c r="I5088" s="40">
        <v>16.434225085546466</v>
      </c>
      <c r="J5088" s="40">
        <v>84.649969476191103</v>
      </c>
      <c r="K5088" s="40">
        <v>12.737271325009852</v>
      </c>
      <c r="L5088" s="40"/>
      <c r="M5088" s="40"/>
      <c r="N5088" s="40"/>
    </row>
    <row r="5089" spans="4:14" x14ac:dyDescent="0.25">
      <c r="D5089" s="40">
        <v>84.679947000003736</v>
      </c>
      <c r="E5089" s="40">
        <v>20.46841229067671</v>
      </c>
      <c r="F5089" s="40">
        <v>84.66666699999999</v>
      </c>
      <c r="G5089" s="40">
        <v>19.889647567881532</v>
      </c>
      <c r="H5089" s="40">
        <v>84.666667000000018</v>
      </c>
      <c r="I5089" s="40">
        <v>16.434225085546466</v>
      </c>
      <c r="J5089" s="40">
        <v>84.666636136905396</v>
      </c>
      <c r="K5089" s="40">
        <v>12.742122368718958</v>
      </c>
      <c r="L5089" s="40"/>
      <c r="M5089" s="40"/>
      <c r="N5089" s="40"/>
    </row>
    <row r="5090" spans="4:14" x14ac:dyDescent="0.25">
      <c r="D5090" s="40">
        <v>84.696613000003737</v>
      </c>
      <c r="E5090" s="40">
        <v>20.46841229067671</v>
      </c>
      <c r="F5090" s="40">
        <v>84.683333000000005</v>
      </c>
      <c r="G5090" s="40">
        <v>19.889647567881532</v>
      </c>
      <c r="H5090" s="40">
        <v>84.683334000000002</v>
      </c>
      <c r="I5090" s="40">
        <v>16.437577821689899</v>
      </c>
      <c r="J5090" s="40">
        <v>84.683302797619703</v>
      </c>
      <c r="K5090" s="40">
        <v>12.742122368718958</v>
      </c>
      <c r="L5090" s="40"/>
      <c r="M5090" s="40"/>
      <c r="N5090" s="40"/>
    </row>
    <row r="5091" spans="4:14" x14ac:dyDescent="0.25">
      <c r="D5091" s="40">
        <v>84.713279000003737</v>
      </c>
      <c r="E5091" s="40">
        <v>20.46841229067671</v>
      </c>
      <c r="F5091" s="40">
        <v>84.699999999999989</v>
      </c>
      <c r="G5091" s="40">
        <v>19.889647567881532</v>
      </c>
      <c r="H5091" s="40">
        <v>84.700000000000017</v>
      </c>
      <c r="I5091" s="40">
        <v>16.440930557833155</v>
      </c>
      <c r="J5091" s="40">
        <v>84.699969458333996</v>
      </c>
      <c r="K5091" s="40">
        <v>12.742122368718958</v>
      </c>
      <c r="L5091" s="40"/>
      <c r="M5091" s="40"/>
      <c r="N5091" s="40"/>
    </row>
    <row r="5092" spans="4:14" x14ac:dyDescent="0.25">
      <c r="D5092" s="40">
        <v>84.729945000003738</v>
      </c>
      <c r="E5092" s="40">
        <v>20.46841229067671</v>
      </c>
      <c r="F5092" s="40">
        <v>84.716667000000001</v>
      </c>
      <c r="G5092" s="40">
        <v>19.894262951851434</v>
      </c>
      <c r="H5092" s="40">
        <v>84.716667000000001</v>
      </c>
      <c r="I5092" s="40">
        <v>16.440930557833155</v>
      </c>
      <c r="J5092" s="40">
        <v>84.716636119048303</v>
      </c>
      <c r="K5092" s="40">
        <v>12.742122368718958</v>
      </c>
      <c r="L5092" s="40"/>
      <c r="M5092" s="40"/>
      <c r="N5092" s="40"/>
    </row>
    <row r="5093" spans="4:14" x14ac:dyDescent="0.25">
      <c r="D5093" s="40">
        <v>84.746611000003739</v>
      </c>
      <c r="E5093" s="40">
        <v>20.463711558516284</v>
      </c>
      <c r="F5093" s="40">
        <v>84.733332999999988</v>
      </c>
      <c r="G5093" s="40">
        <v>19.894262951851434</v>
      </c>
      <c r="H5093" s="40">
        <v>84.733334000000013</v>
      </c>
      <c r="I5093" s="40">
        <v>16.444184684089919</v>
      </c>
      <c r="J5093" s="40">
        <v>84.733302779762496</v>
      </c>
      <c r="K5093" s="40">
        <v>12.742122368718958</v>
      </c>
      <c r="L5093" s="40"/>
      <c r="M5093" s="40"/>
      <c r="N5093" s="40"/>
    </row>
    <row r="5094" spans="4:14" x14ac:dyDescent="0.25">
      <c r="D5094" s="40">
        <v>84.76327700000374</v>
      </c>
      <c r="E5094" s="40">
        <v>20.463711558516284</v>
      </c>
      <c r="F5094" s="40">
        <v>84.75</v>
      </c>
      <c r="G5094" s="40">
        <v>19.894262951851434</v>
      </c>
      <c r="H5094" s="40">
        <v>84.75</v>
      </c>
      <c r="I5094" s="40">
        <v>16.447537420233171</v>
      </c>
      <c r="J5094" s="40">
        <v>84.749969440476804</v>
      </c>
      <c r="K5094" s="40">
        <v>12.737271325009852</v>
      </c>
      <c r="L5094" s="40"/>
      <c r="M5094" s="40"/>
      <c r="N5094" s="40"/>
    </row>
    <row r="5095" spans="4:14" x14ac:dyDescent="0.25">
      <c r="D5095" s="40">
        <v>84.77994300000374</v>
      </c>
      <c r="E5095" s="40">
        <v>20.463711558516284</v>
      </c>
      <c r="F5095" s="40">
        <v>84.766666999999984</v>
      </c>
      <c r="G5095" s="40">
        <v>19.89901819594153</v>
      </c>
      <c r="H5095" s="40">
        <v>84.766667000000012</v>
      </c>
      <c r="I5095" s="40">
        <v>16.447537420233171</v>
      </c>
      <c r="J5095" s="40">
        <v>84.766636101191096</v>
      </c>
      <c r="K5095" s="40">
        <v>12.737271325009852</v>
      </c>
      <c r="L5095" s="40"/>
      <c r="M5095" s="40"/>
      <c r="N5095" s="40"/>
    </row>
    <row r="5096" spans="4:14" x14ac:dyDescent="0.25">
      <c r="D5096" s="40">
        <v>84.796609000003741</v>
      </c>
      <c r="E5096" s="40">
        <v>20.463711558516284</v>
      </c>
      <c r="F5096" s="40">
        <v>84.783332999999999</v>
      </c>
      <c r="G5096" s="40">
        <v>19.89901819594153</v>
      </c>
      <c r="H5096" s="40">
        <v>84.783333999999996</v>
      </c>
      <c r="I5096" s="40">
        <v>16.450890156376431</v>
      </c>
      <c r="J5096" s="40">
        <v>84.783302761905404</v>
      </c>
      <c r="K5096" s="40">
        <v>12.737271325009852</v>
      </c>
      <c r="L5096" s="40"/>
      <c r="M5096" s="40"/>
      <c r="N5096" s="40"/>
    </row>
    <row r="5097" spans="4:14" x14ac:dyDescent="0.25">
      <c r="D5097" s="40">
        <v>84.813275000003742</v>
      </c>
      <c r="E5097" s="40">
        <v>20.463711558516284</v>
      </c>
      <c r="F5097" s="40">
        <v>84.799999999999983</v>
      </c>
      <c r="G5097" s="40">
        <v>19.89901819594153</v>
      </c>
      <c r="H5097" s="40">
        <v>84.800000000000011</v>
      </c>
      <c r="I5097" s="40">
        <v>16.454144282633195</v>
      </c>
      <c r="J5097" s="40">
        <v>84.799969422619697</v>
      </c>
      <c r="K5097" s="40">
        <v>12.737271325009852</v>
      </c>
      <c r="L5097" s="40"/>
      <c r="M5097" s="40"/>
      <c r="N5097" s="40"/>
    </row>
    <row r="5098" spans="4:14" x14ac:dyDescent="0.25">
      <c r="D5098" s="40">
        <v>84.829941000003743</v>
      </c>
      <c r="E5098" s="40">
        <v>20.463711558516284</v>
      </c>
      <c r="F5098" s="40">
        <v>84.816666999999995</v>
      </c>
      <c r="G5098" s="40">
        <v>19.903773440031749</v>
      </c>
      <c r="H5098" s="40">
        <v>84.816666999999995</v>
      </c>
      <c r="I5098" s="40">
        <v>16.454144282633195</v>
      </c>
      <c r="J5098" s="40">
        <v>84.816636083334004</v>
      </c>
      <c r="K5098" s="40">
        <v>12.737271325009852</v>
      </c>
      <c r="L5098" s="40"/>
      <c r="M5098" s="40"/>
      <c r="N5098" s="40"/>
    </row>
    <row r="5099" spans="4:14" x14ac:dyDescent="0.25">
      <c r="D5099" s="40">
        <v>84.846607000003743</v>
      </c>
      <c r="E5099" s="40">
        <v>20.463711558516284</v>
      </c>
      <c r="F5099" s="40">
        <v>84.833332999999982</v>
      </c>
      <c r="G5099" s="40">
        <v>19.903773440031749</v>
      </c>
      <c r="H5099" s="40">
        <v>84.833334000000008</v>
      </c>
      <c r="I5099" s="40">
        <v>16.457497018776628</v>
      </c>
      <c r="J5099" s="40">
        <v>84.833302744048197</v>
      </c>
      <c r="K5099" s="40">
        <v>12.737271325009852</v>
      </c>
      <c r="L5099" s="40"/>
      <c r="M5099" s="40"/>
      <c r="N5099" s="40"/>
    </row>
    <row r="5100" spans="4:14" x14ac:dyDescent="0.25">
      <c r="D5100" s="40">
        <v>84.863273000003744</v>
      </c>
      <c r="E5100" s="40">
        <v>20.463711558516284</v>
      </c>
      <c r="F5100" s="40">
        <v>84.85</v>
      </c>
      <c r="G5100" s="40">
        <v>19.903773440031749</v>
      </c>
      <c r="H5100" s="40">
        <v>84.85</v>
      </c>
      <c r="I5100" s="40">
        <v>16.460849754919884</v>
      </c>
      <c r="J5100" s="40">
        <v>84.849969404762504</v>
      </c>
      <c r="K5100" s="40">
        <v>12.737271325009852</v>
      </c>
      <c r="L5100" s="40"/>
      <c r="M5100" s="40"/>
      <c r="N5100" s="40"/>
    </row>
    <row r="5101" spans="4:14" x14ac:dyDescent="0.25">
      <c r="D5101" s="40">
        <v>84.879939000003745</v>
      </c>
      <c r="E5101" s="40">
        <v>20.463711558516284</v>
      </c>
      <c r="F5101" s="40">
        <v>84.866667000000007</v>
      </c>
      <c r="G5101" s="40">
        <v>19.908388824001651</v>
      </c>
      <c r="H5101" s="40">
        <v>84.866667000000007</v>
      </c>
      <c r="I5101" s="40">
        <v>16.460849754919884</v>
      </c>
      <c r="J5101" s="40">
        <v>84.866636065476797</v>
      </c>
      <c r="K5101" s="40">
        <v>12.737271325009852</v>
      </c>
      <c r="L5101" s="40"/>
      <c r="M5101" s="40"/>
      <c r="N5101" s="40"/>
    </row>
    <row r="5102" spans="4:14" x14ac:dyDescent="0.25">
      <c r="D5102" s="40">
        <v>84.896605000003746</v>
      </c>
      <c r="E5102" s="40">
        <v>20.463711558516284</v>
      </c>
      <c r="F5102" s="40">
        <v>84.883332999999993</v>
      </c>
      <c r="G5102" s="40">
        <v>19.908388824001651</v>
      </c>
      <c r="H5102" s="40">
        <v>84.883334000000019</v>
      </c>
      <c r="I5102" s="40">
        <v>16.464103881176648</v>
      </c>
      <c r="J5102" s="40">
        <v>84.883302726191104</v>
      </c>
      <c r="K5102" s="40">
        <v>12.737271325009852</v>
      </c>
      <c r="L5102" s="40"/>
      <c r="M5102" s="40"/>
      <c r="N5102" s="40"/>
    </row>
    <row r="5103" spans="4:14" x14ac:dyDescent="0.25">
      <c r="D5103" s="40">
        <v>84.913271000003746</v>
      </c>
      <c r="E5103" s="40">
        <v>20.46841229067671</v>
      </c>
      <c r="F5103" s="40">
        <v>84.9</v>
      </c>
      <c r="G5103" s="40">
        <v>19.913144068091746</v>
      </c>
      <c r="H5103" s="40">
        <v>84.9</v>
      </c>
      <c r="I5103" s="40">
        <v>16.467456617319904</v>
      </c>
      <c r="J5103" s="40">
        <v>84.899969386905397</v>
      </c>
      <c r="K5103" s="40">
        <v>12.73242028130062</v>
      </c>
      <c r="L5103" s="40"/>
      <c r="M5103" s="40"/>
      <c r="N5103" s="40"/>
    </row>
    <row r="5104" spans="4:14" x14ac:dyDescent="0.25">
      <c r="D5104" s="40">
        <v>84.929937000003747</v>
      </c>
      <c r="E5104" s="40">
        <v>20.46841229067671</v>
      </c>
      <c r="F5104" s="40">
        <v>84.91666699999999</v>
      </c>
      <c r="G5104" s="40">
        <v>19.913144068091746</v>
      </c>
      <c r="H5104" s="40">
        <v>84.916667000000018</v>
      </c>
      <c r="I5104" s="40">
        <v>16.467456617319904</v>
      </c>
      <c r="J5104" s="40">
        <v>84.916636047619704</v>
      </c>
      <c r="K5104" s="40">
        <v>12.73242028130062</v>
      </c>
      <c r="L5104" s="40"/>
      <c r="M5104" s="40"/>
      <c r="N5104" s="40"/>
    </row>
    <row r="5105" spans="4:14" x14ac:dyDescent="0.25">
      <c r="D5105" s="40">
        <v>84.946603000003748</v>
      </c>
      <c r="E5105" s="40">
        <v>20.463711558516284</v>
      </c>
      <c r="F5105" s="40">
        <v>84.933333000000005</v>
      </c>
      <c r="G5105" s="40">
        <v>19.913144068091746</v>
      </c>
      <c r="H5105" s="40">
        <v>84.933334000000002</v>
      </c>
      <c r="I5105" s="40">
        <v>16.470809353463338</v>
      </c>
      <c r="J5105" s="40">
        <v>84.933302708333997</v>
      </c>
      <c r="K5105" s="40">
        <v>12.73242028130062</v>
      </c>
      <c r="L5105" s="40"/>
      <c r="M5105" s="40"/>
      <c r="N5105" s="40"/>
    </row>
    <row r="5106" spans="4:14" x14ac:dyDescent="0.25">
      <c r="D5106" s="40">
        <v>84.963269000003748</v>
      </c>
      <c r="E5106" s="40">
        <v>20.46841229067671</v>
      </c>
      <c r="F5106" s="40">
        <v>84.949999999999989</v>
      </c>
      <c r="G5106" s="40">
        <v>19.917899312181962</v>
      </c>
      <c r="H5106" s="40">
        <v>84.950000000000017</v>
      </c>
      <c r="I5106" s="40">
        <v>16.470809353463338</v>
      </c>
      <c r="J5106" s="40">
        <v>84.949969369048304</v>
      </c>
      <c r="K5106" s="40">
        <v>12.73242028130062</v>
      </c>
      <c r="L5106" s="40"/>
      <c r="M5106" s="40"/>
      <c r="N5106" s="40"/>
    </row>
    <row r="5107" spans="4:14" x14ac:dyDescent="0.25">
      <c r="D5107" s="40">
        <v>84.979935000003749</v>
      </c>
      <c r="E5107" s="40">
        <v>20.46841229067671</v>
      </c>
      <c r="F5107" s="40">
        <v>84.966667000000001</v>
      </c>
      <c r="G5107" s="40">
        <v>19.917899312181962</v>
      </c>
      <c r="H5107" s="40">
        <v>84.966667000000001</v>
      </c>
      <c r="I5107" s="40">
        <v>16.474063479719923</v>
      </c>
      <c r="J5107" s="40">
        <v>84.966636029762498</v>
      </c>
      <c r="K5107" s="40">
        <v>12.73242028130062</v>
      </c>
      <c r="L5107" s="40"/>
      <c r="M5107" s="40"/>
      <c r="N5107" s="40"/>
    </row>
    <row r="5108" spans="4:14" x14ac:dyDescent="0.25">
      <c r="D5108" s="40">
        <v>84.99660100000375</v>
      </c>
      <c r="E5108" s="40">
        <v>20.46841229067671</v>
      </c>
      <c r="F5108" s="40">
        <v>84.983332999999988</v>
      </c>
      <c r="G5108" s="40">
        <v>19.917899312181962</v>
      </c>
      <c r="H5108" s="40">
        <v>84.983334000000013</v>
      </c>
      <c r="I5108" s="40">
        <v>16.474063479719923</v>
      </c>
      <c r="J5108" s="40">
        <v>84.983302690476805</v>
      </c>
      <c r="K5108" s="40">
        <v>12.73242028130062</v>
      </c>
      <c r="L5108" s="40"/>
      <c r="M5108" s="40"/>
      <c r="N5108" s="40"/>
    </row>
    <row r="5109" spans="4:14" x14ac:dyDescent="0.25">
      <c r="D5109" s="40">
        <v>85.013267000003751</v>
      </c>
      <c r="E5109" s="40">
        <v>20.46841229067671</v>
      </c>
      <c r="F5109" s="40">
        <v>85</v>
      </c>
      <c r="G5109" s="40">
        <v>19.922654556272182</v>
      </c>
      <c r="H5109" s="40">
        <v>85</v>
      </c>
      <c r="I5109" s="40">
        <v>16.477416215863357</v>
      </c>
      <c r="J5109" s="40">
        <v>84.999969351191098</v>
      </c>
      <c r="K5109" s="40">
        <v>12.73242028130062</v>
      </c>
      <c r="L5109" s="40"/>
      <c r="M5109" s="40"/>
      <c r="N5109" s="40"/>
    </row>
    <row r="5110" spans="4:14" x14ac:dyDescent="0.25">
      <c r="D5110" s="40">
        <v>85.029933000003751</v>
      </c>
      <c r="E5110" s="40">
        <v>20.46841229067671</v>
      </c>
      <c r="F5110" s="40">
        <v>85.016666999999984</v>
      </c>
      <c r="G5110" s="40">
        <v>19.922654556272182</v>
      </c>
      <c r="H5110" s="40">
        <v>85.016667000000012</v>
      </c>
      <c r="I5110" s="40">
        <v>16.480768952006617</v>
      </c>
      <c r="J5110" s="40">
        <v>85.016636011905405</v>
      </c>
      <c r="K5110" s="40">
        <v>12.73242028130062</v>
      </c>
      <c r="L5110" s="40"/>
      <c r="M5110" s="40"/>
      <c r="N5110" s="40"/>
    </row>
    <row r="5111" spans="4:14" x14ac:dyDescent="0.25">
      <c r="D5111" s="40">
        <v>85.046599000003752</v>
      </c>
      <c r="E5111" s="40">
        <v>20.47325546926626</v>
      </c>
      <c r="F5111" s="40">
        <v>85.033332999999999</v>
      </c>
      <c r="G5111" s="40">
        <v>19.922654556272182</v>
      </c>
      <c r="H5111" s="40">
        <v>85.033333999999996</v>
      </c>
      <c r="I5111" s="40">
        <v>16.480768952006617</v>
      </c>
      <c r="J5111" s="40">
        <v>85.033302672619698</v>
      </c>
      <c r="K5111" s="40">
        <v>12.73242028130062</v>
      </c>
      <c r="L5111" s="40"/>
      <c r="M5111" s="40"/>
      <c r="N5111" s="40"/>
    </row>
    <row r="5112" spans="4:14" x14ac:dyDescent="0.25">
      <c r="D5112" s="40">
        <v>85.063265000003753</v>
      </c>
      <c r="E5112" s="40">
        <v>20.47325546926626</v>
      </c>
      <c r="F5112" s="40">
        <v>85.049999999999983</v>
      </c>
      <c r="G5112" s="40">
        <v>19.927269940242084</v>
      </c>
      <c r="H5112" s="40">
        <v>85.050000000000011</v>
      </c>
      <c r="I5112" s="40">
        <v>16.480768952006617</v>
      </c>
      <c r="J5112" s="40">
        <v>85.049969333334005</v>
      </c>
      <c r="K5112" s="40">
        <v>12.737271325009852</v>
      </c>
      <c r="L5112" s="40"/>
      <c r="M5112" s="40"/>
      <c r="N5112" s="40"/>
    </row>
    <row r="5113" spans="4:14" x14ac:dyDescent="0.25">
      <c r="D5113" s="40">
        <v>85.079931000003754</v>
      </c>
      <c r="E5113" s="40">
        <v>20.47325546926626</v>
      </c>
      <c r="F5113" s="40">
        <v>85.066666999999995</v>
      </c>
      <c r="G5113" s="40">
        <v>19.927269940242084</v>
      </c>
      <c r="H5113" s="40">
        <v>85.066666999999995</v>
      </c>
      <c r="I5113" s="40">
        <v>16.48402307826338</v>
      </c>
      <c r="J5113" s="40">
        <v>85.066635994048198</v>
      </c>
      <c r="K5113" s="40">
        <v>12.737271325009852</v>
      </c>
      <c r="L5113" s="40"/>
      <c r="M5113" s="40"/>
      <c r="N5113" s="40"/>
    </row>
    <row r="5114" spans="4:14" x14ac:dyDescent="0.25">
      <c r="D5114" s="40">
        <v>85.096597000003754</v>
      </c>
      <c r="E5114" s="40">
        <v>20.478098647855681</v>
      </c>
      <c r="F5114" s="40">
        <v>85.083332999999982</v>
      </c>
      <c r="G5114" s="40">
        <v>19.932025184332176</v>
      </c>
      <c r="H5114" s="40">
        <v>85.083334000000008</v>
      </c>
      <c r="I5114" s="40">
        <v>16.490728550550067</v>
      </c>
      <c r="J5114" s="40">
        <v>85.083302654762505</v>
      </c>
      <c r="K5114" s="40">
        <v>12.737271325009852</v>
      </c>
      <c r="L5114" s="40"/>
      <c r="M5114" s="40"/>
      <c r="N5114" s="40"/>
    </row>
    <row r="5115" spans="4:14" x14ac:dyDescent="0.25">
      <c r="D5115" s="40">
        <v>85.113263000003755</v>
      </c>
      <c r="E5115" s="40">
        <v>20.478098647855681</v>
      </c>
      <c r="F5115" s="40">
        <v>85.1</v>
      </c>
      <c r="G5115" s="40">
        <v>19.932025184332176</v>
      </c>
      <c r="H5115" s="40">
        <v>85.1</v>
      </c>
      <c r="I5115" s="40">
        <v>16.494081286693323</v>
      </c>
      <c r="J5115" s="40">
        <v>85.099969315476798</v>
      </c>
      <c r="K5115" s="40">
        <v>12.737271325009852</v>
      </c>
      <c r="L5115" s="40"/>
      <c r="M5115" s="40"/>
      <c r="N5115" s="40"/>
    </row>
    <row r="5116" spans="4:14" x14ac:dyDescent="0.25">
      <c r="D5116" s="40">
        <v>85.129929000003756</v>
      </c>
      <c r="E5116" s="40">
        <v>20.478098647855681</v>
      </c>
      <c r="F5116" s="40">
        <v>85.116667000000007</v>
      </c>
      <c r="G5116" s="40">
        <v>19.936780428422395</v>
      </c>
      <c r="H5116" s="40">
        <v>85.116667000000007</v>
      </c>
      <c r="I5116" s="40">
        <v>16.504040885236602</v>
      </c>
      <c r="J5116" s="40">
        <v>85.116635976191105</v>
      </c>
      <c r="K5116" s="40">
        <v>12.737271325009852</v>
      </c>
      <c r="L5116" s="40"/>
      <c r="M5116" s="40"/>
      <c r="N5116" s="40"/>
    </row>
    <row r="5117" spans="4:14" x14ac:dyDescent="0.25">
      <c r="D5117" s="40">
        <v>85.146595000003757</v>
      </c>
      <c r="E5117" s="40">
        <v>20.478098647855681</v>
      </c>
      <c r="F5117" s="40">
        <v>85.133332999999993</v>
      </c>
      <c r="G5117" s="40">
        <v>19.936780428422395</v>
      </c>
      <c r="H5117" s="40">
        <v>85.133334000000019</v>
      </c>
      <c r="I5117" s="40">
        <v>16.500688149093346</v>
      </c>
      <c r="J5117" s="40">
        <v>85.133302636905398</v>
      </c>
      <c r="K5117" s="40">
        <v>12.737271325009852</v>
      </c>
      <c r="L5117" s="40"/>
      <c r="M5117" s="40"/>
      <c r="N5117" s="40"/>
    </row>
    <row r="5118" spans="4:14" x14ac:dyDescent="0.25">
      <c r="D5118" s="40">
        <v>85.163261000003757</v>
      </c>
      <c r="E5118" s="40">
        <v>20.482799380016104</v>
      </c>
      <c r="F5118" s="40">
        <v>85.15</v>
      </c>
      <c r="G5118" s="40">
        <v>19.936780428422395</v>
      </c>
      <c r="H5118" s="40">
        <v>85.15</v>
      </c>
      <c r="I5118" s="40">
        <v>16.497335412950086</v>
      </c>
      <c r="J5118" s="40">
        <v>85.149969297619705</v>
      </c>
      <c r="K5118" s="40">
        <v>12.737271325009852</v>
      </c>
      <c r="L5118" s="40"/>
      <c r="M5118" s="40"/>
      <c r="N5118" s="40"/>
    </row>
    <row r="5119" spans="4:14" x14ac:dyDescent="0.25">
      <c r="D5119" s="40">
        <v>85.179927000003758</v>
      </c>
      <c r="E5119" s="40">
        <v>20.482799380016104</v>
      </c>
      <c r="F5119" s="40">
        <v>85.16666699999999</v>
      </c>
      <c r="G5119" s="40">
        <v>19.941395812392297</v>
      </c>
      <c r="H5119" s="40">
        <v>85.166667000000018</v>
      </c>
      <c r="I5119" s="40">
        <v>16.494081286693323</v>
      </c>
      <c r="J5119" s="40">
        <v>85.166635958333998</v>
      </c>
      <c r="K5119" s="40">
        <v>12.737271325009852</v>
      </c>
      <c r="L5119" s="40"/>
      <c r="M5119" s="40"/>
      <c r="N5119" s="40"/>
    </row>
    <row r="5120" spans="4:14" x14ac:dyDescent="0.25">
      <c r="D5120" s="40">
        <v>85.196593000003759</v>
      </c>
      <c r="E5120" s="40">
        <v>20.487642558605653</v>
      </c>
      <c r="F5120" s="40">
        <v>85.183333000000005</v>
      </c>
      <c r="G5120" s="40">
        <v>19.941395812392297</v>
      </c>
      <c r="H5120" s="40">
        <v>85.183334000000002</v>
      </c>
      <c r="I5120" s="40">
        <v>16.494081286693323</v>
      </c>
      <c r="J5120" s="40">
        <v>85.183302619048305</v>
      </c>
      <c r="K5120" s="40">
        <v>12.737271325009852</v>
      </c>
      <c r="L5120" s="40"/>
      <c r="M5120" s="40"/>
      <c r="N5120" s="40"/>
    </row>
    <row r="5121" spans="4:14" x14ac:dyDescent="0.25">
      <c r="D5121" s="40">
        <v>85.21325900000376</v>
      </c>
      <c r="E5121" s="40">
        <v>20.487642558605653</v>
      </c>
      <c r="F5121" s="40">
        <v>85.199999999999989</v>
      </c>
      <c r="G5121" s="40">
        <v>19.941395812392297</v>
      </c>
      <c r="H5121" s="40">
        <v>85.200000000000017</v>
      </c>
      <c r="I5121" s="40">
        <v>16.494081286693323</v>
      </c>
      <c r="J5121" s="40">
        <v>85.199969279762499</v>
      </c>
      <c r="K5121" s="40">
        <v>12.737271325009852</v>
      </c>
      <c r="L5121" s="40"/>
      <c r="M5121" s="40"/>
      <c r="N5121" s="40"/>
    </row>
    <row r="5122" spans="4:14" x14ac:dyDescent="0.25">
      <c r="D5122" s="40">
        <v>85.22992500000376</v>
      </c>
      <c r="E5122" s="40">
        <v>20.487642558605653</v>
      </c>
      <c r="F5122" s="40">
        <v>85.216667000000001</v>
      </c>
      <c r="G5122" s="40">
        <v>19.946151056482393</v>
      </c>
      <c r="H5122" s="40">
        <v>85.216667000000001</v>
      </c>
      <c r="I5122" s="40">
        <v>16.494081286693323</v>
      </c>
      <c r="J5122" s="40">
        <v>85.216635940476806</v>
      </c>
      <c r="K5122" s="40">
        <v>12.737271325009852</v>
      </c>
      <c r="L5122" s="40"/>
      <c r="M5122" s="40"/>
      <c r="N5122" s="40"/>
    </row>
    <row r="5123" spans="4:14" x14ac:dyDescent="0.25">
      <c r="D5123" s="40">
        <v>85.246591000003761</v>
      </c>
      <c r="E5123" s="40">
        <v>20.487642558605653</v>
      </c>
      <c r="F5123" s="40">
        <v>85.233332999999988</v>
      </c>
      <c r="G5123" s="40">
        <v>19.946151056482393</v>
      </c>
      <c r="H5123" s="40">
        <v>85.233334000000013</v>
      </c>
      <c r="I5123" s="40">
        <v>16.494081286693323</v>
      </c>
      <c r="J5123" s="40">
        <v>85.233302601191099</v>
      </c>
      <c r="K5123" s="40">
        <v>12.737271325009852</v>
      </c>
      <c r="L5123" s="40"/>
      <c r="M5123" s="40"/>
      <c r="N5123" s="40"/>
    </row>
    <row r="5124" spans="4:14" x14ac:dyDescent="0.25">
      <c r="D5124" s="40">
        <v>85.263257000003762</v>
      </c>
      <c r="E5124" s="40">
        <v>20.492485737195079</v>
      </c>
      <c r="F5124" s="40">
        <v>85.25</v>
      </c>
      <c r="G5124" s="40">
        <v>19.946151056482393</v>
      </c>
      <c r="H5124" s="40">
        <v>85.25</v>
      </c>
      <c r="I5124" s="40">
        <v>16.494081286693323</v>
      </c>
      <c r="J5124" s="40">
        <v>85.249969261905406</v>
      </c>
      <c r="K5124" s="40">
        <v>12.737271325009852</v>
      </c>
      <c r="L5124" s="40"/>
      <c r="M5124" s="40"/>
      <c r="N5124" s="40"/>
    </row>
    <row r="5125" spans="4:14" x14ac:dyDescent="0.25">
      <c r="D5125" s="40">
        <v>85.279923000003762</v>
      </c>
      <c r="E5125" s="40">
        <v>20.492485737195079</v>
      </c>
      <c r="F5125" s="40">
        <v>85.266666999999984</v>
      </c>
      <c r="G5125" s="40">
        <v>19.950906300572612</v>
      </c>
      <c r="H5125" s="40">
        <v>85.266667000000012</v>
      </c>
      <c r="I5125" s="40">
        <v>16.497335412950086</v>
      </c>
      <c r="J5125" s="40">
        <v>85.266635922619699</v>
      </c>
      <c r="K5125" s="40">
        <v>12.737271325009852</v>
      </c>
      <c r="L5125" s="40"/>
      <c r="M5125" s="40"/>
      <c r="N5125" s="40"/>
    </row>
    <row r="5126" spans="4:14" x14ac:dyDescent="0.25">
      <c r="D5126" s="40">
        <v>85.296589000003763</v>
      </c>
      <c r="E5126" s="40">
        <v>20.492485737195079</v>
      </c>
      <c r="F5126" s="40">
        <v>85.283332999999999</v>
      </c>
      <c r="G5126" s="40">
        <v>19.950906300572612</v>
      </c>
      <c r="H5126" s="40">
        <v>85.283333999999996</v>
      </c>
      <c r="I5126" s="40">
        <v>16.497335412950086</v>
      </c>
      <c r="J5126" s="40">
        <v>85.283302583334006</v>
      </c>
      <c r="K5126" s="40">
        <v>12.737271325009852</v>
      </c>
      <c r="L5126" s="40"/>
      <c r="M5126" s="40"/>
      <c r="N5126" s="40"/>
    </row>
    <row r="5127" spans="4:14" x14ac:dyDescent="0.25">
      <c r="D5127" s="40">
        <v>85.313255000003764</v>
      </c>
      <c r="E5127" s="40">
        <v>20.492485737195079</v>
      </c>
      <c r="F5127" s="40">
        <v>85.299999999999983</v>
      </c>
      <c r="G5127" s="40">
        <v>19.950906300572612</v>
      </c>
      <c r="H5127" s="40">
        <v>85.300000000000011</v>
      </c>
      <c r="I5127" s="40">
        <v>16.500688149093346</v>
      </c>
      <c r="J5127" s="40">
        <v>85.299969244048299</v>
      </c>
      <c r="K5127" s="40">
        <v>12.742122368718958</v>
      </c>
      <c r="L5127" s="40"/>
      <c r="M5127" s="40"/>
      <c r="N5127" s="40"/>
    </row>
    <row r="5128" spans="4:14" x14ac:dyDescent="0.25">
      <c r="D5128" s="40">
        <v>85.329921000003765</v>
      </c>
      <c r="E5128" s="40">
        <v>20.492485737195079</v>
      </c>
      <c r="F5128" s="40">
        <v>85.316666999999995</v>
      </c>
      <c r="G5128" s="40">
        <v>19.950906300572612</v>
      </c>
      <c r="H5128" s="40">
        <v>85.316666999999995</v>
      </c>
      <c r="I5128" s="40">
        <v>16.500688149093346</v>
      </c>
      <c r="J5128" s="40">
        <v>85.316635904762506</v>
      </c>
      <c r="K5128" s="40">
        <v>12.742122368718958</v>
      </c>
      <c r="L5128" s="40"/>
      <c r="M5128" s="40"/>
      <c r="N5128" s="40"/>
    </row>
    <row r="5129" spans="4:14" x14ac:dyDescent="0.25">
      <c r="D5129" s="40">
        <v>85.346587000003765</v>
      </c>
      <c r="E5129" s="40">
        <v>20.492485737195079</v>
      </c>
      <c r="F5129" s="40">
        <v>85.333332999999982</v>
      </c>
      <c r="G5129" s="40">
        <v>19.955521684542514</v>
      </c>
      <c r="H5129" s="40">
        <v>85.333334000000008</v>
      </c>
      <c r="I5129" s="40">
        <v>16.504040885236602</v>
      </c>
      <c r="J5129" s="40">
        <v>85.333302565476799</v>
      </c>
      <c r="K5129" s="40">
        <v>12.742122368718958</v>
      </c>
      <c r="L5129" s="40"/>
      <c r="M5129" s="40"/>
      <c r="N5129" s="40"/>
    </row>
    <row r="5130" spans="4:14" x14ac:dyDescent="0.25">
      <c r="D5130" s="40">
        <v>85.363253000003766</v>
      </c>
      <c r="E5130" s="40">
        <v>20.492485737195079</v>
      </c>
      <c r="F5130" s="40">
        <v>85.35</v>
      </c>
      <c r="G5130" s="40">
        <v>19.955521684542514</v>
      </c>
      <c r="H5130" s="40">
        <v>85.35</v>
      </c>
      <c r="I5130" s="40">
        <v>16.507295011493362</v>
      </c>
      <c r="J5130" s="40">
        <v>85.349969226191106</v>
      </c>
      <c r="K5130" s="40">
        <v>12.746830734672018</v>
      </c>
      <c r="L5130" s="40"/>
      <c r="M5130" s="40"/>
      <c r="N5130" s="40"/>
    </row>
    <row r="5131" spans="4:14" x14ac:dyDescent="0.25">
      <c r="D5131" s="40">
        <v>85.379919000003767</v>
      </c>
      <c r="E5131" s="40">
        <v>20.492485737195079</v>
      </c>
      <c r="F5131" s="40">
        <v>85.366667000000007</v>
      </c>
      <c r="G5131" s="40">
        <v>19.960276928632606</v>
      </c>
      <c r="H5131" s="40">
        <v>85.366667000000007</v>
      </c>
      <c r="I5131" s="40">
        <v>16.510647747636796</v>
      </c>
      <c r="J5131" s="40">
        <v>85.366635886905399</v>
      </c>
      <c r="K5131" s="40">
        <v>12.746830734672018</v>
      </c>
      <c r="L5131" s="40"/>
      <c r="M5131" s="40"/>
      <c r="N5131" s="40"/>
    </row>
    <row r="5132" spans="4:14" x14ac:dyDescent="0.25">
      <c r="D5132" s="40">
        <v>85.396585000003768</v>
      </c>
      <c r="E5132" s="40">
        <v>20.497186469355501</v>
      </c>
      <c r="F5132" s="40">
        <v>85.383332999999993</v>
      </c>
      <c r="G5132" s="40">
        <v>19.960276928632606</v>
      </c>
      <c r="H5132" s="40">
        <v>85.383334000000019</v>
      </c>
      <c r="I5132" s="40">
        <v>16.510647747636796</v>
      </c>
      <c r="J5132" s="40">
        <v>85.383302547619707</v>
      </c>
      <c r="K5132" s="40">
        <v>12.746830734672018</v>
      </c>
      <c r="L5132" s="40"/>
      <c r="M5132" s="40"/>
      <c r="N5132" s="40"/>
    </row>
    <row r="5133" spans="4:14" x14ac:dyDescent="0.25">
      <c r="D5133" s="40">
        <v>85.413251000003768</v>
      </c>
      <c r="E5133" s="40">
        <v>20.497186469355501</v>
      </c>
      <c r="F5133" s="40">
        <v>85.4</v>
      </c>
      <c r="G5133" s="40">
        <v>19.960276928632606</v>
      </c>
      <c r="H5133" s="40">
        <v>85.4</v>
      </c>
      <c r="I5133" s="40">
        <v>16.514000483780055</v>
      </c>
      <c r="J5133" s="40">
        <v>85.399969208333999</v>
      </c>
      <c r="K5133" s="40">
        <v>12.746830734672018</v>
      </c>
      <c r="L5133" s="40"/>
      <c r="M5133" s="40"/>
      <c r="N5133" s="40"/>
    </row>
    <row r="5134" spans="4:14" x14ac:dyDescent="0.25">
      <c r="D5134" s="40">
        <v>85.429917000003769</v>
      </c>
      <c r="E5134" s="40">
        <v>20.497186469355501</v>
      </c>
      <c r="F5134" s="40">
        <v>85.41666699999999</v>
      </c>
      <c r="G5134" s="40">
        <v>19.960276928632606</v>
      </c>
      <c r="H5134" s="40">
        <v>85.416667000000018</v>
      </c>
      <c r="I5134" s="40">
        <v>16.517254610036819</v>
      </c>
      <c r="J5134" s="40">
        <v>85.416635869048307</v>
      </c>
      <c r="K5134" s="40">
        <v>12.751681778381251</v>
      </c>
      <c r="L5134" s="40"/>
      <c r="M5134" s="40"/>
      <c r="N5134" s="40"/>
    </row>
    <row r="5135" spans="4:14" x14ac:dyDescent="0.25">
      <c r="D5135" s="40">
        <v>85.44658300000377</v>
      </c>
      <c r="E5135" s="40">
        <v>20.497186469355501</v>
      </c>
      <c r="F5135" s="40">
        <v>85.433333000000005</v>
      </c>
      <c r="G5135" s="40">
        <v>19.965032172722825</v>
      </c>
      <c r="H5135" s="40">
        <v>85.433334000000002</v>
      </c>
      <c r="I5135" s="40">
        <v>16.517254610036819</v>
      </c>
      <c r="J5135" s="40">
        <v>85.433302529762599</v>
      </c>
      <c r="K5135" s="40">
        <v>12.751681778381251</v>
      </c>
      <c r="L5135" s="40"/>
      <c r="M5135" s="40"/>
      <c r="N5135" s="40"/>
    </row>
    <row r="5136" spans="4:14" x14ac:dyDescent="0.25">
      <c r="D5136" s="40">
        <v>85.463249000003771</v>
      </c>
      <c r="E5136" s="40">
        <v>20.502029647945051</v>
      </c>
      <c r="F5136" s="40">
        <v>85.449999999999989</v>
      </c>
      <c r="G5136" s="40">
        <v>19.965032172722825</v>
      </c>
      <c r="H5136" s="40">
        <v>85.450000000000017</v>
      </c>
      <c r="I5136" s="40">
        <v>16.520607346180075</v>
      </c>
      <c r="J5136" s="40">
        <v>85.449969190476807</v>
      </c>
      <c r="K5136" s="40">
        <v>12.751681778381251</v>
      </c>
      <c r="L5136" s="40"/>
      <c r="M5136" s="40"/>
      <c r="N5136" s="40"/>
    </row>
    <row r="5137" spans="4:14" x14ac:dyDescent="0.25">
      <c r="D5137" s="40">
        <v>85.479915000003771</v>
      </c>
      <c r="E5137" s="40">
        <v>20.502029647945051</v>
      </c>
      <c r="F5137" s="40">
        <v>85.466667000000001</v>
      </c>
      <c r="G5137" s="40">
        <v>19.965032172722825</v>
      </c>
      <c r="H5137" s="40">
        <v>85.466667000000001</v>
      </c>
      <c r="I5137" s="40">
        <v>16.523960082323505</v>
      </c>
      <c r="J5137" s="40">
        <v>85.4666358511911</v>
      </c>
      <c r="K5137" s="40">
        <v>12.751681778381251</v>
      </c>
      <c r="L5137" s="40"/>
      <c r="M5137" s="40"/>
      <c r="N5137" s="40"/>
    </row>
    <row r="5138" spans="4:14" x14ac:dyDescent="0.25">
      <c r="D5138" s="40">
        <v>85.496581000003772</v>
      </c>
      <c r="E5138" s="40">
        <v>20.502029647945051</v>
      </c>
      <c r="F5138" s="40">
        <v>85.483332999999988</v>
      </c>
      <c r="G5138" s="40">
        <v>19.969647556692728</v>
      </c>
      <c r="H5138" s="40">
        <v>85.483334000000013</v>
      </c>
      <c r="I5138" s="40">
        <v>16.523960082323505</v>
      </c>
      <c r="J5138" s="40">
        <v>85.483302511905407</v>
      </c>
      <c r="K5138" s="40">
        <v>12.751681778381251</v>
      </c>
      <c r="L5138" s="40"/>
      <c r="M5138" s="40"/>
      <c r="N5138" s="40"/>
    </row>
    <row r="5139" spans="4:14" x14ac:dyDescent="0.25">
      <c r="D5139" s="40">
        <v>85.513247000003773</v>
      </c>
      <c r="E5139" s="40">
        <v>20.502029647945051</v>
      </c>
      <c r="F5139" s="40">
        <v>85.5</v>
      </c>
      <c r="G5139" s="40">
        <v>19.969647556692728</v>
      </c>
      <c r="H5139" s="40">
        <v>85.5</v>
      </c>
      <c r="I5139" s="40">
        <v>16.527214208580268</v>
      </c>
      <c r="J5139" s="40">
        <v>85.4999691726197</v>
      </c>
      <c r="K5139" s="40">
        <v>12.751681778381251</v>
      </c>
      <c r="L5139" s="40"/>
      <c r="M5139" s="40"/>
      <c r="N5139" s="40"/>
    </row>
    <row r="5140" spans="4:14" x14ac:dyDescent="0.25">
      <c r="D5140" s="40">
        <v>85.529913000003774</v>
      </c>
      <c r="E5140" s="40">
        <v>20.5068728265346</v>
      </c>
      <c r="F5140" s="40">
        <v>85.516666999999984</v>
      </c>
      <c r="G5140" s="40">
        <v>19.969647556692728</v>
      </c>
      <c r="H5140" s="40">
        <v>85.516667000000012</v>
      </c>
      <c r="I5140" s="40">
        <v>16.527214208580268</v>
      </c>
      <c r="J5140" s="40">
        <v>85.516635833334007</v>
      </c>
      <c r="K5140" s="40">
        <v>12.751681778381251</v>
      </c>
      <c r="L5140" s="40"/>
      <c r="M5140" s="40"/>
      <c r="N5140" s="40"/>
    </row>
    <row r="5141" spans="4:14" x14ac:dyDescent="0.25">
      <c r="D5141" s="40">
        <v>85.546579000003774</v>
      </c>
      <c r="E5141" s="40">
        <v>20.5068728265346</v>
      </c>
      <c r="F5141" s="40">
        <v>85.533332999999999</v>
      </c>
      <c r="G5141" s="40">
        <v>19.969647556692728</v>
      </c>
      <c r="H5141" s="40">
        <v>85.533333999999996</v>
      </c>
      <c r="I5141" s="40">
        <v>16.520607346180075</v>
      </c>
      <c r="J5141" s="40">
        <v>85.5333024940483</v>
      </c>
      <c r="K5141" s="40">
        <v>12.756532822090357</v>
      </c>
      <c r="L5141" s="40"/>
      <c r="M5141" s="40"/>
      <c r="N5141" s="40"/>
    </row>
    <row r="5142" spans="4:14" x14ac:dyDescent="0.25">
      <c r="D5142" s="40">
        <v>85.563245000003775</v>
      </c>
      <c r="E5142" s="40">
        <v>20.511573558694899</v>
      </c>
      <c r="F5142" s="40">
        <v>85.549999999999983</v>
      </c>
      <c r="G5142" s="40">
        <v>19.974402800782819</v>
      </c>
      <c r="H5142" s="40">
        <v>85.550000000000011</v>
      </c>
      <c r="I5142" s="40">
        <v>16.527214208580268</v>
      </c>
      <c r="J5142" s="40">
        <v>85.549969154762493</v>
      </c>
      <c r="K5142" s="40">
        <v>12.756532822090357</v>
      </c>
      <c r="L5142" s="40"/>
      <c r="M5142" s="40"/>
      <c r="N5142" s="40"/>
    </row>
    <row r="5143" spans="4:14" x14ac:dyDescent="0.25">
      <c r="D5143" s="40">
        <v>85.579911000003776</v>
      </c>
      <c r="E5143" s="40">
        <v>20.511573558694899</v>
      </c>
      <c r="F5143" s="40">
        <v>85.566666999999995</v>
      </c>
      <c r="G5143" s="40">
        <v>19.974402800782819</v>
      </c>
      <c r="H5143" s="40">
        <v>85.566666999999995</v>
      </c>
      <c r="I5143" s="40">
        <v>16.537173807123548</v>
      </c>
      <c r="J5143" s="40">
        <v>85.566635815476801</v>
      </c>
      <c r="K5143" s="40">
        <v>12.756532822090357</v>
      </c>
      <c r="L5143" s="40"/>
      <c r="M5143" s="40"/>
      <c r="N5143" s="40"/>
    </row>
    <row r="5144" spans="4:14" x14ac:dyDescent="0.25">
      <c r="D5144" s="40">
        <v>85.596577000003776</v>
      </c>
      <c r="E5144" s="40">
        <v>20.511573558694899</v>
      </c>
      <c r="F5144" s="40">
        <v>85.583332999999982</v>
      </c>
      <c r="G5144" s="40">
        <v>19.974402800782819</v>
      </c>
      <c r="H5144" s="40">
        <v>85.583334000000008</v>
      </c>
      <c r="I5144" s="40">
        <v>16.543879279410234</v>
      </c>
      <c r="J5144" s="40">
        <v>85.583302476191093</v>
      </c>
      <c r="K5144" s="40">
        <v>12.756532822090357</v>
      </c>
      <c r="L5144" s="40"/>
      <c r="M5144" s="40"/>
      <c r="N5144" s="40"/>
    </row>
    <row r="5145" spans="4:14" x14ac:dyDescent="0.25">
      <c r="D5145" s="40">
        <v>85.613243000003777</v>
      </c>
      <c r="E5145" s="40">
        <v>20.516416737284445</v>
      </c>
      <c r="F5145" s="40">
        <v>85.6</v>
      </c>
      <c r="G5145" s="40">
        <v>19.974402800782819</v>
      </c>
      <c r="H5145" s="40">
        <v>85.6</v>
      </c>
      <c r="I5145" s="40">
        <v>16.547133405666997</v>
      </c>
      <c r="J5145" s="40">
        <v>85.599969136905401</v>
      </c>
      <c r="K5145" s="40">
        <v>12.756532822090357</v>
      </c>
      <c r="L5145" s="40"/>
      <c r="M5145" s="40"/>
      <c r="N5145" s="40"/>
    </row>
    <row r="5146" spans="4:14" x14ac:dyDescent="0.25">
      <c r="D5146" s="40">
        <v>85.629909000003778</v>
      </c>
      <c r="E5146" s="40">
        <v>20.516416737284445</v>
      </c>
      <c r="F5146" s="40">
        <v>85.616667000000007</v>
      </c>
      <c r="G5146" s="40">
        <v>19.979158044873042</v>
      </c>
      <c r="H5146" s="40">
        <v>85.616667000000007</v>
      </c>
      <c r="I5146" s="40">
        <v>16.553838877953513</v>
      </c>
      <c r="J5146" s="40">
        <v>85.616635797619693</v>
      </c>
      <c r="K5146" s="40">
        <v>12.756532822090357</v>
      </c>
      <c r="L5146" s="40"/>
      <c r="M5146" s="40"/>
      <c r="N5146" s="40"/>
    </row>
    <row r="5147" spans="4:14" x14ac:dyDescent="0.25">
      <c r="D5147" s="40">
        <v>85.646575000003779</v>
      </c>
      <c r="E5147" s="40">
        <v>20.516416737284445</v>
      </c>
      <c r="F5147" s="40">
        <v>85.633332999999993</v>
      </c>
      <c r="G5147" s="40">
        <v>19.979158044873042</v>
      </c>
      <c r="H5147" s="40">
        <v>85.633334000000019</v>
      </c>
      <c r="I5147" s="40">
        <v>16.557093004210277</v>
      </c>
      <c r="J5147" s="40">
        <v>85.633302458334001</v>
      </c>
      <c r="K5147" s="40">
        <v>12.756532822090357</v>
      </c>
      <c r="L5147" s="40"/>
      <c r="M5147" s="40"/>
      <c r="N5147" s="40"/>
    </row>
    <row r="5148" spans="4:14" x14ac:dyDescent="0.25">
      <c r="D5148" s="40">
        <v>85.663241000003779</v>
      </c>
      <c r="E5148" s="40">
        <v>20.516416737284445</v>
      </c>
      <c r="F5148" s="40">
        <v>85.65</v>
      </c>
      <c r="G5148" s="40">
        <v>19.979158044873042</v>
      </c>
      <c r="H5148" s="40">
        <v>85.65</v>
      </c>
      <c r="I5148" s="40">
        <v>16.560445740353536</v>
      </c>
      <c r="J5148" s="40">
        <v>85.649969119048293</v>
      </c>
      <c r="K5148" s="40">
        <v>12.756532822090357</v>
      </c>
      <c r="L5148" s="40"/>
      <c r="M5148" s="40"/>
      <c r="N5148" s="40"/>
    </row>
    <row r="5149" spans="4:14" x14ac:dyDescent="0.25">
      <c r="D5149" s="40">
        <v>85.67990700000378</v>
      </c>
      <c r="E5149" s="40">
        <v>20.516416737284445</v>
      </c>
      <c r="F5149" s="40">
        <v>85.66666699999999</v>
      </c>
      <c r="G5149" s="40">
        <v>19.983773428842941</v>
      </c>
      <c r="H5149" s="40">
        <v>85.666667000000018</v>
      </c>
      <c r="I5149" s="40">
        <v>16.563798476496967</v>
      </c>
      <c r="J5149" s="40">
        <v>85.666635779762601</v>
      </c>
      <c r="K5149" s="40">
        <v>12.756532822090357</v>
      </c>
      <c r="L5149" s="40"/>
      <c r="M5149" s="40"/>
      <c r="N5149" s="40"/>
    </row>
    <row r="5150" spans="4:14" x14ac:dyDescent="0.25">
      <c r="D5150" s="40">
        <v>85.696573000003781</v>
      </c>
      <c r="E5150" s="40">
        <v>20.516416737284445</v>
      </c>
      <c r="F5150" s="40">
        <v>85.683333000000005</v>
      </c>
      <c r="G5150" s="40">
        <v>19.983773428842941</v>
      </c>
      <c r="H5150" s="40">
        <v>85.683334000000002</v>
      </c>
      <c r="I5150" s="40">
        <v>16.56705260275373</v>
      </c>
      <c r="J5150" s="40">
        <v>85.683302440476794</v>
      </c>
      <c r="K5150" s="40">
        <v>12.756532822090357</v>
      </c>
      <c r="L5150" s="40"/>
      <c r="M5150" s="40"/>
      <c r="N5150" s="40"/>
    </row>
    <row r="5151" spans="4:14" x14ac:dyDescent="0.25">
      <c r="D5151" s="40">
        <v>85.713239000003782</v>
      </c>
      <c r="E5151" s="40">
        <v>20.516416737284445</v>
      </c>
      <c r="F5151" s="40">
        <v>85.699999999999989</v>
      </c>
      <c r="G5151" s="40">
        <v>19.988528672933164</v>
      </c>
      <c r="H5151" s="40">
        <v>85.700000000000017</v>
      </c>
      <c r="I5151" s="40">
        <v>16.570405338896986</v>
      </c>
      <c r="J5151" s="40">
        <v>85.699969101191101</v>
      </c>
      <c r="K5151" s="40">
        <v>12.756532822090357</v>
      </c>
      <c r="L5151" s="40"/>
      <c r="M5151" s="40"/>
      <c r="N5151" s="40"/>
    </row>
    <row r="5152" spans="4:14" x14ac:dyDescent="0.25">
      <c r="D5152" s="40">
        <v>85.729905000003782</v>
      </c>
      <c r="E5152" s="40">
        <v>20.516416737284445</v>
      </c>
      <c r="F5152" s="40">
        <v>85.716667000000001</v>
      </c>
      <c r="G5152" s="40">
        <v>19.988528672933164</v>
      </c>
      <c r="H5152" s="40">
        <v>85.716667000000001</v>
      </c>
      <c r="I5152" s="40">
        <v>16.573758075040246</v>
      </c>
      <c r="J5152" s="40">
        <v>85.716635761905394</v>
      </c>
      <c r="K5152" s="40">
        <v>12.751681778381251</v>
      </c>
      <c r="L5152" s="40"/>
      <c r="M5152" s="40"/>
      <c r="N5152" s="40"/>
    </row>
    <row r="5153" spans="4:14" x14ac:dyDescent="0.25">
      <c r="D5153" s="40">
        <v>85.746571000003783</v>
      </c>
      <c r="E5153" s="40">
        <v>20.516416737284445</v>
      </c>
      <c r="F5153" s="40">
        <v>85.733332999999988</v>
      </c>
      <c r="G5153" s="40">
        <v>19.988528672933164</v>
      </c>
      <c r="H5153" s="40">
        <v>85.733334000000013</v>
      </c>
      <c r="I5153" s="40">
        <v>16.577012201297006</v>
      </c>
      <c r="J5153" s="40">
        <v>85.733302422619701</v>
      </c>
      <c r="K5153" s="40">
        <v>12.751681778381251</v>
      </c>
      <c r="L5153" s="40"/>
      <c r="M5153" s="40"/>
      <c r="N5153" s="40"/>
    </row>
    <row r="5154" spans="4:14" x14ac:dyDescent="0.25">
      <c r="D5154" s="40">
        <v>85.763237000003784</v>
      </c>
      <c r="E5154" s="40">
        <v>20.516416737284445</v>
      </c>
      <c r="F5154" s="40">
        <v>85.75</v>
      </c>
      <c r="G5154" s="40">
        <v>19.993283917023255</v>
      </c>
      <c r="H5154" s="40">
        <v>85.75</v>
      </c>
      <c r="I5154" s="40">
        <v>16.580364937440439</v>
      </c>
      <c r="J5154" s="40">
        <v>85.749969083333994</v>
      </c>
      <c r="K5154" s="40">
        <v>12.751681778381251</v>
      </c>
      <c r="L5154" s="40"/>
      <c r="M5154" s="40"/>
      <c r="N5154" s="40"/>
    </row>
    <row r="5155" spans="4:14" x14ac:dyDescent="0.25">
      <c r="D5155" s="40">
        <v>85.779903000003785</v>
      </c>
      <c r="E5155" s="40">
        <v>20.516416737284445</v>
      </c>
      <c r="F5155" s="40">
        <v>85.766666999999984</v>
      </c>
      <c r="G5155" s="40">
        <v>19.993283917023255</v>
      </c>
      <c r="H5155" s="40">
        <v>85.766667000000012</v>
      </c>
      <c r="I5155" s="40">
        <v>16.580364937440439</v>
      </c>
      <c r="J5155" s="40">
        <v>85.766635744048301</v>
      </c>
      <c r="K5155" s="40">
        <v>12.751681778381251</v>
      </c>
      <c r="L5155" s="40"/>
      <c r="M5155" s="40"/>
      <c r="N5155" s="40"/>
    </row>
    <row r="5156" spans="4:14" x14ac:dyDescent="0.25">
      <c r="D5156" s="40">
        <v>85.796569000003785</v>
      </c>
      <c r="E5156" s="40">
        <v>20.516416737284445</v>
      </c>
      <c r="F5156" s="40">
        <v>85.783332999999999</v>
      </c>
      <c r="G5156" s="40">
        <v>19.993283917023255</v>
      </c>
      <c r="H5156" s="40">
        <v>85.783333999999996</v>
      </c>
      <c r="I5156" s="40">
        <v>16.583717673583696</v>
      </c>
      <c r="J5156" s="40">
        <v>85.783302404762495</v>
      </c>
      <c r="K5156" s="40">
        <v>12.751681778381251</v>
      </c>
      <c r="L5156" s="40"/>
      <c r="M5156" s="40"/>
      <c r="N5156" s="40"/>
    </row>
    <row r="5157" spans="4:14" x14ac:dyDescent="0.25">
      <c r="D5157" s="40">
        <v>85.813235000003786</v>
      </c>
      <c r="E5157" s="40">
        <v>20.511573558694899</v>
      </c>
      <c r="F5157" s="40">
        <v>85.799999999999983</v>
      </c>
      <c r="G5157" s="40">
        <v>19.997899300993158</v>
      </c>
      <c r="H5157" s="40">
        <v>85.800000000000011</v>
      </c>
      <c r="I5157" s="40">
        <v>16.586971799840459</v>
      </c>
      <c r="J5157" s="40">
        <v>85.799969065476802</v>
      </c>
      <c r="K5157" s="40">
        <v>12.751681778381251</v>
      </c>
      <c r="L5157" s="40"/>
      <c r="M5157" s="40"/>
      <c r="N5157" s="40"/>
    </row>
    <row r="5158" spans="4:14" x14ac:dyDescent="0.25">
      <c r="D5158" s="40">
        <v>85.829901000003787</v>
      </c>
      <c r="E5158" s="40">
        <v>20.511573558694899</v>
      </c>
      <c r="F5158" s="40">
        <v>85.816666999999995</v>
      </c>
      <c r="G5158" s="40">
        <v>19.997899300993158</v>
      </c>
      <c r="H5158" s="40">
        <v>85.816666999999995</v>
      </c>
      <c r="I5158" s="40">
        <v>16.590324535983715</v>
      </c>
      <c r="J5158" s="40">
        <v>85.816635726191095</v>
      </c>
      <c r="K5158" s="40">
        <v>12.751681778381251</v>
      </c>
      <c r="L5158" s="40"/>
      <c r="M5158" s="40"/>
      <c r="N5158" s="40"/>
    </row>
    <row r="5159" spans="4:14" x14ac:dyDescent="0.25">
      <c r="D5159" s="40">
        <v>85.846567000003787</v>
      </c>
      <c r="E5159" s="40">
        <v>20.511573558694899</v>
      </c>
      <c r="F5159" s="40">
        <v>85.833332999999982</v>
      </c>
      <c r="G5159" s="40">
        <v>19.997899300993158</v>
      </c>
      <c r="H5159" s="40">
        <v>85.833334000000008</v>
      </c>
      <c r="I5159" s="40">
        <v>16.590324535983715</v>
      </c>
      <c r="J5159" s="40">
        <v>85.833302386905402</v>
      </c>
      <c r="K5159" s="40">
        <v>12.751681778381251</v>
      </c>
      <c r="L5159" s="40"/>
      <c r="M5159" s="40"/>
      <c r="N5159" s="40"/>
    </row>
    <row r="5160" spans="4:14" x14ac:dyDescent="0.25">
      <c r="D5160" s="40">
        <v>85.863233000003788</v>
      </c>
      <c r="E5160" s="40">
        <v>20.5068728265346</v>
      </c>
      <c r="F5160" s="40">
        <v>85.85</v>
      </c>
      <c r="G5160" s="40">
        <v>19.997899300993158</v>
      </c>
      <c r="H5160" s="40">
        <v>85.85</v>
      </c>
      <c r="I5160" s="40">
        <v>16.593677272126975</v>
      </c>
      <c r="J5160" s="40">
        <v>85.849969047619695</v>
      </c>
      <c r="K5160" s="40">
        <v>12.756532822090357</v>
      </c>
      <c r="L5160" s="40"/>
      <c r="M5160" s="40"/>
      <c r="N5160" s="40"/>
    </row>
    <row r="5161" spans="4:14" x14ac:dyDescent="0.25">
      <c r="D5161" s="40">
        <v>85.879899000003789</v>
      </c>
      <c r="E5161" s="40">
        <v>20.5068728265346</v>
      </c>
      <c r="F5161" s="40">
        <v>85.866667000000007</v>
      </c>
      <c r="G5161" s="40">
        <v>19.997899300993158</v>
      </c>
      <c r="H5161" s="40">
        <v>85.866667000000007</v>
      </c>
      <c r="I5161" s="40">
        <v>16.596931398383738</v>
      </c>
      <c r="J5161" s="40">
        <v>85.866635708334002</v>
      </c>
      <c r="K5161" s="40">
        <v>12.756532822090357</v>
      </c>
      <c r="L5161" s="40"/>
      <c r="M5161" s="40"/>
      <c r="N5161" s="40"/>
    </row>
    <row r="5162" spans="4:14" x14ac:dyDescent="0.25">
      <c r="D5162" s="40">
        <v>85.89656500000379</v>
      </c>
      <c r="E5162" s="40">
        <v>20.5068728265346</v>
      </c>
      <c r="F5162" s="60">
        <v>85.883332999999993</v>
      </c>
      <c r="G5162" s="60">
        <v>20.002654545083377</v>
      </c>
      <c r="H5162" s="40">
        <v>85.883334000000019</v>
      </c>
      <c r="I5162" s="40">
        <v>16.600284134527172</v>
      </c>
      <c r="J5162" s="40">
        <v>85.883302369048295</v>
      </c>
      <c r="K5162" s="40">
        <v>12.756532822090357</v>
      </c>
      <c r="L5162" s="60"/>
      <c r="M5162" s="60"/>
      <c r="N5162" s="60"/>
    </row>
    <row r="5163" spans="4:14" x14ac:dyDescent="0.25">
      <c r="D5163" s="40">
        <v>85.91323100000379</v>
      </c>
      <c r="E5163" s="40">
        <v>20.502029647945051</v>
      </c>
      <c r="F5163" s="40">
        <v>85.9</v>
      </c>
      <c r="G5163" s="40">
        <v>20.002654545083377</v>
      </c>
      <c r="H5163" s="40">
        <v>85.9</v>
      </c>
      <c r="I5163" s="40">
        <v>16.600284134527172</v>
      </c>
      <c r="J5163" s="40">
        <v>85.899969029762602</v>
      </c>
      <c r="K5163" s="40">
        <v>12.761241188043416</v>
      </c>
      <c r="L5163" s="40"/>
      <c r="M5163" s="40"/>
      <c r="N5163" s="40"/>
    </row>
    <row r="5164" spans="4:14" x14ac:dyDescent="0.25">
      <c r="D5164" s="40">
        <v>85.929897000003791</v>
      </c>
      <c r="E5164" s="40">
        <v>20.502029647945051</v>
      </c>
      <c r="F5164" s="40">
        <v>85.91666699999999</v>
      </c>
      <c r="G5164" s="40">
        <v>20.002654545083377</v>
      </c>
      <c r="H5164" s="40">
        <v>85.916667000000018</v>
      </c>
      <c r="I5164" s="40">
        <v>16.603636870670424</v>
      </c>
      <c r="J5164" s="40">
        <v>85.916635690476795</v>
      </c>
      <c r="K5164" s="40">
        <v>12.761241188043416</v>
      </c>
      <c r="L5164" s="40"/>
      <c r="M5164" s="40"/>
      <c r="N5164" s="40"/>
    </row>
    <row r="5165" spans="4:14" x14ac:dyDescent="0.25">
      <c r="D5165" s="40">
        <v>85.946563000003792</v>
      </c>
      <c r="E5165" s="40">
        <v>20.502029647945051</v>
      </c>
      <c r="F5165" s="40">
        <v>85.933333000000005</v>
      </c>
      <c r="G5165" s="40">
        <v>20.007409789173469</v>
      </c>
      <c r="H5165" s="40">
        <v>85.933334000000002</v>
      </c>
      <c r="I5165" s="40">
        <v>16.606890996927188</v>
      </c>
      <c r="J5165" s="40">
        <v>85.933302351191102</v>
      </c>
      <c r="K5165" s="40">
        <v>12.761241188043416</v>
      </c>
      <c r="L5165" s="40"/>
      <c r="M5165" s="40"/>
      <c r="N5165" s="40"/>
    </row>
    <row r="5166" spans="4:14" x14ac:dyDescent="0.25">
      <c r="D5166" s="40">
        <v>85.963229000003793</v>
      </c>
      <c r="E5166" s="40">
        <v>20.497186469355501</v>
      </c>
      <c r="F5166" s="40">
        <v>85.949999999999989</v>
      </c>
      <c r="G5166" s="40">
        <v>20.007409789173469</v>
      </c>
      <c r="H5166" s="40">
        <v>85.950000000000017</v>
      </c>
      <c r="I5166" s="40">
        <v>16.606890996927188</v>
      </c>
      <c r="J5166" s="40">
        <v>85.949969011905395</v>
      </c>
      <c r="K5166" s="40">
        <v>12.761241188043416</v>
      </c>
      <c r="L5166" s="40"/>
      <c r="M5166" s="40"/>
      <c r="N5166" s="40"/>
    </row>
    <row r="5167" spans="4:14" x14ac:dyDescent="0.25">
      <c r="D5167" s="40">
        <v>85.979895000003793</v>
      </c>
      <c r="E5167" s="40">
        <v>20.497186469355501</v>
      </c>
      <c r="F5167" s="40">
        <v>85.966667000000001</v>
      </c>
      <c r="G5167" s="40">
        <v>20.007409789173469</v>
      </c>
      <c r="H5167" s="40">
        <v>85.966667000000001</v>
      </c>
      <c r="I5167" s="40">
        <v>16.610243733070448</v>
      </c>
      <c r="J5167" s="40">
        <v>85.966635672619702</v>
      </c>
      <c r="K5167" s="40">
        <v>12.761241188043416</v>
      </c>
      <c r="L5167" s="40"/>
      <c r="M5167" s="40"/>
      <c r="N5167" s="40"/>
    </row>
    <row r="5168" spans="4:14" x14ac:dyDescent="0.25">
      <c r="D5168" s="40">
        <v>85.996561000003794</v>
      </c>
      <c r="E5168" s="40">
        <v>20.492485737195079</v>
      </c>
      <c r="F5168" s="40">
        <v>85.983332999999988</v>
      </c>
      <c r="G5168" s="40">
        <v>20.012025173143371</v>
      </c>
      <c r="H5168" s="40">
        <v>85.983334000000013</v>
      </c>
      <c r="I5168" s="40">
        <v>16.610243733070448</v>
      </c>
      <c r="J5168" s="40">
        <v>85.983302333333995</v>
      </c>
      <c r="K5168" s="40">
        <v>12.761241188043416</v>
      </c>
      <c r="L5168" s="40"/>
      <c r="M5168" s="40"/>
      <c r="N5168" s="40"/>
    </row>
    <row r="5169" spans="4:14" x14ac:dyDescent="0.25">
      <c r="D5169" s="40">
        <v>86.013227000003795</v>
      </c>
      <c r="E5169" s="40">
        <v>20.492485737195079</v>
      </c>
      <c r="F5169" s="40">
        <v>86</v>
      </c>
      <c r="G5169" s="40">
        <v>20.012025173143371</v>
      </c>
      <c r="H5169" s="40">
        <v>86</v>
      </c>
      <c r="I5169" s="40">
        <v>16.613596469213881</v>
      </c>
      <c r="J5169" s="40">
        <v>85.999968994048302</v>
      </c>
      <c r="K5169" s="40">
        <v>12.761241188043416</v>
      </c>
      <c r="L5169" s="40"/>
      <c r="M5169" s="40"/>
      <c r="N5169" s="40"/>
    </row>
    <row r="5170" spans="4:14" x14ac:dyDescent="0.25">
      <c r="D5170" s="40">
        <v>86.029893000003796</v>
      </c>
      <c r="E5170" s="40">
        <v>20.492485737195079</v>
      </c>
      <c r="F5170" s="40">
        <v>86.016666999999984</v>
      </c>
      <c r="G5170" s="40">
        <v>20.012025173143371</v>
      </c>
      <c r="H5170" s="40">
        <v>86.016667000000012</v>
      </c>
      <c r="I5170" s="40">
        <v>16.616850595470467</v>
      </c>
      <c r="J5170" s="40">
        <v>86.016635654762496</v>
      </c>
      <c r="K5170" s="40">
        <v>12.761241188043416</v>
      </c>
      <c r="L5170" s="40"/>
      <c r="M5170" s="40"/>
      <c r="N5170" s="40"/>
    </row>
    <row r="5171" spans="4:14" x14ac:dyDescent="0.25">
      <c r="D5171" s="40">
        <v>86.046559000003796</v>
      </c>
      <c r="E5171" s="40">
        <v>20.497186469355501</v>
      </c>
      <c r="F5171" s="40">
        <v>86.033332999999999</v>
      </c>
      <c r="G5171" s="40">
        <v>20.016780417233591</v>
      </c>
      <c r="H5171" s="40">
        <v>86.033333999999996</v>
      </c>
      <c r="I5171" s="40">
        <v>16.616850595470467</v>
      </c>
      <c r="J5171" s="40">
        <v>86.033302315476803</v>
      </c>
      <c r="K5171" s="40">
        <v>12.766092231752648</v>
      </c>
      <c r="L5171" s="40"/>
      <c r="M5171" s="40"/>
      <c r="N5171" s="40"/>
    </row>
    <row r="5172" spans="4:14" x14ac:dyDescent="0.25">
      <c r="D5172" s="40">
        <v>86.063225000003797</v>
      </c>
      <c r="E5172" s="40">
        <v>20.497186469355501</v>
      </c>
      <c r="F5172" s="40">
        <v>86.049999999999983</v>
      </c>
      <c r="G5172" s="40">
        <v>20.016780417233591</v>
      </c>
      <c r="H5172" s="40">
        <v>86.050000000000011</v>
      </c>
      <c r="I5172" s="40">
        <v>16.620203331613901</v>
      </c>
      <c r="J5172" s="40">
        <v>86.049968976191096</v>
      </c>
      <c r="K5172" s="40">
        <v>12.766092231752648</v>
      </c>
      <c r="L5172" s="40"/>
      <c r="M5172" s="40"/>
      <c r="N5172" s="40"/>
    </row>
    <row r="5173" spans="4:14" x14ac:dyDescent="0.25">
      <c r="D5173" s="40">
        <v>86.079891000003798</v>
      </c>
      <c r="E5173" s="40">
        <v>20.497186469355501</v>
      </c>
      <c r="F5173" s="40">
        <v>86.066666999999995</v>
      </c>
      <c r="G5173" s="40">
        <v>20.016780417233591</v>
      </c>
      <c r="H5173" s="40">
        <v>86.066666999999995</v>
      </c>
      <c r="I5173" s="40">
        <v>16.620203331613901</v>
      </c>
      <c r="J5173" s="40">
        <v>86.066635636905403</v>
      </c>
      <c r="K5173" s="40">
        <v>12.766092231752648</v>
      </c>
      <c r="L5173" s="40"/>
      <c r="M5173" s="40"/>
      <c r="N5173" s="40"/>
    </row>
    <row r="5174" spans="4:14" x14ac:dyDescent="0.25">
      <c r="D5174" s="40">
        <v>86.096557000003799</v>
      </c>
      <c r="E5174" s="40">
        <v>20.497186469355501</v>
      </c>
      <c r="F5174" s="40">
        <v>86.083332999999982</v>
      </c>
      <c r="G5174" s="40">
        <v>20.021535661323686</v>
      </c>
      <c r="H5174" s="40">
        <v>86.083334000000008</v>
      </c>
      <c r="I5174" s="40">
        <v>16.623556067757153</v>
      </c>
      <c r="J5174" s="40">
        <v>86.083302297619696</v>
      </c>
      <c r="K5174" s="40">
        <v>12.766092231752648</v>
      </c>
      <c r="L5174" s="40"/>
      <c r="M5174" s="40"/>
      <c r="N5174" s="40"/>
    </row>
    <row r="5175" spans="4:14" x14ac:dyDescent="0.25">
      <c r="D5175" s="40">
        <v>86.113223000003799</v>
      </c>
      <c r="E5175" s="40">
        <v>20.502029647945051</v>
      </c>
      <c r="F5175" s="40">
        <v>86.1</v>
      </c>
      <c r="G5175" s="40">
        <v>20.021535661323686</v>
      </c>
      <c r="H5175" s="40">
        <v>86.1</v>
      </c>
      <c r="I5175" s="40">
        <v>16.623556067757153</v>
      </c>
      <c r="J5175" s="40">
        <v>86.099968958334003</v>
      </c>
      <c r="K5175" s="40">
        <v>12.766092231752648</v>
      </c>
      <c r="L5175" s="40"/>
      <c r="M5175" s="40"/>
      <c r="N5175" s="40"/>
    </row>
    <row r="5176" spans="4:14" x14ac:dyDescent="0.25">
      <c r="D5176" s="40">
        <v>86.1298890000038</v>
      </c>
      <c r="E5176" s="40">
        <v>20.502029647945051</v>
      </c>
      <c r="F5176" s="40">
        <v>86.116667000000007</v>
      </c>
      <c r="G5176" s="40">
        <v>20.026151045293588</v>
      </c>
      <c r="H5176" s="40">
        <v>86.116667000000007</v>
      </c>
      <c r="I5176" s="40">
        <v>16.626908803900413</v>
      </c>
      <c r="J5176" s="40">
        <v>86.116635619048296</v>
      </c>
      <c r="K5176" s="40">
        <v>12.766092231752648</v>
      </c>
      <c r="L5176" s="40"/>
      <c r="M5176" s="40"/>
      <c r="N5176" s="40"/>
    </row>
    <row r="5177" spans="4:14" x14ac:dyDescent="0.25">
      <c r="D5177" s="40">
        <v>86.146555000003801</v>
      </c>
      <c r="E5177" s="40">
        <v>20.5068728265346</v>
      </c>
      <c r="F5177" s="40">
        <v>86.133332999999993</v>
      </c>
      <c r="G5177" s="40">
        <v>20.026151045293588</v>
      </c>
      <c r="H5177" s="40">
        <v>86.133334000000019</v>
      </c>
      <c r="I5177" s="40">
        <v>16.626908803900413</v>
      </c>
      <c r="J5177" s="40">
        <v>86.133302279762603</v>
      </c>
      <c r="K5177" s="40">
        <v>12.766092231752648</v>
      </c>
      <c r="L5177" s="40"/>
      <c r="M5177" s="40"/>
      <c r="N5177" s="40"/>
    </row>
    <row r="5178" spans="4:14" x14ac:dyDescent="0.25">
      <c r="D5178" s="40">
        <v>86.163221000003801</v>
      </c>
      <c r="E5178" s="40">
        <v>20.5068728265346</v>
      </c>
      <c r="F5178" s="40">
        <v>86.15</v>
      </c>
      <c r="G5178" s="40">
        <v>20.026151045293588</v>
      </c>
      <c r="H5178" s="40">
        <v>86.15</v>
      </c>
      <c r="I5178" s="40">
        <v>16.630162930157177</v>
      </c>
      <c r="J5178" s="40">
        <v>86.149968940476796</v>
      </c>
      <c r="K5178" s="40">
        <v>12.770943275461754</v>
      </c>
      <c r="L5178" s="40"/>
      <c r="M5178" s="40"/>
      <c r="N5178" s="40"/>
    </row>
    <row r="5179" spans="4:14" x14ac:dyDescent="0.25">
      <c r="D5179" s="40">
        <v>86.179887000003802</v>
      </c>
      <c r="E5179" s="40">
        <v>20.511573558694899</v>
      </c>
      <c r="F5179" s="40">
        <v>86.16666699999999</v>
      </c>
      <c r="G5179" s="40">
        <v>20.030906289383807</v>
      </c>
      <c r="H5179" s="40">
        <v>86.166667000000018</v>
      </c>
      <c r="I5179" s="40">
        <v>16.630162930157177</v>
      </c>
      <c r="J5179" s="40">
        <v>86.166635601191103</v>
      </c>
      <c r="K5179" s="40">
        <v>12.770943275461754</v>
      </c>
      <c r="L5179" s="40"/>
      <c r="M5179" s="40"/>
      <c r="N5179" s="40"/>
    </row>
    <row r="5180" spans="4:14" x14ac:dyDescent="0.25">
      <c r="D5180" s="40">
        <v>86.196553000003803</v>
      </c>
      <c r="E5180" s="40">
        <v>20.511573558694899</v>
      </c>
      <c r="F5180" s="40">
        <v>86.183333000000005</v>
      </c>
      <c r="G5180" s="40">
        <v>20.030906289383807</v>
      </c>
      <c r="H5180" s="40">
        <v>86.183334000000002</v>
      </c>
      <c r="I5180" s="40">
        <v>16.63351566630061</v>
      </c>
      <c r="J5180" s="40">
        <v>86.183302261905396</v>
      </c>
      <c r="K5180" s="40">
        <v>12.770943275461754</v>
      </c>
      <c r="L5180" s="40"/>
      <c r="M5180" s="40"/>
      <c r="N5180" s="40"/>
    </row>
    <row r="5181" spans="4:14" x14ac:dyDescent="0.25">
      <c r="D5181" s="40">
        <v>86.213219000003804</v>
      </c>
      <c r="E5181" s="40">
        <v>20.516416737284445</v>
      </c>
      <c r="F5181" s="40">
        <v>86.199999999999989</v>
      </c>
      <c r="G5181" s="40">
        <v>20.030906289383807</v>
      </c>
      <c r="H5181" s="40">
        <v>86.200000000000017</v>
      </c>
      <c r="I5181" s="40">
        <v>16.63351566630061</v>
      </c>
      <c r="J5181" s="40">
        <v>86.199968922619703</v>
      </c>
      <c r="K5181" s="40">
        <v>12.770943275461754</v>
      </c>
      <c r="L5181" s="40"/>
      <c r="M5181" s="40"/>
      <c r="N5181" s="40"/>
    </row>
    <row r="5182" spans="4:14" x14ac:dyDescent="0.25">
      <c r="D5182" s="40">
        <v>86.229885000003804</v>
      </c>
      <c r="E5182" s="40">
        <v>20.521259915873994</v>
      </c>
      <c r="F5182" s="40">
        <v>86.216667000000001</v>
      </c>
      <c r="G5182" s="40">
        <v>20.035661533474027</v>
      </c>
      <c r="H5182" s="40">
        <v>86.216667000000001</v>
      </c>
      <c r="I5182" s="40">
        <v>16.636868402443866</v>
      </c>
      <c r="J5182" s="40">
        <v>86.216635583333996</v>
      </c>
      <c r="K5182" s="40">
        <v>12.770943275461754</v>
      </c>
      <c r="L5182" s="40"/>
      <c r="M5182" s="40"/>
      <c r="N5182" s="40"/>
    </row>
    <row r="5183" spans="4:14" x14ac:dyDescent="0.25">
      <c r="D5183" s="40">
        <v>86.246551000003805</v>
      </c>
      <c r="E5183" s="40">
        <v>20.525960648034292</v>
      </c>
      <c r="F5183" s="40">
        <v>86.233332999999988</v>
      </c>
      <c r="G5183" s="40">
        <v>20.035661533474027</v>
      </c>
      <c r="H5183" s="40">
        <v>86.233334000000013</v>
      </c>
      <c r="I5183" s="40">
        <v>16.636868402443866</v>
      </c>
      <c r="J5183" s="40">
        <v>86.233302244048303</v>
      </c>
      <c r="K5183" s="40">
        <v>12.770943275461754</v>
      </c>
      <c r="L5183" s="40"/>
      <c r="M5183" s="40"/>
      <c r="N5183" s="40"/>
    </row>
    <row r="5184" spans="4:14" x14ac:dyDescent="0.25">
      <c r="D5184" s="40">
        <v>86.263217000003806</v>
      </c>
      <c r="E5184" s="40">
        <v>20.530803826623842</v>
      </c>
      <c r="F5184" s="40">
        <v>86.25</v>
      </c>
      <c r="G5184" s="40">
        <v>20.040276917443801</v>
      </c>
      <c r="H5184" s="40">
        <v>86.25</v>
      </c>
      <c r="I5184" s="40">
        <v>16.64012252870063</v>
      </c>
      <c r="J5184" s="40">
        <v>86.249968904762497</v>
      </c>
      <c r="K5184" s="40">
        <v>12.770943275461754</v>
      </c>
      <c r="L5184" s="40"/>
      <c r="M5184" s="40"/>
      <c r="N5184" s="40"/>
    </row>
    <row r="5185" spans="4:14" x14ac:dyDescent="0.25">
      <c r="D5185" s="40">
        <v>86.279883000003807</v>
      </c>
      <c r="E5185" s="40">
        <v>20.535647005213388</v>
      </c>
      <c r="F5185" s="40">
        <v>86.266666999999984</v>
      </c>
      <c r="G5185" s="40">
        <v>20.040276917443801</v>
      </c>
      <c r="H5185" s="40">
        <v>86.266667000000012</v>
      </c>
      <c r="I5185" s="40">
        <v>16.64012252870063</v>
      </c>
      <c r="J5185" s="40">
        <v>86.266635565476804</v>
      </c>
      <c r="K5185" s="40">
        <v>12.770943275461754</v>
      </c>
      <c r="L5185" s="40"/>
      <c r="M5185" s="40"/>
      <c r="N5185" s="40"/>
    </row>
    <row r="5186" spans="4:14" x14ac:dyDescent="0.25">
      <c r="D5186" s="40">
        <v>86.296549000003807</v>
      </c>
      <c r="E5186" s="40">
        <v>20.540347737373814</v>
      </c>
      <c r="F5186" s="40">
        <v>86.283332999999999</v>
      </c>
      <c r="G5186" s="40">
        <v>20.040276917443801</v>
      </c>
      <c r="H5186" s="40">
        <v>86.283333999999996</v>
      </c>
      <c r="I5186" s="40">
        <v>16.643475264843886</v>
      </c>
      <c r="J5186" s="40">
        <v>86.283302226191097</v>
      </c>
      <c r="K5186" s="40">
        <v>12.766092231752648</v>
      </c>
      <c r="L5186" s="40"/>
      <c r="M5186" s="40"/>
      <c r="N5186" s="40"/>
    </row>
    <row r="5187" spans="4:14" x14ac:dyDescent="0.25">
      <c r="D5187" s="40">
        <v>86.313215000003808</v>
      </c>
      <c r="E5187" s="40">
        <v>20.545190915963236</v>
      </c>
      <c r="F5187" s="40">
        <v>86.299999999999983</v>
      </c>
      <c r="G5187" s="40">
        <v>20.045032161534021</v>
      </c>
      <c r="H5187" s="40">
        <v>86.300000000000011</v>
      </c>
      <c r="I5187" s="40">
        <v>16.643475264843886</v>
      </c>
      <c r="J5187" s="40">
        <v>86.299968886905404</v>
      </c>
      <c r="K5187" s="40">
        <v>12.766092231752648</v>
      </c>
      <c r="L5187" s="40"/>
      <c r="M5187" s="40"/>
      <c r="N5187" s="40"/>
    </row>
    <row r="5188" spans="4:14" x14ac:dyDescent="0.25">
      <c r="D5188" s="40">
        <v>86.329881000003809</v>
      </c>
      <c r="E5188" s="40">
        <v>20.545190915963236</v>
      </c>
      <c r="F5188" s="40">
        <v>86.316666999999995</v>
      </c>
      <c r="G5188" s="40">
        <v>20.045032161534021</v>
      </c>
      <c r="H5188" s="40">
        <v>86.316666999999995</v>
      </c>
      <c r="I5188" s="40">
        <v>16.643475264843886</v>
      </c>
      <c r="J5188" s="40">
        <v>86.316635547619697</v>
      </c>
      <c r="K5188" s="40">
        <v>12.766092231752648</v>
      </c>
      <c r="L5188" s="40"/>
      <c r="M5188" s="40"/>
      <c r="N5188" s="40"/>
    </row>
    <row r="5189" spans="4:14" x14ac:dyDescent="0.25">
      <c r="D5189" s="40">
        <v>86.34654700000381</v>
      </c>
      <c r="E5189" s="40">
        <v>20.550034094552789</v>
      </c>
      <c r="F5189" s="40">
        <v>86.333332999999982</v>
      </c>
      <c r="G5189" s="40">
        <v>20.045032161534021</v>
      </c>
      <c r="H5189" s="40">
        <v>86.333334000000008</v>
      </c>
      <c r="I5189" s="40">
        <v>16.64012252870063</v>
      </c>
      <c r="J5189" s="40">
        <v>86.333302208334004</v>
      </c>
      <c r="K5189" s="40">
        <v>12.770943275461754</v>
      </c>
      <c r="L5189" s="40"/>
      <c r="M5189" s="40"/>
      <c r="N5189" s="40"/>
    </row>
    <row r="5190" spans="4:14" x14ac:dyDescent="0.25">
      <c r="D5190" s="40">
        <v>86.36321300000381</v>
      </c>
      <c r="E5190" s="40">
        <v>20.550034094552789</v>
      </c>
      <c r="F5190" s="40">
        <v>86.35</v>
      </c>
      <c r="G5190" s="40">
        <v>20.04978740562424</v>
      </c>
      <c r="H5190" s="40">
        <v>86.35</v>
      </c>
      <c r="I5190" s="40">
        <v>16.64012252870063</v>
      </c>
      <c r="J5190" s="40">
        <v>86.349968869048297</v>
      </c>
      <c r="K5190" s="40">
        <v>12.770943275461754</v>
      </c>
      <c r="L5190" s="40"/>
      <c r="M5190" s="40"/>
      <c r="N5190" s="40"/>
    </row>
    <row r="5191" spans="4:14" x14ac:dyDescent="0.25">
      <c r="D5191" s="40">
        <v>86.379879000003811</v>
      </c>
      <c r="E5191" s="40">
        <v>20.550034094552789</v>
      </c>
      <c r="F5191" s="40">
        <v>86.366667000000007</v>
      </c>
      <c r="G5191" s="40">
        <v>20.04978740562424</v>
      </c>
      <c r="H5191" s="40">
        <v>86.366667000000007</v>
      </c>
      <c r="I5191" s="40">
        <v>16.64012252870063</v>
      </c>
      <c r="J5191" s="40">
        <v>86.366635529762604</v>
      </c>
      <c r="K5191" s="40">
        <v>12.770943275461754</v>
      </c>
      <c r="L5191" s="40"/>
      <c r="M5191" s="40"/>
      <c r="N5191" s="40"/>
    </row>
    <row r="5192" spans="4:14" x14ac:dyDescent="0.25">
      <c r="D5192" s="40">
        <v>86.396545000003812</v>
      </c>
      <c r="E5192" s="40">
        <v>20.554734826713212</v>
      </c>
      <c r="F5192" s="40">
        <v>86.383332999999993</v>
      </c>
      <c r="G5192" s="40">
        <v>20.04978740562424</v>
      </c>
      <c r="H5192" s="40">
        <v>86.383334000000019</v>
      </c>
      <c r="I5192" s="40">
        <v>16.643475264843886</v>
      </c>
      <c r="J5192" s="40">
        <v>86.383302190476797</v>
      </c>
      <c r="K5192" s="40">
        <v>12.770943275461754</v>
      </c>
      <c r="L5192" s="40"/>
      <c r="M5192" s="40"/>
      <c r="N5192" s="40"/>
    </row>
    <row r="5193" spans="4:14" x14ac:dyDescent="0.25">
      <c r="D5193" s="40">
        <v>86.413211000003813</v>
      </c>
      <c r="E5193" s="40">
        <v>20.554734826713212</v>
      </c>
      <c r="F5193" s="40">
        <v>86.4</v>
      </c>
      <c r="G5193" s="40">
        <v>20.04978740562424</v>
      </c>
      <c r="H5193" s="40">
        <v>86.4</v>
      </c>
      <c r="I5193" s="40">
        <v>16.650082127243905</v>
      </c>
      <c r="J5193" s="40">
        <v>86.399968851191105</v>
      </c>
      <c r="K5193" s="40">
        <v>12.770943275461754</v>
      </c>
      <c r="L5193" s="40"/>
      <c r="M5193" s="40"/>
      <c r="N5193" s="40"/>
    </row>
    <row r="5194" spans="4:14" x14ac:dyDescent="0.25">
      <c r="D5194" s="40">
        <v>86.429877000003813</v>
      </c>
      <c r="E5194" s="40">
        <v>20.559578005302633</v>
      </c>
      <c r="F5194" s="40">
        <v>86.41666699999999</v>
      </c>
      <c r="G5194" s="40">
        <v>20.054402789594015</v>
      </c>
      <c r="H5194" s="40">
        <v>86.416667000000018</v>
      </c>
      <c r="I5194" s="40">
        <v>16.643475264843886</v>
      </c>
      <c r="J5194" s="40">
        <v>86.416635511905397</v>
      </c>
      <c r="K5194" s="40">
        <v>12.770943275461754</v>
      </c>
      <c r="L5194" s="40"/>
      <c r="M5194" s="40"/>
      <c r="N5194" s="40"/>
    </row>
    <row r="5195" spans="4:14" x14ac:dyDescent="0.25">
      <c r="D5195" s="40">
        <v>86.446543000003814</v>
      </c>
      <c r="E5195" s="40">
        <v>20.559578005302633</v>
      </c>
      <c r="F5195" s="40">
        <v>86.433333000000005</v>
      </c>
      <c r="G5195" s="40">
        <v>20.054402789594015</v>
      </c>
      <c r="H5195" s="40">
        <v>86.433334000000002</v>
      </c>
      <c r="I5195" s="40">
        <v>16.636868402443866</v>
      </c>
      <c r="J5195" s="40">
        <v>86.433302172619705</v>
      </c>
      <c r="K5195" s="40">
        <v>12.770943275461754</v>
      </c>
      <c r="L5195" s="40"/>
      <c r="M5195" s="40"/>
      <c r="N5195" s="40"/>
    </row>
    <row r="5196" spans="4:14" x14ac:dyDescent="0.25">
      <c r="D5196" s="40">
        <v>86.463209000003815</v>
      </c>
      <c r="E5196" s="40">
        <v>20.559578005302633</v>
      </c>
      <c r="F5196" s="40">
        <v>86.449999999999989</v>
      </c>
      <c r="G5196" s="40">
        <v>20.054402789594015</v>
      </c>
      <c r="H5196" s="40">
        <v>86.450000000000017</v>
      </c>
      <c r="I5196" s="40">
        <v>16.636868402443866</v>
      </c>
      <c r="J5196" s="40">
        <v>86.449968833333998</v>
      </c>
      <c r="K5196" s="40">
        <v>12.770943275461754</v>
      </c>
      <c r="L5196" s="40"/>
      <c r="M5196" s="40"/>
      <c r="N5196" s="40"/>
    </row>
    <row r="5197" spans="4:14" x14ac:dyDescent="0.25">
      <c r="D5197" s="40">
        <v>86.479875000003815</v>
      </c>
      <c r="E5197" s="40">
        <v>20.554734826713212</v>
      </c>
      <c r="F5197" s="40">
        <v>86.466667000000001</v>
      </c>
      <c r="G5197" s="40">
        <v>20.054402789594015</v>
      </c>
      <c r="H5197" s="40">
        <v>86.466667000000001</v>
      </c>
      <c r="I5197" s="40">
        <v>16.63351566630061</v>
      </c>
      <c r="J5197" s="40">
        <v>86.466635494048305</v>
      </c>
      <c r="K5197" s="40">
        <v>12.775651641414814</v>
      </c>
      <c r="L5197" s="40"/>
      <c r="M5197" s="40"/>
      <c r="N5197" s="40"/>
    </row>
    <row r="5198" spans="4:14" x14ac:dyDescent="0.25">
      <c r="D5198" s="40">
        <v>86.496541000003816</v>
      </c>
      <c r="E5198" s="40">
        <v>20.554734826713212</v>
      </c>
      <c r="F5198" s="40">
        <v>86.483332999999988</v>
      </c>
      <c r="G5198" s="40">
        <v>20.054402789594015</v>
      </c>
      <c r="H5198" s="40">
        <v>86.483334000000013</v>
      </c>
      <c r="I5198" s="40">
        <v>16.63351566630061</v>
      </c>
      <c r="J5198" s="40">
        <v>86.483302154762498</v>
      </c>
      <c r="K5198" s="40">
        <v>12.775651641414814</v>
      </c>
      <c r="L5198" s="40"/>
      <c r="M5198" s="40"/>
      <c r="N5198" s="40"/>
    </row>
    <row r="5199" spans="4:14" x14ac:dyDescent="0.25">
      <c r="D5199" s="40">
        <v>86.513207000003817</v>
      </c>
      <c r="E5199" s="40">
        <v>20.554734826713212</v>
      </c>
      <c r="F5199" s="40">
        <v>86.5</v>
      </c>
      <c r="G5199" s="40">
        <v>20.054402789594015</v>
      </c>
      <c r="H5199" s="40">
        <v>86.5</v>
      </c>
      <c r="I5199" s="40">
        <v>16.63351566630061</v>
      </c>
      <c r="J5199" s="40">
        <v>86.499968815476805</v>
      </c>
      <c r="K5199" s="40">
        <v>12.775651641414814</v>
      </c>
      <c r="L5199" s="40"/>
      <c r="M5199" s="40"/>
      <c r="N5199" s="40"/>
    </row>
    <row r="5200" spans="4:14" x14ac:dyDescent="0.25">
      <c r="D5200" s="40">
        <v>86.529873000003818</v>
      </c>
      <c r="E5200" s="40">
        <v>20.554734826713212</v>
      </c>
      <c r="F5200" s="40">
        <v>86.516666999999984</v>
      </c>
      <c r="G5200" s="40">
        <v>20.059158033684234</v>
      </c>
      <c r="H5200" s="40">
        <v>86.516667000000012</v>
      </c>
      <c r="I5200" s="40">
        <v>16.636868402443866</v>
      </c>
      <c r="J5200" s="40">
        <v>86.516635476191098</v>
      </c>
      <c r="K5200" s="40">
        <v>12.780502685124047</v>
      </c>
      <c r="L5200" s="40"/>
      <c r="M5200" s="40"/>
      <c r="N5200" s="40"/>
    </row>
    <row r="5201" spans="4:14" x14ac:dyDescent="0.25">
      <c r="D5201" s="40">
        <v>86.546539000003818</v>
      </c>
      <c r="E5201" s="40">
        <v>20.554734826713212</v>
      </c>
      <c r="F5201" s="40">
        <v>86.533332999999999</v>
      </c>
      <c r="G5201" s="40">
        <v>20.059158033684234</v>
      </c>
      <c r="H5201" s="40">
        <v>86.533333999999996</v>
      </c>
      <c r="I5201" s="40">
        <v>16.636868402443866</v>
      </c>
      <c r="J5201" s="40">
        <v>86.533302136905405</v>
      </c>
      <c r="K5201" s="40">
        <v>12.780502685124047</v>
      </c>
      <c r="L5201" s="40"/>
      <c r="M5201" s="40"/>
      <c r="N5201" s="40"/>
    </row>
    <row r="5202" spans="4:14" x14ac:dyDescent="0.25">
      <c r="D5202" s="40">
        <v>86.563205000003819</v>
      </c>
      <c r="E5202" s="40">
        <v>20.550034094552789</v>
      </c>
      <c r="F5202" s="40">
        <v>86.549999999999983</v>
      </c>
      <c r="G5202" s="40">
        <v>20.059158033684234</v>
      </c>
      <c r="H5202" s="40">
        <v>86.550000000000011</v>
      </c>
      <c r="I5202" s="40">
        <v>16.64012252870063</v>
      </c>
      <c r="J5202" s="40">
        <v>86.549968797619698</v>
      </c>
      <c r="K5202" s="40">
        <v>12.780502685124047</v>
      </c>
      <c r="L5202" s="40"/>
      <c r="M5202" s="40"/>
      <c r="N5202" s="40"/>
    </row>
    <row r="5203" spans="4:14" x14ac:dyDescent="0.25">
      <c r="D5203" s="40">
        <v>86.57987100000382</v>
      </c>
      <c r="E5203" s="40">
        <v>20.550034094552789</v>
      </c>
      <c r="F5203" s="40">
        <v>86.566666999999995</v>
      </c>
      <c r="G5203" s="40">
        <v>20.059158033684234</v>
      </c>
      <c r="H5203" s="40">
        <v>86.566666999999995</v>
      </c>
      <c r="I5203" s="40">
        <v>16.64012252870063</v>
      </c>
      <c r="J5203" s="40">
        <v>86.566635458334005</v>
      </c>
      <c r="K5203" s="40">
        <v>12.780502685124047</v>
      </c>
      <c r="L5203" s="40"/>
      <c r="M5203" s="40"/>
      <c r="N5203" s="40"/>
    </row>
    <row r="5204" spans="4:14" x14ac:dyDescent="0.25">
      <c r="D5204" s="40">
        <v>86.596537000003821</v>
      </c>
      <c r="E5204" s="40">
        <v>20.545190915963236</v>
      </c>
      <c r="F5204" s="40">
        <v>86.583332999999982</v>
      </c>
      <c r="G5204" s="40">
        <v>20.063913277774454</v>
      </c>
      <c r="H5204" s="40">
        <v>86.583334000000008</v>
      </c>
      <c r="I5204" s="40">
        <v>16.643475264843886</v>
      </c>
      <c r="J5204" s="40">
        <v>86.583302119048298</v>
      </c>
      <c r="K5204" s="40">
        <v>12.780502685124047</v>
      </c>
      <c r="L5204" s="40"/>
      <c r="M5204" s="40"/>
      <c r="N5204" s="40"/>
    </row>
    <row r="5205" spans="4:14" x14ac:dyDescent="0.25">
      <c r="D5205" s="40">
        <v>86.613203000003821</v>
      </c>
      <c r="E5205" s="40">
        <v>20.545190915963236</v>
      </c>
      <c r="F5205" s="40">
        <v>86.6</v>
      </c>
      <c r="G5205" s="40">
        <v>20.063913277774454</v>
      </c>
      <c r="H5205" s="40">
        <v>86.6</v>
      </c>
      <c r="I5205" s="40">
        <v>16.64682800098732</v>
      </c>
      <c r="J5205" s="40">
        <v>86.599968779762605</v>
      </c>
      <c r="K5205" s="40">
        <v>12.780502685124047</v>
      </c>
      <c r="L5205" s="40"/>
      <c r="M5205" s="40"/>
      <c r="N5205" s="40"/>
    </row>
    <row r="5206" spans="4:14" x14ac:dyDescent="0.25">
      <c r="D5206" s="40">
        <v>86.629869000003822</v>
      </c>
      <c r="E5206" s="40">
        <v>20.540347737373814</v>
      </c>
      <c r="F5206" s="40">
        <v>86.616667000000007</v>
      </c>
      <c r="G5206" s="40">
        <v>20.063913277774454</v>
      </c>
      <c r="H5206" s="40">
        <v>86.616667000000007</v>
      </c>
      <c r="I5206" s="40">
        <v>16.650082127243905</v>
      </c>
      <c r="J5206" s="40">
        <v>86.616635440476799</v>
      </c>
      <c r="K5206" s="40">
        <v>12.780502685124047</v>
      </c>
      <c r="L5206" s="40"/>
      <c r="M5206" s="40"/>
      <c r="N5206" s="40"/>
    </row>
    <row r="5207" spans="4:14" x14ac:dyDescent="0.25">
      <c r="D5207" s="40">
        <v>86.646535000003823</v>
      </c>
      <c r="E5207" s="40">
        <v>20.540347737373814</v>
      </c>
      <c r="F5207" s="40">
        <v>86.633332999999993</v>
      </c>
      <c r="G5207" s="40">
        <v>20.068528661744352</v>
      </c>
      <c r="H5207" s="40">
        <v>86.633334000000019</v>
      </c>
      <c r="I5207" s="40">
        <v>16.650082127243905</v>
      </c>
      <c r="J5207" s="40">
        <v>86.633302101191106</v>
      </c>
      <c r="K5207" s="40">
        <v>12.780502685124047</v>
      </c>
      <c r="L5207" s="40"/>
      <c r="M5207" s="40"/>
      <c r="N5207" s="40"/>
    </row>
    <row r="5208" spans="4:14" x14ac:dyDescent="0.25">
      <c r="D5208" s="40">
        <v>86.663201000003824</v>
      </c>
      <c r="E5208" s="40">
        <v>20.535647005213388</v>
      </c>
      <c r="F5208" s="40">
        <v>86.65</v>
      </c>
      <c r="G5208" s="40">
        <v>20.068528661744352</v>
      </c>
      <c r="H5208" s="40">
        <v>86.65</v>
      </c>
      <c r="I5208" s="40">
        <v>16.653434863387339</v>
      </c>
      <c r="J5208" s="40">
        <v>86.649968761905399</v>
      </c>
      <c r="K5208" s="40">
        <v>12.780502685124047</v>
      </c>
      <c r="L5208" s="40"/>
      <c r="M5208" s="40"/>
      <c r="N5208" s="40"/>
    </row>
    <row r="5209" spans="4:14" x14ac:dyDescent="0.25">
      <c r="D5209" s="40">
        <v>86.679867000003824</v>
      </c>
      <c r="E5209" s="40">
        <v>20.535647005213388</v>
      </c>
      <c r="F5209" s="40">
        <v>86.66666699999999</v>
      </c>
      <c r="G5209" s="40">
        <v>20.068528661744352</v>
      </c>
      <c r="H5209" s="40">
        <v>86.666667000000018</v>
      </c>
      <c r="I5209" s="40">
        <v>16.656787599530599</v>
      </c>
      <c r="J5209" s="40">
        <v>86.666635422619706</v>
      </c>
      <c r="K5209" s="40">
        <v>12.780502685124047</v>
      </c>
      <c r="L5209" s="40"/>
      <c r="M5209" s="40"/>
      <c r="N5209" s="40"/>
    </row>
    <row r="5210" spans="4:14" x14ac:dyDescent="0.25">
      <c r="D5210" s="40">
        <v>86.696533000003825</v>
      </c>
      <c r="E5210" s="40">
        <v>20.530803826623842</v>
      </c>
      <c r="F5210" s="40">
        <v>86.683333000000005</v>
      </c>
      <c r="G5210" s="40">
        <v>20.073283905834451</v>
      </c>
      <c r="H5210" s="40">
        <v>86.683334000000002</v>
      </c>
      <c r="I5210" s="40">
        <v>16.660041725787362</v>
      </c>
      <c r="J5210" s="40">
        <v>86.683302083333999</v>
      </c>
      <c r="K5210" s="40">
        <v>12.780502685124047</v>
      </c>
      <c r="L5210" s="40"/>
      <c r="M5210" s="40"/>
      <c r="N5210" s="40"/>
    </row>
    <row r="5211" spans="4:14" x14ac:dyDescent="0.25">
      <c r="D5211" s="40">
        <v>86.713199000003826</v>
      </c>
      <c r="E5211" s="40">
        <v>20.530803826623842</v>
      </c>
      <c r="F5211" s="40">
        <v>86.699999999999989</v>
      </c>
      <c r="G5211" s="40">
        <v>20.073283905834451</v>
      </c>
      <c r="H5211" s="40">
        <v>86.700000000000017</v>
      </c>
      <c r="I5211" s="40">
        <v>16.660041725787362</v>
      </c>
      <c r="J5211" s="40">
        <v>86.699968744048306</v>
      </c>
      <c r="K5211" s="40">
        <v>12.780502685124047</v>
      </c>
      <c r="L5211" s="40"/>
      <c r="M5211" s="40"/>
      <c r="N5211" s="40"/>
    </row>
    <row r="5212" spans="4:14" x14ac:dyDescent="0.25">
      <c r="D5212" s="40">
        <v>86.729865000003826</v>
      </c>
      <c r="E5212" s="40">
        <v>20.530803826623842</v>
      </c>
      <c r="F5212" s="40">
        <v>86.716667000000001</v>
      </c>
      <c r="G5212" s="40">
        <v>20.073283905834451</v>
      </c>
      <c r="H5212" s="40">
        <v>86.716667000000001</v>
      </c>
      <c r="I5212" s="40">
        <v>16.663394461930618</v>
      </c>
      <c r="J5212" s="40">
        <v>86.716635404762599</v>
      </c>
      <c r="K5212" s="40">
        <v>12.785353728833151</v>
      </c>
      <c r="L5212" s="40"/>
      <c r="M5212" s="40"/>
      <c r="N5212" s="40"/>
    </row>
    <row r="5213" spans="4:14" x14ac:dyDescent="0.25">
      <c r="D5213" s="40">
        <v>86.746531000003827</v>
      </c>
      <c r="E5213" s="40">
        <v>20.525960648034292</v>
      </c>
      <c r="F5213" s="40">
        <v>86.733332999999988</v>
      </c>
      <c r="G5213" s="40">
        <v>20.073283905834451</v>
      </c>
      <c r="H5213" s="40">
        <v>86.733334000000013</v>
      </c>
      <c r="I5213" s="40">
        <v>16.670001324330812</v>
      </c>
      <c r="J5213" s="40">
        <v>86.733302065476806</v>
      </c>
      <c r="K5213" s="40">
        <v>12.785353728833151</v>
      </c>
      <c r="L5213" s="40"/>
      <c r="M5213" s="40"/>
      <c r="N5213" s="40"/>
    </row>
    <row r="5214" spans="4:14" x14ac:dyDescent="0.25">
      <c r="D5214" s="40">
        <v>86.763197000003828</v>
      </c>
      <c r="E5214" s="40">
        <v>20.525960648034292</v>
      </c>
      <c r="F5214" s="40">
        <v>86.75</v>
      </c>
      <c r="G5214" s="40">
        <v>20.07803914992467</v>
      </c>
      <c r="H5214" s="40">
        <v>86.75</v>
      </c>
      <c r="I5214" s="40">
        <v>16.676706796617328</v>
      </c>
      <c r="J5214" s="40">
        <v>86.749968726191099</v>
      </c>
      <c r="K5214" s="40">
        <v>12.785353728833151</v>
      </c>
      <c r="L5214" s="40"/>
      <c r="M5214" s="40"/>
      <c r="N5214" s="40"/>
    </row>
    <row r="5215" spans="4:14" x14ac:dyDescent="0.25">
      <c r="D5215" s="40">
        <v>86.779863000003829</v>
      </c>
      <c r="E5215" s="40">
        <v>20.525960648034292</v>
      </c>
      <c r="F5215" s="40">
        <v>86.766666999999984</v>
      </c>
      <c r="G5215" s="40">
        <v>20.07803914992467</v>
      </c>
      <c r="H5215" s="40">
        <v>86.766667000000012</v>
      </c>
      <c r="I5215" s="40">
        <v>16.679960922874091</v>
      </c>
      <c r="J5215" s="40">
        <v>86.766635386905406</v>
      </c>
      <c r="K5215" s="40">
        <v>12.785353728833151</v>
      </c>
      <c r="L5215" s="40"/>
      <c r="M5215" s="40"/>
      <c r="N5215" s="40"/>
    </row>
    <row r="5216" spans="4:14" x14ac:dyDescent="0.25">
      <c r="D5216" s="40">
        <v>86.796529000003829</v>
      </c>
      <c r="E5216" s="40">
        <v>20.525960648034292</v>
      </c>
      <c r="F5216" s="40">
        <v>86.783332999999999</v>
      </c>
      <c r="G5216" s="40">
        <v>20.07803914992467</v>
      </c>
      <c r="H5216" s="40">
        <v>86.783333999999996</v>
      </c>
      <c r="I5216" s="40">
        <v>16.683313659017347</v>
      </c>
      <c r="J5216" s="40">
        <v>86.783302047619699</v>
      </c>
      <c r="K5216" s="40">
        <v>12.785353728833151</v>
      </c>
      <c r="L5216" s="40"/>
      <c r="M5216" s="40"/>
      <c r="N5216" s="40"/>
    </row>
    <row r="5217" spans="4:14" x14ac:dyDescent="0.25">
      <c r="D5217" s="40">
        <v>86.81319500000383</v>
      </c>
      <c r="E5217" s="40">
        <v>20.525960648034292</v>
      </c>
      <c r="F5217" s="40">
        <v>86.799999999999983</v>
      </c>
      <c r="G5217" s="40">
        <v>20.07803914992467</v>
      </c>
      <c r="H5217" s="40">
        <v>86.800000000000011</v>
      </c>
      <c r="I5217" s="40">
        <v>16.686666395160778</v>
      </c>
      <c r="J5217" s="40">
        <v>86.799968708334006</v>
      </c>
      <c r="K5217" s="40">
        <v>12.780502685124047</v>
      </c>
      <c r="L5217" s="40"/>
      <c r="M5217" s="40"/>
      <c r="N5217" s="40"/>
    </row>
    <row r="5218" spans="4:14" x14ac:dyDescent="0.25">
      <c r="D5218" s="40">
        <v>86.829861000003831</v>
      </c>
      <c r="E5218" s="40">
        <v>20.525960648034292</v>
      </c>
      <c r="F5218" s="40">
        <v>86.816666999999995</v>
      </c>
      <c r="G5218" s="40">
        <v>20.07803914992467</v>
      </c>
      <c r="H5218" s="40">
        <v>86.816666999999995</v>
      </c>
      <c r="I5218" s="40">
        <v>16.683313659017347</v>
      </c>
      <c r="J5218" s="40">
        <v>86.816635369048299</v>
      </c>
      <c r="K5218" s="40">
        <v>12.780502685124047</v>
      </c>
      <c r="L5218" s="40"/>
      <c r="M5218" s="40"/>
      <c r="N5218" s="40"/>
    </row>
    <row r="5219" spans="4:14" x14ac:dyDescent="0.25">
      <c r="D5219" s="40">
        <v>86.846527000003832</v>
      </c>
      <c r="E5219" s="40">
        <v>20.521259915873994</v>
      </c>
      <c r="F5219" s="40">
        <v>86.833332999999982</v>
      </c>
      <c r="G5219" s="40">
        <v>20.082654533894569</v>
      </c>
      <c r="H5219" s="40">
        <v>86.833334000000008</v>
      </c>
      <c r="I5219" s="40">
        <v>16.693273257560801</v>
      </c>
      <c r="J5219" s="40">
        <v>86.833302029762606</v>
      </c>
      <c r="K5219" s="40">
        <v>12.780502685124047</v>
      </c>
      <c r="L5219" s="40"/>
      <c r="M5219" s="40"/>
      <c r="N5219" s="40"/>
    </row>
    <row r="5220" spans="4:14" x14ac:dyDescent="0.25">
      <c r="D5220" s="40">
        <v>86.863193000003832</v>
      </c>
      <c r="E5220" s="40">
        <v>20.521259915873994</v>
      </c>
      <c r="F5220" s="40">
        <v>86.85</v>
      </c>
      <c r="G5220" s="40">
        <v>20.082654533894569</v>
      </c>
      <c r="H5220" s="40">
        <v>86.85</v>
      </c>
      <c r="I5220" s="40">
        <v>16.70323285610425</v>
      </c>
      <c r="J5220" s="40">
        <v>86.8499686904768</v>
      </c>
      <c r="K5220" s="40">
        <v>12.780502685124047</v>
      </c>
      <c r="L5220" s="40"/>
      <c r="M5220" s="40"/>
      <c r="N5220" s="40"/>
    </row>
    <row r="5221" spans="4:14" x14ac:dyDescent="0.25">
      <c r="D5221" s="40">
        <v>86.879859000003833</v>
      </c>
      <c r="E5221" s="40">
        <v>20.521259915873994</v>
      </c>
      <c r="F5221" s="40">
        <v>86.866667000000007</v>
      </c>
      <c r="G5221" s="40">
        <v>20.082654533894569</v>
      </c>
      <c r="H5221" s="40">
        <v>86.866667000000007</v>
      </c>
      <c r="I5221" s="40">
        <v>16.70983971850427</v>
      </c>
      <c r="J5221" s="40">
        <v>86.866635351191107</v>
      </c>
      <c r="K5221" s="40">
        <v>12.780502685124047</v>
      </c>
      <c r="L5221" s="40"/>
      <c r="M5221" s="40"/>
      <c r="N5221" s="40"/>
    </row>
    <row r="5222" spans="4:14" x14ac:dyDescent="0.25">
      <c r="D5222" s="40">
        <v>86.896525000003834</v>
      </c>
      <c r="E5222" s="40">
        <v>20.521259915873994</v>
      </c>
      <c r="F5222" s="40">
        <v>86.883332999999993</v>
      </c>
      <c r="G5222" s="40">
        <v>20.087409777984664</v>
      </c>
      <c r="H5222" s="40">
        <v>86.883334000000019</v>
      </c>
      <c r="I5222" s="40">
        <v>16.71319245464753</v>
      </c>
      <c r="J5222" s="40">
        <v>86.8833020119054</v>
      </c>
      <c r="K5222" s="40">
        <v>12.780502685124047</v>
      </c>
      <c r="L5222" s="40"/>
      <c r="M5222" s="40"/>
      <c r="N5222" s="40"/>
    </row>
    <row r="5223" spans="4:14" x14ac:dyDescent="0.25">
      <c r="D5223" s="40">
        <v>86.913191000003835</v>
      </c>
      <c r="E5223" s="40">
        <v>20.521259915873994</v>
      </c>
      <c r="F5223" s="40">
        <v>86.9</v>
      </c>
      <c r="G5223" s="40">
        <v>20.087409777984664</v>
      </c>
      <c r="H5223" s="40">
        <v>86.9</v>
      </c>
      <c r="I5223" s="40">
        <v>16.719799317047549</v>
      </c>
      <c r="J5223" s="40">
        <v>86.899968672619707</v>
      </c>
      <c r="K5223" s="40">
        <v>12.780502685124047</v>
      </c>
      <c r="L5223" s="40"/>
      <c r="M5223" s="40"/>
      <c r="N5223" s="40"/>
    </row>
    <row r="5224" spans="4:14" x14ac:dyDescent="0.25">
      <c r="D5224" s="40">
        <v>86.929857000003835</v>
      </c>
      <c r="E5224" s="40">
        <v>20.525960648034292</v>
      </c>
      <c r="F5224" s="40">
        <v>86.91666699999999</v>
      </c>
      <c r="G5224" s="40">
        <v>20.092165022074884</v>
      </c>
      <c r="H5224" s="40">
        <v>86.916667000000018</v>
      </c>
      <c r="I5224" s="40">
        <v>16.723152053190979</v>
      </c>
      <c r="J5224" s="40">
        <v>86.916635333334</v>
      </c>
      <c r="K5224" s="40">
        <v>12.780502685124047</v>
      </c>
      <c r="L5224" s="40"/>
      <c r="M5224" s="40"/>
      <c r="N5224" s="40"/>
    </row>
    <row r="5225" spans="4:14" x14ac:dyDescent="0.25">
      <c r="D5225" s="40">
        <v>86.946523000003836</v>
      </c>
      <c r="E5225" s="40">
        <v>20.525960648034292</v>
      </c>
      <c r="F5225" s="40">
        <v>86.933333000000005</v>
      </c>
      <c r="G5225" s="40">
        <v>20.092165022074884</v>
      </c>
      <c r="H5225" s="40">
        <v>86.933334000000002</v>
      </c>
      <c r="I5225" s="40">
        <v>16.726504789334239</v>
      </c>
      <c r="J5225" s="40">
        <v>86.933301994048307</v>
      </c>
      <c r="K5225" s="40">
        <v>12.780502685124047</v>
      </c>
      <c r="L5225" s="40"/>
      <c r="M5225" s="40"/>
      <c r="N5225" s="40"/>
    </row>
    <row r="5226" spans="4:14" x14ac:dyDescent="0.25">
      <c r="D5226" s="40">
        <v>86.963189000003837</v>
      </c>
      <c r="E5226" s="40">
        <v>20.530803826623842</v>
      </c>
      <c r="F5226" s="40">
        <v>86.949999999999989</v>
      </c>
      <c r="G5226" s="40">
        <v>20.096780406044783</v>
      </c>
      <c r="H5226" s="40">
        <v>86.950000000000017</v>
      </c>
      <c r="I5226" s="40">
        <v>16.729758915591002</v>
      </c>
      <c r="J5226" s="40">
        <v>86.9499686547626</v>
      </c>
      <c r="K5226" s="40">
        <v>12.780502685124047</v>
      </c>
      <c r="L5226" s="40"/>
      <c r="M5226" s="40"/>
      <c r="N5226" s="40"/>
    </row>
    <row r="5227" spans="4:14" x14ac:dyDescent="0.25">
      <c r="D5227" s="40">
        <v>86.979855000003838</v>
      </c>
      <c r="E5227" s="40">
        <v>20.530803826623842</v>
      </c>
      <c r="F5227" s="40">
        <v>86.966667000000001</v>
      </c>
      <c r="G5227" s="40">
        <v>20.096780406044783</v>
      </c>
      <c r="H5227" s="40">
        <v>86.966667000000001</v>
      </c>
      <c r="I5227" s="40">
        <v>16.729758915591002</v>
      </c>
      <c r="J5227" s="40">
        <v>86.966635315476793</v>
      </c>
      <c r="K5227" s="40">
        <v>12.780502685124047</v>
      </c>
      <c r="L5227" s="40"/>
      <c r="M5227" s="40"/>
      <c r="N5227" s="40"/>
    </row>
    <row r="5228" spans="4:14" x14ac:dyDescent="0.25">
      <c r="D5228" s="40">
        <v>86.996521000003838</v>
      </c>
      <c r="E5228" s="40">
        <v>20.530803826623842</v>
      </c>
      <c r="F5228" s="40">
        <v>86.983332999999988</v>
      </c>
      <c r="G5228" s="40">
        <v>20.096780406044783</v>
      </c>
      <c r="H5228" s="40">
        <v>86.983334000000013</v>
      </c>
      <c r="I5228" s="40">
        <v>16.733111651734259</v>
      </c>
      <c r="J5228" s="40">
        <v>86.9833019761911</v>
      </c>
      <c r="K5228" s="40">
        <v>12.780502685124047</v>
      </c>
      <c r="L5228" s="40"/>
      <c r="M5228" s="40"/>
      <c r="N5228" s="40"/>
    </row>
    <row r="5229" spans="4:14" x14ac:dyDescent="0.25">
      <c r="D5229" s="40">
        <v>87.013187000003839</v>
      </c>
      <c r="E5229" s="40">
        <v>20.535647005213388</v>
      </c>
      <c r="F5229" s="40">
        <v>87</v>
      </c>
      <c r="G5229" s="40">
        <v>20.096780406044783</v>
      </c>
      <c r="H5229" s="40">
        <v>87</v>
      </c>
      <c r="I5229" s="40">
        <v>16.736464387877692</v>
      </c>
      <c r="J5229" s="40">
        <v>86.999968636905393</v>
      </c>
      <c r="K5229" s="40">
        <v>12.780502685124047</v>
      </c>
      <c r="L5229" s="40"/>
      <c r="M5229" s="40"/>
      <c r="N5229" s="40"/>
    </row>
    <row r="5230" spans="4:14" x14ac:dyDescent="0.25">
      <c r="D5230" s="40">
        <v>87.02985300000384</v>
      </c>
      <c r="E5230" s="40">
        <v>20.535647005213388</v>
      </c>
      <c r="F5230" s="40">
        <v>87.016666999999984</v>
      </c>
      <c r="G5230" s="40">
        <v>20.101535650134878</v>
      </c>
      <c r="H5230" s="40">
        <v>87.016667000000012</v>
      </c>
      <c r="I5230" s="40">
        <v>16.736464387877692</v>
      </c>
      <c r="J5230" s="40">
        <v>87.0166352976197</v>
      </c>
      <c r="K5230" s="40">
        <v>12.780502685124047</v>
      </c>
      <c r="L5230" s="40"/>
      <c r="M5230" s="40"/>
      <c r="N5230" s="40"/>
    </row>
    <row r="5231" spans="4:14" x14ac:dyDescent="0.25">
      <c r="D5231" s="40">
        <v>87.04651900000384</v>
      </c>
      <c r="E5231" s="40">
        <v>20.535647005213388</v>
      </c>
      <c r="F5231" s="40">
        <v>87.033332999999999</v>
      </c>
      <c r="G5231" s="40">
        <v>20.101535650134878</v>
      </c>
      <c r="H5231" s="40">
        <v>87.033333999999996</v>
      </c>
      <c r="I5231" s="40">
        <v>16.736464387877692</v>
      </c>
      <c r="J5231" s="40">
        <v>87.033301958333993</v>
      </c>
      <c r="K5231" s="40">
        <v>12.780502685124047</v>
      </c>
      <c r="L5231" s="40"/>
      <c r="M5231" s="40"/>
      <c r="N5231" s="40"/>
    </row>
    <row r="5232" spans="4:14" x14ac:dyDescent="0.25">
      <c r="D5232" s="40">
        <v>87.063185000003841</v>
      </c>
      <c r="E5232" s="40">
        <v>20.535647005213388</v>
      </c>
      <c r="F5232" s="40">
        <v>87.049999999999983</v>
      </c>
      <c r="G5232" s="40">
        <v>20.101535650134878</v>
      </c>
      <c r="H5232" s="40">
        <v>87.050000000000011</v>
      </c>
      <c r="I5232" s="40">
        <v>16.739718514134282</v>
      </c>
      <c r="J5232" s="40">
        <v>87.0499686190483</v>
      </c>
      <c r="K5232" s="40">
        <v>12.785353728833151</v>
      </c>
      <c r="L5232" s="40"/>
      <c r="M5232" s="40"/>
      <c r="N5232" s="40"/>
    </row>
    <row r="5233" spans="4:14" x14ac:dyDescent="0.25">
      <c r="D5233" s="40">
        <v>87.079851000003842</v>
      </c>
      <c r="E5233" s="40">
        <v>20.540347737373814</v>
      </c>
      <c r="F5233" s="40">
        <v>87.066666999999995</v>
      </c>
      <c r="G5233" s="40">
        <v>20.101535650134878</v>
      </c>
      <c r="H5233" s="40">
        <v>87.066666999999995</v>
      </c>
      <c r="I5233" s="40">
        <v>16.739718514134282</v>
      </c>
      <c r="J5233" s="40">
        <v>87.066635279762593</v>
      </c>
      <c r="K5233" s="40">
        <v>12.785353728833151</v>
      </c>
      <c r="L5233" s="40"/>
      <c r="M5233" s="40"/>
      <c r="N5233" s="40"/>
    </row>
    <row r="5234" spans="4:14" x14ac:dyDescent="0.25">
      <c r="D5234" s="40">
        <v>87.096517000003843</v>
      </c>
      <c r="E5234" s="40">
        <v>20.540347737373814</v>
      </c>
      <c r="F5234" s="40">
        <v>87.083332999999982</v>
      </c>
      <c r="G5234" s="40">
        <v>20.106290894225097</v>
      </c>
      <c r="H5234" s="40">
        <v>87.083334000000008</v>
      </c>
      <c r="I5234" s="40">
        <v>16.743071250277712</v>
      </c>
      <c r="J5234" s="40">
        <v>87.083301940476801</v>
      </c>
      <c r="K5234" s="40">
        <v>12.790062094786212</v>
      </c>
      <c r="L5234" s="40"/>
      <c r="M5234" s="40"/>
      <c r="N5234" s="40"/>
    </row>
    <row r="5235" spans="4:14" x14ac:dyDescent="0.25">
      <c r="D5235" s="40">
        <v>87.113183000003843</v>
      </c>
      <c r="E5235" s="40">
        <v>20.540347737373814</v>
      </c>
      <c r="F5235" s="40">
        <v>87.1</v>
      </c>
      <c r="G5235" s="40">
        <v>20.106290894225097</v>
      </c>
      <c r="H5235" s="40">
        <v>87.1</v>
      </c>
      <c r="I5235" s="40">
        <v>16.743071250277712</v>
      </c>
      <c r="J5235" s="40">
        <v>87.099968601191094</v>
      </c>
      <c r="K5235" s="40">
        <v>12.790062094786212</v>
      </c>
      <c r="L5235" s="40"/>
      <c r="M5235" s="40"/>
      <c r="N5235" s="40"/>
    </row>
    <row r="5236" spans="4:14" x14ac:dyDescent="0.25">
      <c r="D5236" s="40">
        <v>87.129849000003844</v>
      </c>
      <c r="E5236" s="40">
        <v>20.545190915963236</v>
      </c>
      <c r="F5236" s="40">
        <v>87.116667000000007</v>
      </c>
      <c r="G5236" s="40">
        <v>20.106290894225097</v>
      </c>
      <c r="H5236" s="40">
        <v>87.116667000000007</v>
      </c>
      <c r="I5236" s="40">
        <v>16.746423986420968</v>
      </c>
      <c r="J5236" s="40">
        <v>87.116635261905401</v>
      </c>
      <c r="K5236" s="40">
        <v>12.785353728833151</v>
      </c>
      <c r="L5236" s="40"/>
      <c r="M5236" s="40"/>
      <c r="N5236" s="40"/>
    </row>
    <row r="5237" spans="4:14" x14ac:dyDescent="0.25">
      <c r="D5237" s="40">
        <v>87.146515000003845</v>
      </c>
      <c r="E5237" s="40">
        <v>20.545190915963236</v>
      </c>
      <c r="F5237" s="40">
        <v>87.133332999999993</v>
      </c>
      <c r="G5237" s="40">
        <v>20.106290894225097</v>
      </c>
      <c r="H5237" s="40">
        <v>87.133334000000019</v>
      </c>
      <c r="I5237" s="40">
        <v>16.746423986420968</v>
      </c>
      <c r="J5237" s="40">
        <v>87.133301922619694</v>
      </c>
      <c r="K5237" s="40">
        <v>12.785353728833151</v>
      </c>
      <c r="L5237" s="40"/>
      <c r="M5237" s="40"/>
      <c r="N5237" s="40"/>
    </row>
    <row r="5238" spans="4:14" x14ac:dyDescent="0.25">
      <c r="D5238" s="40">
        <v>87.163181000003846</v>
      </c>
      <c r="E5238" s="40">
        <v>20.550034094552789</v>
      </c>
      <c r="F5238" s="40">
        <v>87.15</v>
      </c>
      <c r="G5238" s="40">
        <v>20.111046138315317</v>
      </c>
      <c r="H5238" s="40">
        <v>87.15</v>
      </c>
      <c r="I5238" s="40">
        <v>16.749678112677731</v>
      </c>
      <c r="J5238" s="40">
        <v>87.149968583334001</v>
      </c>
      <c r="K5238" s="40">
        <v>12.785353728833151</v>
      </c>
      <c r="L5238" s="40"/>
      <c r="M5238" s="40"/>
      <c r="N5238" s="40"/>
    </row>
    <row r="5239" spans="4:14" x14ac:dyDescent="0.25">
      <c r="D5239" s="40">
        <v>87.179847000003846</v>
      </c>
      <c r="E5239" s="40">
        <v>20.550034094552789</v>
      </c>
      <c r="F5239" s="40">
        <v>87.16666699999999</v>
      </c>
      <c r="G5239" s="40">
        <v>20.111046138315317</v>
      </c>
      <c r="H5239" s="40">
        <v>87.166667000000018</v>
      </c>
      <c r="I5239" s="40">
        <v>16.749678112677731</v>
      </c>
      <c r="J5239" s="40">
        <v>87.166635244048294</v>
      </c>
      <c r="K5239" s="40">
        <v>12.785353728833151</v>
      </c>
      <c r="L5239" s="40"/>
      <c r="M5239" s="40"/>
      <c r="N5239" s="40"/>
    </row>
    <row r="5240" spans="4:14" x14ac:dyDescent="0.25">
      <c r="D5240" s="40">
        <v>87.196513000003847</v>
      </c>
      <c r="E5240" s="40">
        <v>20.550034094552789</v>
      </c>
      <c r="F5240" s="40">
        <v>87.183333000000005</v>
      </c>
      <c r="G5240" s="40">
        <v>20.115661522285219</v>
      </c>
      <c r="H5240" s="40">
        <v>87.183334000000002</v>
      </c>
      <c r="I5240" s="40">
        <v>16.753030848820988</v>
      </c>
      <c r="J5240" s="40">
        <v>87.183301904762601</v>
      </c>
      <c r="K5240" s="40">
        <v>12.790062094786212</v>
      </c>
      <c r="L5240" s="40"/>
      <c r="M5240" s="40"/>
      <c r="N5240" s="40"/>
    </row>
    <row r="5241" spans="4:14" x14ac:dyDescent="0.25">
      <c r="D5241" s="40">
        <v>87.213179000003848</v>
      </c>
      <c r="E5241" s="40">
        <v>20.550034094552789</v>
      </c>
      <c r="F5241" s="40">
        <v>87.199999999999989</v>
      </c>
      <c r="G5241" s="40">
        <v>20.115661522285219</v>
      </c>
      <c r="H5241" s="40">
        <v>87.200000000000017</v>
      </c>
      <c r="I5241" s="40">
        <v>16.756383584964421</v>
      </c>
      <c r="J5241" s="40">
        <v>87.199968565476794</v>
      </c>
      <c r="K5241" s="40">
        <v>12.790062094786212</v>
      </c>
      <c r="L5241" s="40"/>
      <c r="M5241" s="40"/>
      <c r="N5241" s="40"/>
    </row>
    <row r="5242" spans="4:14" x14ac:dyDescent="0.25">
      <c r="D5242" s="40">
        <v>87.229845000003849</v>
      </c>
      <c r="E5242" s="40">
        <v>20.554734826713212</v>
      </c>
      <c r="F5242" s="40">
        <v>87.216667000000001</v>
      </c>
      <c r="G5242" s="40">
        <v>20.115661522285219</v>
      </c>
      <c r="H5242" s="40">
        <v>87.216667000000001</v>
      </c>
      <c r="I5242" s="40">
        <v>16.756383584964421</v>
      </c>
      <c r="J5242" s="40">
        <v>87.216635226191102</v>
      </c>
      <c r="K5242" s="40">
        <v>12.790062094786212</v>
      </c>
      <c r="L5242" s="40"/>
      <c r="M5242" s="40"/>
      <c r="N5242" s="40"/>
    </row>
    <row r="5243" spans="4:14" x14ac:dyDescent="0.25">
      <c r="D5243" s="40">
        <v>87.246511000003849</v>
      </c>
      <c r="E5243" s="40">
        <v>20.554734826713212</v>
      </c>
      <c r="F5243" s="40">
        <v>87.233332999999988</v>
      </c>
      <c r="G5243" s="40">
        <v>20.120416766375314</v>
      </c>
      <c r="H5243" s="40">
        <v>87.233334000000013</v>
      </c>
      <c r="I5243" s="40">
        <v>16.759736321107681</v>
      </c>
      <c r="J5243" s="40">
        <v>87.233301886905394</v>
      </c>
      <c r="K5243" s="40">
        <v>12.790062094786212</v>
      </c>
      <c r="L5243" s="40"/>
      <c r="M5243" s="40"/>
      <c r="N5243" s="40"/>
    </row>
    <row r="5244" spans="4:14" x14ac:dyDescent="0.25">
      <c r="D5244" s="40">
        <v>87.26317700000385</v>
      </c>
      <c r="E5244" s="40">
        <v>20.554734826713212</v>
      </c>
      <c r="F5244" s="40">
        <v>87.25</v>
      </c>
      <c r="G5244" s="40">
        <v>20.120416766375314</v>
      </c>
      <c r="H5244" s="40">
        <v>87.25</v>
      </c>
      <c r="I5244" s="40">
        <v>16.762990447364441</v>
      </c>
      <c r="J5244" s="40">
        <v>87.249968547619702</v>
      </c>
      <c r="K5244" s="40">
        <v>12.790062094786212</v>
      </c>
      <c r="L5244" s="40"/>
      <c r="M5244" s="40"/>
      <c r="N5244" s="40"/>
    </row>
    <row r="5245" spans="4:14" x14ac:dyDescent="0.25">
      <c r="D5245" s="40">
        <v>87.279843000003851</v>
      </c>
      <c r="E5245" s="40">
        <v>20.559578005302633</v>
      </c>
      <c r="F5245" s="40">
        <v>87.266666999999984</v>
      </c>
      <c r="G5245" s="40">
        <v>20.12517201046553</v>
      </c>
      <c r="H5245" s="40">
        <v>87.266667000000012</v>
      </c>
      <c r="I5245" s="40">
        <v>16.762990447364441</v>
      </c>
      <c r="J5245" s="40">
        <v>87.266635208333994</v>
      </c>
      <c r="K5245" s="40">
        <v>12.790062094786212</v>
      </c>
      <c r="L5245" s="40"/>
      <c r="M5245" s="40"/>
      <c r="N5245" s="40"/>
    </row>
    <row r="5246" spans="4:14" x14ac:dyDescent="0.25">
      <c r="D5246" s="40">
        <v>87.296509000003851</v>
      </c>
      <c r="E5246" s="40">
        <v>20.559578005302633</v>
      </c>
      <c r="F5246" s="40">
        <v>87.283332999999999</v>
      </c>
      <c r="G5246" s="40">
        <v>20.12517201046553</v>
      </c>
      <c r="H5246" s="40">
        <v>87.283333999999996</v>
      </c>
      <c r="I5246" s="40">
        <v>16.766343183507697</v>
      </c>
      <c r="J5246" s="40">
        <v>87.283301869048302</v>
      </c>
      <c r="K5246" s="40">
        <v>12.790062094786212</v>
      </c>
      <c r="L5246" s="40"/>
      <c r="M5246" s="40"/>
      <c r="N5246" s="40"/>
    </row>
    <row r="5247" spans="4:14" x14ac:dyDescent="0.25">
      <c r="D5247" s="40">
        <v>87.313175000003852</v>
      </c>
      <c r="E5247" s="40">
        <v>20.559578005302633</v>
      </c>
      <c r="F5247" s="40">
        <v>87.299999999999983</v>
      </c>
      <c r="G5247" s="40">
        <v>20.12517201046553</v>
      </c>
      <c r="H5247" s="40">
        <v>87.300000000000011</v>
      </c>
      <c r="I5247" s="40">
        <v>16.766343183507697</v>
      </c>
      <c r="J5247" s="40">
        <v>87.299968529762594</v>
      </c>
      <c r="K5247" s="40">
        <v>12.790062094786212</v>
      </c>
      <c r="L5247" s="40"/>
      <c r="M5247" s="40"/>
      <c r="N5247" s="40"/>
    </row>
    <row r="5248" spans="4:14" x14ac:dyDescent="0.25">
      <c r="D5248" s="40">
        <v>87.329841000003853</v>
      </c>
      <c r="E5248" s="40">
        <v>20.559578005302633</v>
      </c>
      <c r="F5248" s="40">
        <v>87.316666999999995</v>
      </c>
      <c r="G5248" s="40">
        <v>20.12517201046553</v>
      </c>
      <c r="H5248" s="40">
        <v>87.316666999999995</v>
      </c>
      <c r="I5248" s="40">
        <v>16.769695919651131</v>
      </c>
      <c r="J5248" s="40">
        <v>87.316635190476802</v>
      </c>
      <c r="K5248" s="40">
        <v>12.790062094786212</v>
      </c>
      <c r="L5248" s="40"/>
      <c r="M5248" s="40"/>
      <c r="N5248" s="40"/>
    </row>
    <row r="5249" spans="4:14" x14ac:dyDescent="0.25">
      <c r="D5249" s="40">
        <v>87.346507000003854</v>
      </c>
      <c r="E5249" s="40">
        <v>20.559578005302633</v>
      </c>
      <c r="F5249" s="40">
        <v>87.333332999999982</v>
      </c>
      <c r="G5249" s="40">
        <v>20.12517201046553</v>
      </c>
      <c r="H5249" s="40">
        <v>87.333334000000008</v>
      </c>
      <c r="I5249" s="40">
        <v>16.77295004590772</v>
      </c>
      <c r="J5249" s="40">
        <v>87.333301851191095</v>
      </c>
      <c r="K5249" s="40">
        <v>12.790062094786212</v>
      </c>
      <c r="L5249" s="40"/>
      <c r="M5249" s="40"/>
      <c r="N5249" s="40"/>
    </row>
    <row r="5250" spans="4:14" x14ac:dyDescent="0.25">
      <c r="D5250" s="40">
        <v>87.363173000003854</v>
      </c>
      <c r="E5250" s="40">
        <v>20.559578005302633</v>
      </c>
      <c r="F5250" s="40">
        <v>87.35</v>
      </c>
      <c r="G5250" s="40">
        <v>20.12517201046553</v>
      </c>
      <c r="H5250" s="40">
        <v>87.35</v>
      </c>
      <c r="I5250" s="40">
        <v>16.776302782051154</v>
      </c>
      <c r="J5250" s="40">
        <v>87.349968511905402</v>
      </c>
      <c r="K5250" s="40">
        <v>12.790062094786212</v>
      </c>
      <c r="L5250" s="40"/>
      <c r="M5250" s="40"/>
      <c r="N5250" s="40"/>
    </row>
    <row r="5251" spans="4:14" x14ac:dyDescent="0.25">
      <c r="D5251" s="40">
        <v>87.379839000003855</v>
      </c>
      <c r="E5251" s="40">
        <v>20.559578005302633</v>
      </c>
      <c r="F5251" s="40">
        <v>87.366667000000007</v>
      </c>
      <c r="G5251" s="40">
        <v>20.129787394435432</v>
      </c>
      <c r="H5251" s="40">
        <v>87.366667000000007</v>
      </c>
      <c r="I5251" s="40">
        <v>16.776302782051154</v>
      </c>
      <c r="J5251" s="40">
        <v>87.366635172619695</v>
      </c>
      <c r="K5251" s="40">
        <v>12.790062094786212</v>
      </c>
      <c r="L5251" s="40"/>
      <c r="M5251" s="40"/>
      <c r="N5251" s="40"/>
    </row>
    <row r="5252" spans="4:14" x14ac:dyDescent="0.25">
      <c r="D5252" s="40">
        <v>87.396505000003856</v>
      </c>
      <c r="E5252" s="40">
        <v>20.559578005302633</v>
      </c>
      <c r="F5252" s="40">
        <v>87.383332999999993</v>
      </c>
      <c r="G5252" s="40">
        <v>20.129787394435432</v>
      </c>
      <c r="H5252" s="40">
        <v>87.383334000000019</v>
      </c>
      <c r="I5252" s="40">
        <v>16.77965551819441</v>
      </c>
      <c r="J5252" s="40">
        <v>87.383301833334002</v>
      </c>
      <c r="K5252" s="40">
        <v>12.790062094786212</v>
      </c>
      <c r="L5252" s="40"/>
      <c r="M5252" s="40"/>
      <c r="N5252" s="40"/>
    </row>
    <row r="5253" spans="4:14" x14ac:dyDescent="0.25">
      <c r="D5253" s="40">
        <v>87.413171000003857</v>
      </c>
      <c r="E5253" s="40">
        <v>20.559578005302633</v>
      </c>
      <c r="F5253" s="40">
        <v>87.4</v>
      </c>
      <c r="G5253" s="40">
        <v>20.129787394435432</v>
      </c>
      <c r="H5253" s="40">
        <v>87.4</v>
      </c>
      <c r="I5253" s="40">
        <v>16.77965551819441</v>
      </c>
      <c r="J5253" s="40">
        <v>87.399968494048295</v>
      </c>
      <c r="K5253" s="40">
        <v>12.790062094786212</v>
      </c>
      <c r="L5253" s="40"/>
      <c r="M5253" s="40"/>
      <c r="N5253" s="40"/>
    </row>
    <row r="5254" spans="4:14" x14ac:dyDescent="0.25">
      <c r="D5254" s="40">
        <v>87.429837000003857</v>
      </c>
      <c r="E5254" s="40">
        <v>20.559578005302633</v>
      </c>
      <c r="F5254" s="40">
        <v>87.41666699999999</v>
      </c>
      <c r="G5254" s="40">
        <v>20.134542638525527</v>
      </c>
      <c r="H5254" s="40">
        <v>87.416667000000018</v>
      </c>
      <c r="I5254" s="40">
        <v>16.782909644451173</v>
      </c>
      <c r="J5254" s="40">
        <v>87.416635154762602</v>
      </c>
      <c r="K5254" s="40">
        <v>12.790062094786212</v>
      </c>
      <c r="L5254" s="40"/>
      <c r="M5254" s="40"/>
      <c r="N5254" s="40"/>
    </row>
    <row r="5255" spans="4:14" x14ac:dyDescent="0.25">
      <c r="D5255" s="40">
        <v>87.446503000003858</v>
      </c>
      <c r="E5255" s="40">
        <v>20.559578005302633</v>
      </c>
      <c r="F5255" s="40">
        <v>87.433333000000005</v>
      </c>
      <c r="G5255" s="40">
        <v>20.134542638525527</v>
      </c>
      <c r="H5255" s="40">
        <v>87.433334000000002</v>
      </c>
      <c r="I5255" s="40">
        <v>16.78626238059443</v>
      </c>
      <c r="J5255" s="40">
        <v>87.433301815476796</v>
      </c>
      <c r="K5255" s="40">
        <v>12.790062094786212</v>
      </c>
      <c r="L5255" s="40"/>
      <c r="M5255" s="40"/>
      <c r="N5255" s="40"/>
    </row>
    <row r="5256" spans="4:14" x14ac:dyDescent="0.25">
      <c r="D5256" s="40">
        <v>87.463169000003859</v>
      </c>
      <c r="E5256" s="40">
        <v>20.564421183892183</v>
      </c>
      <c r="F5256" s="40">
        <v>87.449999999999989</v>
      </c>
      <c r="G5256" s="40">
        <v>20.134542638525527</v>
      </c>
      <c r="H5256" s="40">
        <v>87.450000000000017</v>
      </c>
      <c r="I5256" s="40">
        <v>16.78626238059443</v>
      </c>
      <c r="J5256" s="40">
        <v>87.449968476191103</v>
      </c>
      <c r="K5256" s="40">
        <v>12.785353728833151</v>
      </c>
      <c r="L5256" s="40"/>
      <c r="M5256" s="40"/>
      <c r="N5256" s="40"/>
    </row>
    <row r="5257" spans="4:14" x14ac:dyDescent="0.25">
      <c r="D5257" s="40">
        <v>87.47983500000386</v>
      </c>
      <c r="E5257" s="40">
        <v>20.564421183892183</v>
      </c>
      <c r="F5257" s="40">
        <v>87.466667000000001</v>
      </c>
      <c r="G5257" s="40">
        <v>20.134542638525527</v>
      </c>
      <c r="H5257" s="40">
        <v>87.466667000000001</v>
      </c>
      <c r="I5257" s="40">
        <v>16.789615116737863</v>
      </c>
      <c r="J5257" s="40">
        <v>87.466635136905396</v>
      </c>
      <c r="K5257" s="40">
        <v>12.785353728833151</v>
      </c>
      <c r="L5257" s="40"/>
      <c r="M5257" s="40"/>
      <c r="N5257" s="40"/>
    </row>
    <row r="5258" spans="4:14" x14ac:dyDescent="0.25">
      <c r="D5258" s="40">
        <v>87.49650100000386</v>
      </c>
      <c r="E5258" s="40">
        <v>20.564421183892183</v>
      </c>
      <c r="F5258" s="40">
        <v>87.483332999999988</v>
      </c>
      <c r="G5258" s="40">
        <v>20.139297882615743</v>
      </c>
      <c r="H5258" s="40">
        <v>87.483334000000013</v>
      </c>
      <c r="I5258" s="40">
        <v>16.792869242994623</v>
      </c>
      <c r="J5258" s="40">
        <v>87.483301797619703</v>
      </c>
      <c r="K5258" s="40">
        <v>12.785353728833151</v>
      </c>
      <c r="L5258" s="40"/>
      <c r="M5258" s="40"/>
      <c r="N5258" s="40"/>
    </row>
    <row r="5259" spans="4:14" x14ac:dyDescent="0.25">
      <c r="D5259" s="40">
        <v>87.513167000003861</v>
      </c>
      <c r="E5259" s="40">
        <v>20.564421183892183</v>
      </c>
      <c r="F5259" s="40">
        <v>87.5</v>
      </c>
      <c r="G5259" s="40">
        <v>20.139297882615743</v>
      </c>
      <c r="H5259" s="40">
        <v>87.5</v>
      </c>
      <c r="I5259" s="40">
        <v>16.792869242994623</v>
      </c>
      <c r="J5259" s="40">
        <v>87.499968458333996</v>
      </c>
      <c r="K5259" s="40">
        <v>12.785353728833151</v>
      </c>
      <c r="L5259" s="40"/>
      <c r="M5259" s="40"/>
      <c r="N5259" s="40"/>
    </row>
    <row r="5260" spans="4:14" x14ac:dyDescent="0.25">
      <c r="D5260" s="40">
        <v>87.529833000003862</v>
      </c>
      <c r="E5260" s="40">
        <v>20.564421183892183</v>
      </c>
      <c r="F5260" s="40">
        <v>87.516666999999984</v>
      </c>
      <c r="G5260" s="40">
        <v>20.143913266585646</v>
      </c>
      <c r="H5260" s="40">
        <v>87.516667000000012</v>
      </c>
      <c r="I5260" s="40">
        <v>16.796221979137883</v>
      </c>
      <c r="J5260" s="40">
        <v>87.516635119048303</v>
      </c>
      <c r="K5260" s="40">
        <v>12.785353728833151</v>
      </c>
      <c r="L5260" s="40"/>
      <c r="M5260" s="40"/>
      <c r="N5260" s="40"/>
    </row>
    <row r="5261" spans="4:14" x14ac:dyDescent="0.25">
      <c r="D5261" s="40">
        <v>87.546499000003863</v>
      </c>
      <c r="E5261" s="40">
        <v>20.564421183892183</v>
      </c>
      <c r="F5261" s="40">
        <v>87.533332999999999</v>
      </c>
      <c r="G5261" s="40">
        <v>20.143913266585646</v>
      </c>
      <c r="H5261" s="40">
        <v>87.533333999999996</v>
      </c>
      <c r="I5261" s="40">
        <v>16.799574715281139</v>
      </c>
      <c r="J5261" s="40">
        <v>87.533301779762596</v>
      </c>
      <c r="K5261" s="40">
        <v>12.785353728833151</v>
      </c>
      <c r="L5261" s="40"/>
      <c r="M5261" s="40"/>
      <c r="N5261" s="40"/>
    </row>
    <row r="5262" spans="4:14" x14ac:dyDescent="0.25">
      <c r="D5262" s="40">
        <v>87.563165000003863</v>
      </c>
      <c r="E5262" s="40">
        <v>20.564421183892183</v>
      </c>
      <c r="F5262" s="40">
        <v>87.549999999999983</v>
      </c>
      <c r="G5262" s="40">
        <v>20.148668510675744</v>
      </c>
      <c r="H5262" s="40">
        <v>87.550000000000011</v>
      </c>
      <c r="I5262" s="40">
        <v>16.799574715281139</v>
      </c>
      <c r="J5262" s="40">
        <v>87.549968440476803</v>
      </c>
      <c r="K5262" s="40">
        <v>12.790062094786212</v>
      </c>
      <c r="L5262" s="40"/>
      <c r="M5262" s="40"/>
      <c r="N5262" s="40"/>
    </row>
    <row r="5263" spans="4:14" x14ac:dyDescent="0.25">
      <c r="D5263" s="40">
        <v>87.579831000003864</v>
      </c>
      <c r="E5263" s="40">
        <v>20.564421183892183</v>
      </c>
      <c r="F5263" s="40">
        <v>87.566666999999995</v>
      </c>
      <c r="G5263" s="40">
        <v>20.148668510675744</v>
      </c>
      <c r="H5263" s="40">
        <v>87.566666999999995</v>
      </c>
      <c r="I5263" s="40">
        <v>16.802828841537902</v>
      </c>
      <c r="J5263" s="40">
        <v>87.566635101191096</v>
      </c>
      <c r="K5263" s="40">
        <v>12.790062094786212</v>
      </c>
      <c r="L5263" s="40"/>
      <c r="M5263" s="40"/>
      <c r="N5263" s="40"/>
    </row>
    <row r="5264" spans="4:14" x14ac:dyDescent="0.25">
      <c r="D5264" s="40">
        <v>87.596497000003865</v>
      </c>
      <c r="E5264" s="40">
        <v>20.564421183892183</v>
      </c>
      <c r="F5264" s="40">
        <v>87.583332999999982</v>
      </c>
      <c r="G5264" s="40">
        <v>20.148668510675744</v>
      </c>
      <c r="H5264" s="40">
        <v>87.583334000000008</v>
      </c>
      <c r="I5264" s="40">
        <v>16.802828841537902</v>
      </c>
      <c r="J5264" s="40">
        <v>87.583301761905403</v>
      </c>
      <c r="K5264" s="40">
        <v>12.790062094786212</v>
      </c>
      <c r="L5264" s="40"/>
      <c r="M5264" s="40"/>
      <c r="N5264" s="40"/>
    </row>
    <row r="5265" spans="4:14" x14ac:dyDescent="0.25">
      <c r="D5265" s="40">
        <v>87.613163000003865</v>
      </c>
      <c r="E5265" s="40">
        <v>20.564421183892183</v>
      </c>
      <c r="F5265" s="40">
        <v>87.6</v>
      </c>
      <c r="G5265" s="40">
        <v>20.148668510675744</v>
      </c>
      <c r="H5265" s="40">
        <v>87.6</v>
      </c>
      <c r="I5265" s="40">
        <v>16.806181577681159</v>
      </c>
      <c r="J5265" s="40">
        <v>87.599968422619696</v>
      </c>
      <c r="K5265" s="40">
        <v>12.794913138495444</v>
      </c>
      <c r="L5265" s="40"/>
      <c r="M5265" s="40"/>
      <c r="N5265" s="40"/>
    </row>
    <row r="5266" spans="4:14" x14ac:dyDescent="0.25">
      <c r="D5266" s="40">
        <v>87.629829000003866</v>
      </c>
      <c r="E5266" s="40">
        <v>20.569264362481729</v>
      </c>
      <c r="F5266" s="40">
        <v>87.616667000000007</v>
      </c>
      <c r="G5266" s="40">
        <v>20.15342375476596</v>
      </c>
      <c r="H5266" s="40">
        <v>87.616667000000007</v>
      </c>
      <c r="I5266" s="40">
        <v>16.809534313824592</v>
      </c>
      <c r="J5266" s="40">
        <v>87.616635083334003</v>
      </c>
      <c r="K5266" s="40">
        <v>12.794913138495444</v>
      </c>
      <c r="L5266" s="40"/>
      <c r="M5266" s="40"/>
      <c r="N5266" s="40"/>
    </row>
    <row r="5267" spans="4:14" x14ac:dyDescent="0.25">
      <c r="D5267" s="40">
        <v>87.646495000003867</v>
      </c>
      <c r="E5267" s="40">
        <v>20.569264362481729</v>
      </c>
      <c r="F5267" s="40">
        <v>87.633332999999993</v>
      </c>
      <c r="G5267" s="40">
        <v>20.15342375476596</v>
      </c>
      <c r="H5267" s="40">
        <v>87.633334000000019</v>
      </c>
      <c r="I5267" s="40">
        <v>16.809534313824592</v>
      </c>
      <c r="J5267" s="40">
        <v>87.633301744048296</v>
      </c>
      <c r="K5267" s="40">
        <v>12.794913138495444</v>
      </c>
      <c r="L5267" s="40"/>
      <c r="M5267" s="40"/>
      <c r="N5267" s="40"/>
    </row>
    <row r="5268" spans="4:14" x14ac:dyDescent="0.25">
      <c r="D5268" s="40">
        <v>87.663161000003868</v>
      </c>
      <c r="E5268" s="40">
        <v>20.569264362481729</v>
      </c>
      <c r="F5268" s="40">
        <v>87.65</v>
      </c>
      <c r="G5268" s="40">
        <v>20.15342375476596</v>
      </c>
      <c r="H5268" s="40">
        <v>87.65</v>
      </c>
      <c r="I5268" s="40">
        <v>16.812788440081356</v>
      </c>
      <c r="J5268" s="40">
        <v>87.649968404762603</v>
      </c>
      <c r="K5268" s="40">
        <v>12.794913138495444</v>
      </c>
      <c r="L5268" s="40"/>
      <c r="M5268" s="40"/>
      <c r="N5268" s="40"/>
    </row>
    <row r="5269" spans="4:14" x14ac:dyDescent="0.25">
      <c r="D5269" s="40">
        <v>87.679827000003868</v>
      </c>
      <c r="E5269" s="40">
        <v>20.569264362481729</v>
      </c>
      <c r="F5269" s="40">
        <v>87.66666699999999</v>
      </c>
      <c r="G5269" s="40">
        <v>20.158039138735862</v>
      </c>
      <c r="H5269" s="40">
        <v>87.666667000000018</v>
      </c>
      <c r="I5269" s="40">
        <v>16.816141176224612</v>
      </c>
      <c r="J5269" s="40">
        <v>87.666635065476797</v>
      </c>
      <c r="K5269" s="40">
        <v>12.799764182204676</v>
      </c>
      <c r="L5269" s="40"/>
      <c r="M5269" s="40"/>
      <c r="N5269" s="40"/>
    </row>
    <row r="5270" spans="4:14" x14ac:dyDescent="0.25">
      <c r="D5270" s="40">
        <v>87.696493000003869</v>
      </c>
      <c r="E5270" s="40">
        <v>20.569264362481729</v>
      </c>
      <c r="F5270" s="40">
        <v>87.683333000000005</v>
      </c>
      <c r="G5270" s="40">
        <v>20.158039138735862</v>
      </c>
      <c r="H5270" s="40">
        <v>87.683334000000002</v>
      </c>
      <c r="I5270" s="40">
        <v>16.816141176224612</v>
      </c>
      <c r="J5270" s="40">
        <v>87.683301726191104</v>
      </c>
      <c r="K5270" s="40">
        <v>12.799764182204676</v>
      </c>
      <c r="L5270" s="40"/>
      <c r="M5270" s="40"/>
      <c r="N5270" s="40"/>
    </row>
    <row r="5271" spans="4:14" x14ac:dyDescent="0.25">
      <c r="D5271" s="40">
        <v>87.71315900000387</v>
      </c>
      <c r="E5271" s="40">
        <v>20.569264362481729</v>
      </c>
      <c r="F5271" s="40">
        <v>87.699999999999989</v>
      </c>
      <c r="G5271" s="40">
        <v>20.158039138735862</v>
      </c>
      <c r="H5271" s="40">
        <v>87.700000000000017</v>
      </c>
      <c r="I5271" s="40">
        <v>16.819493912367872</v>
      </c>
      <c r="J5271" s="40">
        <v>87.699968386905397</v>
      </c>
      <c r="K5271" s="40">
        <v>12.799764182204676</v>
      </c>
      <c r="L5271" s="40"/>
      <c r="M5271" s="40"/>
      <c r="N5271" s="40"/>
    </row>
    <row r="5272" spans="4:14" x14ac:dyDescent="0.25">
      <c r="D5272" s="40">
        <v>87.729825000003871</v>
      </c>
      <c r="E5272" s="40">
        <v>20.569264362481729</v>
      </c>
      <c r="F5272" s="40">
        <v>87.716667000000001</v>
      </c>
      <c r="G5272" s="40">
        <v>20.162794382825957</v>
      </c>
      <c r="H5272" s="40">
        <v>87.716667000000001</v>
      </c>
      <c r="I5272" s="40">
        <v>16.822748038624635</v>
      </c>
      <c r="J5272" s="40">
        <v>87.716635047619704</v>
      </c>
      <c r="K5272" s="40">
        <v>12.799764182204676</v>
      </c>
      <c r="L5272" s="40"/>
      <c r="M5272" s="40"/>
      <c r="N5272" s="40"/>
    </row>
    <row r="5273" spans="4:14" x14ac:dyDescent="0.25">
      <c r="D5273" s="40">
        <v>87.746491000003871</v>
      </c>
      <c r="E5273" s="40">
        <v>20.569264362481729</v>
      </c>
      <c r="F5273" s="40">
        <v>87.733332999999988</v>
      </c>
      <c r="G5273" s="40">
        <v>20.162794382825957</v>
      </c>
      <c r="H5273" s="40">
        <v>87.733334000000013</v>
      </c>
      <c r="I5273" s="40">
        <v>16.822748038624635</v>
      </c>
      <c r="J5273" s="40">
        <v>87.733301708333997</v>
      </c>
      <c r="K5273" s="40">
        <v>12.799764182204676</v>
      </c>
      <c r="L5273" s="40"/>
      <c r="M5273" s="40"/>
      <c r="N5273" s="40"/>
    </row>
    <row r="5274" spans="4:14" x14ac:dyDescent="0.25">
      <c r="D5274" s="40">
        <v>87.763157000003872</v>
      </c>
      <c r="E5274" s="40">
        <v>20.569264362481729</v>
      </c>
      <c r="F5274" s="40">
        <v>87.75</v>
      </c>
      <c r="G5274" s="40">
        <v>20.162794382825957</v>
      </c>
      <c r="H5274" s="40">
        <v>87.75</v>
      </c>
      <c r="I5274" s="40">
        <v>16.822748038624635</v>
      </c>
      <c r="J5274" s="40">
        <v>87.749968369048304</v>
      </c>
      <c r="K5274" s="40">
        <v>12.799764182204676</v>
      </c>
      <c r="L5274" s="40"/>
      <c r="M5274" s="40"/>
      <c r="N5274" s="40"/>
    </row>
    <row r="5275" spans="4:14" x14ac:dyDescent="0.25">
      <c r="D5275" s="40">
        <v>87.779823000003873</v>
      </c>
      <c r="E5275" s="40">
        <v>20.57396509464203</v>
      </c>
      <c r="F5275" s="40">
        <v>87.766666999999984</v>
      </c>
      <c r="G5275" s="40">
        <v>20.167549626916173</v>
      </c>
      <c r="H5275" s="40">
        <v>87.766667000000012</v>
      </c>
      <c r="I5275" s="40">
        <v>16.826100774768065</v>
      </c>
      <c r="J5275" s="40">
        <v>87.766635029762597</v>
      </c>
      <c r="K5275" s="40">
        <v>12.804472548157609</v>
      </c>
      <c r="L5275" s="40"/>
      <c r="M5275" s="40"/>
      <c r="N5275" s="40"/>
    </row>
    <row r="5276" spans="4:14" x14ac:dyDescent="0.25">
      <c r="D5276" s="40">
        <v>87.796489000003874</v>
      </c>
      <c r="E5276" s="40">
        <v>20.57396509464203</v>
      </c>
      <c r="F5276" s="40">
        <v>87.783332999999999</v>
      </c>
      <c r="G5276" s="40">
        <v>20.167549626916173</v>
      </c>
      <c r="H5276" s="40">
        <v>87.783333999999996</v>
      </c>
      <c r="I5276" s="40">
        <v>16.829453510911321</v>
      </c>
      <c r="J5276" s="40">
        <v>87.783301690476904</v>
      </c>
      <c r="K5276" s="40">
        <v>12.804472548157609</v>
      </c>
      <c r="L5276" s="40"/>
      <c r="M5276" s="40"/>
      <c r="N5276" s="40"/>
    </row>
    <row r="5277" spans="4:14" x14ac:dyDescent="0.25">
      <c r="D5277" s="40">
        <v>87.813155000003874</v>
      </c>
      <c r="E5277" s="40">
        <v>20.57396509464203</v>
      </c>
      <c r="F5277" s="40">
        <v>87.799999999999983</v>
      </c>
      <c r="G5277" s="40">
        <v>20.167549626916173</v>
      </c>
      <c r="H5277" s="40">
        <v>87.800000000000011</v>
      </c>
      <c r="I5277" s="40">
        <v>16.832707637168085</v>
      </c>
      <c r="J5277" s="40">
        <v>87.799968351191097</v>
      </c>
      <c r="K5277" s="40">
        <v>12.804472548157609</v>
      </c>
      <c r="L5277" s="40"/>
      <c r="M5277" s="40"/>
      <c r="N5277" s="40"/>
    </row>
    <row r="5278" spans="4:14" x14ac:dyDescent="0.25">
      <c r="D5278" s="40">
        <v>87.829821000003875</v>
      </c>
      <c r="E5278" s="40">
        <v>20.57396509464203</v>
      </c>
      <c r="F5278" s="40">
        <v>87.816666999999995</v>
      </c>
      <c r="G5278" s="40">
        <v>20.167549626916173</v>
      </c>
      <c r="H5278" s="40">
        <v>87.816666999999995</v>
      </c>
      <c r="I5278" s="40">
        <v>16.832707637168085</v>
      </c>
      <c r="J5278" s="40">
        <v>87.816635011905404</v>
      </c>
      <c r="K5278" s="40">
        <v>12.809323591866841</v>
      </c>
      <c r="L5278" s="40"/>
      <c r="M5278" s="40"/>
      <c r="N5278" s="40"/>
    </row>
    <row r="5279" spans="4:14" x14ac:dyDescent="0.25">
      <c r="D5279" s="40">
        <v>87.846487000003876</v>
      </c>
      <c r="E5279" s="40">
        <v>20.569264362481729</v>
      </c>
      <c r="F5279" s="40">
        <v>87.833332999999982</v>
      </c>
      <c r="G5279" s="40">
        <v>20.172165010886076</v>
      </c>
      <c r="H5279" s="40">
        <v>87.833334000000008</v>
      </c>
      <c r="I5279" s="40">
        <v>16.836060373311341</v>
      </c>
      <c r="J5279" s="40">
        <v>87.833301672619697</v>
      </c>
      <c r="K5279" s="40">
        <v>12.809323591866841</v>
      </c>
      <c r="L5279" s="40"/>
      <c r="M5279" s="40"/>
      <c r="N5279" s="40"/>
    </row>
    <row r="5280" spans="4:14" x14ac:dyDescent="0.25">
      <c r="D5280" s="40">
        <v>87.863153000003877</v>
      </c>
      <c r="E5280" s="40">
        <v>20.569264362481729</v>
      </c>
      <c r="F5280" s="40">
        <v>87.85</v>
      </c>
      <c r="G5280" s="40">
        <v>20.172165010886076</v>
      </c>
      <c r="H5280" s="40">
        <v>87.85</v>
      </c>
      <c r="I5280" s="40">
        <v>16.836060373311341</v>
      </c>
      <c r="J5280" s="40">
        <v>87.849968333334004</v>
      </c>
      <c r="K5280" s="40">
        <v>12.809323591866841</v>
      </c>
      <c r="L5280" s="40"/>
      <c r="M5280" s="40"/>
      <c r="N5280" s="40"/>
    </row>
    <row r="5281" spans="4:14" x14ac:dyDescent="0.25">
      <c r="D5281" s="40">
        <v>87.879819000003877</v>
      </c>
      <c r="E5281" s="40">
        <v>20.569264362481729</v>
      </c>
      <c r="F5281" s="40">
        <v>87.866667000000007</v>
      </c>
      <c r="G5281" s="40">
        <v>20.172165010886076</v>
      </c>
      <c r="H5281" s="40">
        <v>87.866667000000007</v>
      </c>
      <c r="I5281" s="40">
        <v>16.8394131094546</v>
      </c>
      <c r="J5281" s="40">
        <v>87.866634994048297</v>
      </c>
      <c r="K5281" s="40">
        <v>12.809323591866841</v>
      </c>
      <c r="L5281" s="40"/>
      <c r="M5281" s="40"/>
      <c r="N5281" s="40"/>
    </row>
    <row r="5282" spans="4:14" x14ac:dyDescent="0.25">
      <c r="D5282" s="40">
        <v>87.896485000003878</v>
      </c>
      <c r="E5282" s="40">
        <v>20.569264362481729</v>
      </c>
      <c r="F5282" s="40">
        <v>87.883332999999993</v>
      </c>
      <c r="G5282" s="40">
        <v>20.176920254976295</v>
      </c>
      <c r="H5282" s="40">
        <v>87.883334000000019</v>
      </c>
      <c r="I5282" s="40">
        <v>16.842667235711364</v>
      </c>
      <c r="J5282" s="40">
        <v>87.883301654762604</v>
      </c>
      <c r="K5282" s="40">
        <v>12.809323591866841</v>
      </c>
      <c r="L5282" s="40"/>
      <c r="M5282" s="40"/>
      <c r="N5282" s="40"/>
    </row>
    <row r="5283" spans="4:14" x14ac:dyDescent="0.25">
      <c r="D5283" s="40">
        <v>87.913151000003879</v>
      </c>
      <c r="E5283" s="40">
        <v>20.569264362481729</v>
      </c>
      <c r="F5283" s="40">
        <v>87.9</v>
      </c>
      <c r="G5283" s="40">
        <v>20.176920254976295</v>
      </c>
      <c r="H5283" s="40">
        <v>87.9</v>
      </c>
      <c r="I5283" s="40">
        <v>16.842667235711364</v>
      </c>
      <c r="J5283" s="40">
        <v>87.899968315476798</v>
      </c>
      <c r="K5283" s="40">
        <v>12.809323591866841</v>
      </c>
      <c r="L5283" s="40"/>
      <c r="M5283" s="40"/>
      <c r="N5283" s="40"/>
    </row>
    <row r="5284" spans="4:14" x14ac:dyDescent="0.25">
      <c r="D5284" s="40">
        <v>87.929817000003879</v>
      </c>
      <c r="E5284" s="40">
        <v>20.57396509464203</v>
      </c>
      <c r="F5284" s="40">
        <v>87.91666699999999</v>
      </c>
      <c r="G5284" s="40">
        <v>20.18167549906639</v>
      </c>
      <c r="H5284" s="40">
        <v>87.916667000000018</v>
      </c>
      <c r="I5284" s="40">
        <v>16.846019971854794</v>
      </c>
      <c r="J5284" s="40">
        <v>87.916634976191105</v>
      </c>
      <c r="K5284" s="40">
        <v>12.809323591866841</v>
      </c>
      <c r="L5284" s="40"/>
      <c r="M5284" s="40"/>
      <c r="N5284" s="40"/>
    </row>
    <row r="5285" spans="4:14" x14ac:dyDescent="0.25">
      <c r="D5285" s="40">
        <v>87.94648300000388</v>
      </c>
      <c r="E5285" s="40">
        <v>20.57396509464203</v>
      </c>
      <c r="F5285" s="40">
        <v>87.933333000000005</v>
      </c>
      <c r="G5285" s="40">
        <v>20.18167549906639</v>
      </c>
      <c r="H5285" s="40">
        <v>87.933334000000002</v>
      </c>
      <c r="I5285" s="40">
        <v>16.846019971854794</v>
      </c>
      <c r="J5285" s="40">
        <v>87.933301636905398</v>
      </c>
      <c r="K5285" s="40">
        <v>12.809323591866841</v>
      </c>
      <c r="L5285" s="40"/>
      <c r="M5285" s="40"/>
      <c r="N5285" s="40"/>
    </row>
    <row r="5286" spans="4:14" x14ac:dyDescent="0.25">
      <c r="D5286" s="40">
        <v>87.963149000003881</v>
      </c>
      <c r="E5286" s="40">
        <v>20.57396509464203</v>
      </c>
      <c r="F5286" s="40">
        <v>87.949999999999989</v>
      </c>
      <c r="G5286" s="40">
        <v>20.18167549906639</v>
      </c>
      <c r="H5286" s="40">
        <v>87.950000000000017</v>
      </c>
      <c r="I5286" s="40">
        <v>16.84937270799805</v>
      </c>
      <c r="J5286" s="40">
        <v>87.949968297619705</v>
      </c>
      <c r="K5286" s="40">
        <v>12.809323591866841</v>
      </c>
      <c r="L5286" s="40"/>
      <c r="M5286" s="40"/>
      <c r="N5286" s="40"/>
    </row>
    <row r="5287" spans="4:14" x14ac:dyDescent="0.25">
      <c r="D5287" s="40">
        <v>87.979815000003882</v>
      </c>
      <c r="E5287" s="40">
        <v>20.57396509464203</v>
      </c>
      <c r="F5287" s="40">
        <v>87.966667000000001</v>
      </c>
      <c r="G5287" s="40">
        <v>20.18167549906639</v>
      </c>
      <c r="H5287" s="40">
        <v>87.966667000000001</v>
      </c>
      <c r="I5287" s="40">
        <v>16.84937270799805</v>
      </c>
      <c r="J5287" s="40">
        <v>87.966634958333998</v>
      </c>
      <c r="K5287" s="40">
        <v>12.809323591866841</v>
      </c>
      <c r="L5287" s="40"/>
      <c r="M5287" s="40"/>
      <c r="N5287" s="40"/>
    </row>
    <row r="5288" spans="4:14" x14ac:dyDescent="0.25">
      <c r="D5288" s="40">
        <v>87.996481000003882</v>
      </c>
      <c r="E5288" s="40">
        <v>20.57396509464203</v>
      </c>
      <c r="F5288" s="40">
        <v>87.983332999999988</v>
      </c>
      <c r="G5288" s="40">
        <v>20.18167549906639</v>
      </c>
      <c r="H5288" s="40">
        <v>87.983334000000013</v>
      </c>
      <c r="I5288" s="40">
        <v>16.852626834254814</v>
      </c>
      <c r="J5288" s="40">
        <v>87.983301619048305</v>
      </c>
      <c r="K5288" s="40">
        <v>12.809323591866841</v>
      </c>
      <c r="L5288" s="40"/>
      <c r="M5288" s="40"/>
      <c r="N5288" s="40"/>
    </row>
    <row r="5289" spans="4:14" x14ac:dyDescent="0.25">
      <c r="D5289" s="40">
        <v>88.013147000003883</v>
      </c>
      <c r="E5289" s="40">
        <v>20.57396509464203</v>
      </c>
      <c r="F5289" s="40">
        <v>88</v>
      </c>
      <c r="G5289" s="40">
        <v>20.186290883036289</v>
      </c>
      <c r="H5289" s="40">
        <v>88</v>
      </c>
      <c r="I5289" s="40">
        <v>16.855979570398073</v>
      </c>
      <c r="J5289" s="40">
        <v>87.999968279762598</v>
      </c>
      <c r="K5289" s="40">
        <v>12.809323591866841</v>
      </c>
      <c r="L5289" s="40"/>
      <c r="M5289" s="40"/>
      <c r="N5289" s="40"/>
    </row>
    <row r="5290" spans="4:14" x14ac:dyDescent="0.25">
      <c r="D5290" s="40">
        <v>88.029813000003884</v>
      </c>
      <c r="E5290" s="40">
        <v>20.57396509464203</v>
      </c>
      <c r="F5290" s="40">
        <v>88.016666999999984</v>
      </c>
      <c r="G5290" s="40">
        <v>20.186290883036289</v>
      </c>
      <c r="H5290" s="40">
        <v>88.016667000000012</v>
      </c>
      <c r="I5290" s="40">
        <v>16.855979570398073</v>
      </c>
      <c r="J5290" s="40">
        <v>88.016634940476905</v>
      </c>
      <c r="K5290" s="40">
        <v>12.809323591866841</v>
      </c>
      <c r="L5290" s="40"/>
      <c r="M5290" s="40"/>
      <c r="N5290" s="40"/>
    </row>
    <row r="5291" spans="4:14" x14ac:dyDescent="0.25">
      <c r="D5291" s="40">
        <v>88.046479000003885</v>
      </c>
      <c r="E5291" s="40">
        <v>20.57396509464203</v>
      </c>
      <c r="F5291" s="40">
        <v>88.033332999999999</v>
      </c>
      <c r="G5291" s="40">
        <v>20.186290883036289</v>
      </c>
      <c r="H5291" s="40">
        <v>88.033333999999996</v>
      </c>
      <c r="I5291" s="40">
        <v>16.859332306541329</v>
      </c>
      <c r="J5291" s="40">
        <v>88.033301601191098</v>
      </c>
      <c r="K5291" s="40">
        <v>12.809323591866841</v>
      </c>
      <c r="L5291" s="40"/>
      <c r="M5291" s="40"/>
      <c r="N5291" s="40"/>
    </row>
    <row r="5292" spans="4:14" x14ac:dyDescent="0.25">
      <c r="D5292" s="40">
        <v>88.063145000003885</v>
      </c>
      <c r="E5292" s="40">
        <v>20.57396509464203</v>
      </c>
      <c r="F5292" s="40">
        <v>88.049999999999983</v>
      </c>
      <c r="G5292" s="40">
        <v>20.186290883036289</v>
      </c>
      <c r="H5292" s="40">
        <v>88.050000000000011</v>
      </c>
      <c r="I5292" s="40">
        <v>16.859332306541329</v>
      </c>
      <c r="J5292" s="40">
        <v>88.049968261905406</v>
      </c>
      <c r="K5292" s="40">
        <v>12.804472548157609</v>
      </c>
      <c r="L5292" s="40"/>
      <c r="M5292" s="40"/>
      <c r="N5292" s="40"/>
    </row>
    <row r="5293" spans="4:14" x14ac:dyDescent="0.25">
      <c r="D5293" s="40">
        <v>88.079811000003886</v>
      </c>
      <c r="E5293" s="40">
        <v>20.57396509464203</v>
      </c>
      <c r="F5293" s="40">
        <v>88.066666999999995</v>
      </c>
      <c r="G5293" s="40">
        <v>20.186290883036289</v>
      </c>
      <c r="H5293" s="40">
        <v>88.066666999999995</v>
      </c>
      <c r="I5293" s="40">
        <v>16.862586432798093</v>
      </c>
      <c r="J5293" s="40">
        <v>88.066634922619699</v>
      </c>
      <c r="K5293" s="40">
        <v>12.809323591866841</v>
      </c>
      <c r="L5293" s="40"/>
      <c r="M5293" s="40"/>
      <c r="N5293" s="40"/>
    </row>
    <row r="5294" spans="4:14" x14ac:dyDescent="0.25">
      <c r="D5294" s="40">
        <v>88.096477000003887</v>
      </c>
      <c r="E5294" s="40">
        <v>20.57396509464203</v>
      </c>
      <c r="F5294" s="40">
        <v>88.083332999999982</v>
      </c>
      <c r="G5294" s="40">
        <v>20.186290883036289</v>
      </c>
      <c r="H5294" s="40">
        <v>88.083334000000008</v>
      </c>
      <c r="I5294" s="40">
        <v>16.862586432798093</v>
      </c>
      <c r="J5294" s="40">
        <v>88.083301583334006</v>
      </c>
      <c r="K5294" s="40">
        <v>12.809323591866841</v>
      </c>
      <c r="L5294" s="40"/>
      <c r="M5294" s="40"/>
      <c r="N5294" s="40"/>
    </row>
    <row r="5295" spans="4:14" x14ac:dyDescent="0.25">
      <c r="D5295" s="40">
        <v>88.113143000003888</v>
      </c>
      <c r="E5295" s="40">
        <v>20.578808273231576</v>
      </c>
      <c r="F5295" s="40">
        <v>88.1</v>
      </c>
      <c r="G5295" s="40">
        <v>20.186290883036289</v>
      </c>
      <c r="H5295" s="40">
        <v>88.1</v>
      </c>
      <c r="I5295" s="40">
        <v>16.865939168941523</v>
      </c>
      <c r="J5295" s="40">
        <v>88.099968244048299</v>
      </c>
      <c r="K5295" s="40">
        <v>12.809323591866841</v>
      </c>
      <c r="L5295" s="40"/>
      <c r="M5295" s="40"/>
      <c r="N5295" s="40"/>
    </row>
    <row r="5296" spans="4:14" x14ac:dyDescent="0.25">
      <c r="D5296" s="40">
        <v>88.129809000003888</v>
      </c>
      <c r="E5296" s="40">
        <v>20.578808273231576</v>
      </c>
      <c r="F5296" s="40">
        <v>88.116667000000007</v>
      </c>
      <c r="G5296" s="40">
        <v>20.191046127126508</v>
      </c>
      <c r="H5296" s="40">
        <v>88.116667000000007</v>
      </c>
      <c r="I5296" s="40">
        <v>16.865939168941523</v>
      </c>
      <c r="J5296" s="40">
        <v>88.116634904762606</v>
      </c>
      <c r="K5296" s="40">
        <v>12.809323591866841</v>
      </c>
      <c r="L5296" s="40"/>
      <c r="M5296" s="40"/>
      <c r="N5296" s="40"/>
    </row>
    <row r="5297" spans="4:14" x14ac:dyDescent="0.25">
      <c r="D5297" s="40">
        <v>88.146475000003889</v>
      </c>
      <c r="E5297" s="40">
        <v>20.578808273231576</v>
      </c>
      <c r="F5297" s="40">
        <v>88.133332999999993</v>
      </c>
      <c r="G5297" s="40">
        <v>20.191046127126508</v>
      </c>
      <c r="H5297" s="40">
        <v>88.133334000000019</v>
      </c>
      <c r="I5297" s="40">
        <v>16.869291905084783</v>
      </c>
      <c r="J5297" s="40">
        <v>88.133301565476899</v>
      </c>
      <c r="K5297" s="40">
        <v>12.809323591866841</v>
      </c>
      <c r="L5297" s="40"/>
      <c r="M5297" s="40"/>
      <c r="N5297" s="40"/>
    </row>
    <row r="5298" spans="4:14" x14ac:dyDescent="0.25">
      <c r="D5298" s="40">
        <v>88.16314100000389</v>
      </c>
      <c r="E5298" s="40">
        <v>20.583651451821126</v>
      </c>
      <c r="F5298" s="40">
        <v>88.15</v>
      </c>
      <c r="G5298" s="40">
        <v>20.191046127126508</v>
      </c>
      <c r="H5298" s="40">
        <v>88.15</v>
      </c>
      <c r="I5298" s="40">
        <v>16.869291905084783</v>
      </c>
      <c r="J5298" s="40">
        <v>88.149968226191106</v>
      </c>
      <c r="K5298" s="40">
        <v>12.809323591866841</v>
      </c>
      <c r="L5298" s="40"/>
      <c r="M5298" s="40"/>
      <c r="N5298" s="40"/>
    </row>
    <row r="5299" spans="4:14" x14ac:dyDescent="0.25">
      <c r="D5299" s="40">
        <v>88.17980700000389</v>
      </c>
      <c r="E5299" s="40">
        <v>20.578808273231576</v>
      </c>
      <c r="F5299" s="40">
        <v>88.16666699999999</v>
      </c>
      <c r="G5299" s="40">
        <v>20.191046127126508</v>
      </c>
      <c r="H5299" s="40">
        <v>88.166667000000018</v>
      </c>
      <c r="I5299" s="40">
        <v>16.872546031341546</v>
      </c>
      <c r="J5299" s="40">
        <v>88.166634886905399</v>
      </c>
      <c r="K5299" s="40">
        <v>12.809323591866841</v>
      </c>
      <c r="L5299" s="40"/>
      <c r="M5299" s="40"/>
      <c r="N5299" s="40"/>
    </row>
    <row r="5300" spans="4:14" x14ac:dyDescent="0.25">
      <c r="D5300" s="40">
        <v>88.196473000003891</v>
      </c>
      <c r="E5300" s="40">
        <v>20.578808273231576</v>
      </c>
      <c r="F5300" s="40">
        <v>88.183333000000005</v>
      </c>
      <c r="G5300" s="40">
        <v>20.191046127126508</v>
      </c>
      <c r="H5300" s="40">
        <v>88.183334000000002</v>
      </c>
      <c r="I5300" s="40">
        <v>16.872546031341546</v>
      </c>
      <c r="J5300" s="40">
        <v>88.183301547619706</v>
      </c>
      <c r="K5300" s="40">
        <v>12.809323591866841</v>
      </c>
      <c r="L5300" s="40"/>
      <c r="M5300" s="40"/>
      <c r="N5300" s="40"/>
    </row>
    <row r="5301" spans="4:14" x14ac:dyDescent="0.25">
      <c r="D5301" s="40">
        <v>88.213139000003892</v>
      </c>
      <c r="E5301" s="40">
        <v>20.57396509464203</v>
      </c>
      <c r="F5301" s="40">
        <v>88.199999999999989</v>
      </c>
      <c r="G5301" s="40">
        <v>20.191046127126508</v>
      </c>
      <c r="H5301" s="40">
        <v>88.200000000000017</v>
      </c>
      <c r="I5301" s="40">
        <v>16.875898767484802</v>
      </c>
      <c r="J5301" s="40">
        <v>88.199968208333999</v>
      </c>
      <c r="K5301" s="40">
        <v>12.809323591866841</v>
      </c>
      <c r="L5301" s="40"/>
      <c r="M5301" s="40"/>
      <c r="N5301" s="40"/>
    </row>
    <row r="5302" spans="4:14" x14ac:dyDescent="0.25">
      <c r="D5302" s="40">
        <v>88.229805000003893</v>
      </c>
      <c r="E5302" s="40">
        <v>20.57396509464203</v>
      </c>
      <c r="F5302" s="40">
        <v>88.216667000000001</v>
      </c>
      <c r="G5302" s="40">
        <v>20.191046127126508</v>
      </c>
      <c r="H5302" s="40">
        <v>88.216667000000001</v>
      </c>
      <c r="I5302" s="40">
        <v>16.875898767484802</v>
      </c>
      <c r="J5302" s="40">
        <v>88.216634869048306</v>
      </c>
      <c r="K5302" s="40">
        <v>12.809323591866841</v>
      </c>
      <c r="L5302" s="40"/>
      <c r="M5302" s="40"/>
      <c r="N5302" s="40"/>
    </row>
    <row r="5303" spans="4:14" x14ac:dyDescent="0.25">
      <c r="D5303" s="40">
        <v>88.246471000003893</v>
      </c>
      <c r="E5303" s="40">
        <v>20.57396509464203</v>
      </c>
      <c r="F5303" s="40">
        <v>88.233332999999988</v>
      </c>
      <c r="G5303" s="40">
        <v>20.195801371216607</v>
      </c>
      <c r="H5303" s="40">
        <v>88.233334000000013</v>
      </c>
      <c r="I5303" s="40">
        <v>16.879251503628232</v>
      </c>
      <c r="J5303" s="40">
        <v>88.233301529762599</v>
      </c>
      <c r="K5303" s="40">
        <v>12.809323591866841</v>
      </c>
      <c r="L5303" s="40"/>
      <c r="M5303" s="40"/>
      <c r="N5303" s="40"/>
    </row>
    <row r="5304" spans="4:14" x14ac:dyDescent="0.25">
      <c r="D5304" s="40">
        <v>88.263137000003894</v>
      </c>
      <c r="E5304" s="40">
        <v>20.578808273231576</v>
      </c>
      <c r="F5304" s="40">
        <v>88.25</v>
      </c>
      <c r="G5304" s="40">
        <v>20.195801371216607</v>
      </c>
      <c r="H5304" s="40">
        <v>88.25</v>
      </c>
      <c r="I5304" s="40">
        <v>16.879251503628232</v>
      </c>
      <c r="J5304" s="40">
        <v>88.249968190476906</v>
      </c>
      <c r="K5304" s="40">
        <v>12.809323591866841</v>
      </c>
      <c r="L5304" s="40"/>
      <c r="M5304" s="40"/>
      <c r="N5304" s="40"/>
    </row>
    <row r="5305" spans="4:14" x14ac:dyDescent="0.25">
      <c r="D5305" s="40">
        <v>88.279803000003895</v>
      </c>
      <c r="E5305" s="40">
        <v>20.578808273231576</v>
      </c>
      <c r="F5305" s="40">
        <v>88.266666999999984</v>
      </c>
      <c r="G5305" s="40">
        <v>20.195801371216607</v>
      </c>
      <c r="H5305" s="40">
        <v>88.266667000000012</v>
      </c>
      <c r="I5305" s="40">
        <v>16.882604239771489</v>
      </c>
      <c r="J5305" s="40">
        <v>88.2666348511911</v>
      </c>
      <c r="K5305" s="40">
        <v>12.814174635576073</v>
      </c>
      <c r="L5305" s="40"/>
      <c r="M5305" s="40"/>
      <c r="N5305" s="40"/>
    </row>
    <row r="5306" spans="4:14" x14ac:dyDescent="0.25">
      <c r="D5306" s="40">
        <v>88.296469000003896</v>
      </c>
      <c r="E5306" s="40">
        <v>20.578808273231576</v>
      </c>
      <c r="F5306" s="40">
        <v>88.283332999999999</v>
      </c>
      <c r="G5306" s="40">
        <v>20.195801371216607</v>
      </c>
      <c r="H5306" s="40">
        <v>88.283333999999996</v>
      </c>
      <c r="I5306" s="40">
        <v>16.882604239771489</v>
      </c>
      <c r="J5306" s="40">
        <v>88.283301511905407</v>
      </c>
      <c r="K5306" s="40">
        <v>12.814174635576073</v>
      </c>
      <c r="L5306" s="40"/>
      <c r="M5306" s="40"/>
      <c r="N5306" s="40"/>
    </row>
    <row r="5307" spans="4:14" x14ac:dyDescent="0.25">
      <c r="D5307" s="40">
        <v>88.313135000003896</v>
      </c>
      <c r="E5307" s="40">
        <v>20.578808273231576</v>
      </c>
      <c r="F5307" s="40">
        <v>88.299999999999983</v>
      </c>
      <c r="G5307" s="40">
        <v>20.195801371216607</v>
      </c>
      <c r="H5307" s="40">
        <v>88.300000000000011</v>
      </c>
      <c r="I5307" s="40">
        <v>16.885858366028252</v>
      </c>
      <c r="J5307" s="40">
        <v>88.2999681726197</v>
      </c>
      <c r="K5307" s="40">
        <v>12.818883001529008</v>
      </c>
      <c r="L5307" s="40"/>
      <c r="M5307" s="40"/>
      <c r="N5307" s="40"/>
    </row>
    <row r="5308" spans="4:14" x14ac:dyDescent="0.25">
      <c r="D5308" s="40">
        <v>88.329801000003897</v>
      </c>
      <c r="E5308" s="40">
        <v>20.578808273231576</v>
      </c>
      <c r="F5308" s="40">
        <v>88.316666999999995</v>
      </c>
      <c r="G5308" s="40">
        <v>20.195801371216607</v>
      </c>
      <c r="H5308" s="40">
        <v>88.316666999999995</v>
      </c>
      <c r="I5308" s="40">
        <v>16.885858366028252</v>
      </c>
      <c r="J5308" s="40">
        <v>88.316634833334007</v>
      </c>
      <c r="K5308" s="40">
        <v>12.818883001529008</v>
      </c>
      <c r="L5308" s="40"/>
      <c r="M5308" s="40"/>
      <c r="N5308" s="40"/>
    </row>
    <row r="5309" spans="4:14" x14ac:dyDescent="0.25">
      <c r="D5309" s="40">
        <v>88.346467000003898</v>
      </c>
      <c r="E5309" s="40">
        <v>20.578808273231576</v>
      </c>
      <c r="F5309" s="40">
        <v>88.333332999999982</v>
      </c>
      <c r="G5309" s="40">
        <v>20.200416755186506</v>
      </c>
      <c r="H5309" s="40">
        <v>88.333334000000008</v>
      </c>
      <c r="I5309" s="40">
        <v>16.889211102171512</v>
      </c>
      <c r="J5309" s="40">
        <v>88.3333014940483</v>
      </c>
      <c r="K5309" s="40">
        <v>12.82373404523824</v>
      </c>
      <c r="L5309" s="40"/>
      <c r="M5309" s="40"/>
      <c r="N5309" s="40"/>
    </row>
    <row r="5310" spans="4:14" x14ac:dyDescent="0.25">
      <c r="D5310" s="40">
        <v>88.363133000003899</v>
      </c>
      <c r="E5310" s="40">
        <v>20.578808273231576</v>
      </c>
      <c r="F5310" s="40">
        <v>88.35</v>
      </c>
      <c r="G5310" s="40">
        <v>20.200416755186506</v>
      </c>
      <c r="H5310" s="40">
        <v>88.35</v>
      </c>
      <c r="I5310" s="40">
        <v>16.892563838314768</v>
      </c>
      <c r="J5310" s="40">
        <v>88.349968154762607</v>
      </c>
      <c r="K5310" s="40">
        <v>12.82373404523824</v>
      </c>
      <c r="L5310" s="40"/>
      <c r="M5310" s="40"/>
      <c r="N5310" s="40"/>
    </row>
    <row r="5311" spans="4:14" x14ac:dyDescent="0.25">
      <c r="D5311" s="40">
        <v>88.379799000003899</v>
      </c>
      <c r="E5311" s="40">
        <v>20.578808273231576</v>
      </c>
      <c r="F5311" s="40">
        <v>88.366667000000007</v>
      </c>
      <c r="G5311" s="40">
        <v>20.200416755186506</v>
      </c>
      <c r="H5311" s="40">
        <v>88.366667000000007</v>
      </c>
      <c r="I5311" s="40">
        <v>16.892563838314768</v>
      </c>
      <c r="J5311" s="40">
        <v>88.3666348154769</v>
      </c>
      <c r="K5311" s="40">
        <v>12.82373404523824</v>
      </c>
      <c r="L5311" s="40"/>
      <c r="M5311" s="40"/>
      <c r="N5311" s="40"/>
    </row>
    <row r="5312" spans="4:14" x14ac:dyDescent="0.25">
      <c r="D5312" s="40">
        <v>88.3964650000039</v>
      </c>
      <c r="E5312" s="40">
        <v>20.578808273231576</v>
      </c>
      <c r="F5312" s="40">
        <v>88.383332999999993</v>
      </c>
      <c r="G5312" s="40">
        <v>20.200416755186506</v>
      </c>
      <c r="H5312" s="40">
        <v>88.383334000000019</v>
      </c>
      <c r="I5312" s="40">
        <v>16.895817964571531</v>
      </c>
      <c r="J5312" s="40">
        <v>88.383301476191093</v>
      </c>
      <c r="K5312" s="40">
        <v>12.82373404523824</v>
      </c>
      <c r="L5312" s="40"/>
      <c r="M5312" s="40"/>
      <c r="N5312" s="40"/>
    </row>
    <row r="5313" spans="4:14" x14ac:dyDescent="0.25">
      <c r="D5313" s="40">
        <v>88.413131000003901</v>
      </c>
      <c r="E5313" s="40">
        <v>20.583651451821126</v>
      </c>
      <c r="F5313" s="40">
        <v>88.4</v>
      </c>
      <c r="G5313" s="40">
        <v>20.205171999276725</v>
      </c>
      <c r="H5313" s="40">
        <v>88.4</v>
      </c>
      <c r="I5313" s="40">
        <v>16.899170700714965</v>
      </c>
      <c r="J5313" s="40">
        <v>88.3999681369054</v>
      </c>
      <c r="K5313" s="40">
        <v>12.828585088947472</v>
      </c>
      <c r="L5313" s="40"/>
      <c r="M5313" s="40"/>
      <c r="N5313" s="40"/>
    </row>
    <row r="5314" spans="4:14" x14ac:dyDescent="0.25">
      <c r="D5314" s="40">
        <v>88.429797000003902</v>
      </c>
      <c r="E5314" s="40">
        <v>20.583651451821126</v>
      </c>
      <c r="F5314" s="40">
        <v>88.41666699999999</v>
      </c>
      <c r="G5314" s="40">
        <v>20.205171999276725</v>
      </c>
      <c r="H5314" s="40">
        <v>88.416667000000018</v>
      </c>
      <c r="I5314" s="40">
        <v>16.899170700714965</v>
      </c>
      <c r="J5314" s="40">
        <v>88.416634797619693</v>
      </c>
      <c r="K5314" s="40">
        <v>12.828585088947472</v>
      </c>
      <c r="L5314" s="40"/>
      <c r="M5314" s="40"/>
      <c r="N5314" s="40"/>
    </row>
    <row r="5315" spans="4:14" x14ac:dyDescent="0.25">
      <c r="D5315" s="40">
        <v>88.446463000003902</v>
      </c>
      <c r="E5315" s="40">
        <v>20.583651451821126</v>
      </c>
      <c r="F5315" s="40">
        <v>88.433333000000005</v>
      </c>
      <c r="G5315" s="40">
        <v>20.205171999276725</v>
      </c>
      <c r="H5315" s="40">
        <v>88.433334000000002</v>
      </c>
      <c r="I5315" s="40">
        <v>16.902523436858221</v>
      </c>
      <c r="J5315" s="40">
        <v>88.433301458334</v>
      </c>
      <c r="K5315" s="40">
        <v>12.828585088947472</v>
      </c>
      <c r="L5315" s="40"/>
      <c r="M5315" s="40"/>
      <c r="N5315" s="40"/>
    </row>
    <row r="5316" spans="4:14" x14ac:dyDescent="0.25">
      <c r="D5316" s="40">
        <v>88.463129000003903</v>
      </c>
      <c r="E5316" s="40">
        <v>20.588352183981424</v>
      </c>
      <c r="F5316" s="40">
        <v>88.449999999999989</v>
      </c>
      <c r="G5316" s="40">
        <v>20.205171999276725</v>
      </c>
      <c r="H5316" s="40">
        <v>88.450000000000017</v>
      </c>
      <c r="I5316" s="40">
        <v>16.902523436858221</v>
      </c>
      <c r="J5316" s="40">
        <v>88.449968119048293</v>
      </c>
      <c r="K5316" s="40">
        <v>12.828585088947472</v>
      </c>
      <c r="L5316" s="40"/>
      <c r="M5316" s="40"/>
      <c r="N5316" s="40"/>
    </row>
    <row r="5317" spans="4:14" x14ac:dyDescent="0.25">
      <c r="D5317" s="40">
        <v>88.479795000003904</v>
      </c>
      <c r="E5317" s="40">
        <v>20.588352183981424</v>
      </c>
      <c r="F5317" s="40">
        <v>88.466667000000001</v>
      </c>
      <c r="G5317" s="40">
        <v>20.205171999276725</v>
      </c>
      <c r="H5317" s="40">
        <v>88.466667000000001</v>
      </c>
      <c r="I5317" s="40">
        <v>16.905777563114984</v>
      </c>
      <c r="J5317" s="40">
        <v>88.4666347797626</v>
      </c>
      <c r="K5317" s="40">
        <v>12.828585088947472</v>
      </c>
      <c r="L5317" s="40"/>
      <c r="M5317" s="40"/>
      <c r="N5317" s="40"/>
    </row>
    <row r="5318" spans="4:14" x14ac:dyDescent="0.25">
      <c r="D5318" s="40">
        <v>88.496461000003904</v>
      </c>
      <c r="E5318" s="40">
        <v>20.59319536257097</v>
      </c>
      <c r="F5318" s="40">
        <v>88.483332999999988</v>
      </c>
      <c r="G5318" s="40">
        <v>20.20992724336682</v>
      </c>
      <c r="H5318" s="40">
        <v>88.483334000000013</v>
      </c>
      <c r="I5318" s="40">
        <v>16.905777563114984</v>
      </c>
      <c r="J5318" s="40">
        <v>88.483301440476893</v>
      </c>
      <c r="K5318" s="40">
        <v>12.828585088947472</v>
      </c>
      <c r="L5318" s="40"/>
      <c r="M5318" s="40"/>
      <c r="N5318" s="40"/>
    </row>
    <row r="5319" spans="4:14" x14ac:dyDescent="0.25">
      <c r="D5319" s="40">
        <v>88.513127000003905</v>
      </c>
      <c r="E5319" s="40">
        <v>20.59319536257097</v>
      </c>
      <c r="F5319" s="40">
        <v>88.5</v>
      </c>
      <c r="G5319" s="40">
        <v>20.20992724336682</v>
      </c>
      <c r="H5319" s="40">
        <v>88.5</v>
      </c>
      <c r="I5319" s="40">
        <v>16.909130299258241</v>
      </c>
      <c r="J5319" s="40">
        <v>88.499968101191101</v>
      </c>
      <c r="K5319" s="40">
        <v>12.828585088947472</v>
      </c>
      <c r="L5319" s="40"/>
      <c r="M5319" s="40"/>
      <c r="N5319" s="40"/>
    </row>
    <row r="5320" spans="4:14" x14ac:dyDescent="0.25">
      <c r="D5320" s="40">
        <v>88.529793000003906</v>
      </c>
      <c r="E5320" s="40">
        <v>20.59319536257097</v>
      </c>
      <c r="F5320" s="40">
        <v>88.516666999999984</v>
      </c>
      <c r="G5320" s="40">
        <v>20.214542627336719</v>
      </c>
      <c r="H5320" s="40">
        <v>88.516667000000012</v>
      </c>
      <c r="I5320" s="40">
        <v>16.912483035401674</v>
      </c>
      <c r="J5320" s="40">
        <v>88.516634761905394</v>
      </c>
      <c r="K5320" s="40">
        <v>12.828585088947472</v>
      </c>
      <c r="L5320" s="40"/>
      <c r="M5320" s="40"/>
      <c r="N5320" s="40"/>
    </row>
    <row r="5321" spans="4:14" x14ac:dyDescent="0.25">
      <c r="D5321" s="40">
        <v>88.546459000003907</v>
      </c>
      <c r="E5321" s="40">
        <v>20.59319536257097</v>
      </c>
      <c r="F5321" s="40">
        <v>88.533332999999999</v>
      </c>
      <c r="G5321" s="40">
        <v>20.214542627336719</v>
      </c>
      <c r="H5321" s="40">
        <v>88.533333999999996</v>
      </c>
      <c r="I5321" s="40">
        <v>16.912483035401674</v>
      </c>
      <c r="J5321" s="40">
        <v>88.533301422619701</v>
      </c>
      <c r="K5321" s="40">
        <v>12.828585088947472</v>
      </c>
      <c r="L5321" s="40"/>
      <c r="M5321" s="40"/>
      <c r="N5321" s="40"/>
    </row>
    <row r="5322" spans="4:14" x14ac:dyDescent="0.25">
      <c r="D5322" s="40">
        <v>88.563125000003907</v>
      </c>
      <c r="E5322" s="40">
        <v>20.59319536257097</v>
      </c>
      <c r="F5322" s="40">
        <v>88.549999999999983</v>
      </c>
      <c r="G5322" s="40">
        <v>20.214542627336719</v>
      </c>
      <c r="H5322" s="40">
        <v>88.550000000000011</v>
      </c>
      <c r="I5322" s="40">
        <v>16.915737161658264</v>
      </c>
      <c r="J5322" s="40">
        <v>88.549968083333994</v>
      </c>
      <c r="K5322" s="40">
        <v>12.828585088947472</v>
      </c>
      <c r="L5322" s="40"/>
      <c r="M5322" s="40"/>
      <c r="N5322" s="40"/>
    </row>
    <row r="5323" spans="4:14" x14ac:dyDescent="0.25">
      <c r="D5323" s="40">
        <v>88.579791000003908</v>
      </c>
      <c r="E5323" s="40">
        <v>20.59319536257097</v>
      </c>
      <c r="F5323" s="40">
        <v>88.566666999999995</v>
      </c>
      <c r="G5323" s="40">
        <v>20.219297871426939</v>
      </c>
      <c r="H5323" s="40">
        <v>88.566666999999995</v>
      </c>
      <c r="I5323" s="40">
        <v>16.915737161658264</v>
      </c>
      <c r="J5323" s="40">
        <v>88.566634744048301</v>
      </c>
      <c r="K5323" s="40">
        <v>12.828585088947472</v>
      </c>
      <c r="L5323" s="40"/>
      <c r="M5323" s="40"/>
      <c r="N5323" s="40"/>
    </row>
    <row r="5324" spans="4:14" x14ac:dyDescent="0.25">
      <c r="D5324" s="40">
        <v>88.596457000003909</v>
      </c>
      <c r="E5324" s="40">
        <v>20.598038541160523</v>
      </c>
      <c r="F5324" s="40">
        <v>88.583332999999982</v>
      </c>
      <c r="G5324" s="40">
        <v>20.219297871426939</v>
      </c>
      <c r="H5324" s="40">
        <v>88.583334000000008</v>
      </c>
      <c r="I5324" s="40">
        <v>16.919089897801697</v>
      </c>
      <c r="J5324" s="40">
        <v>88.583301404762594</v>
      </c>
      <c r="K5324" s="40">
        <v>12.828585088947472</v>
      </c>
      <c r="L5324" s="40"/>
      <c r="M5324" s="40"/>
      <c r="N5324" s="40"/>
    </row>
    <row r="5325" spans="4:14" x14ac:dyDescent="0.25">
      <c r="D5325" s="40">
        <v>88.61312300000391</v>
      </c>
      <c r="E5325" s="40">
        <v>20.598038541160523</v>
      </c>
      <c r="F5325" s="40">
        <v>88.6</v>
      </c>
      <c r="G5325" s="40">
        <v>20.224053115517158</v>
      </c>
      <c r="H5325" s="40">
        <v>88.6</v>
      </c>
      <c r="I5325" s="40">
        <v>16.919089897801697</v>
      </c>
      <c r="J5325" s="40">
        <v>88.599968065476901</v>
      </c>
      <c r="K5325" s="40">
        <v>12.828585088947472</v>
      </c>
      <c r="L5325" s="40"/>
      <c r="M5325" s="40"/>
      <c r="N5325" s="40"/>
    </row>
    <row r="5326" spans="4:14" x14ac:dyDescent="0.25">
      <c r="D5326" s="40">
        <v>88.62978900000391</v>
      </c>
      <c r="E5326" s="40">
        <v>20.602739273320946</v>
      </c>
      <c r="F5326" s="40">
        <v>88.616667000000007</v>
      </c>
      <c r="G5326" s="40">
        <v>20.224053115517158</v>
      </c>
      <c r="H5326" s="40">
        <v>88.616667000000007</v>
      </c>
      <c r="I5326" s="40">
        <v>16.92244263394495</v>
      </c>
      <c r="J5326" s="40">
        <v>88.616634726191094</v>
      </c>
      <c r="K5326" s="40">
        <v>12.828585088947472</v>
      </c>
      <c r="L5326" s="40"/>
      <c r="M5326" s="40"/>
      <c r="N5326" s="40"/>
    </row>
    <row r="5327" spans="4:14" x14ac:dyDescent="0.25">
      <c r="D5327" s="40">
        <v>88.646455000003911</v>
      </c>
      <c r="E5327" s="40">
        <v>20.602739273320946</v>
      </c>
      <c r="F5327" s="40">
        <v>88.633332999999993</v>
      </c>
      <c r="G5327" s="40">
        <v>20.228668499486933</v>
      </c>
      <c r="H5327" s="40">
        <v>88.633334000000019</v>
      </c>
      <c r="I5327" s="40">
        <v>16.92244263394495</v>
      </c>
      <c r="J5327" s="40">
        <v>88.633301386905401</v>
      </c>
      <c r="K5327" s="40">
        <v>12.833293454900531</v>
      </c>
      <c r="L5327" s="40"/>
      <c r="M5327" s="40"/>
      <c r="N5327" s="40"/>
    </row>
    <row r="5328" spans="4:14" x14ac:dyDescent="0.25">
      <c r="D5328" s="40">
        <v>88.663121000003912</v>
      </c>
      <c r="E5328" s="40">
        <v>20.602739273320946</v>
      </c>
      <c r="F5328" s="40">
        <v>88.65</v>
      </c>
      <c r="G5328" s="40">
        <v>20.228668499486933</v>
      </c>
      <c r="H5328" s="40">
        <v>88.65</v>
      </c>
      <c r="I5328" s="40">
        <v>16.925696760201713</v>
      </c>
      <c r="J5328" s="40">
        <v>88.649968047619694</v>
      </c>
      <c r="K5328" s="40">
        <v>12.833293454900531</v>
      </c>
      <c r="L5328" s="40"/>
      <c r="M5328" s="40"/>
      <c r="N5328" s="40"/>
    </row>
    <row r="5329" spans="4:14" x14ac:dyDescent="0.25">
      <c r="D5329" s="40">
        <v>88.679787000003913</v>
      </c>
      <c r="E5329" s="40">
        <v>20.602739273320946</v>
      </c>
      <c r="F5329" s="40">
        <v>88.66666699999999</v>
      </c>
      <c r="G5329" s="40">
        <v>20.228668499486933</v>
      </c>
      <c r="H5329" s="40">
        <v>88.666667000000018</v>
      </c>
      <c r="I5329" s="40">
        <v>16.925696760201713</v>
      </c>
      <c r="J5329" s="40">
        <v>88.666634708334001</v>
      </c>
      <c r="K5329" s="40">
        <v>12.833293454900531</v>
      </c>
      <c r="L5329" s="40"/>
      <c r="M5329" s="40"/>
      <c r="N5329" s="40"/>
    </row>
    <row r="5330" spans="4:14" x14ac:dyDescent="0.25">
      <c r="D5330" s="40">
        <v>88.696453000003913</v>
      </c>
      <c r="E5330" s="40">
        <v>20.607582451910371</v>
      </c>
      <c r="F5330" s="40">
        <v>88.683333000000005</v>
      </c>
      <c r="G5330" s="40">
        <v>20.228668499486933</v>
      </c>
      <c r="H5330" s="40">
        <v>88.683334000000002</v>
      </c>
      <c r="I5330" s="40">
        <v>16.92904949634497</v>
      </c>
      <c r="J5330" s="40">
        <v>88.683301369048294</v>
      </c>
      <c r="K5330" s="40">
        <v>12.833293454900531</v>
      </c>
      <c r="L5330" s="40"/>
      <c r="M5330" s="40"/>
      <c r="N5330" s="40"/>
    </row>
    <row r="5331" spans="4:14" x14ac:dyDescent="0.25">
      <c r="D5331" s="40">
        <v>88.713119000003914</v>
      </c>
      <c r="E5331" s="40">
        <v>20.607582451910371</v>
      </c>
      <c r="F5331" s="40">
        <v>88.699999999999989</v>
      </c>
      <c r="G5331" s="40">
        <v>20.233423743577152</v>
      </c>
      <c r="H5331" s="40">
        <v>88.700000000000017</v>
      </c>
      <c r="I5331" s="40">
        <v>16.92904949634497</v>
      </c>
      <c r="J5331" s="40">
        <v>88.699968029762601</v>
      </c>
      <c r="K5331" s="40">
        <v>12.833293454900531</v>
      </c>
      <c r="L5331" s="40"/>
      <c r="M5331" s="40"/>
      <c r="N5331" s="40"/>
    </row>
    <row r="5332" spans="4:14" x14ac:dyDescent="0.25">
      <c r="D5332" s="40">
        <v>88.729785000003915</v>
      </c>
      <c r="E5332" s="40">
        <v>20.607582451910371</v>
      </c>
      <c r="F5332" s="40">
        <v>88.716667000000001</v>
      </c>
      <c r="G5332" s="40">
        <v>20.233423743577152</v>
      </c>
      <c r="H5332" s="40">
        <v>88.716667000000001</v>
      </c>
      <c r="I5332" s="40">
        <v>16.932402232488403</v>
      </c>
      <c r="J5332" s="40">
        <v>88.716634690476894</v>
      </c>
      <c r="K5332" s="40">
        <v>12.828585088947472</v>
      </c>
      <c r="L5332" s="40"/>
      <c r="M5332" s="40"/>
      <c r="N5332" s="40"/>
    </row>
    <row r="5333" spans="4:14" x14ac:dyDescent="0.25">
      <c r="D5333" s="40">
        <v>88.746451000003916</v>
      </c>
      <c r="E5333" s="40">
        <v>20.607582451910371</v>
      </c>
      <c r="F5333" s="40">
        <v>88.733332999999988</v>
      </c>
      <c r="G5333" s="40">
        <v>20.233423743577152</v>
      </c>
      <c r="H5333" s="40">
        <v>88.733334000000013</v>
      </c>
      <c r="I5333" s="40">
        <v>16.935656358745167</v>
      </c>
      <c r="J5333" s="40">
        <v>88.733301351191102</v>
      </c>
      <c r="K5333" s="40">
        <v>12.828585088947472</v>
      </c>
      <c r="L5333" s="40"/>
      <c r="M5333" s="40"/>
      <c r="N5333" s="40"/>
    </row>
    <row r="5334" spans="4:14" x14ac:dyDescent="0.25">
      <c r="D5334" s="40">
        <v>88.763117000003916</v>
      </c>
      <c r="E5334" s="40">
        <v>20.612425630499917</v>
      </c>
      <c r="F5334" s="40">
        <v>88.75</v>
      </c>
      <c r="G5334" s="40">
        <v>20.233423743577152</v>
      </c>
      <c r="H5334" s="40">
        <v>88.75</v>
      </c>
      <c r="I5334" s="40">
        <v>16.935656358745167</v>
      </c>
      <c r="J5334" s="40">
        <v>88.749968011905395</v>
      </c>
      <c r="K5334" s="40">
        <v>12.828585088947472</v>
      </c>
      <c r="L5334" s="40"/>
      <c r="M5334" s="40"/>
      <c r="N5334" s="40"/>
    </row>
    <row r="5335" spans="4:14" x14ac:dyDescent="0.25">
      <c r="D5335" s="40">
        <v>88.779783000003917</v>
      </c>
      <c r="E5335" s="40">
        <v>20.612425630499917</v>
      </c>
      <c r="F5335" s="40">
        <v>88.766666999999984</v>
      </c>
      <c r="G5335" s="40">
        <v>20.233423743577152</v>
      </c>
      <c r="H5335" s="40">
        <v>88.766667000000012</v>
      </c>
      <c r="I5335" s="40">
        <v>16.939009094888426</v>
      </c>
      <c r="J5335" s="40">
        <v>88.766634672619702</v>
      </c>
      <c r="K5335" s="40">
        <v>12.833293454900531</v>
      </c>
      <c r="L5335" s="40"/>
      <c r="M5335" s="40"/>
      <c r="N5335" s="40"/>
    </row>
    <row r="5336" spans="4:14" x14ac:dyDescent="0.25">
      <c r="D5336" s="40">
        <v>88.796449000003918</v>
      </c>
      <c r="E5336" s="40">
        <v>20.612425630499917</v>
      </c>
      <c r="F5336" s="40">
        <v>88.783332999999999</v>
      </c>
      <c r="G5336" s="40">
        <v>20.238178987667375</v>
      </c>
      <c r="H5336" s="40">
        <v>88.783333999999996</v>
      </c>
      <c r="I5336" s="40">
        <v>16.942361831031679</v>
      </c>
      <c r="J5336" s="40">
        <v>88.783301333333995</v>
      </c>
      <c r="K5336" s="40">
        <v>12.833293454900531</v>
      </c>
      <c r="L5336" s="40"/>
      <c r="M5336" s="40"/>
      <c r="N5336" s="40"/>
    </row>
    <row r="5337" spans="4:14" x14ac:dyDescent="0.25">
      <c r="D5337" s="40">
        <v>88.813115000003918</v>
      </c>
      <c r="E5337" s="40">
        <v>20.612425630499917</v>
      </c>
      <c r="F5337" s="40">
        <v>88.799999999999983</v>
      </c>
      <c r="G5337" s="40">
        <v>20.238178987667375</v>
      </c>
      <c r="H5337" s="40">
        <v>88.800000000000011</v>
      </c>
      <c r="I5337" s="40">
        <v>16.942361831031679</v>
      </c>
      <c r="J5337" s="40">
        <v>88.799967994048302</v>
      </c>
      <c r="K5337" s="40">
        <v>12.833293454900531</v>
      </c>
      <c r="L5337" s="40"/>
      <c r="M5337" s="40"/>
      <c r="N5337" s="40"/>
    </row>
    <row r="5338" spans="4:14" x14ac:dyDescent="0.25">
      <c r="D5338" s="40">
        <v>88.829781000003919</v>
      </c>
      <c r="E5338" s="40">
        <v>20.612425630499917</v>
      </c>
      <c r="F5338" s="40">
        <v>88.816666999999995</v>
      </c>
      <c r="G5338" s="40">
        <v>20.238178987667375</v>
      </c>
      <c r="H5338" s="40">
        <v>88.816666999999995</v>
      </c>
      <c r="I5338" s="40">
        <v>16.945615957288442</v>
      </c>
      <c r="J5338" s="40">
        <v>88.816634654762595</v>
      </c>
      <c r="K5338" s="40">
        <v>12.833293454900531</v>
      </c>
      <c r="L5338" s="40"/>
      <c r="M5338" s="40"/>
      <c r="N5338" s="40"/>
    </row>
    <row r="5339" spans="4:14" x14ac:dyDescent="0.25">
      <c r="D5339" s="40">
        <v>88.84644700000392</v>
      </c>
      <c r="E5339" s="40">
        <v>20.612425630499917</v>
      </c>
      <c r="F5339" s="40">
        <v>88.833332999999982</v>
      </c>
      <c r="G5339" s="40">
        <v>20.238178987667375</v>
      </c>
      <c r="H5339" s="40">
        <v>88.833334000000008</v>
      </c>
      <c r="I5339" s="40">
        <v>16.948968693431702</v>
      </c>
      <c r="J5339" s="40">
        <v>88.833301315476902</v>
      </c>
      <c r="K5339" s="40">
        <v>12.833293454900531</v>
      </c>
      <c r="L5339" s="40"/>
      <c r="M5339" s="40"/>
      <c r="N5339" s="40"/>
    </row>
    <row r="5340" spans="4:14" x14ac:dyDescent="0.25">
      <c r="D5340" s="40">
        <v>88.863113000003921</v>
      </c>
      <c r="E5340" s="40">
        <v>20.612425630499917</v>
      </c>
      <c r="F5340" s="40">
        <v>88.85</v>
      </c>
      <c r="G5340" s="40">
        <v>20.242794371637149</v>
      </c>
      <c r="H5340" s="40">
        <v>88.85</v>
      </c>
      <c r="I5340" s="40">
        <v>16.952321429575136</v>
      </c>
      <c r="J5340" s="40">
        <v>88.849967976191095</v>
      </c>
      <c r="K5340" s="40">
        <v>12.838144498609637</v>
      </c>
      <c r="L5340" s="40"/>
      <c r="M5340" s="40"/>
      <c r="N5340" s="40"/>
    </row>
    <row r="5341" spans="4:14" x14ac:dyDescent="0.25">
      <c r="D5341" s="40">
        <v>88.879779000003921</v>
      </c>
      <c r="E5341" s="40">
        <v>20.612425630499917</v>
      </c>
      <c r="F5341" s="40">
        <v>88.866667000000007</v>
      </c>
      <c r="G5341" s="40">
        <v>20.242794371637149</v>
      </c>
      <c r="H5341" s="40">
        <v>88.866667000000007</v>
      </c>
      <c r="I5341" s="40">
        <v>16.952321429575136</v>
      </c>
      <c r="J5341" s="40">
        <v>88.866634636905403</v>
      </c>
      <c r="K5341" s="40">
        <v>12.838144498609637</v>
      </c>
      <c r="L5341" s="40"/>
      <c r="M5341" s="40"/>
      <c r="N5341" s="40"/>
    </row>
    <row r="5342" spans="4:14" x14ac:dyDescent="0.25">
      <c r="D5342" s="40">
        <v>88.896445000003922</v>
      </c>
      <c r="E5342" s="40">
        <v>20.612425630499917</v>
      </c>
      <c r="F5342" s="40">
        <v>88.883332999999993</v>
      </c>
      <c r="G5342" s="40">
        <v>20.247549615727369</v>
      </c>
      <c r="H5342" s="40">
        <v>88.883334000000019</v>
      </c>
      <c r="I5342" s="40">
        <v>16.955575555831899</v>
      </c>
      <c r="J5342" s="40">
        <v>88.883301297619695</v>
      </c>
      <c r="K5342" s="40">
        <v>12.838144498609637</v>
      </c>
      <c r="L5342" s="40"/>
      <c r="M5342" s="40"/>
      <c r="N5342" s="40"/>
    </row>
    <row r="5343" spans="4:14" x14ac:dyDescent="0.25">
      <c r="D5343" s="40">
        <v>88.913111000003923</v>
      </c>
      <c r="E5343" s="40">
        <v>20.612425630499917</v>
      </c>
      <c r="F5343" s="40">
        <v>88.9</v>
      </c>
      <c r="G5343" s="40">
        <v>20.247549615727369</v>
      </c>
      <c r="H5343" s="40">
        <v>88.9</v>
      </c>
      <c r="I5343" s="40">
        <v>16.958928291975155</v>
      </c>
      <c r="J5343" s="40">
        <v>88.899967958334003</v>
      </c>
      <c r="K5343" s="40">
        <v>12.842995542318869</v>
      </c>
      <c r="L5343" s="40"/>
      <c r="M5343" s="40"/>
      <c r="N5343" s="40"/>
    </row>
    <row r="5344" spans="4:14" x14ac:dyDescent="0.25">
      <c r="D5344" s="40">
        <v>88.929777000003924</v>
      </c>
      <c r="E5344" s="40">
        <v>20.612425630499917</v>
      </c>
      <c r="F5344" s="40">
        <v>88.91666699999999</v>
      </c>
      <c r="G5344" s="40">
        <v>20.247549615727369</v>
      </c>
      <c r="H5344" s="40">
        <v>88.916667000000018</v>
      </c>
      <c r="I5344" s="40">
        <v>16.958928291975155</v>
      </c>
      <c r="J5344" s="40">
        <v>88.916634619048295</v>
      </c>
      <c r="K5344" s="40">
        <v>12.842995542318869</v>
      </c>
      <c r="L5344" s="40"/>
      <c r="M5344" s="40"/>
      <c r="N5344" s="40"/>
    </row>
    <row r="5345" spans="4:14" x14ac:dyDescent="0.25">
      <c r="D5345" s="40">
        <v>88.946443000003924</v>
      </c>
      <c r="E5345" s="40">
        <v>20.612425630499917</v>
      </c>
      <c r="F5345" s="40">
        <v>88.933333000000005</v>
      </c>
      <c r="G5345" s="40">
        <v>20.247549615727369</v>
      </c>
      <c r="H5345" s="40">
        <v>88.933334000000002</v>
      </c>
      <c r="I5345" s="40">
        <v>16.962281028118412</v>
      </c>
      <c r="J5345" s="40">
        <v>88.933301279762603</v>
      </c>
      <c r="K5345" s="40">
        <v>12.842995542318869</v>
      </c>
      <c r="L5345" s="40"/>
      <c r="M5345" s="40"/>
      <c r="N5345" s="40"/>
    </row>
    <row r="5346" spans="4:14" x14ac:dyDescent="0.25">
      <c r="D5346" s="40">
        <v>88.963109000003925</v>
      </c>
      <c r="E5346" s="40">
        <v>20.612425630499917</v>
      </c>
      <c r="F5346" s="40">
        <v>88.949999999999989</v>
      </c>
      <c r="G5346" s="40">
        <v>20.247549615727369</v>
      </c>
      <c r="H5346" s="40">
        <v>88.950000000000017</v>
      </c>
      <c r="I5346" s="40">
        <v>16.965535154375171</v>
      </c>
      <c r="J5346" s="40">
        <v>88.949967940476895</v>
      </c>
      <c r="K5346" s="40">
        <v>12.842995542318869</v>
      </c>
      <c r="L5346" s="40"/>
      <c r="M5346" s="40"/>
      <c r="N5346" s="40"/>
    </row>
    <row r="5347" spans="4:14" x14ac:dyDescent="0.25">
      <c r="D5347" s="40">
        <v>88.979775000003926</v>
      </c>
      <c r="E5347" s="40">
        <v>20.612425630499917</v>
      </c>
      <c r="F5347" s="40">
        <v>88.966667000000001</v>
      </c>
      <c r="G5347" s="40">
        <v>20.252304859817588</v>
      </c>
      <c r="H5347" s="40">
        <v>88.966667000000001</v>
      </c>
      <c r="I5347" s="40">
        <v>16.965535154375171</v>
      </c>
      <c r="J5347" s="40">
        <v>88.966634601191103</v>
      </c>
      <c r="K5347" s="40">
        <v>12.84770390827193</v>
      </c>
      <c r="L5347" s="40"/>
      <c r="M5347" s="40"/>
      <c r="N5347" s="40"/>
    </row>
    <row r="5348" spans="4:14" x14ac:dyDescent="0.25">
      <c r="D5348" s="40">
        <v>88.996441000003927</v>
      </c>
      <c r="E5348" s="40">
        <v>20.612425630499917</v>
      </c>
      <c r="F5348" s="40">
        <v>88.983332999999988</v>
      </c>
      <c r="G5348" s="40">
        <v>20.252304859817588</v>
      </c>
      <c r="H5348" s="40">
        <v>88.983334000000013</v>
      </c>
      <c r="I5348" s="40">
        <v>16.968887890518605</v>
      </c>
      <c r="J5348" s="40">
        <v>88.983301261905396</v>
      </c>
      <c r="K5348" s="40">
        <v>12.84770390827193</v>
      </c>
      <c r="L5348" s="40"/>
      <c r="M5348" s="40"/>
      <c r="N5348" s="40"/>
    </row>
    <row r="5349" spans="4:14" x14ac:dyDescent="0.25">
      <c r="D5349" s="40">
        <v>89.013107000003927</v>
      </c>
      <c r="E5349" s="40">
        <v>20.607582451910371</v>
      </c>
      <c r="F5349" s="40">
        <v>89</v>
      </c>
      <c r="G5349" s="40">
        <v>20.252304859817588</v>
      </c>
      <c r="H5349" s="40">
        <v>89</v>
      </c>
      <c r="I5349" s="40">
        <v>16.972240626661865</v>
      </c>
      <c r="J5349" s="40">
        <v>88.999967922619703</v>
      </c>
      <c r="K5349" s="40">
        <v>12.84770390827193</v>
      </c>
      <c r="L5349" s="40"/>
      <c r="M5349" s="40"/>
      <c r="N5349" s="40"/>
    </row>
    <row r="5350" spans="4:14" x14ac:dyDescent="0.25">
      <c r="D5350" s="40">
        <v>89.029773000003928</v>
      </c>
      <c r="E5350" s="40">
        <v>20.607582451910371</v>
      </c>
      <c r="F5350" s="40">
        <v>89.016666999999984</v>
      </c>
      <c r="G5350" s="40">
        <v>20.252304859817588</v>
      </c>
      <c r="H5350" s="40">
        <v>89.016667000000012</v>
      </c>
      <c r="I5350" s="40">
        <v>16.972240626661865</v>
      </c>
      <c r="J5350" s="40">
        <v>89.016634583333996</v>
      </c>
      <c r="K5350" s="40">
        <v>12.84770390827193</v>
      </c>
      <c r="L5350" s="40"/>
      <c r="M5350" s="40"/>
      <c r="N5350" s="40"/>
    </row>
    <row r="5351" spans="4:14" x14ac:dyDescent="0.25">
      <c r="D5351" s="40">
        <v>89.046439000003929</v>
      </c>
      <c r="E5351" s="40">
        <v>20.607582451910371</v>
      </c>
      <c r="F5351" s="40">
        <v>89.033332999999999</v>
      </c>
      <c r="G5351" s="40">
        <v>20.252304859817588</v>
      </c>
      <c r="H5351" s="40">
        <v>89.033333999999996</v>
      </c>
      <c r="I5351" s="40">
        <v>16.975494752918628</v>
      </c>
      <c r="J5351" s="40">
        <v>89.033301244048303</v>
      </c>
      <c r="K5351" s="40">
        <v>12.852554951981036</v>
      </c>
      <c r="L5351" s="40"/>
      <c r="M5351" s="40"/>
      <c r="N5351" s="40"/>
    </row>
    <row r="5352" spans="4:14" x14ac:dyDescent="0.25">
      <c r="D5352" s="40">
        <v>89.063105000003929</v>
      </c>
      <c r="E5352" s="40">
        <v>20.612425630499917</v>
      </c>
      <c r="F5352" s="40">
        <v>89.049999999999983</v>
      </c>
      <c r="G5352" s="40">
        <v>20.256920243787487</v>
      </c>
      <c r="H5352" s="40">
        <v>89.050000000000011</v>
      </c>
      <c r="I5352" s="40">
        <v>16.978847489061884</v>
      </c>
      <c r="J5352" s="40">
        <v>89.049967904762596</v>
      </c>
      <c r="K5352" s="40">
        <v>12.852554951981036</v>
      </c>
      <c r="L5352" s="40"/>
      <c r="M5352" s="40"/>
      <c r="N5352" s="40"/>
    </row>
    <row r="5353" spans="4:14" x14ac:dyDescent="0.25">
      <c r="D5353" s="40">
        <v>89.07977100000393</v>
      </c>
      <c r="E5353" s="40">
        <v>20.612425630499917</v>
      </c>
      <c r="F5353" s="40">
        <v>89.066666999999995</v>
      </c>
      <c r="G5353" s="40">
        <v>20.256920243787487</v>
      </c>
      <c r="H5353" s="40">
        <v>89.066666999999995</v>
      </c>
      <c r="I5353" s="40">
        <v>16.978847489061884</v>
      </c>
      <c r="J5353" s="40">
        <v>89.066634565476903</v>
      </c>
      <c r="K5353" s="40">
        <v>12.852554951981036</v>
      </c>
      <c r="L5353" s="40"/>
      <c r="M5353" s="40"/>
      <c r="N5353" s="40"/>
    </row>
    <row r="5354" spans="4:14" x14ac:dyDescent="0.25">
      <c r="D5354" s="40">
        <v>89.096437000003931</v>
      </c>
      <c r="E5354" s="40">
        <v>20.612425630499917</v>
      </c>
      <c r="F5354" s="40">
        <v>89.083332999999982</v>
      </c>
      <c r="G5354" s="40">
        <v>20.256920243787487</v>
      </c>
      <c r="H5354" s="40">
        <v>89.083334000000008</v>
      </c>
      <c r="I5354" s="40">
        <v>16.98220022520514</v>
      </c>
      <c r="J5354" s="40">
        <v>89.083301226191097</v>
      </c>
      <c r="K5354" s="40">
        <v>12.852554951981036</v>
      </c>
      <c r="L5354" s="40"/>
      <c r="M5354" s="40"/>
      <c r="N5354" s="40"/>
    </row>
    <row r="5355" spans="4:14" x14ac:dyDescent="0.25">
      <c r="D5355" s="40">
        <v>89.113103000003932</v>
      </c>
      <c r="E5355" s="40">
        <v>20.612425630499917</v>
      </c>
      <c r="F5355" s="40">
        <v>89.1</v>
      </c>
      <c r="G5355" s="40">
        <v>20.261675487877582</v>
      </c>
      <c r="H5355" s="40">
        <v>89.1</v>
      </c>
      <c r="I5355" s="40">
        <v>16.985454351461904</v>
      </c>
      <c r="J5355" s="40">
        <v>89.099967886905404</v>
      </c>
      <c r="K5355" s="40">
        <v>12.852554951981036</v>
      </c>
      <c r="L5355" s="40"/>
      <c r="M5355" s="40"/>
      <c r="N5355" s="40"/>
    </row>
    <row r="5356" spans="4:14" x14ac:dyDescent="0.25">
      <c r="D5356" s="40">
        <v>89.129769000003932</v>
      </c>
      <c r="E5356" s="40">
        <v>20.612425630499917</v>
      </c>
      <c r="F5356" s="40">
        <v>89.116667000000007</v>
      </c>
      <c r="G5356" s="40">
        <v>20.261675487877582</v>
      </c>
      <c r="H5356" s="40">
        <v>89.116667000000007</v>
      </c>
      <c r="I5356" s="40">
        <v>16.985454351461904</v>
      </c>
      <c r="J5356" s="40">
        <v>89.116634547619697</v>
      </c>
      <c r="K5356" s="40">
        <v>12.857405995690266</v>
      </c>
      <c r="L5356" s="40"/>
      <c r="M5356" s="40"/>
      <c r="N5356" s="40"/>
    </row>
    <row r="5357" spans="4:14" x14ac:dyDescent="0.25">
      <c r="D5357" s="40">
        <v>89.146435000003933</v>
      </c>
      <c r="E5357" s="40">
        <v>20.607582451910371</v>
      </c>
      <c r="F5357" s="40">
        <v>89.133332999999993</v>
      </c>
      <c r="G5357" s="40">
        <v>20.261675487877582</v>
      </c>
      <c r="H5357" s="40">
        <v>89.133334000000019</v>
      </c>
      <c r="I5357" s="40">
        <v>16.988807087605338</v>
      </c>
      <c r="J5357" s="40">
        <v>89.133301208334004</v>
      </c>
      <c r="K5357" s="40">
        <v>12.857405995690266</v>
      </c>
      <c r="L5357" s="40"/>
      <c r="M5357" s="40"/>
      <c r="N5357" s="40"/>
    </row>
    <row r="5358" spans="4:14" x14ac:dyDescent="0.25">
      <c r="D5358" s="40">
        <v>89.163101000003934</v>
      </c>
      <c r="E5358" s="40">
        <v>20.607582451910371</v>
      </c>
      <c r="F5358" s="40">
        <v>89.15</v>
      </c>
      <c r="G5358" s="40">
        <v>20.266430731967802</v>
      </c>
      <c r="H5358" s="40">
        <v>89.15</v>
      </c>
      <c r="I5358" s="40">
        <v>16.992159823748594</v>
      </c>
      <c r="J5358" s="40">
        <v>89.149967869048297</v>
      </c>
      <c r="K5358" s="40">
        <v>12.857405995690266</v>
      </c>
      <c r="L5358" s="40"/>
      <c r="M5358" s="40"/>
      <c r="N5358" s="40"/>
    </row>
    <row r="5359" spans="4:14" x14ac:dyDescent="0.25">
      <c r="D5359" s="40">
        <v>89.179767000003935</v>
      </c>
      <c r="E5359" s="40">
        <v>20.602739273320946</v>
      </c>
      <c r="F5359" s="40">
        <v>89.16666699999999</v>
      </c>
      <c r="G5359" s="40">
        <v>20.266430731967802</v>
      </c>
      <c r="H5359" s="40">
        <v>89.166667000000018</v>
      </c>
      <c r="I5359" s="40">
        <v>16.992159823748594</v>
      </c>
      <c r="J5359" s="40">
        <v>89.166634529762604</v>
      </c>
      <c r="K5359" s="40">
        <v>12.857405995690266</v>
      </c>
      <c r="L5359" s="40"/>
      <c r="M5359" s="40"/>
      <c r="N5359" s="40"/>
    </row>
    <row r="5360" spans="4:14" x14ac:dyDescent="0.25">
      <c r="D5360" s="40">
        <v>89.196433000003935</v>
      </c>
      <c r="E5360" s="40">
        <v>20.602739273320946</v>
      </c>
      <c r="F5360" s="40">
        <v>89.183333000000005</v>
      </c>
      <c r="G5360" s="40">
        <v>20.266430731967802</v>
      </c>
      <c r="H5360" s="40">
        <v>89.183334000000002</v>
      </c>
      <c r="I5360" s="40">
        <v>16.995413950005357</v>
      </c>
      <c r="J5360" s="40">
        <v>89.183301190476897</v>
      </c>
      <c r="K5360" s="40">
        <v>12.857405995690266</v>
      </c>
      <c r="L5360" s="40"/>
      <c r="M5360" s="40"/>
      <c r="N5360" s="40"/>
    </row>
    <row r="5361" spans="4:14" x14ac:dyDescent="0.25">
      <c r="D5361" s="40">
        <v>89.213099000003936</v>
      </c>
      <c r="E5361" s="40">
        <v>20.602739273320946</v>
      </c>
      <c r="F5361" s="40">
        <v>89.199999999999989</v>
      </c>
      <c r="G5361" s="40">
        <v>20.2710461159377</v>
      </c>
      <c r="H5361" s="40">
        <v>89.200000000000017</v>
      </c>
      <c r="I5361" s="40">
        <v>16.995413950005357</v>
      </c>
      <c r="J5361" s="40">
        <v>89.199967851191104</v>
      </c>
      <c r="K5361" s="40">
        <v>12.857405995690266</v>
      </c>
      <c r="L5361" s="40"/>
      <c r="M5361" s="40"/>
      <c r="N5361" s="40"/>
    </row>
    <row r="5362" spans="4:14" x14ac:dyDescent="0.25">
      <c r="D5362" s="40">
        <v>89.229765000003937</v>
      </c>
      <c r="E5362" s="40">
        <v>20.598038541160523</v>
      </c>
      <c r="F5362" s="40">
        <v>89.216667000000001</v>
      </c>
      <c r="G5362" s="40">
        <v>20.2710461159377</v>
      </c>
      <c r="H5362" s="40">
        <v>89.216667000000001</v>
      </c>
      <c r="I5362" s="40">
        <v>16.998766686148617</v>
      </c>
      <c r="J5362" s="40">
        <v>89.216634511905397</v>
      </c>
      <c r="K5362" s="40">
        <v>12.857405995690266</v>
      </c>
      <c r="L5362" s="40"/>
      <c r="M5362" s="40"/>
      <c r="N5362" s="40"/>
    </row>
    <row r="5363" spans="4:14" x14ac:dyDescent="0.25">
      <c r="D5363" s="40">
        <v>89.246431000003938</v>
      </c>
      <c r="E5363" s="40">
        <v>20.598038541160523</v>
      </c>
      <c r="F5363" s="40">
        <v>89.233332999999988</v>
      </c>
      <c r="G5363" s="40">
        <v>20.2710461159377</v>
      </c>
      <c r="H5363" s="40">
        <v>89.233334000000013</v>
      </c>
      <c r="I5363" s="40">
        <v>17.002119422292047</v>
      </c>
      <c r="J5363" s="40">
        <v>89.233301172619704</v>
      </c>
      <c r="K5363" s="40">
        <v>12.857405995690266</v>
      </c>
      <c r="L5363" s="40"/>
      <c r="M5363" s="40"/>
      <c r="N5363" s="40"/>
    </row>
    <row r="5364" spans="4:14" x14ac:dyDescent="0.25">
      <c r="D5364" s="40">
        <v>89.263097000003938</v>
      </c>
      <c r="E5364" s="40">
        <v>20.602739273320946</v>
      </c>
      <c r="F5364" s="40">
        <v>89.25</v>
      </c>
      <c r="G5364" s="40">
        <v>20.2710461159377</v>
      </c>
      <c r="H5364" s="40">
        <v>89.25</v>
      </c>
      <c r="I5364" s="40">
        <v>17.002119422292047</v>
      </c>
      <c r="J5364" s="40">
        <v>89.249967833333997</v>
      </c>
      <c r="K5364" s="40">
        <v>12.857405995690266</v>
      </c>
      <c r="L5364" s="40"/>
      <c r="M5364" s="40"/>
      <c r="N5364" s="40"/>
    </row>
    <row r="5365" spans="4:14" x14ac:dyDescent="0.25">
      <c r="D5365" s="40">
        <v>89.279763000003939</v>
      </c>
      <c r="E5365" s="40">
        <v>20.602739273320946</v>
      </c>
      <c r="F5365" s="40">
        <v>89.266666999999984</v>
      </c>
      <c r="G5365" s="40">
        <v>20.275801360027796</v>
      </c>
      <c r="H5365" s="40">
        <v>89.266667000000012</v>
      </c>
      <c r="I5365" s="40">
        <v>17.005373548548633</v>
      </c>
      <c r="J5365" s="40">
        <v>89.266634494048304</v>
      </c>
      <c r="K5365" s="40">
        <v>12.857405995690266</v>
      </c>
      <c r="L5365" s="40"/>
      <c r="M5365" s="40"/>
      <c r="N5365" s="40"/>
    </row>
    <row r="5366" spans="4:14" x14ac:dyDescent="0.25">
      <c r="D5366" s="40">
        <v>89.29642900000394</v>
      </c>
      <c r="E5366" s="40">
        <v>20.602739273320946</v>
      </c>
      <c r="F5366" s="40">
        <v>89.283332999999999</v>
      </c>
      <c r="G5366" s="40">
        <v>20.275801360027796</v>
      </c>
      <c r="H5366" s="40">
        <v>89.283333999999996</v>
      </c>
      <c r="I5366" s="40">
        <v>17.005373548548633</v>
      </c>
      <c r="J5366" s="40">
        <v>89.283301154762597</v>
      </c>
      <c r="K5366" s="40">
        <v>12.857405995690266</v>
      </c>
      <c r="L5366" s="40"/>
      <c r="M5366" s="40"/>
      <c r="N5366" s="40"/>
    </row>
    <row r="5367" spans="4:14" x14ac:dyDescent="0.25">
      <c r="D5367" s="40">
        <v>89.313095000003941</v>
      </c>
      <c r="E5367" s="40">
        <v>20.602739273320946</v>
      </c>
      <c r="F5367" s="40">
        <v>89.299999999999983</v>
      </c>
      <c r="G5367" s="40">
        <v>20.275801360027796</v>
      </c>
      <c r="H5367" s="40">
        <v>89.300000000000011</v>
      </c>
      <c r="I5367" s="40">
        <v>17.008726284692067</v>
      </c>
      <c r="J5367" s="40">
        <v>89.299967815476904</v>
      </c>
      <c r="K5367" s="40">
        <v>12.857405995690266</v>
      </c>
      <c r="L5367" s="40"/>
      <c r="M5367" s="40"/>
      <c r="N5367" s="40"/>
    </row>
    <row r="5368" spans="4:14" x14ac:dyDescent="0.25">
      <c r="D5368" s="40">
        <v>89.329761000003941</v>
      </c>
      <c r="E5368" s="40">
        <v>20.602739273320946</v>
      </c>
      <c r="F5368" s="40">
        <v>89.316666999999995</v>
      </c>
      <c r="G5368" s="40">
        <v>20.280556604118019</v>
      </c>
      <c r="H5368" s="40">
        <v>89.316666999999995</v>
      </c>
      <c r="I5368" s="40">
        <v>17.012079020835323</v>
      </c>
      <c r="J5368" s="40">
        <v>89.316634476191098</v>
      </c>
      <c r="K5368" s="40">
        <v>12.857405995690266</v>
      </c>
      <c r="L5368" s="40"/>
      <c r="M5368" s="40"/>
      <c r="N5368" s="40"/>
    </row>
    <row r="5369" spans="4:14" x14ac:dyDescent="0.25">
      <c r="D5369" s="40">
        <v>89.346427000003942</v>
      </c>
      <c r="E5369" s="40">
        <v>20.602739273320946</v>
      </c>
      <c r="F5369" s="40">
        <v>89.333332999999982</v>
      </c>
      <c r="G5369" s="40">
        <v>20.280556604118019</v>
      </c>
      <c r="H5369" s="40">
        <v>89.333334000000008</v>
      </c>
      <c r="I5369" s="40">
        <v>17.012079020835323</v>
      </c>
      <c r="J5369" s="40">
        <v>89.333301136905405</v>
      </c>
      <c r="K5369" s="40">
        <v>12.857405995690266</v>
      </c>
      <c r="L5369" s="40"/>
      <c r="M5369" s="40"/>
      <c r="N5369" s="40"/>
    </row>
    <row r="5370" spans="4:14" x14ac:dyDescent="0.25">
      <c r="D5370" s="40">
        <v>89.363093000003943</v>
      </c>
      <c r="E5370" s="40">
        <v>20.607582451910371</v>
      </c>
      <c r="F5370" s="40">
        <v>89.35</v>
      </c>
      <c r="G5370" s="40">
        <v>20.280556604118019</v>
      </c>
      <c r="H5370" s="40">
        <v>89.35</v>
      </c>
      <c r="I5370" s="40">
        <v>17.015431756978582</v>
      </c>
      <c r="J5370" s="40">
        <v>89.349967797619698</v>
      </c>
      <c r="K5370" s="40">
        <v>12.857405995690266</v>
      </c>
      <c r="L5370" s="40"/>
      <c r="M5370" s="40"/>
      <c r="N5370" s="40"/>
    </row>
    <row r="5371" spans="4:14" x14ac:dyDescent="0.25">
      <c r="D5371" s="40">
        <v>89.379759000003943</v>
      </c>
      <c r="E5371" s="40">
        <v>20.607582451910371</v>
      </c>
      <c r="F5371" s="40">
        <v>89.366667000000007</v>
      </c>
      <c r="G5371" s="40">
        <v>20.285311848208238</v>
      </c>
      <c r="H5371" s="40">
        <v>89.366667000000007</v>
      </c>
      <c r="I5371" s="40">
        <v>17.018685883235346</v>
      </c>
      <c r="J5371" s="40">
        <v>89.366634458334005</v>
      </c>
      <c r="K5371" s="40">
        <v>12.857405995690266</v>
      </c>
      <c r="L5371" s="40"/>
      <c r="M5371" s="40"/>
      <c r="N5371" s="40"/>
    </row>
    <row r="5372" spans="4:14" x14ac:dyDescent="0.25">
      <c r="D5372" s="40">
        <v>89.396425000003944</v>
      </c>
      <c r="E5372" s="40">
        <v>20.607582451910371</v>
      </c>
      <c r="F5372" s="40">
        <v>89.383332999999993</v>
      </c>
      <c r="G5372" s="40">
        <v>20.285311848208238</v>
      </c>
      <c r="H5372" s="40">
        <v>89.383334000000019</v>
      </c>
      <c r="I5372" s="40">
        <v>17.018685883235346</v>
      </c>
      <c r="J5372" s="40">
        <v>89.383301119048298</v>
      </c>
      <c r="K5372" s="40">
        <v>12.857405995690266</v>
      </c>
      <c r="L5372" s="40"/>
      <c r="M5372" s="40"/>
      <c r="N5372" s="40"/>
    </row>
    <row r="5373" spans="4:14" x14ac:dyDescent="0.25">
      <c r="D5373" s="40">
        <v>89.413091000003945</v>
      </c>
      <c r="E5373" s="40">
        <v>20.607582451910371</v>
      </c>
      <c r="F5373" s="40">
        <v>89.4</v>
      </c>
      <c r="G5373" s="40">
        <v>20.285311848208238</v>
      </c>
      <c r="H5373" s="40">
        <v>89.4</v>
      </c>
      <c r="I5373" s="40">
        <v>17.022038619378776</v>
      </c>
      <c r="J5373" s="40">
        <v>89.399967779762605</v>
      </c>
      <c r="K5373" s="40">
        <v>12.857405995690266</v>
      </c>
      <c r="L5373" s="40"/>
      <c r="M5373" s="40"/>
      <c r="N5373" s="40"/>
    </row>
    <row r="5374" spans="4:14" x14ac:dyDescent="0.25">
      <c r="D5374" s="40">
        <v>89.429757000003946</v>
      </c>
      <c r="E5374" s="40">
        <v>20.607582451910371</v>
      </c>
      <c r="F5374" s="40">
        <v>89.41666699999999</v>
      </c>
      <c r="G5374" s="40">
        <v>20.285311848208238</v>
      </c>
      <c r="H5374" s="40">
        <v>89.416667000000018</v>
      </c>
      <c r="I5374" s="40">
        <v>17.025391355522032</v>
      </c>
      <c r="J5374" s="40">
        <v>89.416634440476898</v>
      </c>
      <c r="K5374" s="40">
        <v>12.857405995690266</v>
      </c>
      <c r="L5374" s="40"/>
      <c r="M5374" s="40"/>
      <c r="N5374" s="40"/>
    </row>
    <row r="5375" spans="4:14" x14ac:dyDescent="0.25">
      <c r="D5375" s="40">
        <v>89.446423000003946</v>
      </c>
      <c r="E5375" s="40">
        <v>20.612425630499917</v>
      </c>
      <c r="F5375" s="40">
        <v>89.433333000000005</v>
      </c>
      <c r="G5375" s="40">
        <v>20.285311848208238</v>
      </c>
      <c r="H5375" s="40">
        <v>89.433334000000002</v>
      </c>
      <c r="I5375" s="40">
        <v>17.025391355522032</v>
      </c>
      <c r="J5375" s="40">
        <v>89.433301101191105</v>
      </c>
      <c r="K5375" s="40">
        <v>12.857405995690266</v>
      </c>
      <c r="L5375" s="40"/>
      <c r="M5375" s="40"/>
      <c r="N5375" s="40"/>
    </row>
    <row r="5376" spans="4:14" x14ac:dyDescent="0.25">
      <c r="D5376" s="40">
        <v>89.463089000003947</v>
      </c>
      <c r="E5376" s="40">
        <v>20.612425630499917</v>
      </c>
      <c r="F5376" s="40">
        <v>89.449999999999989</v>
      </c>
      <c r="G5376" s="40">
        <v>20.285311848208238</v>
      </c>
      <c r="H5376" s="40">
        <v>89.450000000000017</v>
      </c>
      <c r="I5376" s="40">
        <v>17.028645481778796</v>
      </c>
      <c r="J5376" s="40">
        <v>89.449967761905398</v>
      </c>
      <c r="K5376" s="40">
        <v>12.857405995690266</v>
      </c>
      <c r="L5376" s="40"/>
      <c r="M5376" s="40"/>
      <c r="N5376" s="40"/>
    </row>
    <row r="5377" spans="4:14" x14ac:dyDescent="0.25">
      <c r="D5377" s="40">
        <v>89.479755000003948</v>
      </c>
      <c r="E5377" s="40">
        <v>20.612425630499917</v>
      </c>
      <c r="F5377" s="40">
        <v>89.466667000000001</v>
      </c>
      <c r="G5377" s="40">
        <v>20.289927232178012</v>
      </c>
      <c r="H5377" s="40">
        <v>89.466667000000001</v>
      </c>
      <c r="I5377" s="40">
        <v>17.031998217922055</v>
      </c>
      <c r="J5377" s="40">
        <v>89.466634422619705</v>
      </c>
      <c r="K5377" s="40">
        <v>12.857405995690266</v>
      </c>
      <c r="L5377" s="40"/>
      <c r="M5377" s="40"/>
      <c r="N5377" s="40"/>
    </row>
    <row r="5378" spans="4:14" x14ac:dyDescent="0.25">
      <c r="D5378" s="40">
        <v>89.496421000003949</v>
      </c>
      <c r="E5378" s="40">
        <v>20.612425630499917</v>
      </c>
      <c r="F5378" s="40">
        <v>89.483332999999988</v>
      </c>
      <c r="G5378" s="40">
        <v>20.289927232178012</v>
      </c>
      <c r="H5378" s="40">
        <v>89.483334000000013</v>
      </c>
      <c r="I5378" s="40">
        <v>17.035350954065489</v>
      </c>
      <c r="J5378" s="40">
        <v>89.483301083333998</v>
      </c>
      <c r="K5378" s="40">
        <v>12.852554951981036</v>
      </c>
      <c r="L5378" s="40"/>
      <c r="M5378" s="40"/>
      <c r="N5378" s="40"/>
    </row>
    <row r="5379" spans="4:14" x14ac:dyDescent="0.25">
      <c r="D5379" s="40">
        <v>89.513087000003949</v>
      </c>
      <c r="E5379" s="40">
        <v>20.612425630499917</v>
      </c>
      <c r="F5379" s="40">
        <v>89.5</v>
      </c>
      <c r="G5379" s="40">
        <v>20.289927232178012</v>
      </c>
      <c r="H5379" s="40">
        <v>89.5</v>
      </c>
      <c r="I5379" s="40">
        <v>17.035350954065489</v>
      </c>
      <c r="J5379" s="40">
        <v>89.499967744048305</v>
      </c>
      <c r="K5379" s="40">
        <v>12.852554951981036</v>
      </c>
      <c r="L5379" s="40"/>
      <c r="M5379" s="40"/>
      <c r="N5379" s="40"/>
    </row>
    <row r="5380" spans="4:14" x14ac:dyDescent="0.25">
      <c r="D5380" s="40">
        <v>89.52975300000395</v>
      </c>
      <c r="E5380" s="40">
        <v>20.612425630499917</v>
      </c>
      <c r="F5380" s="40">
        <v>89.516666999999984</v>
      </c>
      <c r="G5380" s="40">
        <v>20.289927232178012</v>
      </c>
      <c r="H5380" s="40">
        <v>89.516667000000012</v>
      </c>
      <c r="I5380" s="40">
        <v>17.038605080322075</v>
      </c>
      <c r="J5380" s="40">
        <v>89.516634404762598</v>
      </c>
      <c r="K5380" s="40">
        <v>12.857405995690266</v>
      </c>
      <c r="L5380" s="40"/>
      <c r="M5380" s="40"/>
      <c r="N5380" s="40"/>
    </row>
    <row r="5381" spans="4:14" x14ac:dyDescent="0.25">
      <c r="D5381" s="40">
        <v>89.546419000003951</v>
      </c>
      <c r="E5381" s="40">
        <v>20.612425630499917</v>
      </c>
      <c r="F5381" s="40">
        <v>89.533332999999999</v>
      </c>
      <c r="G5381" s="40">
        <v>20.289927232178012</v>
      </c>
      <c r="H5381" s="40">
        <v>89.533333999999996</v>
      </c>
      <c r="I5381" s="40">
        <v>17.038605080322075</v>
      </c>
      <c r="J5381" s="40">
        <v>89.533301065476905</v>
      </c>
      <c r="K5381" s="40">
        <v>12.857405995690266</v>
      </c>
      <c r="L5381" s="40"/>
      <c r="M5381" s="40"/>
      <c r="N5381" s="40"/>
    </row>
    <row r="5382" spans="4:14" x14ac:dyDescent="0.25">
      <c r="D5382" s="40">
        <v>89.563085000003952</v>
      </c>
      <c r="E5382" s="40">
        <v>20.612425630499917</v>
      </c>
      <c r="F5382" s="40">
        <v>89.549999999999983</v>
      </c>
      <c r="G5382" s="40">
        <v>20.289927232178012</v>
      </c>
      <c r="H5382" s="40">
        <v>89.550000000000011</v>
      </c>
      <c r="I5382" s="40">
        <v>17.041957816465505</v>
      </c>
      <c r="J5382" s="40">
        <v>89.549967726191198</v>
      </c>
      <c r="K5382" s="40">
        <v>12.857405995690266</v>
      </c>
      <c r="L5382" s="40"/>
      <c r="M5382" s="40"/>
      <c r="N5382" s="40"/>
    </row>
    <row r="5383" spans="4:14" x14ac:dyDescent="0.25">
      <c r="D5383" s="40">
        <v>89.579751000003952</v>
      </c>
      <c r="E5383" s="40">
        <v>20.617126362660343</v>
      </c>
      <c r="F5383" s="40">
        <v>89.566666999999995</v>
      </c>
      <c r="G5383" s="40">
        <v>20.294682476268232</v>
      </c>
      <c r="H5383" s="40">
        <v>89.566666999999995</v>
      </c>
      <c r="I5383" s="40">
        <v>17.045310552608765</v>
      </c>
      <c r="J5383" s="40">
        <v>89.566634386905406</v>
      </c>
      <c r="K5383" s="40">
        <v>12.857405995690266</v>
      </c>
      <c r="L5383" s="40"/>
      <c r="M5383" s="40"/>
      <c r="N5383" s="40"/>
    </row>
    <row r="5384" spans="4:14" x14ac:dyDescent="0.25">
      <c r="D5384" s="40">
        <v>89.596417000003953</v>
      </c>
      <c r="E5384" s="40">
        <v>20.617126362660343</v>
      </c>
      <c r="F5384" s="40">
        <v>89.583332999999982</v>
      </c>
      <c r="G5384" s="40">
        <v>20.294682476268232</v>
      </c>
      <c r="H5384" s="40">
        <v>89.583334000000008</v>
      </c>
      <c r="I5384" s="40">
        <v>17.048564678865528</v>
      </c>
      <c r="J5384" s="40">
        <v>89.583301047619699</v>
      </c>
      <c r="K5384" s="40">
        <v>12.857405995690266</v>
      </c>
      <c r="L5384" s="40"/>
      <c r="M5384" s="40"/>
      <c r="N5384" s="40"/>
    </row>
    <row r="5385" spans="4:14" x14ac:dyDescent="0.25">
      <c r="D5385" s="40">
        <v>89.613083000003954</v>
      </c>
      <c r="E5385" s="40">
        <v>20.617126362660343</v>
      </c>
      <c r="F5385" s="40">
        <v>89.6</v>
      </c>
      <c r="G5385" s="40">
        <v>20.294682476268232</v>
      </c>
      <c r="H5385" s="40">
        <v>89.6</v>
      </c>
      <c r="I5385" s="40">
        <v>17.048564678865528</v>
      </c>
      <c r="J5385" s="40">
        <v>89.599967708334006</v>
      </c>
      <c r="K5385" s="40">
        <v>12.857405995690266</v>
      </c>
      <c r="L5385" s="40"/>
      <c r="M5385" s="40"/>
      <c r="N5385" s="40"/>
    </row>
    <row r="5386" spans="4:14" x14ac:dyDescent="0.25">
      <c r="D5386" s="40">
        <v>89.629749000003955</v>
      </c>
      <c r="E5386" s="40">
        <v>20.621969541249765</v>
      </c>
      <c r="F5386" s="40">
        <v>89.616667000000007</v>
      </c>
      <c r="G5386" s="40">
        <v>20.294682476268232</v>
      </c>
      <c r="H5386" s="40">
        <v>89.616667000000007</v>
      </c>
      <c r="I5386" s="40">
        <v>17.051917415008784</v>
      </c>
      <c r="J5386" s="40">
        <v>89.616634369048299</v>
      </c>
      <c r="K5386" s="40">
        <v>12.857405995690266</v>
      </c>
      <c r="L5386" s="40"/>
      <c r="M5386" s="40"/>
      <c r="N5386" s="40"/>
    </row>
    <row r="5387" spans="4:14" x14ac:dyDescent="0.25">
      <c r="D5387" s="40">
        <v>89.646415000003955</v>
      </c>
      <c r="E5387" s="40">
        <v>20.621969541249765</v>
      </c>
      <c r="F5387" s="40">
        <v>89.633332999999993</v>
      </c>
      <c r="G5387" s="40">
        <v>20.294682476268232</v>
      </c>
      <c r="H5387" s="40">
        <v>89.633334000000019</v>
      </c>
      <c r="I5387" s="40">
        <v>17.051917415008784</v>
      </c>
      <c r="J5387" s="40">
        <v>89.633301029762606</v>
      </c>
      <c r="K5387" s="40">
        <v>12.857405995690266</v>
      </c>
      <c r="L5387" s="40"/>
      <c r="M5387" s="40"/>
      <c r="N5387" s="40"/>
    </row>
    <row r="5388" spans="4:14" x14ac:dyDescent="0.25">
      <c r="D5388" s="40">
        <v>89.663081000003956</v>
      </c>
      <c r="E5388" s="40">
        <v>20.621969541249765</v>
      </c>
      <c r="F5388" s="40">
        <v>89.65</v>
      </c>
      <c r="G5388" s="40">
        <v>20.299437720358451</v>
      </c>
      <c r="H5388" s="40">
        <v>89.65</v>
      </c>
      <c r="I5388" s="40">
        <v>17.055270151152218</v>
      </c>
      <c r="J5388" s="40">
        <v>89.649967690476899</v>
      </c>
      <c r="K5388" s="40">
        <v>12.857405995690266</v>
      </c>
      <c r="L5388" s="40"/>
      <c r="M5388" s="40"/>
      <c r="N5388" s="40"/>
    </row>
    <row r="5389" spans="4:14" x14ac:dyDescent="0.25">
      <c r="D5389" s="40">
        <v>89.679747000003957</v>
      </c>
      <c r="E5389" s="40">
        <v>20.621969541249765</v>
      </c>
      <c r="F5389" s="40">
        <v>89.66666699999999</v>
      </c>
      <c r="G5389" s="40">
        <v>20.299437720358451</v>
      </c>
      <c r="H5389" s="40">
        <v>89.666667000000018</v>
      </c>
      <c r="I5389" s="40">
        <v>17.058524277408981</v>
      </c>
      <c r="J5389" s="40">
        <v>89.666634351191107</v>
      </c>
      <c r="K5389" s="40">
        <v>12.857405995690266</v>
      </c>
      <c r="L5389" s="40"/>
      <c r="M5389" s="40"/>
      <c r="N5389" s="40"/>
    </row>
    <row r="5390" spans="4:14" x14ac:dyDescent="0.25">
      <c r="D5390" s="40">
        <v>89.696413000003957</v>
      </c>
      <c r="E5390" s="40">
        <v>20.621969541249765</v>
      </c>
      <c r="F5390" s="40">
        <v>89.683333000000005</v>
      </c>
      <c r="G5390" s="40">
        <v>20.299437720358451</v>
      </c>
      <c r="H5390" s="40">
        <v>89.683334000000002</v>
      </c>
      <c r="I5390" s="40">
        <v>17.058524277408981</v>
      </c>
      <c r="J5390" s="40">
        <v>89.683301011905399</v>
      </c>
      <c r="K5390" s="40">
        <v>12.857405995690266</v>
      </c>
      <c r="L5390" s="40"/>
      <c r="M5390" s="40"/>
      <c r="N5390" s="40"/>
    </row>
    <row r="5391" spans="4:14" x14ac:dyDescent="0.25">
      <c r="D5391" s="40">
        <v>89.713079000003958</v>
      </c>
      <c r="E5391" s="40">
        <v>20.617126362660343</v>
      </c>
      <c r="F5391" s="40">
        <v>89.699999999999989</v>
      </c>
      <c r="G5391" s="40">
        <v>20.299437720358451</v>
      </c>
      <c r="H5391" s="40">
        <v>89.700000000000017</v>
      </c>
      <c r="I5391" s="40">
        <v>17.061877013552234</v>
      </c>
      <c r="J5391" s="40">
        <v>89.699967672619707</v>
      </c>
      <c r="K5391" s="40">
        <v>12.862114361643327</v>
      </c>
      <c r="L5391" s="40"/>
      <c r="M5391" s="40"/>
      <c r="N5391" s="40"/>
    </row>
    <row r="5392" spans="4:14" x14ac:dyDescent="0.25">
      <c r="D5392" s="40">
        <v>89.729745000003959</v>
      </c>
      <c r="E5392" s="40">
        <v>20.617126362660343</v>
      </c>
      <c r="F5392" s="40">
        <v>89.716667000000001</v>
      </c>
      <c r="G5392" s="40">
        <v>20.299437720358451</v>
      </c>
      <c r="H5392" s="40">
        <v>89.716667000000001</v>
      </c>
      <c r="I5392" s="40">
        <v>17.061877013552234</v>
      </c>
      <c r="J5392" s="40">
        <v>89.716634333334</v>
      </c>
      <c r="K5392" s="40">
        <v>12.862114361643327</v>
      </c>
      <c r="L5392" s="40"/>
      <c r="M5392" s="40"/>
      <c r="N5392" s="40"/>
    </row>
    <row r="5393" spans="4:14" x14ac:dyDescent="0.25">
      <c r="D5393" s="40">
        <v>89.74641100000396</v>
      </c>
      <c r="E5393" s="40">
        <v>20.617126362660343</v>
      </c>
      <c r="F5393" s="40">
        <v>89.733332999999988</v>
      </c>
      <c r="G5393" s="40">
        <v>20.299437720358451</v>
      </c>
      <c r="H5393" s="40">
        <v>89.733334000000013</v>
      </c>
      <c r="I5393" s="40">
        <v>17.065229749695494</v>
      </c>
      <c r="J5393" s="40">
        <v>89.733300994048307</v>
      </c>
      <c r="K5393" s="40">
        <v>12.862114361643327</v>
      </c>
      <c r="L5393" s="40"/>
      <c r="M5393" s="40"/>
      <c r="N5393" s="40"/>
    </row>
    <row r="5394" spans="4:14" x14ac:dyDescent="0.25">
      <c r="D5394" s="40">
        <v>89.76307700000396</v>
      </c>
      <c r="E5394" s="40">
        <v>20.617126362660343</v>
      </c>
      <c r="F5394" s="40">
        <v>89.75</v>
      </c>
      <c r="G5394" s="40">
        <v>20.299437720358451</v>
      </c>
      <c r="H5394" s="40">
        <v>89.75</v>
      </c>
      <c r="I5394" s="40">
        <v>17.065229749695494</v>
      </c>
      <c r="J5394" s="40">
        <v>89.7499676547626</v>
      </c>
      <c r="K5394" s="40">
        <v>12.862114361643327</v>
      </c>
      <c r="L5394" s="40"/>
      <c r="M5394" s="40"/>
      <c r="N5394" s="40"/>
    </row>
    <row r="5395" spans="4:14" x14ac:dyDescent="0.25">
      <c r="D5395" s="40">
        <v>89.779743000003961</v>
      </c>
      <c r="E5395" s="40">
        <v>20.617126362660343</v>
      </c>
      <c r="F5395" s="40">
        <v>89.766666999999984</v>
      </c>
      <c r="G5395" s="40">
        <v>20.30405310432835</v>
      </c>
      <c r="H5395" s="40">
        <v>89.766667000000012</v>
      </c>
      <c r="I5395" s="40">
        <v>17.068483875952257</v>
      </c>
      <c r="J5395" s="40">
        <v>89.766634315476907</v>
      </c>
      <c r="K5395" s="40">
        <v>12.862114361643327</v>
      </c>
      <c r="L5395" s="40"/>
      <c r="M5395" s="40"/>
      <c r="N5395" s="40"/>
    </row>
    <row r="5396" spans="4:14" x14ac:dyDescent="0.25">
      <c r="D5396" s="40">
        <v>89.796409000003962</v>
      </c>
      <c r="E5396" s="40">
        <v>20.617126362660343</v>
      </c>
      <c r="F5396" s="40">
        <v>89.783332999999999</v>
      </c>
      <c r="G5396" s="40">
        <v>20.30405310432835</v>
      </c>
      <c r="H5396" s="40">
        <v>89.783333999999996</v>
      </c>
      <c r="I5396" s="40">
        <v>17.071836612095513</v>
      </c>
      <c r="J5396" s="40">
        <v>89.7833009761912</v>
      </c>
      <c r="K5396" s="40">
        <v>12.862114361643327</v>
      </c>
      <c r="L5396" s="40"/>
      <c r="M5396" s="40"/>
      <c r="N5396" s="40"/>
    </row>
    <row r="5397" spans="4:14" x14ac:dyDescent="0.25">
      <c r="D5397" s="40">
        <v>89.813075000003963</v>
      </c>
      <c r="E5397" s="40">
        <v>20.612425630499917</v>
      </c>
      <c r="F5397" s="40">
        <v>89.799999999999983</v>
      </c>
      <c r="G5397" s="40">
        <v>20.30405310432835</v>
      </c>
      <c r="H5397" s="40">
        <v>89.800000000000011</v>
      </c>
      <c r="I5397" s="40">
        <v>17.071836612095513</v>
      </c>
      <c r="J5397" s="40">
        <v>89.799967636905393</v>
      </c>
      <c r="K5397" s="40">
        <v>12.862114361643327</v>
      </c>
      <c r="L5397" s="40"/>
      <c r="M5397" s="40"/>
      <c r="N5397" s="40"/>
    </row>
    <row r="5398" spans="4:14" x14ac:dyDescent="0.25">
      <c r="D5398" s="40">
        <v>89.829741000003963</v>
      </c>
      <c r="E5398" s="40">
        <v>20.612425630499917</v>
      </c>
      <c r="F5398" s="40">
        <v>89.816666999999995</v>
      </c>
      <c r="G5398" s="40">
        <v>20.308808348418445</v>
      </c>
      <c r="H5398" s="40">
        <v>89.816666999999995</v>
      </c>
      <c r="I5398" s="40">
        <v>17.075189348238947</v>
      </c>
      <c r="J5398" s="40">
        <v>89.8166342976197</v>
      </c>
      <c r="K5398" s="40">
        <v>12.866965405352433</v>
      </c>
      <c r="L5398" s="40"/>
      <c r="M5398" s="40"/>
      <c r="N5398" s="40"/>
    </row>
    <row r="5399" spans="4:14" x14ac:dyDescent="0.25">
      <c r="D5399" s="40">
        <v>89.846407000003964</v>
      </c>
      <c r="E5399" s="40">
        <v>20.612425630499917</v>
      </c>
      <c r="F5399" s="40">
        <v>89.833332999999982</v>
      </c>
      <c r="G5399" s="40">
        <v>20.308808348418445</v>
      </c>
      <c r="H5399" s="40">
        <v>89.833334000000008</v>
      </c>
      <c r="I5399" s="40">
        <v>17.075189348238947</v>
      </c>
      <c r="J5399" s="40">
        <v>89.833300958333993</v>
      </c>
      <c r="K5399" s="40">
        <v>12.866965405352433</v>
      </c>
      <c r="L5399" s="40"/>
      <c r="M5399" s="40"/>
      <c r="N5399" s="40"/>
    </row>
    <row r="5400" spans="4:14" x14ac:dyDescent="0.25">
      <c r="D5400" s="40">
        <v>89.863073000003965</v>
      </c>
      <c r="E5400" s="40">
        <v>20.612425630499917</v>
      </c>
      <c r="F5400" s="40">
        <v>89.85</v>
      </c>
      <c r="G5400" s="40">
        <v>20.308808348418445</v>
      </c>
      <c r="H5400" s="40">
        <v>89.85</v>
      </c>
      <c r="I5400" s="40">
        <v>17.07844347449571</v>
      </c>
      <c r="J5400" s="40">
        <v>89.8499676190483</v>
      </c>
      <c r="K5400" s="40">
        <v>12.866965405352433</v>
      </c>
      <c r="L5400" s="40"/>
      <c r="M5400" s="40"/>
      <c r="N5400" s="40"/>
    </row>
    <row r="5401" spans="4:14" x14ac:dyDescent="0.25">
      <c r="D5401" s="40">
        <v>89.879739000003966</v>
      </c>
      <c r="E5401" s="40">
        <v>20.612425630499917</v>
      </c>
      <c r="F5401" s="40">
        <v>89.866667000000007</v>
      </c>
      <c r="G5401" s="40">
        <v>20.313563592508665</v>
      </c>
      <c r="H5401" s="40">
        <v>89.866667000000007</v>
      </c>
      <c r="I5401" s="40">
        <v>17.07844347449571</v>
      </c>
      <c r="J5401" s="40">
        <v>89.866634279762593</v>
      </c>
      <c r="K5401" s="40">
        <v>12.871816449061665</v>
      </c>
      <c r="L5401" s="40"/>
      <c r="M5401" s="40"/>
      <c r="N5401" s="40"/>
    </row>
    <row r="5402" spans="4:14" x14ac:dyDescent="0.25">
      <c r="D5402" s="40">
        <v>89.896405000003966</v>
      </c>
      <c r="E5402" s="40">
        <v>20.612425630499917</v>
      </c>
      <c r="F5402" s="40">
        <v>89.883332999999993</v>
      </c>
      <c r="G5402" s="40">
        <v>20.313563592508665</v>
      </c>
      <c r="H5402" s="40">
        <v>89.883334000000019</v>
      </c>
      <c r="I5402" s="40">
        <v>17.081796210638966</v>
      </c>
      <c r="J5402" s="40">
        <v>89.8833009404769</v>
      </c>
      <c r="K5402" s="40">
        <v>12.871816449061665</v>
      </c>
      <c r="L5402" s="40"/>
      <c r="M5402" s="40"/>
      <c r="N5402" s="40"/>
    </row>
    <row r="5403" spans="4:14" x14ac:dyDescent="0.25">
      <c r="D5403" s="40">
        <v>89.913071000003967</v>
      </c>
      <c r="E5403" s="40">
        <v>20.612425630499917</v>
      </c>
      <c r="F5403" s="40">
        <v>89.9</v>
      </c>
      <c r="G5403" s="40">
        <v>20.313563592508665</v>
      </c>
      <c r="H5403" s="40">
        <v>89.9</v>
      </c>
      <c r="I5403" s="40">
        <v>17.085148946782223</v>
      </c>
      <c r="J5403" s="40">
        <v>89.899967601191094</v>
      </c>
      <c r="K5403" s="40">
        <v>12.871816449061665</v>
      </c>
      <c r="L5403" s="40"/>
      <c r="M5403" s="40"/>
      <c r="N5403" s="40"/>
    </row>
    <row r="5404" spans="4:14" x14ac:dyDescent="0.25">
      <c r="D5404" s="40">
        <v>89.929737000003968</v>
      </c>
      <c r="E5404" s="40">
        <v>20.612425630499917</v>
      </c>
      <c r="F5404" s="40">
        <v>89.91666699999999</v>
      </c>
      <c r="G5404" s="40">
        <v>20.313563592508665</v>
      </c>
      <c r="H5404" s="40">
        <v>89.916667000000018</v>
      </c>
      <c r="I5404" s="40">
        <v>17.085148946782223</v>
      </c>
      <c r="J5404" s="40">
        <v>89.916634261905401</v>
      </c>
      <c r="K5404" s="40">
        <v>12.871816449061665</v>
      </c>
      <c r="L5404" s="40"/>
      <c r="M5404" s="40"/>
      <c r="N5404" s="40"/>
    </row>
    <row r="5405" spans="4:14" x14ac:dyDescent="0.25">
      <c r="D5405" s="40">
        <v>89.946403000003968</v>
      </c>
      <c r="E5405" s="40">
        <v>20.612425630499917</v>
      </c>
      <c r="F5405" s="40">
        <v>89.933333000000005</v>
      </c>
      <c r="G5405" s="40">
        <v>20.318178976478563</v>
      </c>
      <c r="H5405" s="40">
        <v>89.933334000000002</v>
      </c>
      <c r="I5405" s="40">
        <v>17.088403073038986</v>
      </c>
      <c r="J5405" s="40">
        <v>89.933300922619694</v>
      </c>
      <c r="K5405" s="40">
        <v>12.876524815014726</v>
      </c>
      <c r="L5405" s="40"/>
      <c r="M5405" s="40"/>
      <c r="N5405" s="40"/>
    </row>
    <row r="5406" spans="4:14" x14ac:dyDescent="0.25">
      <c r="D5406" s="40">
        <v>89.963069000003969</v>
      </c>
      <c r="E5406" s="40">
        <v>20.612425630499917</v>
      </c>
      <c r="F5406" s="40">
        <v>89.949999999999989</v>
      </c>
      <c r="G5406" s="40">
        <v>20.318178976478563</v>
      </c>
      <c r="H5406" s="40">
        <v>89.950000000000017</v>
      </c>
      <c r="I5406" s="40">
        <v>17.088403073038986</v>
      </c>
      <c r="J5406" s="40">
        <v>89.949967583334001</v>
      </c>
      <c r="K5406" s="40">
        <v>12.876524815014726</v>
      </c>
      <c r="L5406" s="40"/>
      <c r="M5406" s="40"/>
      <c r="N5406" s="40"/>
    </row>
    <row r="5407" spans="4:14" x14ac:dyDescent="0.25">
      <c r="D5407" s="40">
        <v>89.97973500000397</v>
      </c>
      <c r="E5407" s="40">
        <v>20.612425630499917</v>
      </c>
      <c r="F5407" s="40">
        <v>89.966667000000001</v>
      </c>
      <c r="G5407" s="40">
        <v>20.318178976478563</v>
      </c>
      <c r="H5407" s="40">
        <v>89.966667000000001</v>
      </c>
      <c r="I5407" s="40">
        <v>17.09175580918242</v>
      </c>
      <c r="J5407" s="40">
        <v>89.966634244048294</v>
      </c>
      <c r="K5407" s="40">
        <v>12.876524815014726</v>
      </c>
      <c r="L5407" s="40"/>
      <c r="M5407" s="40"/>
      <c r="N5407" s="40"/>
    </row>
    <row r="5408" spans="4:14" x14ac:dyDescent="0.25">
      <c r="D5408" s="40">
        <v>89.996401000003971</v>
      </c>
      <c r="E5408" s="40">
        <v>20.617126362660343</v>
      </c>
      <c r="F5408" s="40">
        <v>89.983332999999988</v>
      </c>
      <c r="G5408" s="40">
        <v>20.322934220568662</v>
      </c>
      <c r="H5408" s="40">
        <v>89.983334000000013</v>
      </c>
      <c r="I5408" s="40">
        <v>17.09175580918242</v>
      </c>
      <c r="J5408" s="40">
        <v>89.983300904762601</v>
      </c>
      <c r="K5408" s="40">
        <v>12.876524815014726</v>
      </c>
      <c r="L5408" s="40"/>
      <c r="M5408" s="40"/>
      <c r="N5408" s="40"/>
    </row>
    <row r="5409" spans="4:14" x14ac:dyDescent="0.25">
      <c r="D5409" s="40">
        <v>90.013067000003971</v>
      </c>
      <c r="E5409" s="40">
        <v>20.617126362660343</v>
      </c>
      <c r="F5409" s="40">
        <v>90</v>
      </c>
      <c r="G5409" s="40">
        <v>20.322934220568662</v>
      </c>
      <c r="H5409" s="40">
        <v>90</v>
      </c>
      <c r="I5409" s="40">
        <v>17.095108545325676</v>
      </c>
      <c r="J5409" s="40">
        <v>89.999967565476894</v>
      </c>
      <c r="K5409" s="40">
        <v>12.881375858723956</v>
      </c>
      <c r="L5409" s="40"/>
      <c r="M5409" s="40"/>
      <c r="N5409" s="40"/>
    </row>
    <row r="5410" spans="4:14" x14ac:dyDescent="0.25">
      <c r="D5410" s="40">
        <v>90.029733000003972</v>
      </c>
      <c r="E5410" s="40">
        <v>20.617126362660343</v>
      </c>
      <c r="F5410" s="40">
        <v>90.016666999999984</v>
      </c>
      <c r="G5410" s="40">
        <v>20.322934220568662</v>
      </c>
      <c r="H5410" s="40">
        <v>90.016667000000012</v>
      </c>
      <c r="I5410" s="40">
        <v>17.095108545325676</v>
      </c>
      <c r="J5410" s="40">
        <v>90.016634226191201</v>
      </c>
      <c r="K5410" s="40">
        <v>12.881375858723956</v>
      </c>
      <c r="L5410" s="40"/>
      <c r="M5410" s="40"/>
      <c r="N5410" s="40"/>
    </row>
    <row r="5411" spans="4:14" x14ac:dyDescent="0.25">
      <c r="D5411" s="40">
        <v>90.046399000003973</v>
      </c>
      <c r="E5411" s="40">
        <v>20.617126362660343</v>
      </c>
      <c r="F5411" s="40">
        <v>90.033332999999999</v>
      </c>
      <c r="G5411" s="40">
        <v>20.327689464658881</v>
      </c>
      <c r="H5411" s="40">
        <v>90.033333999999996</v>
      </c>
      <c r="I5411" s="40">
        <v>17.098362671582439</v>
      </c>
      <c r="J5411" s="40">
        <v>90.033300886905394</v>
      </c>
      <c r="K5411" s="40">
        <v>12.881375858723956</v>
      </c>
      <c r="L5411" s="40"/>
      <c r="M5411" s="40"/>
      <c r="N5411" s="40"/>
    </row>
    <row r="5412" spans="4:14" x14ac:dyDescent="0.25">
      <c r="D5412" s="40">
        <v>90.063065000003974</v>
      </c>
      <c r="E5412" s="40">
        <v>20.621969541249765</v>
      </c>
      <c r="F5412" s="40">
        <v>90.049999999999983</v>
      </c>
      <c r="G5412" s="40">
        <v>20.327689464658881</v>
      </c>
      <c r="H5412" s="40">
        <v>90.050000000000011</v>
      </c>
      <c r="I5412" s="40">
        <v>17.098362671582439</v>
      </c>
      <c r="J5412" s="40">
        <v>90.049967547619701</v>
      </c>
      <c r="K5412" s="40">
        <v>12.881375858723956</v>
      </c>
      <c r="L5412" s="40"/>
      <c r="M5412" s="40"/>
      <c r="N5412" s="40"/>
    </row>
    <row r="5413" spans="4:14" x14ac:dyDescent="0.25">
      <c r="D5413" s="40">
        <v>90.079731000003974</v>
      </c>
      <c r="E5413" s="40">
        <v>20.621969541249765</v>
      </c>
      <c r="F5413" s="40">
        <v>90.066666999999995</v>
      </c>
      <c r="G5413" s="40">
        <v>20.327689464658881</v>
      </c>
      <c r="H5413" s="40">
        <v>90.066666999999995</v>
      </c>
      <c r="I5413" s="40">
        <v>17.101715407725695</v>
      </c>
      <c r="J5413" s="40">
        <v>90.066634208333994</v>
      </c>
      <c r="K5413" s="40">
        <v>12.881375858723956</v>
      </c>
      <c r="L5413" s="40"/>
      <c r="M5413" s="40"/>
      <c r="N5413" s="40"/>
    </row>
    <row r="5414" spans="4:14" x14ac:dyDescent="0.25">
      <c r="D5414" s="40">
        <v>90.096397000003975</v>
      </c>
      <c r="E5414" s="40">
        <v>20.621969541249765</v>
      </c>
      <c r="F5414" s="40">
        <v>90.083332999999982</v>
      </c>
      <c r="G5414" s="40">
        <v>20.33230484862878</v>
      </c>
      <c r="H5414" s="40">
        <v>90.083334000000008</v>
      </c>
      <c r="I5414" s="40">
        <v>17.101715407725695</v>
      </c>
      <c r="J5414" s="40">
        <v>90.083300869048301</v>
      </c>
      <c r="K5414" s="40">
        <v>12.886226902433062</v>
      </c>
      <c r="L5414" s="40"/>
      <c r="M5414" s="40"/>
      <c r="N5414" s="40"/>
    </row>
    <row r="5415" spans="4:14" x14ac:dyDescent="0.25">
      <c r="D5415" s="40">
        <v>90.113063000003976</v>
      </c>
      <c r="E5415" s="40">
        <v>20.626812719839311</v>
      </c>
      <c r="F5415" s="40">
        <v>90.1</v>
      </c>
      <c r="G5415" s="40">
        <v>20.33230484862878</v>
      </c>
      <c r="H5415" s="40">
        <v>90.1</v>
      </c>
      <c r="I5415" s="40">
        <v>17.105068143868952</v>
      </c>
      <c r="J5415" s="40">
        <v>90.099967529762594</v>
      </c>
      <c r="K5415" s="40">
        <v>12.886226902433062</v>
      </c>
      <c r="L5415" s="40"/>
      <c r="M5415" s="40"/>
      <c r="N5415" s="40"/>
    </row>
    <row r="5416" spans="4:14" x14ac:dyDescent="0.25">
      <c r="D5416" s="40">
        <v>90.129729000003977</v>
      </c>
      <c r="E5416" s="40">
        <v>20.626812719839311</v>
      </c>
      <c r="F5416" s="40">
        <v>90.116667000000007</v>
      </c>
      <c r="G5416" s="40">
        <v>20.33230484862878</v>
      </c>
      <c r="H5416" s="40">
        <v>90.116667000000007</v>
      </c>
      <c r="I5416" s="40">
        <v>17.108322270125715</v>
      </c>
      <c r="J5416" s="40">
        <v>90.116634190476901</v>
      </c>
      <c r="K5416" s="40">
        <v>12.886226902433062</v>
      </c>
      <c r="L5416" s="40"/>
      <c r="M5416" s="40"/>
      <c r="N5416" s="40"/>
    </row>
    <row r="5417" spans="4:14" x14ac:dyDescent="0.25">
      <c r="D5417" s="40">
        <v>90.146395000003977</v>
      </c>
      <c r="E5417" s="40">
        <v>20.626812719839311</v>
      </c>
      <c r="F5417" s="40">
        <v>90.133332999999993</v>
      </c>
      <c r="G5417" s="40">
        <v>20.337060092718875</v>
      </c>
      <c r="H5417" s="40">
        <v>90.133334000000019</v>
      </c>
      <c r="I5417" s="40">
        <v>17.108322270125715</v>
      </c>
      <c r="J5417" s="40">
        <v>90.133300851191095</v>
      </c>
      <c r="K5417" s="40">
        <v>12.886226902433062</v>
      </c>
      <c r="L5417" s="40"/>
      <c r="M5417" s="40"/>
      <c r="N5417" s="40"/>
    </row>
    <row r="5418" spans="4:14" x14ac:dyDescent="0.25">
      <c r="D5418" s="40">
        <v>90.163061000003978</v>
      </c>
      <c r="E5418" s="40">
        <v>20.626812719839311</v>
      </c>
      <c r="F5418" s="40">
        <v>90.15</v>
      </c>
      <c r="G5418" s="40">
        <v>20.337060092718875</v>
      </c>
      <c r="H5418" s="40">
        <v>90.15</v>
      </c>
      <c r="I5418" s="40">
        <v>17.111675006269149</v>
      </c>
      <c r="J5418" s="40">
        <v>90.149967511905402</v>
      </c>
      <c r="K5418" s="40">
        <v>12.886226902433062</v>
      </c>
      <c r="L5418" s="40"/>
      <c r="M5418" s="40"/>
      <c r="N5418" s="40"/>
    </row>
    <row r="5419" spans="4:14" x14ac:dyDescent="0.25">
      <c r="D5419" s="40">
        <v>90.179727000003979</v>
      </c>
      <c r="E5419" s="40">
        <v>20.631513451999737</v>
      </c>
      <c r="F5419" s="40">
        <v>90.16666699999999</v>
      </c>
      <c r="G5419" s="40">
        <v>20.337060092718875</v>
      </c>
      <c r="H5419" s="40">
        <v>90.166667000000018</v>
      </c>
      <c r="I5419" s="40">
        <v>17.115027742412408</v>
      </c>
      <c r="J5419" s="40">
        <v>90.166634172619695</v>
      </c>
      <c r="K5419" s="40">
        <v>12.886226902433062</v>
      </c>
      <c r="L5419" s="40"/>
      <c r="M5419" s="40"/>
      <c r="N5419" s="40"/>
    </row>
    <row r="5420" spans="4:14" x14ac:dyDescent="0.25">
      <c r="D5420" s="40">
        <v>90.19639300000398</v>
      </c>
      <c r="E5420" s="40">
        <v>20.631513451999737</v>
      </c>
      <c r="F5420" s="40">
        <v>90.183333000000005</v>
      </c>
      <c r="G5420" s="40">
        <v>20.341815336809095</v>
      </c>
      <c r="H5420" s="40">
        <v>90.183334000000002</v>
      </c>
      <c r="I5420" s="40">
        <v>17.115027742412408</v>
      </c>
      <c r="J5420" s="40">
        <v>90.183300833334002</v>
      </c>
      <c r="K5420" s="40">
        <v>12.886226902433062</v>
      </c>
      <c r="L5420" s="40"/>
      <c r="M5420" s="40"/>
      <c r="N5420" s="40"/>
    </row>
    <row r="5421" spans="4:14" x14ac:dyDescent="0.25">
      <c r="D5421" s="40">
        <v>90.21305900000398</v>
      </c>
      <c r="E5421" s="40">
        <v>20.631513451999737</v>
      </c>
      <c r="F5421" s="40">
        <v>90.199999999999989</v>
      </c>
      <c r="G5421" s="40">
        <v>20.341815336809095</v>
      </c>
      <c r="H5421" s="40">
        <v>90.200000000000017</v>
      </c>
      <c r="I5421" s="40">
        <v>17.118281868669172</v>
      </c>
      <c r="J5421" s="40">
        <v>90.199967494048295</v>
      </c>
      <c r="K5421" s="40">
        <v>12.886226902433062</v>
      </c>
      <c r="L5421" s="40"/>
      <c r="M5421" s="40"/>
      <c r="N5421" s="40"/>
    </row>
    <row r="5422" spans="4:14" x14ac:dyDescent="0.25">
      <c r="D5422" s="40">
        <v>90.229725000003981</v>
      </c>
      <c r="E5422" s="40">
        <v>20.636356630589159</v>
      </c>
      <c r="F5422" s="40">
        <v>90.216667000000001</v>
      </c>
      <c r="G5422" s="40">
        <v>20.341815336809095</v>
      </c>
      <c r="H5422" s="40">
        <v>90.216667000000001</v>
      </c>
      <c r="I5422" s="40">
        <v>17.118281868669172</v>
      </c>
      <c r="J5422" s="40">
        <v>90.216634154762602</v>
      </c>
      <c r="K5422" s="40">
        <v>12.886226902433062</v>
      </c>
      <c r="L5422" s="40"/>
      <c r="M5422" s="40"/>
      <c r="N5422" s="40"/>
    </row>
    <row r="5423" spans="4:14" x14ac:dyDescent="0.25">
      <c r="D5423" s="40">
        <v>90.246391000003982</v>
      </c>
      <c r="E5423" s="40">
        <v>20.636356630589159</v>
      </c>
      <c r="F5423" s="40">
        <v>90.233332999999988</v>
      </c>
      <c r="G5423" s="40">
        <v>20.346430720778994</v>
      </c>
      <c r="H5423" s="40">
        <v>90.233334000000013</v>
      </c>
      <c r="I5423" s="40">
        <v>17.121634604812424</v>
      </c>
      <c r="J5423" s="40">
        <v>90.233300815476895</v>
      </c>
      <c r="K5423" s="40">
        <v>12.886226902433062</v>
      </c>
      <c r="L5423" s="40"/>
      <c r="M5423" s="40"/>
      <c r="N5423" s="40"/>
    </row>
    <row r="5424" spans="4:14" x14ac:dyDescent="0.25">
      <c r="D5424" s="40">
        <v>90.263057000003982</v>
      </c>
      <c r="E5424" s="40">
        <v>20.641199809178708</v>
      </c>
      <c r="F5424" s="40">
        <v>90.25</v>
      </c>
      <c r="G5424" s="40">
        <v>20.346430720778994</v>
      </c>
      <c r="H5424" s="40">
        <v>90.25</v>
      </c>
      <c r="I5424" s="40">
        <v>17.124987340955858</v>
      </c>
      <c r="J5424" s="40">
        <v>90.249967476191202</v>
      </c>
      <c r="K5424" s="40">
        <v>12.886226902433062</v>
      </c>
      <c r="L5424" s="40"/>
      <c r="M5424" s="40"/>
      <c r="N5424" s="40"/>
    </row>
    <row r="5425" spans="4:14" x14ac:dyDescent="0.25">
      <c r="D5425" s="40">
        <v>90.279723000003983</v>
      </c>
      <c r="E5425" s="40">
        <v>20.641199809178708</v>
      </c>
      <c r="F5425" s="40">
        <v>90.266666999999984</v>
      </c>
      <c r="G5425" s="40">
        <v>20.346430720778994</v>
      </c>
      <c r="H5425" s="40">
        <v>90.266667000000012</v>
      </c>
      <c r="I5425" s="40">
        <v>17.124987340955858</v>
      </c>
      <c r="J5425" s="40">
        <v>90.266634136905395</v>
      </c>
      <c r="K5425" s="40">
        <v>12.886226902433062</v>
      </c>
      <c r="L5425" s="40"/>
      <c r="M5425" s="40"/>
      <c r="N5425" s="40"/>
    </row>
    <row r="5426" spans="4:14" x14ac:dyDescent="0.25">
      <c r="D5426" s="40">
        <v>90.296389000003984</v>
      </c>
      <c r="E5426" s="40">
        <v>20.645900541339135</v>
      </c>
      <c r="F5426" s="40">
        <v>90.283332999999999</v>
      </c>
      <c r="G5426" s="40">
        <v>20.351185964869213</v>
      </c>
      <c r="H5426" s="40">
        <v>90.283333999999996</v>
      </c>
      <c r="I5426" s="40">
        <v>17.128241467212447</v>
      </c>
      <c r="J5426" s="40">
        <v>90.283300797619702</v>
      </c>
      <c r="K5426" s="40">
        <v>12.886226902433062</v>
      </c>
      <c r="L5426" s="40"/>
      <c r="M5426" s="40"/>
      <c r="N5426" s="40"/>
    </row>
    <row r="5427" spans="4:14" x14ac:dyDescent="0.25">
      <c r="D5427" s="40">
        <v>90.313055000003985</v>
      </c>
      <c r="E5427" s="40">
        <v>20.645900541339135</v>
      </c>
      <c r="F5427" s="40">
        <v>90.299999999999983</v>
      </c>
      <c r="G5427" s="40">
        <v>20.351185964869213</v>
      </c>
      <c r="H5427" s="40">
        <v>90.300000000000011</v>
      </c>
      <c r="I5427" s="40">
        <v>17.128241467212447</v>
      </c>
      <c r="J5427" s="40">
        <v>90.299967458333995</v>
      </c>
      <c r="K5427" s="40">
        <v>12.886226902433062</v>
      </c>
      <c r="L5427" s="40"/>
      <c r="M5427" s="40"/>
      <c r="N5427" s="40"/>
    </row>
    <row r="5428" spans="4:14" x14ac:dyDescent="0.25">
      <c r="D5428" s="40">
        <v>90.329721000003985</v>
      </c>
      <c r="E5428" s="40">
        <v>20.645900541339135</v>
      </c>
      <c r="F5428" s="40">
        <v>90.316666999999995</v>
      </c>
      <c r="G5428" s="40">
        <v>20.355941208959308</v>
      </c>
      <c r="H5428" s="40">
        <v>90.316666999999995</v>
      </c>
      <c r="I5428" s="40">
        <v>17.131594203355881</v>
      </c>
      <c r="J5428" s="40">
        <v>90.316634119048302</v>
      </c>
      <c r="K5428" s="40">
        <v>12.886226902433062</v>
      </c>
      <c r="L5428" s="40"/>
      <c r="M5428" s="40"/>
      <c r="N5428" s="40"/>
    </row>
    <row r="5429" spans="4:14" x14ac:dyDescent="0.25">
      <c r="D5429" s="40">
        <v>90.346387000003986</v>
      </c>
      <c r="E5429" s="40">
        <v>20.650743719928681</v>
      </c>
      <c r="F5429" s="40">
        <v>90.333332999999982</v>
      </c>
      <c r="G5429" s="40">
        <v>20.355941208959308</v>
      </c>
      <c r="H5429" s="40">
        <v>90.333334000000008</v>
      </c>
      <c r="I5429" s="40">
        <v>17.131594203355881</v>
      </c>
      <c r="J5429" s="40">
        <v>90.333300779762595</v>
      </c>
      <c r="K5429" s="40">
        <v>12.886226902433062</v>
      </c>
      <c r="L5429" s="40"/>
      <c r="M5429" s="40"/>
      <c r="N5429" s="40"/>
    </row>
    <row r="5430" spans="4:14" x14ac:dyDescent="0.25">
      <c r="D5430" s="40">
        <v>90.363053000003987</v>
      </c>
      <c r="E5430" s="40">
        <v>20.650743719928681</v>
      </c>
      <c r="F5430" s="40">
        <v>90.35</v>
      </c>
      <c r="G5430" s="40">
        <v>20.355941208959308</v>
      </c>
      <c r="H5430" s="40">
        <v>90.35</v>
      </c>
      <c r="I5430" s="40">
        <v>17.134946939499137</v>
      </c>
      <c r="J5430" s="40">
        <v>90.349967440476902</v>
      </c>
      <c r="K5430" s="40">
        <v>12.886226902433062</v>
      </c>
      <c r="L5430" s="40"/>
      <c r="M5430" s="40"/>
      <c r="N5430" s="40"/>
    </row>
    <row r="5431" spans="4:14" x14ac:dyDescent="0.25">
      <c r="D5431" s="40">
        <v>90.379719000003988</v>
      </c>
      <c r="E5431" s="40">
        <v>20.650743719928681</v>
      </c>
      <c r="F5431" s="40">
        <v>90.366667000000007</v>
      </c>
      <c r="G5431" s="40">
        <v>20.355941208959308</v>
      </c>
      <c r="H5431" s="40">
        <v>90.366667000000007</v>
      </c>
      <c r="I5431" s="40">
        <v>17.138299675642394</v>
      </c>
      <c r="J5431" s="40">
        <v>90.366634101191195</v>
      </c>
      <c r="K5431" s="40">
        <v>12.886226902433062</v>
      </c>
      <c r="L5431" s="40"/>
      <c r="M5431" s="40"/>
      <c r="N5431" s="40"/>
    </row>
    <row r="5432" spans="4:14" x14ac:dyDescent="0.25">
      <c r="D5432" s="40">
        <v>90.396385000003988</v>
      </c>
      <c r="E5432" s="40">
        <v>20.650743719928681</v>
      </c>
      <c r="F5432" s="40">
        <v>90.383332999999993</v>
      </c>
      <c r="G5432" s="40">
        <v>20.360556592929207</v>
      </c>
      <c r="H5432" s="40">
        <v>90.383334000000019</v>
      </c>
      <c r="I5432" s="40">
        <v>17.141553801899153</v>
      </c>
      <c r="J5432" s="40">
        <v>90.383300761905403</v>
      </c>
      <c r="K5432" s="40">
        <v>12.886226902433062</v>
      </c>
      <c r="L5432" s="40"/>
      <c r="M5432" s="40"/>
      <c r="N5432" s="40"/>
    </row>
    <row r="5433" spans="4:14" x14ac:dyDescent="0.25">
      <c r="D5433" s="40">
        <v>90.413051000003989</v>
      </c>
      <c r="E5433" s="40">
        <v>20.655586898518102</v>
      </c>
      <c r="F5433" s="40">
        <v>90.4</v>
      </c>
      <c r="G5433" s="40">
        <v>20.360556592929207</v>
      </c>
      <c r="H5433" s="40">
        <v>90.4</v>
      </c>
      <c r="I5433" s="40">
        <v>17.141553801899153</v>
      </c>
      <c r="J5433" s="40">
        <v>90.399967422619696</v>
      </c>
      <c r="K5433" s="40">
        <v>12.886226902433062</v>
      </c>
      <c r="L5433" s="40"/>
      <c r="M5433" s="40"/>
      <c r="N5433" s="40"/>
    </row>
    <row r="5434" spans="4:14" x14ac:dyDescent="0.25">
      <c r="D5434" s="40">
        <v>90.42971700000399</v>
      </c>
      <c r="E5434" s="40">
        <v>20.655586898518102</v>
      </c>
      <c r="F5434" s="40">
        <v>90.41666699999999</v>
      </c>
      <c r="G5434" s="40">
        <v>20.360556592929207</v>
      </c>
      <c r="H5434" s="40">
        <v>90.416667000000018</v>
      </c>
      <c r="I5434" s="40">
        <v>17.144906538042587</v>
      </c>
      <c r="J5434" s="40">
        <v>90.416634083334003</v>
      </c>
      <c r="K5434" s="40">
        <v>12.886226902433062</v>
      </c>
      <c r="L5434" s="40"/>
      <c r="M5434" s="40"/>
      <c r="N5434" s="40"/>
    </row>
    <row r="5435" spans="4:14" x14ac:dyDescent="0.25">
      <c r="D5435" s="40">
        <v>90.446383000003991</v>
      </c>
      <c r="E5435" s="40">
        <v>20.655586898518102</v>
      </c>
      <c r="F5435" s="40">
        <v>90.433333000000005</v>
      </c>
      <c r="G5435" s="40">
        <v>20.365311837019426</v>
      </c>
      <c r="H5435" s="40">
        <v>90.433334000000002</v>
      </c>
      <c r="I5435" s="40">
        <v>17.148259274185847</v>
      </c>
      <c r="J5435" s="40">
        <v>90.433300744048296</v>
      </c>
      <c r="K5435" s="40">
        <v>12.886226902433062</v>
      </c>
      <c r="L5435" s="40"/>
      <c r="M5435" s="40"/>
      <c r="N5435" s="40"/>
    </row>
    <row r="5436" spans="4:14" x14ac:dyDescent="0.25">
      <c r="D5436" s="40">
        <v>90.463049000003991</v>
      </c>
      <c r="E5436" s="40">
        <v>20.655586898518102</v>
      </c>
      <c r="F5436" s="40">
        <v>90.449999999999989</v>
      </c>
      <c r="G5436" s="40">
        <v>20.365311837019426</v>
      </c>
      <c r="H5436" s="40">
        <v>90.450000000000017</v>
      </c>
      <c r="I5436" s="40">
        <v>17.148259274185847</v>
      </c>
      <c r="J5436" s="40">
        <v>90.449967404762603</v>
      </c>
      <c r="K5436" s="40">
        <v>12.886226902433062</v>
      </c>
      <c r="L5436" s="40"/>
      <c r="M5436" s="40"/>
      <c r="N5436" s="40"/>
    </row>
    <row r="5437" spans="4:14" x14ac:dyDescent="0.25">
      <c r="D5437" s="40">
        <v>90.479715000003992</v>
      </c>
      <c r="E5437" s="40">
        <v>20.650743719928681</v>
      </c>
      <c r="F5437" s="40">
        <v>90.466667000000001</v>
      </c>
      <c r="G5437" s="40">
        <v>20.365311837019426</v>
      </c>
      <c r="H5437" s="40">
        <v>90.466667000000001</v>
      </c>
      <c r="I5437" s="40">
        <v>17.15151340044261</v>
      </c>
      <c r="J5437" s="40">
        <v>90.466634065476896</v>
      </c>
      <c r="K5437" s="40">
        <v>12.886226902433062</v>
      </c>
      <c r="L5437" s="40"/>
      <c r="M5437" s="40"/>
      <c r="N5437" s="40"/>
    </row>
    <row r="5438" spans="4:14" x14ac:dyDescent="0.25">
      <c r="D5438" s="40">
        <v>90.496381000003993</v>
      </c>
      <c r="E5438" s="40">
        <v>20.650743719928681</v>
      </c>
      <c r="F5438" s="40">
        <v>90.483332999999988</v>
      </c>
      <c r="G5438" s="40">
        <v>20.370067081109525</v>
      </c>
      <c r="H5438" s="40">
        <v>90.483334000000013</v>
      </c>
      <c r="I5438" s="40">
        <v>17.154866136585866</v>
      </c>
      <c r="J5438" s="40">
        <v>90.483300726191203</v>
      </c>
      <c r="K5438" s="40">
        <v>12.886226902433062</v>
      </c>
      <c r="L5438" s="40"/>
      <c r="M5438" s="40"/>
      <c r="N5438" s="40"/>
    </row>
    <row r="5439" spans="4:14" x14ac:dyDescent="0.25">
      <c r="D5439" s="40">
        <v>90.513047000003994</v>
      </c>
      <c r="E5439" s="40">
        <v>20.650743719928681</v>
      </c>
      <c r="F5439" s="40">
        <v>90.5</v>
      </c>
      <c r="G5439" s="40">
        <v>20.370067081109525</v>
      </c>
      <c r="H5439" s="40">
        <v>90.5</v>
      </c>
      <c r="I5439" s="40">
        <v>17.154866136585866</v>
      </c>
      <c r="J5439" s="40">
        <v>90.499967386905396</v>
      </c>
      <c r="K5439" s="40">
        <v>12.886226902433062</v>
      </c>
      <c r="L5439" s="40"/>
      <c r="M5439" s="40"/>
      <c r="N5439" s="40"/>
    </row>
    <row r="5440" spans="4:14" x14ac:dyDescent="0.25">
      <c r="D5440" s="40">
        <v>90.529713000003994</v>
      </c>
      <c r="E5440" s="40">
        <v>20.650743719928681</v>
      </c>
      <c r="F5440" s="40">
        <v>90.516666999999984</v>
      </c>
      <c r="G5440" s="40">
        <v>20.370067081109525</v>
      </c>
      <c r="H5440" s="40">
        <v>90.516667000000012</v>
      </c>
      <c r="I5440" s="40">
        <v>17.158218872729126</v>
      </c>
      <c r="J5440" s="40">
        <v>90.516634047619704</v>
      </c>
      <c r="K5440" s="40">
        <v>12.886226902433062</v>
      </c>
      <c r="L5440" s="40"/>
      <c r="M5440" s="40"/>
      <c r="N5440" s="40"/>
    </row>
    <row r="5441" spans="4:14" x14ac:dyDescent="0.25">
      <c r="D5441" s="40">
        <v>90.546379000003995</v>
      </c>
      <c r="E5441" s="40">
        <v>20.645900541339135</v>
      </c>
      <c r="F5441" s="40">
        <v>90.533332999999999</v>
      </c>
      <c r="G5441" s="40">
        <v>20.370067081109525</v>
      </c>
      <c r="H5441" s="40">
        <v>90.533333999999996</v>
      </c>
      <c r="I5441" s="40">
        <v>17.161472998985886</v>
      </c>
      <c r="J5441" s="40">
        <v>90.533300708333996</v>
      </c>
      <c r="K5441" s="40">
        <v>12.886226902433062</v>
      </c>
      <c r="L5441" s="40"/>
      <c r="M5441" s="40"/>
      <c r="N5441" s="40"/>
    </row>
    <row r="5442" spans="4:14" x14ac:dyDescent="0.25">
      <c r="D5442" s="40">
        <v>90.563045000003996</v>
      </c>
      <c r="E5442" s="40">
        <v>20.645900541339135</v>
      </c>
      <c r="F5442" s="40">
        <v>90.549999999999983</v>
      </c>
      <c r="G5442" s="40">
        <v>20.374682465079424</v>
      </c>
      <c r="H5442" s="40">
        <v>90.550000000000011</v>
      </c>
      <c r="I5442" s="40">
        <v>17.161472998985886</v>
      </c>
      <c r="J5442" s="40">
        <v>90.549967369048304</v>
      </c>
      <c r="K5442" s="40">
        <v>12.890935268386123</v>
      </c>
      <c r="L5442" s="40"/>
      <c r="M5442" s="40"/>
      <c r="N5442" s="40"/>
    </row>
    <row r="5443" spans="4:14" x14ac:dyDescent="0.25">
      <c r="D5443" s="40">
        <v>90.579711000003996</v>
      </c>
      <c r="E5443" s="40">
        <v>20.645900541339135</v>
      </c>
      <c r="F5443" s="40">
        <v>90.566666999999995</v>
      </c>
      <c r="G5443" s="40">
        <v>20.374682465079424</v>
      </c>
      <c r="H5443" s="40">
        <v>90.566666999999995</v>
      </c>
      <c r="I5443" s="40">
        <v>17.16482573512932</v>
      </c>
      <c r="J5443" s="40">
        <v>90.566634029762596</v>
      </c>
      <c r="K5443" s="40">
        <v>12.890935268386123</v>
      </c>
      <c r="L5443" s="40"/>
      <c r="M5443" s="40"/>
      <c r="N5443" s="40"/>
    </row>
    <row r="5444" spans="4:14" x14ac:dyDescent="0.25">
      <c r="D5444" s="40">
        <v>90.596377000003997</v>
      </c>
      <c r="E5444" s="40">
        <v>20.645900541339135</v>
      </c>
      <c r="F5444" s="40">
        <v>90.583332999999982</v>
      </c>
      <c r="G5444" s="40">
        <v>20.379437709169643</v>
      </c>
      <c r="H5444" s="40">
        <v>90.583334000000008</v>
      </c>
      <c r="I5444" s="40">
        <v>17.16482573512932</v>
      </c>
      <c r="J5444" s="40">
        <v>90.583300690476904</v>
      </c>
      <c r="K5444" s="40">
        <v>12.890935268386123</v>
      </c>
      <c r="L5444" s="40"/>
      <c r="M5444" s="40"/>
      <c r="N5444" s="40"/>
    </row>
    <row r="5445" spans="4:14" x14ac:dyDescent="0.25">
      <c r="D5445" s="40">
        <v>90.613043000003998</v>
      </c>
      <c r="E5445" s="40">
        <v>20.645900541339135</v>
      </c>
      <c r="F5445" s="40">
        <v>90.6</v>
      </c>
      <c r="G5445" s="40">
        <v>20.379437709169643</v>
      </c>
      <c r="H5445" s="40">
        <v>90.6</v>
      </c>
      <c r="I5445" s="40">
        <v>17.168178471272576</v>
      </c>
      <c r="J5445" s="40">
        <v>90.599967351191196</v>
      </c>
      <c r="K5445" s="40">
        <v>12.890935268386123</v>
      </c>
      <c r="L5445" s="40"/>
      <c r="M5445" s="40"/>
      <c r="N5445" s="40"/>
    </row>
    <row r="5446" spans="4:14" x14ac:dyDescent="0.25">
      <c r="D5446" s="40">
        <v>90.629709000003999</v>
      </c>
      <c r="E5446" s="40">
        <v>20.641199809178708</v>
      </c>
      <c r="F5446" s="40">
        <v>90.616667000000007</v>
      </c>
      <c r="G5446" s="40">
        <v>20.379437709169643</v>
      </c>
      <c r="H5446" s="40">
        <v>90.616667000000007</v>
      </c>
      <c r="I5446" s="40">
        <v>17.171432597529339</v>
      </c>
      <c r="J5446" s="40">
        <v>90.616634011905404</v>
      </c>
      <c r="K5446" s="40">
        <v>12.890935268386123</v>
      </c>
      <c r="L5446" s="40"/>
      <c r="M5446" s="40"/>
      <c r="N5446" s="40"/>
    </row>
    <row r="5447" spans="4:14" x14ac:dyDescent="0.25">
      <c r="D5447" s="40">
        <v>90.646375000003999</v>
      </c>
      <c r="E5447" s="40">
        <v>20.641199809178708</v>
      </c>
      <c r="F5447" s="40">
        <v>90.633332999999993</v>
      </c>
      <c r="G5447" s="40">
        <v>20.384192953259738</v>
      </c>
      <c r="H5447" s="40">
        <v>90.633334000000019</v>
      </c>
      <c r="I5447" s="40">
        <v>17.171432597529339</v>
      </c>
      <c r="J5447" s="40">
        <v>90.633300672619697</v>
      </c>
      <c r="K5447" s="40">
        <v>12.890935268386123</v>
      </c>
      <c r="L5447" s="40"/>
      <c r="M5447" s="40"/>
      <c r="N5447" s="40"/>
    </row>
    <row r="5448" spans="4:14" x14ac:dyDescent="0.25">
      <c r="D5448" s="40">
        <v>90.663041000004</v>
      </c>
      <c r="E5448" s="40">
        <v>20.641199809178708</v>
      </c>
      <c r="F5448" s="40">
        <v>90.65</v>
      </c>
      <c r="G5448" s="40">
        <v>20.384192953259738</v>
      </c>
      <c r="H5448" s="40">
        <v>90.65</v>
      </c>
      <c r="I5448" s="40">
        <v>17.174785333672599</v>
      </c>
      <c r="J5448" s="40">
        <v>90.649967333334004</v>
      </c>
      <c r="K5448" s="40">
        <v>12.890935268386123</v>
      </c>
      <c r="L5448" s="40"/>
      <c r="M5448" s="40"/>
      <c r="N5448" s="40"/>
    </row>
    <row r="5449" spans="4:14" x14ac:dyDescent="0.25">
      <c r="D5449" s="40">
        <v>90.679707000004001</v>
      </c>
      <c r="E5449" s="40">
        <v>20.636356630589159</v>
      </c>
      <c r="F5449" s="40">
        <v>90.66666699999999</v>
      </c>
      <c r="G5449" s="40">
        <v>20.384192953259738</v>
      </c>
      <c r="H5449" s="40">
        <v>90.666667000000018</v>
      </c>
      <c r="I5449" s="40">
        <v>17.178138069816029</v>
      </c>
      <c r="J5449" s="40">
        <v>90.666633994048297</v>
      </c>
      <c r="K5449" s="40">
        <v>12.890935268386123</v>
      </c>
      <c r="L5449" s="40"/>
      <c r="M5449" s="40"/>
      <c r="N5449" s="40"/>
    </row>
    <row r="5450" spans="4:14" x14ac:dyDescent="0.25">
      <c r="D5450" s="40">
        <v>90.696373000004002</v>
      </c>
      <c r="E5450" s="40">
        <v>20.636356630589159</v>
      </c>
      <c r="F5450" s="40">
        <v>90.683333000000005</v>
      </c>
      <c r="G5450" s="40">
        <v>20.384192953259738</v>
      </c>
      <c r="H5450" s="40">
        <v>90.683334000000002</v>
      </c>
      <c r="I5450" s="40">
        <v>17.178138069816029</v>
      </c>
      <c r="J5450" s="40">
        <v>90.683300654762604</v>
      </c>
      <c r="K5450" s="40">
        <v>12.890935268386123</v>
      </c>
      <c r="L5450" s="40"/>
      <c r="M5450" s="40"/>
      <c r="N5450" s="40"/>
    </row>
    <row r="5451" spans="4:14" x14ac:dyDescent="0.25">
      <c r="D5451" s="40">
        <v>90.713039000004002</v>
      </c>
      <c r="E5451" s="40">
        <v>20.636356630589159</v>
      </c>
      <c r="F5451" s="40">
        <v>90.699999999999989</v>
      </c>
      <c r="G5451" s="40">
        <v>20.384192953259738</v>
      </c>
      <c r="H5451" s="40">
        <v>90.700000000000017</v>
      </c>
      <c r="I5451" s="40">
        <v>17.181392196072618</v>
      </c>
      <c r="J5451" s="40">
        <v>90.699967315476897</v>
      </c>
      <c r="K5451" s="40">
        <v>12.890935268386123</v>
      </c>
      <c r="L5451" s="40"/>
      <c r="M5451" s="40"/>
      <c r="N5451" s="40"/>
    </row>
    <row r="5452" spans="4:14" x14ac:dyDescent="0.25">
      <c r="D5452" s="40">
        <v>90.729705000004003</v>
      </c>
      <c r="E5452" s="40">
        <v>20.631513451999737</v>
      </c>
      <c r="F5452" s="40">
        <v>90.716667000000001</v>
      </c>
      <c r="G5452" s="40">
        <v>20.388808337229637</v>
      </c>
      <c r="H5452" s="40">
        <v>90.716667000000001</v>
      </c>
      <c r="I5452" s="40">
        <v>17.181392196072618</v>
      </c>
      <c r="J5452" s="40">
        <v>90.716633976191204</v>
      </c>
      <c r="K5452" s="40">
        <v>12.890935268386123</v>
      </c>
      <c r="L5452" s="40"/>
      <c r="M5452" s="40"/>
      <c r="N5452" s="40"/>
    </row>
    <row r="5453" spans="4:14" x14ac:dyDescent="0.25">
      <c r="D5453" s="40">
        <v>90.746371000004004</v>
      </c>
      <c r="E5453" s="40">
        <v>20.631513451999737</v>
      </c>
      <c r="F5453" s="40">
        <v>90.733332999999988</v>
      </c>
      <c r="G5453" s="40">
        <v>20.388808337229637</v>
      </c>
      <c r="H5453" s="40">
        <v>90.733334000000013</v>
      </c>
      <c r="I5453" s="40">
        <v>17.184744932216049</v>
      </c>
      <c r="J5453" s="40">
        <v>90.733300636905398</v>
      </c>
      <c r="K5453" s="40">
        <v>12.890935268386123</v>
      </c>
      <c r="L5453" s="40"/>
      <c r="M5453" s="40"/>
      <c r="N5453" s="40"/>
    </row>
    <row r="5454" spans="4:14" x14ac:dyDescent="0.25">
      <c r="D5454" s="40">
        <v>90.763037000004005</v>
      </c>
      <c r="E5454" s="40">
        <v>20.631513451999737</v>
      </c>
      <c r="F5454" s="40">
        <v>90.75</v>
      </c>
      <c r="G5454" s="40">
        <v>20.388808337229637</v>
      </c>
      <c r="H5454" s="40">
        <v>90.75</v>
      </c>
      <c r="I5454" s="40">
        <v>17.188097668359305</v>
      </c>
      <c r="J5454" s="40">
        <v>90.749967297619705</v>
      </c>
      <c r="K5454" s="40">
        <v>12.890935268386123</v>
      </c>
      <c r="L5454" s="40"/>
      <c r="M5454" s="40"/>
      <c r="N5454" s="40"/>
    </row>
    <row r="5455" spans="4:14" x14ac:dyDescent="0.25">
      <c r="D5455" s="40">
        <v>90.779703000004005</v>
      </c>
      <c r="E5455" s="40">
        <v>20.626812719839311</v>
      </c>
      <c r="F5455" s="40">
        <v>90.766666999999984</v>
      </c>
      <c r="G5455" s="40">
        <v>20.388808337229637</v>
      </c>
      <c r="H5455" s="40">
        <v>90.766667000000012</v>
      </c>
      <c r="I5455" s="40">
        <v>17.191351794616068</v>
      </c>
      <c r="J5455" s="40">
        <v>90.766633958333998</v>
      </c>
      <c r="K5455" s="40">
        <v>12.890935268386123</v>
      </c>
      <c r="L5455" s="40"/>
      <c r="M5455" s="40"/>
      <c r="N5455" s="40"/>
    </row>
    <row r="5456" spans="4:14" x14ac:dyDescent="0.25">
      <c r="D5456" s="40">
        <v>90.796369000004006</v>
      </c>
      <c r="E5456" s="40">
        <v>20.626812719839311</v>
      </c>
      <c r="F5456" s="40">
        <v>90.783332999999999</v>
      </c>
      <c r="G5456" s="40">
        <v>20.393563581319857</v>
      </c>
      <c r="H5456" s="40">
        <v>90.783333999999996</v>
      </c>
      <c r="I5456" s="40">
        <v>17.191351794616068</v>
      </c>
      <c r="J5456" s="40">
        <v>90.783300619048305</v>
      </c>
      <c r="K5456" s="40">
        <v>12.890935268386123</v>
      </c>
      <c r="L5456" s="40"/>
      <c r="M5456" s="40"/>
      <c r="N5456" s="40"/>
    </row>
    <row r="5457" spans="4:14" x14ac:dyDescent="0.25">
      <c r="D5457" s="40">
        <v>90.813035000004007</v>
      </c>
      <c r="E5457" s="40">
        <v>20.626812719839311</v>
      </c>
      <c r="F5457" s="40">
        <v>90.799999999999983</v>
      </c>
      <c r="G5457" s="40">
        <v>20.393563581319857</v>
      </c>
      <c r="H5457" s="40">
        <v>90.800000000000011</v>
      </c>
      <c r="I5457" s="40">
        <v>17.194704530759328</v>
      </c>
      <c r="J5457" s="40">
        <v>90.799967279762598</v>
      </c>
      <c r="K5457" s="40">
        <v>12.886226902433062</v>
      </c>
      <c r="L5457" s="40"/>
      <c r="M5457" s="40"/>
      <c r="N5457" s="40"/>
    </row>
    <row r="5458" spans="4:14" x14ac:dyDescent="0.25">
      <c r="D5458" s="40">
        <v>90.829701000004007</v>
      </c>
      <c r="E5458" s="40">
        <v>20.626812719839311</v>
      </c>
      <c r="F5458" s="40">
        <v>90.816666999999995</v>
      </c>
      <c r="G5458" s="40">
        <v>20.393563581319857</v>
      </c>
      <c r="H5458" s="40">
        <v>90.816666999999995</v>
      </c>
      <c r="I5458" s="40">
        <v>17.198057266902758</v>
      </c>
      <c r="J5458" s="40">
        <v>90.816633940476905</v>
      </c>
      <c r="K5458" s="40">
        <v>12.886226902433062</v>
      </c>
      <c r="L5458" s="40"/>
      <c r="M5458" s="40"/>
      <c r="N5458" s="40"/>
    </row>
    <row r="5459" spans="4:14" x14ac:dyDescent="0.25">
      <c r="D5459" s="40">
        <v>90.846367000004008</v>
      </c>
      <c r="E5459" s="40">
        <v>20.626812719839311</v>
      </c>
      <c r="F5459" s="40">
        <v>90.833332999999982</v>
      </c>
      <c r="G5459" s="40">
        <v>20.393563581319857</v>
      </c>
      <c r="H5459" s="40">
        <v>90.833334000000008</v>
      </c>
      <c r="I5459" s="40">
        <v>17.198057266902758</v>
      </c>
      <c r="J5459" s="40">
        <v>90.833300601191198</v>
      </c>
      <c r="K5459" s="40">
        <v>12.886226902433062</v>
      </c>
      <c r="L5459" s="40"/>
      <c r="M5459" s="40"/>
      <c r="N5459" s="40"/>
    </row>
    <row r="5460" spans="4:14" x14ac:dyDescent="0.25">
      <c r="D5460" s="40">
        <v>90.863033000004009</v>
      </c>
      <c r="E5460" s="40">
        <v>20.626812719839311</v>
      </c>
      <c r="F5460" s="40">
        <v>90.85</v>
      </c>
      <c r="G5460" s="40">
        <v>20.393563581319857</v>
      </c>
      <c r="H5460" s="40">
        <v>90.85</v>
      </c>
      <c r="I5460" s="40">
        <v>17.201311393159521</v>
      </c>
      <c r="J5460" s="40">
        <v>90.849967261905405</v>
      </c>
      <c r="K5460" s="40">
        <v>12.890935268386123</v>
      </c>
      <c r="L5460" s="40"/>
      <c r="M5460" s="40"/>
      <c r="N5460" s="40"/>
    </row>
    <row r="5461" spans="4:14" x14ac:dyDescent="0.25">
      <c r="D5461" s="40">
        <v>90.87969900000401</v>
      </c>
      <c r="E5461" s="40">
        <v>20.626812719839311</v>
      </c>
      <c r="F5461" s="40">
        <v>90.866667000000007</v>
      </c>
      <c r="G5461" s="40">
        <v>20.393563581319857</v>
      </c>
      <c r="H5461" s="40">
        <v>90.866667000000007</v>
      </c>
      <c r="I5461" s="40">
        <v>17.204664129302778</v>
      </c>
      <c r="J5461" s="40">
        <v>90.866633922619698</v>
      </c>
      <c r="K5461" s="40">
        <v>12.890935268386123</v>
      </c>
      <c r="L5461" s="40"/>
      <c r="M5461" s="40"/>
      <c r="N5461" s="40"/>
    </row>
    <row r="5462" spans="4:14" x14ac:dyDescent="0.25">
      <c r="D5462" s="40">
        <v>90.89636500000401</v>
      </c>
      <c r="E5462" s="40">
        <v>20.626812719839311</v>
      </c>
      <c r="F5462" s="40">
        <v>90.883332999999993</v>
      </c>
      <c r="G5462" s="40">
        <v>20.393563581319857</v>
      </c>
      <c r="H5462" s="40">
        <v>90.883334000000019</v>
      </c>
      <c r="I5462" s="40">
        <v>17.208016865446037</v>
      </c>
      <c r="J5462" s="40">
        <v>90.883300583334005</v>
      </c>
      <c r="K5462" s="40">
        <v>12.890935268386123</v>
      </c>
      <c r="L5462" s="40"/>
      <c r="M5462" s="40"/>
      <c r="N5462" s="40"/>
    </row>
    <row r="5463" spans="4:14" x14ac:dyDescent="0.25">
      <c r="D5463" s="40">
        <v>90.913031000004011</v>
      </c>
      <c r="E5463" s="40">
        <v>20.626812719839311</v>
      </c>
      <c r="F5463" s="40">
        <v>90.9</v>
      </c>
      <c r="G5463" s="40">
        <v>20.393563581319857</v>
      </c>
      <c r="H5463" s="40">
        <v>90.9</v>
      </c>
      <c r="I5463" s="40">
        <v>17.211270991702801</v>
      </c>
      <c r="J5463" s="40">
        <v>90.899967244048298</v>
      </c>
      <c r="K5463" s="40">
        <v>12.886226902433062</v>
      </c>
      <c r="L5463" s="40"/>
      <c r="M5463" s="40"/>
      <c r="N5463" s="40"/>
    </row>
    <row r="5464" spans="4:14" x14ac:dyDescent="0.25">
      <c r="D5464" s="40">
        <v>90.929697000004012</v>
      </c>
      <c r="E5464" s="40">
        <v>20.631513451999737</v>
      </c>
      <c r="F5464" s="40">
        <v>90.91666699999999</v>
      </c>
      <c r="G5464" s="40">
        <v>20.398318825409952</v>
      </c>
      <c r="H5464" s="40">
        <v>90.916667000000018</v>
      </c>
      <c r="I5464" s="40">
        <v>17.211270991702801</v>
      </c>
      <c r="J5464" s="40">
        <v>90.916633904762605</v>
      </c>
      <c r="K5464" s="40">
        <v>12.886226902433062</v>
      </c>
      <c r="L5464" s="40"/>
      <c r="M5464" s="40"/>
      <c r="N5464" s="40"/>
    </row>
    <row r="5465" spans="4:14" x14ac:dyDescent="0.25">
      <c r="D5465" s="40">
        <v>90.946363000004013</v>
      </c>
      <c r="E5465" s="40">
        <v>20.631513451999737</v>
      </c>
      <c r="F5465" s="40">
        <v>90.933333000000005</v>
      </c>
      <c r="G5465" s="40">
        <v>20.398318825409952</v>
      </c>
      <c r="H5465" s="40">
        <v>90.933334000000002</v>
      </c>
      <c r="I5465" s="40">
        <v>17.214623727846057</v>
      </c>
      <c r="J5465" s="40">
        <v>90.933300565476898</v>
      </c>
      <c r="K5465" s="40">
        <v>12.886226902433062</v>
      </c>
      <c r="L5465" s="40"/>
      <c r="M5465" s="40"/>
      <c r="N5465" s="40"/>
    </row>
    <row r="5466" spans="4:14" x14ac:dyDescent="0.25">
      <c r="D5466" s="40">
        <v>90.963029000004013</v>
      </c>
      <c r="E5466" s="40">
        <v>20.636356630589159</v>
      </c>
      <c r="F5466" s="40">
        <v>90.949999999999989</v>
      </c>
      <c r="G5466" s="40">
        <v>20.40293420937985</v>
      </c>
      <c r="H5466" s="40">
        <v>90.950000000000017</v>
      </c>
      <c r="I5466" s="40">
        <v>17.214623727846057</v>
      </c>
      <c r="J5466" s="40">
        <v>90.949967226191205</v>
      </c>
      <c r="K5466" s="40">
        <v>12.886226902433062</v>
      </c>
      <c r="L5466" s="40"/>
      <c r="M5466" s="40"/>
      <c r="N5466" s="40"/>
    </row>
    <row r="5467" spans="4:14" x14ac:dyDescent="0.25">
      <c r="D5467" s="40">
        <v>90.979695000004014</v>
      </c>
      <c r="E5467" s="40">
        <v>20.641199809178708</v>
      </c>
      <c r="F5467" s="40">
        <v>90.966667000000001</v>
      </c>
      <c r="G5467" s="40">
        <v>20.40293420937985</v>
      </c>
      <c r="H5467" s="40">
        <v>90.966667000000001</v>
      </c>
      <c r="I5467" s="40">
        <v>17.217976463989487</v>
      </c>
      <c r="J5467" s="40">
        <v>90.966633886905399</v>
      </c>
      <c r="K5467" s="40">
        <v>12.886226902433062</v>
      </c>
      <c r="L5467" s="40"/>
      <c r="M5467" s="40"/>
      <c r="N5467" s="40"/>
    </row>
    <row r="5468" spans="4:14" x14ac:dyDescent="0.25">
      <c r="D5468" s="40">
        <v>90.996361000004015</v>
      </c>
      <c r="E5468" s="40">
        <v>20.641199809178708</v>
      </c>
      <c r="F5468" s="40">
        <v>90.983332999999988</v>
      </c>
      <c r="G5468" s="40">
        <v>20.40293420937985</v>
      </c>
      <c r="H5468" s="40">
        <v>90.983334000000013</v>
      </c>
      <c r="I5468" s="40">
        <v>17.22123059024625</v>
      </c>
      <c r="J5468" s="40">
        <v>90.983300547619706</v>
      </c>
      <c r="K5468" s="40">
        <v>12.886226902433062</v>
      </c>
      <c r="L5468" s="40"/>
      <c r="M5468" s="40"/>
      <c r="N5468" s="40"/>
    </row>
    <row r="5469" spans="4:14" x14ac:dyDescent="0.25">
      <c r="D5469" s="40">
        <v>91.013027000004016</v>
      </c>
      <c r="E5469" s="40">
        <v>20.645900541339135</v>
      </c>
      <c r="F5469" s="40">
        <v>91</v>
      </c>
      <c r="G5469" s="40">
        <v>20.40293420937985</v>
      </c>
      <c r="H5469" s="40">
        <v>91</v>
      </c>
      <c r="I5469" s="40">
        <v>17.22123059024625</v>
      </c>
      <c r="J5469" s="40">
        <v>90.999967208333999</v>
      </c>
      <c r="K5469" s="40">
        <v>12.886226902433062</v>
      </c>
      <c r="L5469" s="40"/>
      <c r="M5469" s="40"/>
      <c r="N5469" s="40"/>
    </row>
    <row r="5470" spans="4:14" x14ac:dyDescent="0.25">
      <c r="D5470" s="40">
        <v>91.029693000004016</v>
      </c>
      <c r="E5470" s="40">
        <v>20.650743719928681</v>
      </c>
      <c r="F5470" s="40">
        <v>91.016666999999984</v>
      </c>
      <c r="G5470" s="40">
        <v>20.40293420937985</v>
      </c>
      <c r="H5470" s="40">
        <v>91.016667000000012</v>
      </c>
      <c r="I5470" s="40">
        <v>17.224583326389507</v>
      </c>
      <c r="J5470" s="40">
        <v>91.016633869048306</v>
      </c>
      <c r="K5470" s="40">
        <v>12.886226902433062</v>
      </c>
      <c r="L5470" s="40"/>
      <c r="M5470" s="40"/>
      <c r="N5470" s="40"/>
    </row>
    <row r="5471" spans="4:14" x14ac:dyDescent="0.25">
      <c r="D5471" s="40">
        <v>91.046359000004017</v>
      </c>
      <c r="E5471" s="40">
        <v>20.650743719928681</v>
      </c>
      <c r="F5471" s="40">
        <v>91.033332999999999</v>
      </c>
      <c r="G5471" s="40">
        <v>20.407689453470073</v>
      </c>
      <c r="H5471" s="40">
        <v>91.033333999999996</v>
      </c>
      <c r="I5471" s="40">
        <v>17.227936062532766</v>
      </c>
      <c r="J5471" s="40">
        <v>91.033300529762599</v>
      </c>
      <c r="K5471" s="40">
        <v>12.886226902433062</v>
      </c>
      <c r="L5471" s="40"/>
      <c r="M5471" s="40"/>
      <c r="N5471" s="40"/>
    </row>
    <row r="5472" spans="4:14" x14ac:dyDescent="0.25">
      <c r="D5472" s="40">
        <v>91.063025000004018</v>
      </c>
      <c r="E5472" s="40">
        <v>20.655586898518102</v>
      </c>
      <c r="F5472" s="40">
        <v>91.049999999999983</v>
      </c>
      <c r="G5472" s="40">
        <v>20.407689453470073</v>
      </c>
      <c r="H5472" s="40">
        <v>91.050000000000011</v>
      </c>
      <c r="I5472" s="40">
        <v>17.227936062532766</v>
      </c>
      <c r="J5472" s="40">
        <v>91.049967190476906</v>
      </c>
      <c r="K5472" s="40">
        <v>12.886226902433062</v>
      </c>
      <c r="L5472" s="40"/>
      <c r="M5472" s="40"/>
      <c r="N5472" s="40"/>
    </row>
    <row r="5473" spans="4:14" x14ac:dyDescent="0.25">
      <c r="D5473" s="40">
        <v>91.079691000004019</v>
      </c>
      <c r="E5473" s="40">
        <v>20.660287630678528</v>
      </c>
      <c r="F5473" s="40">
        <v>91.066666999999995</v>
      </c>
      <c r="G5473" s="40">
        <v>20.407689453470073</v>
      </c>
      <c r="H5473" s="40">
        <v>91.066666999999995</v>
      </c>
      <c r="I5473" s="40">
        <v>17.23119018878953</v>
      </c>
      <c r="J5473" s="40">
        <v>91.066633851191199</v>
      </c>
      <c r="K5473" s="40">
        <v>12.886226902433062</v>
      </c>
      <c r="L5473" s="40"/>
      <c r="M5473" s="40"/>
      <c r="N5473" s="40"/>
    </row>
    <row r="5474" spans="4:14" x14ac:dyDescent="0.25">
      <c r="D5474" s="40">
        <v>91.096357000004019</v>
      </c>
      <c r="E5474" s="40">
        <v>20.665130809268078</v>
      </c>
      <c r="F5474" s="40">
        <v>91.083332999999982</v>
      </c>
      <c r="G5474" s="40">
        <v>20.407689453470073</v>
      </c>
      <c r="H5474" s="40">
        <v>91.083334000000008</v>
      </c>
      <c r="I5474" s="40">
        <v>17.234542924932963</v>
      </c>
      <c r="J5474" s="40">
        <v>91.083300511905406</v>
      </c>
      <c r="K5474" s="40">
        <v>12.886226902433062</v>
      </c>
      <c r="L5474" s="40"/>
      <c r="M5474" s="40"/>
      <c r="N5474" s="40"/>
    </row>
    <row r="5475" spans="4:14" x14ac:dyDescent="0.25">
      <c r="D5475" s="40">
        <v>91.11302300000402</v>
      </c>
      <c r="E5475" s="40">
        <v>20.665130809268078</v>
      </c>
      <c r="F5475" s="40">
        <v>91.1</v>
      </c>
      <c r="G5475" s="40">
        <v>20.407689453470073</v>
      </c>
      <c r="H5475" s="40">
        <v>91.1</v>
      </c>
      <c r="I5475" s="40">
        <v>17.234542924932963</v>
      </c>
      <c r="J5475" s="40">
        <v>91.099967172619699</v>
      </c>
      <c r="K5475" s="40">
        <v>12.886226902433062</v>
      </c>
      <c r="L5475" s="40"/>
      <c r="M5475" s="40"/>
      <c r="N5475" s="40"/>
    </row>
    <row r="5476" spans="4:14" x14ac:dyDescent="0.25">
      <c r="D5476" s="40">
        <v>91.129689000004021</v>
      </c>
      <c r="E5476" s="40">
        <v>20.6699739878575</v>
      </c>
      <c r="F5476" s="40">
        <v>91.116667000000007</v>
      </c>
      <c r="G5476" s="40">
        <v>20.412444697560293</v>
      </c>
      <c r="H5476" s="40">
        <v>91.116667000000007</v>
      </c>
      <c r="I5476" s="40">
        <v>17.237895661076216</v>
      </c>
      <c r="J5476" s="40">
        <v>91.116633833334006</v>
      </c>
      <c r="K5476" s="40">
        <v>12.886226902433062</v>
      </c>
      <c r="L5476" s="40"/>
      <c r="M5476" s="40"/>
      <c r="N5476" s="40"/>
    </row>
    <row r="5477" spans="4:14" x14ac:dyDescent="0.25">
      <c r="D5477" s="40">
        <v>91.146355000004021</v>
      </c>
      <c r="E5477" s="40">
        <v>20.674674720017926</v>
      </c>
      <c r="F5477" s="40">
        <v>91.133332999999993</v>
      </c>
      <c r="G5477" s="40">
        <v>20.412444697560293</v>
      </c>
      <c r="H5477" s="40">
        <v>91.133334000000019</v>
      </c>
      <c r="I5477" s="40">
        <v>17.237895661076216</v>
      </c>
      <c r="J5477" s="40">
        <v>91.133300494048299</v>
      </c>
      <c r="K5477" s="40">
        <v>12.890935268386123</v>
      </c>
      <c r="L5477" s="40"/>
      <c r="M5477" s="40"/>
      <c r="N5477" s="40"/>
    </row>
    <row r="5478" spans="4:14" x14ac:dyDescent="0.25">
      <c r="D5478" s="40">
        <v>91.163021000004022</v>
      </c>
      <c r="E5478" s="40">
        <v>20.674674720017926</v>
      </c>
      <c r="F5478" s="40">
        <v>91.15</v>
      </c>
      <c r="G5478" s="40">
        <v>20.412444697560293</v>
      </c>
      <c r="H5478" s="40">
        <v>91.15</v>
      </c>
      <c r="I5478" s="40">
        <v>17.241149787332979</v>
      </c>
      <c r="J5478" s="40">
        <v>91.149967154762606</v>
      </c>
      <c r="K5478" s="40">
        <v>12.890935268386123</v>
      </c>
      <c r="L5478" s="40"/>
      <c r="M5478" s="40"/>
      <c r="N5478" s="40"/>
    </row>
    <row r="5479" spans="4:14" x14ac:dyDescent="0.25">
      <c r="D5479" s="40">
        <v>91.179687000004023</v>
      </c>
      <c r="E5479" s="40">
        <v>20.679517898607475</v>
      </c>
      <c r="F5479" s="40">
        <v>91.16666699999999</v>
      </c>
      <c r="G5479" s="40">
        <v>20.412444697560293</v>
      </c>
      <c r="H5479" s="40">
        <v>91.166667000000018</v>
      </c>
      <c r="I5479" s="40">
        <v>17.241149787332979</v>
      </c>
      <c r="J5479" s="40">
        <v>91.166633815476899</v>
      </c>
      <c r="K5479" s="40">
        <v>12.890935268386123</v>
      </c>
      <c r="L5479" s="40"/>
      <c r="M5479" s="40"/>
      <c r="N5479" s="40"/>
    </row>
    <row r="5480" spans="4:14" x14ac:dyDescent="0.25">
      <c r="D5480" s="40">
        <v>91.196353000004024</v>
      </c>
      <c r="E5480" s="40">
        <v>20.684361077196897</v>
      </c>
      <c r="F5480" s="40">
        <v>91.183333000000005</v>
      </c>
      <c r="G5480" s="40">
        <v>20.417060081530067</v>
      </c>
      <c r="H5480" s="40">
        <v>91.183334000000002</v>
      </c>
      <c r="I5480" s="40">
        <v>17.244502523476239</v>
      </c>
      <c r="J5480" s="40">
        <v>91.183300476191206</v>
      </c>
      <c r="K5480" s="40">
        <v>12.890935268386123</v>
      </c>
      <c r="L5480" s="40"/>
      <c r="M5480" s="40"/>
      <c r="N5480" s="40"/>
    </row>
    <row r="5481" spans="4:14" x14ac:dyDescent="0.25">
      <c r="D5481" s="40">
        <v>91.213019000004024</v>
      </c>
      <c r="E5481" s="40">
        <v>20.684361077196897</v>
      </c>
      <c r="F5481" s="40">
        <v>91.199999999999989</v>
      </c>
      <c r="G5481" s="40">
        <v>20.417060081530067</v>
      </c>
      <c r="H5481" s="40">
        <v>91.200000000000017</v>
      </c>
      <c r="I5481" s="40">
        <v>17.244502523476239</v>
      </c>
      <c r="J5481" s="40">
        <v>91.199967136905499</v>
      </c>
      <c r="K5481" s="40">
        <v>12.890935268386123</v>
      </c>
      <c r="L5481" s="40"/>
      <c r="M5481" s="40"/>
      <c r="N5481" s="40"/>
    </row>
    <row r="5482" spans="4:14" x14ac:dyDescent="0.25">
      <c r="D5482" s="40">
        <v>91.229685000004025</v>
      </c>
      <c r="E5482" s="40">
        <v>20.689061809357323</v>
      </c>
      <c r="F5482" s="40">
        <v>91.216667000000001</v>
      </c>
      <c r="G5482" s="40">
        <v>20.417060081530067</v>
      </c>
      <c r="H5482" s="40">
        <v>91.216667000000001</v>
      </c>
      <c r="I5482" s="40">
        <v>17.247855259619495</v>
      </c>
      <c r="J5482" s="40">
        <v>91.216633797619707</v>
      </c>
      <c r="K5482" s="40">
        <v>12.890935268386123</v>
      </c>
      <c r="L5482" s="40"/>
      <c r="M5482" s="40"/>
      <c r="N5482" s="40"/>
    </row>
    <row r="5483" spans="4:14" x14ac:dyDescent="0.25">
      <c r="D5483" s="40">
        <v>91.246351000004026</v>
      </c>
      <c r="E5483" s="40">
        <v>20.689061809357323</v>
      </c>
      <c r="F5483" s="40">
        <v>91.233332999999988</v>
      </c>
      <c r="G5483" s="40">
        <v>20.417060081530067</v>
      </c>
      <c r="H5483" s="40">
        <v>91.233334000000013</v>
      </c>
      <c r="I5483" s="40">
        <v>17.247855259619495</v>
      </c>
      <c r="J5483" s="40">
        <v>91.233300458334</v>
      </c>
      <c r="K5483" s="40">
        <v>12.890935268386123</v>
      </c>
      <c r="L5483" s="40"/>
      <c r="M5483" s="40"/>
      <c r="N5483" s="40"/>
    </row>
    <row r="5484" spans="4:14" x14ac:dyDescent="0.25">
      <c r="D5484" s="40">
        <v>91.263017000004027</v>
      </c>
      <c r="E5484" s="40">
        <v>20.689061809357323</v>
      </c>
      <c r="F5484" s="40">
        <v>91.25</v>
      </c>
      <c r="G5484" s="40">
        <v>20.421815325620287</v>
      </c>
      <c r="H5484" s="40">
        <v>91.25</v>
      </c>
      <c r="I5484" s="40">
        <v>17.251109385876259</v>
      </c>
      <c r="J5484" s="40">
        <v>91.249967119048307</v>
      </c>
      <c r="K5484" s="40">
        <v>12.890935268386123</v>
      </c>
      <c r="L5484" s="40"/>
      <c r="M5484" s="40"/>
      <c r="N5484" s="40"/>
    </row>
    <row r="5485" spans="4:14" x14ac:dyDescent="0.25">
      <c r="D5485" s="40">
        <v>91.279683000004027</v>
      </c>
      <c r="E5485" s="40">
        <v>20.693904987946869</v>
      </c>
      <c r="F5485" s="40">
        <v>91.266666999999984</v>
      </c>
      <c r="G5485" s="40">
        <v>20.421815325620287</v>
      </c>
      <c r="H5485" s="40">
        <v>91.266667000000012</v>
      </c>
      <c r="I5485" s="40">
        <v>17.251109385876259</v>
      </c>
      <c r="J5485" s="40">
        <v>91.2666337797626</v>
      </c>
      <c r="K5485" s="40">
        <v>12.890935268386123</v>
      </c>
      <c r="L5485" s="40"/>
      <c r="M5485" s="40"/>
      <c r="N5485" s="40"/>
    </row>
    <row r="5486" spans="4:14" x14ac:dyDescent="0.25">
      <c r="D5486" s="40">
        <v>91.296349000004028</v>
      </c>
      <c r="E5486" s="40">
        <v>20.693904987946869</v>
      </c>
      <c r="F5486" s="40">
        <v>91.283332999999999</v>
      </c>
      <c r="G5486" s="40">
        <v>20.421815325620287</v>
      </c>
      <c r="H5486" s="40">
        <v>91.283333999999996</v>
      </c>
      <c r="I5486" s="40">
        <v>17.254462122019692</v>
      </c>
      <c r="J5486" s="40">
        <v>91.283300440476907</v>
      </c>
      <c r="K5486" s="40">
        <v>12.890935268386123</v>
      </c>
      <c r="L5486" s="40"/>
      <c r="M5486" s="40"/>
      <c r="N5486" s="40"/>
    </row>
    <row r="5487" spans="4:14" x14ac:dyDescent="0.25">
      <c r="D5487" s="40">
        <v>91.313015000004029</v>
      </c>
      <c r="E5487" s="40">
        <v>20.693904987946869</v>
      </c>
      <c r="F5487" s="40">
        <v>91.299999999999983</v>
      </c>
      <c r="G5487" s="40">
        <v>20.421815325620287</v>
      </c>
      <c r="H5487" s="40">
        <v>91.300000000000011</v>
      </c>
      <c r="I5487" s="40">
        <v>17.254462122019692</v>
      </c>
      <c r="J5487" s="40">
        <v>91.2999671011912</v>
      </c>
      <c r="K5487" s="40">
        <v>12.890935268386123</v>
      </c>
      <c r="L5487" s="40"/>
      <c r="M5487" s="40"/>
      <c r="N5487" s="40"/>
    </row>
    <row r="5488" spans="4:14" x14ac:dyDescent="0.25">
      <c r="D5488" s="40">
        <v>91.32968100000403</v>
      </c>
      <c r="E5488" s="40">
        <v>20.698748166536415</v>
      </c>
      <c r="F5488" s="40">
        <v>91.316666999999995</v>
      </c>
      <c r="G5488" s="40">
        <v>20.426570569710506</v>
      </c>
      <c r="H5488" s="40">
        <v>91.316666999999995</v>
      </c>
      <c r="I5488" s="40">
        <v>17.257814858162948</v>
      </c>
      <c r="J5488" s="40">
        <v>91.316633761905393</v>
      </c>
      <c r="K5488" s="40">
        <v>12.895786312095355</v>
      </c>
      <c r="L5488" s="40"/>
      <c r="M5488" s="40"/>
      <c r="N5488" s="40"/>
    </row>
    <row r="5489" spans="4:14" x14ac:dyDescent="0.25">
      <c r="D5489" s="40">
        <v>91.34634700000403</v>
      </c>
      <c r="E5489" s="40">
        <v>20.698748166536415</v>
      </c>
      <c r="F5489" s="40">
        <v>91.333332999999982</v>
      </c>
      <c r="G5489" s="40">
        <v>20.426570569710506</v>
      </c>
      <c r="H5489" s="40">
        <v>91.333334000000008</v>
      </c>
      <c r="I5489" s="40">
        <v>17.261068984419712</v>
      </c>
      <c r="J5489" s="40">
        <v>91.3333004226197</v>
      </c>
      <c r="K5489" s="40">
        <v>12.895786312095355</v>
      </c>
      <c r="L5489" s="40"/>
      <c r="M5489" s="40"/>
      <c r="N5489" s="40"/>
    </row>
    <row r="5490" spans="4:14" x14ac:dyDescent="0.25">
      <c r="D5490" s="40">
        <v>91.363013000004031</v>
      </c>
      <c r="E5490" s="40">
        <v>20.693904987946869</v>
      </c>
      <c r="F5490" s="40">
        <v>91.35</v>
      </c>
      <c r="G5490" s="40">
        <v>20.426570569710506</v>
      </c>
      <c r="H5490" s="40">
        <v>91.35</v>
      </c>
      <c r="I5490" s="40">
        <v>17.261068984419712</v>
      </c>
      <c r="J5490" s="40">
        <v>91.349967083333993</v>
      </c>
      <c r="K5490" s="40">
        <v>12.895786312095355</v>
      </c>
      <c r="L5490" s="40"/>
      <c r="M5490" s="40"/>
      <c r="N5490" s="40"/>
    </row>
    <row r="5491" spans="4:14" x14ac:dyDescent="0.25">
      <c r="D5491" s="40">
        <v>91.379679000004032</v>
      </c>
      <c r="E5491" s="40">
        <v>20.693904987946869</v>
      </c>
      <c r="F5491" s="40">
        <v>91.366667000000007</v>
      </c>
      <c r="G5491" s="40">
        <v>20.426570569710506</v>
      </c>
      <c r="H5491" s="40">
        <v>91.366667000000007</v>
      </c>
      <c r="I5491" s="40">
        <v>17.264421720562968</v>
      </c>
      <c r="J5491" s="40">
        <v>91.366633744048301</v>
      </c>
      <c r="K5491" s="40">
        <v>12.895786312095355</v>
      </c>
      <c r="L5491" s="40"/>
      <c r="M5491" s="40"/>
      <c r="N5491" s="40"/>
    </row>
    <row r="5492" spans="4:14" x14ac:dyDescent="0.25">
      <c r="D5492" s="40">
        <v>91.396345000004032</v>
      </c>
      <c r="E5492" s="40">
        <v>20.693904987946869</v>
      </c>
      <c r="F5492" s="40">
        <v>91.383332999999993</v>
      </c>
      <c r="G5492" s="40">
        <v>20.426570569710506</v>
      </c>
      <c r="H5492" s="40">
        <v>91.383334000000019</v>
      </c>
      <c r="I5492" s="40">
        <v>17.267774456706402</v>
      </c>
      <c r="J5492" s="40">
        <v>91.383300404762593</v>
      </c>
      <c r="K5492" s="40">
        <v>12.895786312095355</v>
      </c>
      <c r="L5492" s="40"/>
      <c r="M5492" s="40"/>
      <c r="N5492" s="40"/>
    </row>
    <row r="5493" spans="4:14" x14ac:dyDescent="0.25">
      <c r="D5493" s="40">
        <v>91.413011000004033</v>
      </c>
      <c r="E5493" s="40">
        <v>20.689061809357323</v>
      </c>
      <c r="F5493" s="40">
        <v>91.4</v>
      </c>
      <c r="G5493" s="40">
        <v>20.431185953680281</v>
      </c>
      <c r="H5493" s="40">
        <v>91.4</v>
      </c>
      <c r="I5493" s="40">
        <v>17.267774456706402</v>
      </c>
      <c r="J5493" s="40">
        <v>91.399967065476901</v>
      </c>
      <c r="K5493" s="40">
        <v>12.895786312095355</v>
      </c>
      <c r="L5493" s="40"/>
      <c r="M5493" s="40"/>
      <c r="N5493" s="40"/>
    </row>
    <row r="5494" spans="4:14" x14ac:dyDescent="0.25">
      <c r="D5494" s="40">
        <v>91.429677000004034</v>
      </c>
      <c r="E5494" s="40">
        <v>20.689061809357323</v>
      </c>
      <c r="F5494" s="40">
        <v>91.41666699999999</v>
      </c>
      <c r="G5494" s="40">
        <v>20.431185953680281</v>
      </c>
      <c r="H5494" s="40">
        <v>91.416667000000018</v>
      </c>
      <c r="I5494" s="40">
        <v>17.271127192849658</v>
      </c>
      <c r="J5494" s="40">
        <v>91.416633726191193</v>
      </c>
      <c r="K5494" s="40">
        <v>12.895786312095355</v>
      </c>
      <c r="L5494" s="40"/>
      <c r="M5494" s="40"/>
      <c r="N5494" s="40"/>
    </row>
    <row r="5495" spans="4:14" x14ac:dyDescent="0.25">
      <c r="D5495" s="40">
        <v>91.446343000004035</v>
      </c>
      <c r="E5495" s="40">
        <v>20.689061809357323</v>
      </c>
      <c r="F5495" s="40">
        <v>91.433333000000005</v>
      </c>
      <c r="G5495" s="40">
        <v>20.431185953680281</v>
      </c>
      <c r="H5495" s="40">
        <v>91.433334000000002</v>
      </c>
      <c r="I5495" s="40">
        <v>17.274381319106421</v>
      </c>
      <c r="J5495" s="40">
        <v>91.433300386905501</v>
      </c>
      <c r="K5495" s="40">
        <v>12.895786312095355</v>
      </c>
      <c r="L5495" s="40"/>
      <c r="M5495" s="40"/>
      <c r="N5495" s="40"/>
    </row>
    <row r="5496" spans="4:14" x14ac:dyDescent="0.25">
      <c r="D5496" s="40">
        <v>91.463009000004035</v>
      </c>
      <c r="E5496" s="40">
        <v>20.684361077196897</v>
      </c>
      <c r="F5496" s="40">
        <v>91.449999999999989</v>
      </c>
      <c r="G5496" s="40">
        <v>20.431185953680281</v>
      </c>
      <c r="H5496" s="40">
        <v>91.450000000000017</v>
      </c>
      <c r="I5496" s="40">
        <v>17.274381319106421</v>
      </c>
      <c r="J5496" s="40">
        <v>91.449967047619694</v>
      </c>
      <c r="K5496" s="40">
        <v>12.895786312095355</v>
      </c>
      <c r="L5496" s="40"/>
      <c r="M5496" s="40"/>
      <c r="N5496" s="40"/>
    </row>
    <row r="5497" spans="4:14" x14ac:dyDescent="0.25">
      <c r="D5497" s="40">
        <v>91.479675000004036</v>
      </c>
      <c r="E5497" s="40">
        <v>20.684361077196897</v>
      </c>
      <c r="F5497" s="40">
        <v>91.466667000000001</v>
      </c>
      <c r="G5497" s="40">
        <v>20.4359411977705</v>
      </c>
      <c r="H5497" s="40">
        <v>91.466667000000001</v>
      </c>
      <c r="I5497" s="40">
        <v>17.277734055249681</v>
      </c>
      <c r="J5497" s="40">
        <v>91.466633708334001</v>
      </c>
      <c r="K5497" s="40">
        <v>12.895786312095355</v>
      </c>
      <c r="L5497" s="40"/>
      <c r="M5497" s="40"/>
      <c r="N5497" s="40"/>
    </row>
    <row r="5498" spans="4:14" x14ac:dyDescent="0.25">
      <c r="D5498" s="40">
        <v>91.496341000004037</v>
      </c>
      <c r="E5498" s="40">
        <v>20.679517898607475</v>
      </c>
      <c r="F5498" s="40">
        <v>91.483332999999988</v>
      </c>
      <c r="G5498" s="40">
        <v>20.4359411977705</v>
      </c>
      <c r="H5498" s="40">
        <v>91.483334000000013</v>
      </c>
      <c r="I5498" s="40">
        <v>17.281086791392934</v>
      </c>
      <c r="J5498" s="40">
        <v>91.483300369048294</v>
      </c>
      <c r="K5498" s="40">
        <v>12.895786312095355</v>
      </c>
      <c r="L5498" s="40"/>
      <c r="M5498" s="40"/>
      <c r="N5498" s="40"/>
    </row>
    <row r="5499" spans="4:14" x14ac:dyDescent="0.25">
      <c r="D5499" s="40">
        <v>91.513007000004038</v>
      </c>
      <c r="E5499" s="40">
        <v>20.679517898607475</v>
      </c>
      <c r="F5499" s="40">
        <v>91.5</v>
      </c>
      <c r="G5499" s="40">
        <v>20.4359411977705</v>
      </c>
      <c r="H5499" s="40">
        <v>91.5</v>
      </c>
      <c r="I5499" s="40">
        <v>17.281086791392934</v>
      </c>
      <c r="J5499" s="40">
        <v>91.499967029762601</v>
      </c>
      <c r="K5499" s="40">
        <v>12.895786312095355</v>
      </c>
      <c r="L5499" s="40"/>
      <c r="M5499" s="40"/>
      <c r="N5499" s="40"/>
    </row>
    <row r="5500" spans="4:14" x14ac:dyDescent="0.25">
      <c r="D5500" s="40">
        <v>91.529673000004038</v>
      </c>
      <c r="E5500" s="40">
        <v>20.679517898607475</v>
      </c>
      <c r="F5500" s="40">
        <v>91.516666999999984</v>
      </c>
      <c r="G5500" s="40">
        <v>20.44069644186072</v>
      </c>
      <c r="H5500" s="40">
        <v>91.516667000000012</v>
      </c>
      <c r="I5500" s="40">
        <v>17.284340917649697</v>
      </c>
      <c r="J5500" s="40">
        <v>91.516633690476894</v>
      </c>
      <c r="K5500" s="40">
        <v>12.895786312095355</v>
      </c>
      <c r="L5500" s="40"/>
      <c r="M5500" s="40"/>
      <c r="N5500" s="40"/>
    </row>
    <row r="5501" spans="4:14" x14ac:dyDescent="0.25">
      <c r="D5501" s="40">
        <v>91.546339000004039</v>
      </c>
      <c r="E5501" s="40">
        <v>20.679517898607475</v>
      </c>
      <c r="F5501" s="40">
        <v>91.533332999999999</v>
      </c>
      <c r="G5501" s="40">
        <v>20.44069644186072</v>
      </c>
      <c r="H5501" s="40">
        <v>91.533333999999996</v>
      </c>
      <c r="I5501" s="40">
        <v>17.287693653793131</v>
      </c>
      <c r="J5501" s="40">
        <v>91.533300351191201</v>
      </c>
      <c r="K5501" s="40">
        <v>12.895786312095355</v>
      </c>
      <c r="L5501" s="40"/>
      <c r="M5501" s="40"/>
      <c r="N5501" s="40"/>
    </row>
    <row r="5502" spans="4:14" x14ac:dyDescent="0.25">
      <c r="D5502" s="40">
        <v>91.56300500000404</v>
      </c>
      <c r="E5502" s="40">
        <v>20.679517898607475</v>
      </c>
      <c r="F5502" s="40">
        <v>91.549999999999983</v>
      </c>
      <c r="G5502" s="40">
        <v>20.44069644186072</v>
      </c>
      <c r="H5502" s="40">
        <v>91.550000000000011</v>
      </c>
      <c r="I5502" s="40">
        <v>17.287693653793131</v>
      </c>
      <c r="J5502" s="40">
        <v>91.549967011905395</v>
      </c>
      <c r="K5502" s="40">
        <v>12.895786312095355</v>
      </c>
      <c r="L5502" s="40"/>
      <c r="M5502" s="40"/>
      <c r="N5502" s="40"/>
    </row>
    <row r="5503" spans="4:14" x14ac:dyDescent="0.25">
      <c r="D5503" s="40">
        <v>91.579671000004041</v>
      </c>
      <c r="E5503" s="40">
        <v>20.679517898607475</v>
      </c>
      <c r="F5503" s="40">
        <v>91.566666999999995</v>
      </c>
      <c r="G5503" s="40">
        <v>20.44069644186072</v>
      </c>
      <c r="H5503" s="40">
        <v>91.566666999999995</v>
      </c>
      <c r="I5503" s="40">
        <v>17.29104638993639</v>
      </c>
      <c r="J5503" s="40">
        <v>91.566633672619702</v>
      </c>
      <c r="K5503" s="40">
        <v>12.895786312095355</v>
      </c>
      <c r="L5503" s="40"/>
      <c r="M5503" s="40"/>
      <c r="N5503" s="40"/>
    </row>
    <row r="5504" spans="4:14" x14ac:dyDescent="0.25">
      <c r="D5504" s="40">
        <v>91.596337000004041</v>
      </c>
      <c r="E5504" s="40">
        <v>20.674674720017926</v>
      </c>
      <c r="F5504" s="40">
        <v>91.583332999999982</v>
      </c>
      <c r="G5504" s="40">
        <v>20.445311825830618</v>
      </c>
      <c r="H5504" s="40">
        <v>91.583334000000008</v>
      </c>
      <c r="I5504" s="40">
        <v>17.29104638993639</v>
      </c>
      <c r="J5504" s="40">
        <v>91.583300333333995</v>
      </c>
      <c r="K5504" s="40">
        <v>12.900637355804461</v>
      </c>
      <c r="L5504" s="40"/>
      <c r="M5504" s="40"/>
      <c r="N5504" s="40"/>
    </row>
    <row r="5505" spans="4:14" x14ac:dyDescent="0.25">
      <c r="D5505" s="40">
        <v>91.613003000004042</v>
      </c>
      <c r="E5505" s="40">
        <v>20.674674720017926</v>
      </c>
      <c r="F5505" s="40">
        <v>91.6</v>
      </c>
      <c r="G5505" s="40">
        <v>20.445311825830618</v>
      </c>
      <c r="H5505" s="40">
        <v>91.6</v>
      </c>
      <c r="I5505" s="40">
        <v>17.294300516193154</v>
      </c>
      <c r="J5505" s="40">
        <v>91.599966994048302</v>
      </c>
      <c r="K5505" s="40">
        <v>12.900637355804461</v>
      </c>
      <c r="L5505" s="40"/>
      <c r="M5505" s="40"/>
      <c r="N5505" s="40"/>
    </row>
    <row r="5506" spans="4:14" x14ac:dyDescent="0.25">
      <c r="D5506" s="40">
        <v>91.629669000004043</v>
      </c>
      <c r="E5506" s="40">
        <v>20.674674720017926</v>
      </c>
      <c r="F5506" s="40">
        <v>91.616667000000007</v>
      </c>
      <c r="G5506" s="40">
        <v>20.445311825830618</v>
      </c>
      <c r="H5506" s="40">
        <v>91.616667000000007</v>
      </c>
      <c r="I5506" s="40">
        <v>17.29765325233641</v>
      </c>
      <c r="J5506" s="40">
        <v>91.616633654762595</v>
      </c>
      <c r="K5506" s="40">
        <v>12.900637355804461</v>
      </c>
      <c r="L5506" s="40"/>
      <c r="M5506" s="40"/>
      <c r="N5506" s="40"/>
    </row>
    <row r="5507" spans="4:14" x14ac:dyDescent="0.25">
      <c r="D5507" s="40">
        <v>91.646335000004044</v>
      </c>
      <c r="E5507" s="40">
        <v>20.674674720017926</v>
      </c>
      <c r="F5507" s="40">
        <v>91.633332999999993</v>
      </c>
      <c r="G5507" s="40">
        <v>20.445311825830618</v>
      </c>
      <c r="H5507" s="40">
        <v>91.633334000000019</v>
      </c>
      <c r="I5507" s="40">
        <v>17.30100598847984</v>
      </c>
      <c r="J5507" s="40">
        <v>91.633300315476902</v>
      </c>
      <c r="K5507" s="40">
        <v>12.900637355804461</v>
      </c>
      <c r="L5507" s="40"/>
      <c r="M5507" s="40"/>
      <c r="N5507" s="40"/>
    </row>
    <row r="5508" spans="4:14" x14ac:dyDescent="0.25">
      <c r="D5508" s="40">
        <v>91.663001000004044</v>
      </c>
      <c r="E5508" s="40">
        <v>20.674674720017926</v>
      </c>
      <c r="F5508" s="40">
        <v>91.65</v>
      </c>
      <c r="G5508" s="40">
        <v>20.445311825830618</v>
      </c>
      <c r="H5508" s="40">
        <v>91.65</v>
      </c>
      <c r="I5508" s="40">
        <v>17.30100598847984</v>
      </c>
      <c r="J5508" s="40">
        <v>91.649966976191195</v>
      </c>
      <c r="K5508" s="40">
        <v>12.900637355804461</v>
      </c>
      <c r="L5508" s="40"/>
      <c r="M5508" s="40"/>
      <c r="N5508" s="40"/>
    </row>
    <row r="5509" spans="4:14" x14ac:dyDescent="0.25">
      <c r="D5509" s="40">
        <v>91.679667000004045</v>
      </c>
      <c r="E5509" s="40">
        <v>20.674674720017926</v>
      </c>
      <c r="F5509" s="40">
        <v>91.66666699999999</v>
      </c>
      <c r="G5509" s="40">
        <v>20.450067069920717</v>
      </c>
      <c r="H5509" s="40">
        <v>91.666667000000018</v>
      </c>
      <c r="I5509" s="40">
        <v>17.304260114736429</v>
      </c>
      <c r="J5509" s="40">
        <v>91.666633636905502</v>
      </c>
      <c r="K5509" s="40">
        <v>12.90534572175752</v>
      </c>
      <c r="L5509" s="40"/>
      <c r="M5509" s="40"/>
      <c r="N5509" s="40"/>
    </row>
    <row r="5510" spans="4:14" x14ac:dyDescent="0.25">
      <c r="D5510" s="40">
        <v>91.696333000004046</v>
      </c>
      <c r="E5510" s="40">
        <v>20.674674720017926</v>
      </c>
      <c r="F5510" s="40">
        <v>91.683333000000005</v>
      </c>
      <c r="G5510" s="40">
        <v>20.450067069920717</v>
      </c>
      <c r="H5510" s="40">
        <v>91.683334000000002</v>
      </c>
      <c r="I5510" s="40">
        <v>17.30761285087986</v>
      </c>
      <c r="J5510" s="40">
        <v>91.683300297619695</v>
      </c>
      <c r="K5510" s="40">
        <v>12.900637355804461</v>
      </c>
      <c r="L5510" s="40"/>
      <c r="M5510" s="40"/>
      <c r="N5510" s="40"/>
    </row>
    <row r="5511" spans="4:14" x14ac:dyDescent="0.25">
      <c r="D5511" s="40">
        <v>91.712999000004046</v>
      </c>
      <c r="E5511" s="40">
        <v>20.674674720017926</v>
      </c>
      <c r="F5511" s="40">
        <v>91.699999999999989</v>
      </c>
      <c r="G5511" s="40">
        <v>20.450067069920717</v>
      </c>
      <c r="H5511" s="40">
        <v>91.700000000000017</v>
      </c>
      <c r="I5511" s="40">
        <v>17.30761285087986</v>
      </c>
      <c r="J5511" s="40">
        <v>91.699966958334002</v>
      </c>
      <c r="K5511" s="40">
        <v>12.900637355804461</v>
      </c>
      <c r="L5511" s="40"/>
      <c r="M5511" s="40"/>
      <c r="N5511" s="40"/>
    </row>
    <row r="5512" spans="4:14" x14ac:dyDescent="0.25">
      <c r="D5512" s="40">
        <v>91.729665000004047</v>
      </c>
      <c r="E5512" s="40">
        <v>20.674674720017926</v>
      </c>
      <c r="F5512" s="40">
        <v>91.716667000000001</v>
      </c>
      <c r="G5512" s="40">
        <v>20.450067069920717</v>
      </c>
      <c r="H5512" s="40">
        <v>91.716667000000001</v>
      </c>
      <c r="I5512" s="40">
        <v>17.310965587023119</v>
      </c>
      <c r="J5512" s="40">
        <v>91.716633619048295</v>
      </c>
      <c r="K5512" s="40">
        <v>12.900637355804461</v>
      </c>
      <c r="L5512" s="40"/>
      <c r="M5512" s="40"/>
      <c r="N5512" s="40"/>
    </row>
    <row r="5513" spans="4:14" x14ac:dyDescent="0.25">
      <c r="D5513" s="40">
        <v>91.746331000004048</v>
      </c>
      <c r="E5513" s="40">
        <v>20.674674720017926</v>
      </c>
      <c r="F5513" s="40">
        <v>91.733332999999988</v>
      </c>
      <c r="G5513" s="40">
        <v>20.450067069920717</v>
      </c>
      <c r="H5513" s="40">
        <v>91.733334000000013</v>
      </c>
      <c r="I5513" s="40">
        <v>17.310965587023119</v>
      </c>
      <c r="J5513" s="40">
        <v>91.733300279762602</v>
      </c>
      <c r="K5513" s="40">
        <v>12.900637355804461</v>
      </c>
      <c r="L5513" s="40"/>
      <c r="M5513" s="40"/>
      <c r="N5513" s="40"/>
    </row>
    <row r="5514" spans="4:14" x14ac:dyDescent="0.25">
      <c r="D5514" s="40">
        <v>91.762997000004049</v>
      </c>
      <c r="E5514" s="40">
        <v>20.674674720017926</v>
      </c>
      <c r="F5514" s="40">
        <v>91.75</v>
      </c>
      <c r="G5514" s="40">
        <v>20.454822314010936</v>
      </c>
      <c r="H5514" s="40">
        <v>91.75</v>
      </c>
      <c r="I5514" s="40">
        <v>17.314219713279883</v>
      </c>
      <c r="J5514" s="40">
        <v>91.749966940476895</v>
      </c>
      <c r="K5514" s="40">
        <v>12.900637355804461</v>
      </c>
      <c r="L5514" s="40"/>
      <c r="M5514" s="40"/>
      <c r="N5514" s="40"/>
    </row>
    <row r="5515" spans="4:14" x14ac:dyDescent="0.25">
      <c r="D5515" s="40">
        <v>91.779663000004049</v>
      </c>
      <c r="E5515" s="40">
        <v>20.674674720017926</v>
      </c>
      <c r="F5515" s="40">
        <v>91.766666999999984</v>
      </c>
      <c r="G5515" s="40">
        <v>20.454822314010936</v>
      </c>
      <c r="H5515" s="40">
        <v>91.766667000000012</v>
      </c>
      <c r="I5515" s="40">
        <v>17.317572449423139</v>
      </c>
      <c r="J5515" s="40">
        <v>91.766633601191202</v>
      </c>
      <c r="K5515" s="40">
        <v>12.900637355804461</v>
      </c>
      <c r="L5515" s="40"/>
      <c r="M5515" s="40"/>
      <c r="N5515" s="40"/>
    </row>
    <row r="5516" spans="4:14" x14ac:dyDescent="0.25">
      <c r="D5516" s="40">
        <v>91.79632900000405</v>
      </c>
      <c r="E5516" s="40">
        <v>20.674674720017926</v>
      </c>
      <c r="F5516" s="40">
        <v>91.783332999999999</v>
      </c>
      <c r="G5516" s="40">
        <v>20.454822314010936</v>
      </c>
      <c r="H5516" s="40">
        <v>91.783333999999996</v>
      </c>
      <c r="I5516" s="40">
        <v>17.317572449423139</v>
      </c>
      <c r="J5516" s="40">
        <v>91.783300261905396</v>
      </c>
      <c r="K5516" s="40">
        <v>12.900637355804461</v>
      </c>
      <c r="L5516" s="40"/>
      <c r="M5516" s="40"/>
      <c r="N5516" s="40"/>
    </row>
    <row r="5517" spans="4:14" x14ac:dyDescent="0.25">
      <c r="D5517" s="40">
        <v>91.812995000004051</v>
      </c>
      <c r="E5517" s="40">
        <v>20.674674720017926</v>
      </c>
      <c r="F5517" s="40">
        <v>91.799999999999983</v>
      </c>
      <c r="G5517" s="40">
        <v>20.454822314010936</v>
      </c>
      <c r="H5517" s="40">
        <v>91.800000000000011</v>
      </c>
      <c r="I5517" s="40">
        <v>17.320925185566569</v>
      </c>
      <c r="J5517" s="40">
        <v>91.799966922619703</v>
      </c>
      <c r="K5517" s="40">
        <v>12.900637355804461</v>
      </c>
      <c r="L5517" s="40"/>
      <c r="M5517" s="40"/>
      <c r="N5517" s="40"/>
    </row>
    <row r="5518" spans="4:14" x14ac:dyDescent="0.25">
      <c r="D5518" s="40">
        <v>91.829661000004052</v>
      </c>
      <c r="E5518" s="40">
        <v>20.679517898607475</v>
      </c>
      <c r="F5518" s="40">
        <v>91.816666999999995</v>
      </c>
      <c r="G5518" s="40">
        <v>20.454822314010936</v>
      </c>
      <c r="H5518" s="40">
        <v>91.816666999999995</v>
      </c>
      <c r="I5518" s="40">
        <v>17.320925185566569</v>
      </c>
      <c r="J5518" s="40">
        <v>91.816633583333996</v>
      </c>
      <c r="K5518" s="40">
        <v>12.900637355804461</v>
      </c>
      <c r="L5518" s="40"/>
      <c r="M5518" s="40"/>
      <c r="N5518" s="40"/>
    </row>
    <row r="5519" spans="4:14" x14ac:dyDescent="0.25">
      <c r="D5519" s="40">
        <v>91.846327000004052</v>
      </c>
      <c r="E5519" s="40">
        <v>20.679517898607475</v>
      </c>
      <c r="F5519" s="40">
        <v>91.833332999999982</v>
      </c>
      <c r="G5519" s="40">
        <v>20.459437697980835</v>
      </c>
      <c r="H5519" s="40">
        <v>91.833334000000008</v>
      </c>
      <c r="I5519" s="40">
        <v>17.324179311823332</v>
      </c>
      <c r="J5519" s="40">
        <v>91.833300244048303</v>
      </c>
      <c r="K5519" s="40">
        <v>12.900637355804461</v>
      </c>
      <c r="L5519" s="40"/>
      <c r="M5519" s="40"/>
      <c r="N5519" s="40"/>
    </row>
    <row r="5520" spans="4:14" x14ac:dyDescent="0.25">
      <c r="D5520" s="40">
        <v>91.862993000004053</v>
      </c>
      <c r="E5520" s="40">
        <v>20.679517898607475</v>
      </c>
      <c r="F5520" s="40">
        <v>91.85</v>
      </c>
      <c r="G5520" s="40">
        <v>20.459437697980835</v>
      </c>
      <c r="H5520" s="40">
        <v>91.85</v>
      </c>
      <c r="I5520" s="40">
        <v>17.324179311823332</v>
      </c>
      <c r="J5520" s="40">
        <v>91.849966904762596</v>
      </c>
      <c r="K5520" s="40">
        <v>12.900637355804461</v>
      </c>
      <c r="L5520" s="40"/>
      <c r="M5520" s="40"/>
      <c r="N5520" s="40"/>
    </row>
    <row r="5521" spans="4:14" x14ac:dyDescent="0.25">
      <c r="D5521" s="40">
        <v>91.879659000004054</v>
      </c>
      <c r="E5521" s="40">
        <v>20.684361077196897</v>
      </c>
      <c r="F5521" s="40">
        <v>91.866667000000007</v>
      </c>
      <c r="G5521" s="40">
        <v>20.459437697980835</v>
      </c>
      <c r="H5521" s="40">
        <v>91.866667000000007</v>
      </c>
      <c r="I5521" s="40">
        <v>17.327532047966592</v>
      </c>
      <c r="J5521" s="40">
        <v>91.866633565476903</v>
      </c>
      <c r="K5521" s="40">
        <v>12.900637355804461</v>
      </c>
      <c r="L5521" s="40"/>
      <c r="M5521" s="40"/>
      <c r="N5521" s="40"/>
    </row>
    <row r="5522" spans="4:14" x14ac:dyDescent="0.25">
      <c r="D5522" s="40">
        <v>91.896325000004055</v>
      </c>
      <c r="E5522" s="40">
        <v>20.684361077196897</v>
      </c>
      <c r="F5522" s="40">
        <v>91.883332999999993</v>
      </c>
      <c r="G5522" s="40">
        <v>20.459437697980835</v>
      </c>
      <c r="H5522" s="40">
        <v>91.883334000000019</v>
      </c>
      <c r="I5522" s="40">
        <v>17.327532047966592</v>
      </c>
      <c r="J5522" s="40">
        <v>91.883300226191196</v>
      </c>
      <c r="K5522" s="40">
        <v>12.900637355804461</v>
      </c>
      <c r="L5522" s="40"/>
      <c r="M5522" s="40"/>
      <c r="N5522" s="40"/>
    </row>
    <row r="5523" spans="4:14" x14ac:dyDescent="0.25">
      <c r="D5523" s="40">
        <v>91.912991000004055</v>
      </c>
      <c r="E5523" s="40">
        <v>20.684361077196897</v>
      </c>
      <c r="F5523" s="40">
        <v>91.9</v>
      </c>
      <c r="G5523" s="40">
        <v>20.459437697980835</v>
      </c>
      <c r="H5523" s="40">
        <v>91.9</v>
      </c>
      <c r="I5523" s="40">
        <v>17.330884784109848</v>
      </c>
      <c r="J5523" s="40">
        <v>91.899966886905503</v>
      </c>
      <c r="K5523" s="40">
        <v>12.900637355804461</v>
      </c>
      <c r="L5523" s="40"/>
      <c r="M5523" s="40"/>
      <c r="N5523" s="40"/>
    </row>
    <row r="5524" spans="4:14" x14ac:dyDescent="0.25">
      <c r="D5524" s="40">
        <v>91.929657000004056</v>
      </c>
      <c r="E5524" s="40">
        <v>20.689061809357323</v>
      </c>
      <c r="F5524" s="40">
        <v>91.91666699999999</v>
      </c>
      <c r="G5524" s="40">
        <v>20.459437697980835</v>
      </c>
      <c r="H5524" s="40">
        <v>91.916667000000018</v>
      </c>
      <c r="I5524" s="40">
        <v>17.330884784109848</v>
      </c>
      <c r="J5524" s="40">
        <v>91.916633547619696</v>
      </c>
      <c r="K5524" s="40">
        <v>12.90534572175752</v>
      </c>
      <c r="L5524" s="40"/>
      <c r="M5524" s="40"/>
      <c r="N5524" s="40"/>
    </row>
    <row r="5525" spans="4:14" x14ac:dyDescent="0.25">
      <c r="D5525" s="40">
        <v>91.946323000004057</v>
      </c>
      <c r="E5525" s="40">
        <v>20.689061809357323</v>
      </c>
      <c r="F5525" s="40">
        <v>91.933333000000005</v>
      </c>
      <c r="G5525" s="40">
        <v>20.46419294207093</v>
      </c>
      <c r="H5525" s="40">
        <v>91.933334000000002</v>
      </c>
      <c r="I5525" s="40">
        <v>17.334138910366612</v>
      </c>
      <c r="J5525" s="40">
        <v>91.933300208334003</v>
      </c>
      <c r="K5525" s="40">
        <v>12.90534572175752</v>
      </c>
      <c r="L5525" s="40"/>
      <c r="M5525" s="40"/>
      <c r="N5525" s="40"/>
    </row>
    <row r="5526" spans="4:14" x14ac:dyDescent="0.25">
      <c r="D5526" s="40">
        <v>91.962989000004058</v>
      </c>
      <c r="E5526" s="40">
        <v>20.689061809357323</v>
      </c>
      <c r="F5526" s="40">
        <v>91.949999999999989</v>
      </c>
      <c r="G5526" s="40">
        <v>20.46419294207093</v>
      </c>
      <c r="H5526" s="40">
        <v>91.950000000000017</v>
      </c>
      <c r="I5526" s="40">
        <v>17.337491646509871</v>
      </c>
      <c r="J5526" s="40">
        <v>91.949966869048296</v>
      </c>
      <c r="K5526" s="40">
        <v>12.90534572175752</v>
      </c>
      <c r="L5526" s="40"/>
      <c r="M5526" s="40"/>
      <c r="N5526" s="40"/>
    </row>
    <row r="5527" spans="4:14" x14ac:dyDescent="0.25">
      <c r="D5527" s="40">
        <v>91.979655000004058</v>
      </c>
      <c r="E5527" s="40">
        <v>20.693904987946869</v>
      </c>
      <c r="F5527" s="40">
        <v>91.966667000000001</v>
      </c>
      <c r="G5527" s="40">
        <v>20.46419294207093</v>
      </c>
      <c r="H5527" s="40">
        <v>91.966667000000001</v>
      </c>
      <c r="I5527" s="40">
        <v>17.337491646509871</v>
      </c>
      <c r="J5527" s="40">
        <v>91.966633529762603</v>
      </c>
      <c r="K5527" s="40">
        <v>12.90534572175752</v>
      </c>
      <c r="L5527" s="40"/>
      <c r="M5527" s="40"/>
      <c r="N5527" s="40"/>
    </row>
    <row r="5528" spans="4:14" x14ac:dyDescent="0.25">
      <c r="D5528" s="40">
        <v>91.996321000004059</v>
      </c>
      <c r="E5528" s="40">
        <v>20.693904987946869</v>
      </c>
      <c r="F5528" s="40">
        <v>91.983332999999988</v>
      </c>
      <c r="G5528" s="40">
        <v>20.46419294207093</v>
      </c>
      <c r="H5528" s="40">
        <v>91.983334000000013</v>
      </c>
      <c r="I5528" s="40">
        <v>17.340844382653302</v>
      </c>
      <c r="J5528" s="40">
        <v>91.983300190476896</v>
      </c>
      <c r="K5528" s="40">
        <v>12.90534572175752</v>
      </c>
      <c r="L5528" s="40"/>
      <c r="M5528" s="40"/>
      <c r="N5528" s="40"/>
    </row>
    <row r="5529" spans="4:14" x14ac:dyDescent="0.25">
      <c r="D5529" s="40">
        <v>92.01298700000406</v>
      </c>
      <c r="E5529" s="40">
        <v>20.693904987946869</v>
      </c>
      <c r="F5529" s="40">
        <v>92</v>
      </c>
      <c r="G5529" s="40">
        <v>20.46894818616115</v>
      </c>
      <c r="H5529" s="40">
        <v>92</v>
      </c>
      <c r="I5529" s="40">
        <v>17.344098508910065</v>
      </c>
      <c r="J5529" s="40">
        <v>91.999966851191203</v>
      </c>
      <c r="K5529" s="40">
        <v>12.90534572175752</v>
      </c>
      <c r="L5529" s="40"/>
      <c r="M5529" s="40"/>
      <c r="N5529" s="40"/>
    </row>
    <row r="5530" spans="4:14" x14ac:dyDescent="0.25">
      <c r="D5530" s="40">
        <v>92.02965300000406</v>
      </c>
      <c r="E5530" s="40">
        <v>20.698748166536415</v>
      </c>
      <c r="F5530" s="40">
        <v>92.016666999999984</v>
      </c>
      <c r="G5530" s="40">
        <v>20.46894818616115</v>
      </c>
      <c r="H5530" s="40">
        <v>92.016667000000012</v>
      </c>
      <c r="I5530" s="40">
        <v>17.344098508910065</v>
      </c>
      <c r="J5530" s="40">
        <v>92.016633511905397</v>
      </c>
      <c r="K5530" s="40">
        <v>12.90534572175752</v>
      </c>
      <c r="L5530" s="40"/>
      <c r="M5530" s="40"/>
      <c r="N5530" s="40"/>
    </row>
    <row r="5531" spans="4:14" x14ac:dyDescent="0.25">
      <c r="D5531" s="40">
        <v>92.046319000004061</v>
      </c>
      <c r="E5531" s="40">
        <v>20.698748166536415</v>
      </c>
      <c r="F5531" s="40">
        <v>92.033332999999999</v>
      </c>
      <c r="G5531" s="40">
        <v>20.473703430251369</v>
      </c>
      <c r="H5531" s="40">
        <v>92.033333999999996</v>
      </c>
      <c r="I5531" s="40">
        <v>17.347451245053321</v>
      </c>
      <c r="J5531" s="40">
        <v>92.033300172619704</v>
      </c>
      <c r="K5531" s="40">
        <v>12.90534572175752</v>
      </c>
      <c r="L5531" s="40"/>
      <c r="M5531" s="40"/>
      <c r="N5531" s="40"/>
    </row>
    <row r="5532" spans="4:14" x14ac:dyDescent="0.25">
      <c r="D5532" s="40">
        <v>92.062985000004062</v>
      </c>
      <c r="E5532" s="40">
        <v>20.698748166536415</v>
      </c>
      <c r="F5532" s="40">
        <v>92.049999999999983</v>
      </c>
      <c r="G5532" s="40">
        <v>20.473703430251369</v>
      </c>
      <c r="H5532" s="40">
        <v>92.050000000000011</v>
      </c>
      <c r="I5532" s="40">
        <v>17.350803981196581</v>
      </c>
      <c r="J5532" s="40">
        <v>92.049966833333997</v>
      </c>
      <c r="K5532" s="40">
        <v>12.90534572175752</v>
      </c>
      <c r="L5532" s="40"/>
      <c r="M5532" s="40"/>
      <c r="N5532" s="40"/>
    </row>
    <row r="5533" spans="4:14" x14ac:dyDescent="0.25">
      <c r="D5533" s="40">
        <v>92.079651000004063</v>
      </c>
      <c r="E5533" s="40">
        <v>20.698748166536415</v>
      </c>
      <c r="F5533" s="40">
        <v>92.066666999999995</v>
      </c>
      <c r="G5533" s="40">
        <v>20.473703430251369</v>
      </c>
      <c r="H5533" s="40">
        <v>92.066666999999995</v>
      </c>
      <c r="I5533" s="40">
        <v>17.350803981196581</v>
      </c>
      <c r="J5533" s="40">
        <v>92.066633494048304</v>
      </c>
      <c r="K5533" s="40">
        <v>12.90534572175752</v>
      </c>
      <c r="L5533" s="40"/>
      <c r="M5533" s="40"/>
      <c r="N5533" s="40"/>
    </row>
    <row r="5534" spans="4:14" x14ac:dyDescent="0.25">
      <c r="D5534" s="40">
        <v>92.096317000004063</v>
      </c>
      <c r="E5534" s="40">
        <v>20.698748166536415</v>
      </c>
      <c r="F5534" s="40">
        <v>92.083332999999982</v>
      </c>
      <c r="G5534" s="40">
        <v>20.478318814221144</v>
      </c>
      <c r="H5534" s="40">
        <v>92.083334000000008</v>
      </c>
      <c r="I5534" s="40">
        <v>17.354058107453341</v>
      </c>
      <c r="J5534" s="40">
        <v>92.083300154762597</v>
      </c>
      <c r="K5534" s="40">
        <v>12.90534572175752</v>
      </c>
      <c r="L5534" s="40"/>
      <c r="M5534" s="40"/>
      <c r="N5534" s="40"/>
    </row>
    <row r="5535" spans="4:14" x14ac:dyDescent="0.25">
      <c r="D5535" s="40">
        <v>92.112983000004064</v>
      </c>
      <c r="E5535" s="40">
        <v>20.703448898696717</v>
      </c>
      <c r="F5535" s="40">
        <v>92.1</v>
      </c>
      <c r="G5535" s="40">
        <v>20.478318814221144</v>
      </c>
      <c r="H5535" s="40">
        <v>92.1</v>
      </c>
      <c r="I5535" s="40">
        <v>17.354058107453341</v>
      </c>
      <c r="J5535" s="40">
        <v>92.099966815476904</v>
      </c>
      <c r="K5535" s="40">
        <v>12.90534572175752</v>
      </c>
      <c r="L5535" s="40"/>
      <c r="M5535" s="40"/>
      <c r="N5535" s="40"/>
    </row>
    <row r="5536" spans="4:14" x14ac:dyDescent="0.25">
      <c r="D5536" s="40">
        <v>92.129649000004065</v>
      </c>
      <c r="E5536" s="40">
        <v>20.703448898696717</v>
      </c>
      <c r="F5536" s="40">
        <v>92.116667000000007</v>
      </c>
      <c r="G5536" s="40">
        <v>20.483074058311363</v>
      </c>
      <c r="H5536" s="40">
        <v>92.116667000000007</v>
      </c>
      <c r="I5536" s="40">
        <v>17.357410843596771</v>
      </c>
      <c r="J5536" s="40">
        <v>92.116633476191197</v>
      </c>
      <c r="K5536" s="40">
        <v>12.90534572175752</v>
      </c>
      <c r="L5536" s="40"/>
      <c r="M5536" s="40"/>
      <c r="N5536" s="40"/>
    </row>
    <row r="5537" spans="4:14" x14ac:dyDescent="0.25">
      <c r="D5537" s="40">
        <v>92.146315000004066</v>
      </c>
      <c r="E5537" s="40">
        <v>20.703448898696717</v>
      </c>
      <c r="F5537" s="40">
        <v>92.133332999999993</v>
      </c>
      <c r="G5537" s="40">
        <v>20.483074058311363</v>
      </c>
      <c r="H5537" s="40">
        <v>92.133334000000019</v>
      </c>
      <c r="I5537" s="40">
        <v>17.357410843596771</v>
      </c>
      <c r="J5537" s="40">
        <v>92.133300136905504</v>
      </c>
      <c r="K5537" s="40">
        <v>12.90534572175752</v>
      </c>
      <c r="L5537" s="40"/>
      <c r="M5537" s="40"/>
      <c r="N5537" s="40"/>
    </row>
    <row r="5538" spans="4:14" x14ac:dyDescent="0.25">
      <c r="D5538" s="40">
        <v>92.162981000004066</v>
      </c>
      <c r="E5538" s="40">
        <v>20.703448898696717</v>
      </c>
      <c r="F5538" s="40">
        <v>92.15</v>
      </c>
      <c r="G5538" s="40">
        <v>20.487829302401583</v>
      </c>
      <c r="H5538" s="40">
        <v>92.15</v>
      </c>
      <c r="I5538" s="40">
        <v>17.360763579740031</v>
      </c>
      <c r="J5538" s="40">
        <v>92.149966797619697</v>
      </c>
      <c r="K5538" s="40">
        <v>12.90534572175752</v>
      </c>
      <c r="L5538" s="40"/>
      <c r="M5538" s="40"/>
      <c r="N5538" s="40"/>
    </row>
    <row r="5539" spans="4:14" x14ac:dyDescent="0.25">
      <c r="D5539" s="40">
        <v>92.179647000004067</v>
      </c>
      <c r="E5539" s="40">
        <v>20.703448898696717</v>
      </c>
      <c r="F5539" s="40">
        <v>92.16666699999999</v>
      </c>
      <c r="G5539" s="40">
        <v>20.487829302401583</v>
      </c>
      <c r="H5539" s="40">
        <v>92.166667000000018</v>
      </c>
      <c r="I5539" s="40">
        <v>17.360763579740031</v>
      </c>
      <c r="J5539" s="40">
        <v>92.166633458334005</v>
      </c>
      <c r="K5539" s="40">
        <v>12.90534572175752</v>
      </c>
      <c r="L5539" s="40"/>
      <c r="M5539" s="40"/>
      <c r="N5539" s="40"/>
    </row>
    <row r="5540" spans="4:14" x14ac:dyDescent="0.25">
      <c r="D5540" s="40">
        <v>92.196313000004068</v>
      </c>
      <c r="E5540" s="40">
        <v>20.703448898696717</v>
      </c>
      <c r="F5540" s="40">
        <v>92.183333000000005</v>
      </c>
      <c r="G5540" s="40">
        <v>20.487829302401583</v>
      </c>
      <c r="H5540" s="40">
        <v>92.183334000000002</v>
      </c>
      <c r="I5540" s="40">
        <v>17.364017705996794</v>
      </c>
      <c r="J5540" s="40">
        <v>92.183300119048297</v>
      </c>
      <c r="K5540" s="40">
        <v>12.90534572175752</v>
      </c>
      <c r="L5540" s="40"/>
      <c r="M5540" s="40"/>
      <c r="N5540" s="40"/>
    </row>
    <row r="5541" spans="4:14" x14ac:dyDescent="0.25">
      <c r="D5541" s="40">
        <v>92.212979000004069</v>
      </c>
      <c r="E5541" s="40">
        <v>20.703448898696717</v>
      </c>
      <c r="F5541" s="40">
        <v>92.199999999999989</v>
      </c>
      <c r="G5541" s="40">
        <v>20.487829302401583</v>
      </c>
      <c r="H5541" s="40">
        <v>92.200000000000017</v>
      </c>
      <c r="I5541" s="40">
        <v>17.364017705996794</v>
      </c>
      <c r="J5541" s="40">
        <v>92.199966779762605</v>
      </c>
      <c r="K5541" s="40">
        <v>12.90534572175752</v>
      </c>
      <c r="L5541" s="40"/>
      <c r="M5541" s="40"/>
      <c r="N5541" s="40"/>
    </row>
    <row r="5542" spans="4:14" x14ac:dyDescent="0.25">
      <c r="D5542" s="40">
        <v>92.229645000004069</v>
      </c>
      <c r="E5542" s="40">
        <v>20.703448898696717</v>
      </c>
      <c r="F5542" s="40">
        <v>92.216667000000001</v>
      </c>
      <c r="G5542" s="40">
        <v>20.492444686371481</v>
      </c>
      <c r="H5542" s="40">
        <v>92.216667000000001</v>
      </c>
      <c r="I5542" s="40">
        <v>17.36737044214005</v>
      </c>
      <c r="J5542" s="40">
        <v>92.216633440476897</v>
      </c>
      <c r="K5542" s="40">
        <v>12.90534572175752</v>
      </c>
      <c r="L5542" s="40"/>
      <c r="M5542" s="40"/>
      <c r="N5542" s="40"/>
    </row>
    <row r="5543" spans="4:14" x14ac:dyDescent="0.25">
      <c r="D5543" s="40">
        <v>92.24631100000407</v>
      </c>
      <c r="E5543" s="40">
        <v>20.703448898696717</v>
      </c>
      <c r="F5543" s="40">
        <v>92.233332999999988</v>
      </c>
      <c r="G5543" s="40">
        <v>20.492444686371481</v>
      </c>
      <c r="H5543" s="40">
        <v>92.233334000000013</v>
      </c>
      <c r="I5543" s="40">
        <v>17.36737044214005</v>
      </c>
      <c r="J5543" s="40">
        <v>92.233300101191205</v>
      </c>
      <c r="K5543" s="40">
        <v>12.900637355804461</v>
      </c>
      <c r="L5543" s="40"/>
      <c r="M5543" s="40"/>
      <c r="N5543" s="40"/>
    </row>
    <row r="5544" spans="4:14" x14ac:dyDescent="0.25">
      <c r="D5544" s="40">
        <v>92.262977000004071</v>
      </c>
      <c r="E5544" s="40">
        <v>20.703448898696717</v>
      </c>
      <c r="F5544" s="40">
        <v>92.25</v>
      </c>
      <c r="G5544" s="40">
        <v>20.492444686371481</v>
      </c>
      <c r="H5544" s="40">
        <v>92.25</v>
      </c>
      <c r="I5544" s="40">
        <v>17.37072317828331</v>
      </c>
      <c r="J5544" s="40">
        <v>92.249966761905398</v>
      </c>
      <c r="K5544" s="40">
        <v>12.900637355804461</v>
      </c>
      <c r="L5544" s="40"/>
      <c r="M5544" s="40"/>
      <c r="N5544" s="40"/>
    </row>
    <row r="5545" spans="4:14" x14ac:dyDescent="0.25">
      <c r="D5545" s="40">
        <v>92.279643000004071</v>
      </c>
      <c r="E5545" s="40">
        <v>20.703448898696717</v>
      </c>
      <c r="F5545" s="40">
        <v>92.266666999999984</v>
      </c>
      <c r="G5545" s="40">
        <v>20.492444686371481</v>
      </c>
      <c r="H5545" s="40">
        <v>92.266667000000012</v>
      </c>
      <c r="I5545" s="40">
        <v>17.373977304540073</v>
      </c>
      <c r="J5545" s="40">
        <v>92.266633422619705</v>
      </c>
      <c r="K5545" s="40">
        <v>12.900637355804461</v>
      </c>
      <c r="L5545" s="40"/>
      <c r="M5545" s="40"/>
      <c r="N5545" s="40"/>
    </row>
    <row r="5546" spans="4:14" x14ac:dyDescent="0.25">
      <c r="D5546" s="40">
        <v>92.296309000004072</v>
      </c>
      <c r="E5546" s="40">
        <v>20.703448898696717</v>
      </c>
      <c r="F5546" s="40">
        <v>92.283332999999999</v>
      </c>
      <c r="G5546" s="40">
        <v>20.49719993046158</v>
      </c>
      <c r="H5546" s="40">
        <v>92.283333999999996</v>
      </c>
      <c r="I5546" s="40">
        <v>17.373977304540073</v>
      </c>
      <c r="J5546" s="40">
        <v>92.283300083333998</v>
      </c>
      <c r="K5546" s="40">
        <v>12.900637355804461</v>
      </c>
      <c r="L5546" s="40"/>
      <c r="M5546" s="40"/>
      <c r="N5546" s="40"/>
    </row>
    <row r="5547" spans="4:14" x14ac:dyDescent="0.25">
      <c r="D5547" s="40">
        <v>92.312975000004073</v>
      </c>
      <c r="E5547" s="40">
        <v>20.703448898696717</v>
      </c>
      <c r="F5547" s="40">
        <v>92.299999999999983</v>
      </c>
      <c r="G5547" s="40">
        <v>20.49719993046158</v>
      </c>
      <c r="H5547" s="40">
        <v>92.300000000000011</v>
      </c>
      <c r="I5547" s="40">
        <v>17.377330040683503</v>
      </c>
      <c r="J5547" s="40">
        <v>92.299966744048305</v>
      </c>
      <c r="K5547" s="40">
        <v>12.900637355804461</v>
      </c>
      <c r="L5547" s="40"/>
      <c r="M5547" s="40"/>
      <c r="N5547" s="40"/>
    </row>
    <row r="5548" spans="4:14" x14ac:dyDescent="0.25">
      <c r="D5548" s="40">
        <v>92.329641000004074</v>
      </c>
      <c r="E5548" s="40">
        <v>20.703448898696717</v>
      </c>
      <c r="F5548" s="40">
        <v>92.316666999999995</v>
      </c>
      <c r="G5548" s="40">
        <v>20.49719993046158</v>
      </c>
      <c r="H5548" s="40">
        <v>92.316666999999995</v>
      </c>
      <c r="I5548" s="40">
        <v>17.377330040683503</v>
      </c>
      <c r="J5548" s="40">
        <v>92.316633404762598</v>
      </c>
      <c r="K5548" s="40">
        <v>12.900637355804461</v>
      </c>
      <c r="L5548" s="40"/>
      <c r="M5548" s="40"/>
      <c r="N5548" s="40"/>
    </row>
    <row r="5549" spans="4:14" x14ac:dyDescent="0.25">
      <c r="D5549" s="40">
        <v>92.346307000004074</v>
      </c>
      <c r="E5549" s="40">
        <v>20.703448898696717</v>
      </c>
      <c r="F5549" s="40">
        <v>92.333332999999982</v>
      </c>
      <c r="G5549" s="40">
        <v>20.501955174551799</v>
      </c>
      <c r="H5549" s="40">
        <v>92.333334000000008</v>
      </c>
      <c r="I5549" s="40">
        <v>17.38068277682676</v>
      </c>
      <c r="J5549" s="40">
        <v>92.333300065476905</v>
      </c>
      <c r="K5549" s="40">
        <v>12.900637355804461</v>
      </c>
      <c r="L5549" s="40"/>
      <c r="M5549" s="40"/>
      <c r="N5549" s="40"/>
    </row>
    <row r="5550" spans="4:14" x14ac:dyDescent="0.25">
      <c r="D5550" s="40">
        <v>92.362973000004075</v>
      </c>
      <c r="E5550" s="40">
        <v>20.703448898696717</v>
      </c>
      <c r="F5550" s="40">
        <v>92.35</v>
      </c>
      <c r="G5550" s="40">
        <v>20.501955174551799</v>
      </c>
      <c r="H5550" s="40">
        <v>92.35</v>
      </c>
      <c r="I5550" s="40">
        <v>17.38068277682676</v>
      </c>
      <c r="J5550" s="40">
        <v>92.349966726191198</v>
      </c>
      <c r="K5550" s="40">
        <v>12.900637355804461</v>
      </c>
      <c r="L5550" s="40"/>
      <c r="M5550" s="40"/>
      <c r="N5550" s="40"/>
    </row>
    <row r="5551" spans="4:14" x14ac:dyDescent="0.25">
      <c r="D5551" s="40">
        <v>92.379639000004076</v>
      </c>
      <c r="E5551" s="40">
        <v>20.698748166536415</v>
      </c>
      <c r="F5551" s="40">
        <v>92.366667000000007</v>
      </c>
      <c r="G5551" s="40">
        <v>20.501955174551799</v>
      </c>
      <c r="H5551" s="40">
        <v>92.366667000000007</v>
      </c>
      <c r="I5551" s="40">
        <v>17.383936903083523</v>
      </c>
      <c r="J5551" s="40">
        <v>92.366633386905505</v>
      </c>
      <c r="K5551" s="40">
        <v>12.900637355804461</v>
      </c>
      <c r="L5551" s="40"/>
      <c r="M5551" s="40"/>
      <c r="N5551" s="40"/>
    </row>
    <row r="5552" spans="4:14" x14ac:dyDescent="0.25">
      <c r="D5552" s="40">
        <v>92.396305000004077</v>
      </c>
      <c r="E5552" s="40">
        <v>20.698748166536415</v>
      </c>
      <c r="F5552" s="40">
        <v>92.383332999999993</v>
      </c>
      <c r="G5552" s="40">
        <v>20.501955174551799</v>
      </c>
      <c r="H5552" s="40">
        <v>92.383334000000019</v>
      </c>
      <c r="I5552" s="40">
        <v>17.387289639226783</v>
      </c>
      <c r="J5552" s="40">
        <v>92.383300047619699</v>
      </c>
      <c r="K5552" s="40">
        <v>12.900637355804461</v>
      </c>
      <c r="L5552" s="40"/>
      <c r="M5552" s="40"/>
      <c r="N5552" s="40"/>
    </row>
    <row r="5553" spans="4:14" x14ac:dyDescent="0.25">
      <c r="D5553" s="40">
        <v>92.412971000004077</v>
      </c>
      <c r="E5553" s="40">
        <v>20.693904987946869</v>
      </c>
      <c r="F5553" s="40">
        <v>92.4</v>
      </c>
      <c r="G5553" s="40">
        <v>20.501955174551799</v>
      </c>
      <c r="H5553" s="40">
        <v>92.4</v>
      </c>
      <c r="I5553" s="40">
        <v>17.387289639226783</v>
      </c>
      <c r="J5553" s="40">
        <v>92.399966708334006</v>
      </c>
      <c r="K5553" s="40">
        <v>12.900637355804461</v>
      </c>
      <c r="L5553" s="40"/>
      <c r="M5553" s="40"/>
      <c r="N5553" s="40"/>
    </row>
    <row r="5554" spans="4:14" x14ac:dyDescent="0.25">
      <c r="D5554" s="40">
        <v>92.429637000004078</v>
      </c>
      <c r="E5554" s="40">
        <v>20.693904987946869</v>
      </c>
      <c r="F5554" s="40">
        <v>92.41666699999999</v>
      </c>
      <c r="G5554" s="40">
        <v>20.501955174551799</v>
      </c>
      <c r="H5554" s="40">
        <v>92.416667000000018</v>
      </c>
      <c r="I5554" s="40">
        <v>17.390642375370216</v>
      </c>
      <c r="J5554" s="40">
        <v>92.416633369048299</v>
      </c>
      <c r="K5554" s="40">
        <v>12.900637355804461</v>
      </c>
      <c r="L5554" s="40"/>
      <c r="M5554" s="40"/>
      <c r="N5554" s="40"/>
    </row>
    <row r="5555" spans="4:14" x14ac:dyDescent="0.25">
      <c r="D5555" s="40">
        <v>92.446303000004079</v>
      </c>
      <c r="E5555" s="40">
        <v>20.693904987946869</v>
      </c>
      <c r="F5555" s="40">
        <v>92.433333000000005</v>
      </c>
      <c r="G5555" s="40">
        <v>20.501955174551799</v>
      </c>
      <c r="H5555" s="40">
        <v>92.433334000000002</v>
      </c>
      <c r="I5555" s="40">
        <v>17.390642375370216</v>
      </c>
      <c r="J5555" s="40">
        <v>92.433300029762606</v>
      </c>
      <c r="K5555" s="40">
        <v>12.895786312095355</v>
      </c>
      <c r="L5555" s="40"/>
      <c r="M5555" s="40"/>
      <c r="N5555" s="40"/>
    </row>
    <row r="5556" spans="4:14" x14ac:dyDescent="0.25">
      <c r="D5556" s="40">
        <v>92.46296900000408</v>
      </c>
      <c r="E5556" s="40">
        <v>20.693904987946869</v>
      </c>
      <c r="F5556" s="40">
        <v>92.449999999999989</v>
      </c>
      <c r="G5556" s="40">
        <v>20.501955174551799</v>
      </c>
      <c r="H5556" s="40">
        <v>92.450000000000017</v>
      </c>
      <c r="I5556" s="40">
        <v>17.393896501626802</v>
      </c>
      <c r="J5556" s="40">
        <v>92.449966690476899</v>
      </c>
      <c r="K5556" s="40">
        <v>12.895786312095355</v>
      </c>
      <c r="L5556" s="40"/>
      <c r="M5556" s="40"/>
      <c r="N5556" s="40"/>
    </row>
    <row r="5557" spans="4:14" x14ac:dyDescent="0.25">
      <c r="D5557" s="40">
        <v>92.47963500000408</v>
      </c>
      <c r="E5557" s="40">
        <v>20.693904987946869</v>
      </c>
      <c r="F5557" s="40">
        <v>92.466667000000001</v>
      </c>
      <c r="G5557" s="40">
        <v>20.501955174551799</v>
      </c>
      <c r="H5557" s="40">
        <v>92.466667000000001</v>
      </c>
      <c r="I5557" s="40">
        <v>17.397249237770232</v>
      </c>
      <c r="J5557" s="40">
        <v>92.466633351191206</v>
      </c>
      <c r="K5557" s="40">
        <v>12.895786312095355</v>
      </c>
      <c r="L5557" s="40"/>
      <c r="M5557" s="40"/>
      <c r="N5557" s="40"/>
    </row>
    <row r="5558" spans="4:14" x14ac:dyDescent="0.25">
      <c r="D5558" s="40">
        <v>92.496301000004081</v>
      </c>
      <c r="E5558" s="40">
        <v>20.693904987946869</v>
      </c>
      <c r="F5558" s="40">
        <v>92.483332999999988</v>
      </c>
      <c r="G5558" s="40">
        <v>20.501955174551799</v>
      </c>
      <c r="H5558" s="40">
        <v>92.483334000000013</v>
      </c>
      <c r="I5558" s="40">
        <v>17.397249237770232</v>
      </c>
      <c r="J5558" s="40">
        <v>92.483300011905499</v>
      </c>
      <c r="K5558" s="40">
        <v>12.895786312095355</v>
      </c>
      <c r="L5558" s="40"/>
      <c r="M5558" s="40"/>
      <c r="N5558" s="40"/>
    </row>
    <row r="5559" spans="4:14" x14ac:dyDescent="0.25">
      <c r="D5559" s="40">
        <v>92.512967000004082</v>
      </c>
      <c r="E5559" s="40">
        <v>20.698748166536415</v>
      </c>
      <c r="F5559" s="40">
        <v>92.5</v>
      </c>
      <c r="G5559" s="40">
        <v>20.501955174551799</v>
      </c>
      <c r="H5559" s="40">
        <v>92.5</v>
      </c>
      <c r="I5559" s="40">
        <v>17.400601973913489</v>
      </c>
      <c r="J5559" s="40">
        <v>92.499966672619706</v>
      </c>
      <c r="K5559" s="40">
        <v>12.895786312095355</v>
      </c>
      <c r="L5559" s="40"/>
      <c r="M5559" s="40"/>
      <c r="N5559" s="40"/>
    </row>
    <row r="5560" spans="4:14" x14ac:dyDescent="0.25">
      <c r="D5560" s="40">
        <v>92.529633000004083</v>
      </c>
      <c r="E5560" s="40">
        <v>20.698748166536415</v>
      </c>
      <c r="F5560" s="40">
        <v>92.516666999999984</v>
      </c>
      <c r="G5560" s="40">
        <v>20.506570558521698</v>
      </c>
      <c r="H5560" s="40">
        <v>92.516667000000012</v>
      </c>
      <c r="I5560" s="40">
        <v>17.403954710056748</v>
      </c>
      <c r="J5560" s="40">
        <v>92.516633333333999</v>
      </c>
      <c r="K5560" s="40">
        <v>12.895786312095355</v>
      </c>
      <c r="L5560" s="40"/>
      <c r="M5560" s="40"/>
      <c r="N5560" s="40"/>
    </row>
    <row r="5561" spans="4:14" x14ac:dyDescent="0.25">
      <c r="D5561" s="40">
        <v>92.546299000004083</v>
      </c>
      <c r="E5561" s="40">
        <v>20.698748166536415</v>
      </c>
      <c r="F5561" s="40">
        <v>92.533332999999999</v>
      </c>
      <c r="G5561" s="40">
        <v>20.506570558521698</v>
      </c>
      <c r="H5561" s="40">
        <v>92.533333999999996</v>
      </c>
      <c r="I5561" s="40">
        <v>17.407208836313512</v>
      </c>
      <c r="J5561" s="40">
        <v>92.533299994048306</v>
      </c>
      <c r="K5561" s="40">
        <v>12.895786312095355</v>
      </c>
      <c r="L5561" s="40"/>
      <c r="M5561" s="40"/>
      <c r="N5561" s="40"/>
    </row>
    <row r="5562" spans="4:14" x14ac:dyDescent="0.25">
      <c r="D5562" s="40">
        <v>92.562965000004084</v>
      </c>
      <c r="E5562" s="40">
        <v>20.703448898696717</v>
      </c>
      <c r="F5562" s="40">
        <v>92.549999999999983</v>
      </c>
      <c r="G5562" s="40">
        <v>20.506570558521698</v>
      </c>
      <c r="H5562" s="40">
        <v>92.550000000000011</v>
      </c>
      <c r="I5562" s="40">
        <v>17.410561572456945</v>
      </c>
      <c r="J5562" s="40">
        <v>92.549966654762599</v>
      </c>
      <c r="K5562" s="40">
        <v>12.895786312095355</v>
      </c>
      <c r="L5562" s="40"/>
      <c r="M5562" s="40"/>
      <c r="N5562" s="40"/>
    </row>
    <row r="5563" spans="4:14" x14ac:dyDescent="0.25">
      <c r="D5563" s="40">
        <v>92.579631000004085</v>
      </c>
      <c r="E5563" s="40">
        <v>20.703448898696717</v>
      </c>
      <c r="F5563" s="40">
        <v>92.566666999999995</v>
      </c>
      <c r="G5563" s="40">
        <v>20.506570558521698</v>
      </c>
      <c r="H5563" s="40">
        <v>92.566666999999995</v>
      </c>
      <c r="I5563" s="40">
        <v>17.410561572456945</v>
      </c>
      <c r="J5563" s="40">
        <v>92.566633315476906</v>
      </c>
      <c r="K5563" s="40">
        <v>12.895786312095355</v>
      </c>
      <c r="L5563" s="40"/>
      <c r="M5563" s="40"/>
      <c r="N5563" s="40"/>
    </row>
    <row r="5564" spans="4:14" x14ac:dyDescent="0.25">
      <c r="D5564" s="40">
        <v>92.596297000004085</v>
      </c>
      <c r="E5564" s="40">
        <v>20.708292077286263</v>
      </c>
      <c r="F5564" s="40">
        <v>92.583332999999982</v>
      </c>
      <c r="G5564" s="40">
        <v>20.511325802611793</v>
      </c>
      <c r="H5564" s="40">
        <v>92.583334000000008</v>
      </c>
      <c r="I5564" s="40">
        <v>17.413914308600202</v>
      </c>
      <c r="J5564" s="40">
        <v>92.583299976191199</v>
      </c>
      <c r="K5564" s="40">
        <v>12.900637355804461</v>
      </c>
      <c r="L5564" s="40"/>
      <c r="M5564" s="40"/>
      <c r="N5564" s="40"/>
    </row>
    <row r="5565" spans="4:14" x14ac:dyDescent="0.25">
      <c r="D5565" s="40">
        <v>92.612963000004086</v>
      </c>
      <c r="E5565" s="40">
        <v>20.708292077286263</v>
      </c>
      <c r="F5565" s="40">
        <v>92.6</v>
      </c>
      <c r="G5565" s="40">
        <v>20.511325802611793</v>
      </c>
      <c r="H5565" s="40">
        <v>92.6</v>
      </c>
      <c r="I5565" s="40">
        <v>17.417168434856965</v>
      </c>
      <c r="J5565" s="40">
        <v>92.599966636905506</v>
      </c>
      <c r="K5565" s="40">
        <v>12.900637355804461</v>
      </c>
      <c r="L5565" s="40"/>
      <c r="M5565" s="40"/>
      <c r="N5565" s="40"/>
    </row>
    <row r="5566" spans="4:14" x14ac:dyDescent="0.25">
      <c r="D5566" s="40">
        <v>92.629629000004087</v>
      </c>
      <c r="E5566" s="40">
        <v>20.708292077286263</v>
      </c>
      <c r="F5566" s="40">
        <v>92.616667000000007</v>
      </c>
      <c r="G5566" s="40">
        <v>20.511325802611793</v>
      </c>
      <c r="H5566" s="40">
        <v>92.616667000000007</v>
      </c>
      <c r="I5566" s="40">
        <v>17.417168434856965</v>
      </c>
      <c r="J5566" s="40">
        <v>92.6166332976197</v>
      </c>
      <c r="K5566" s="40">
        <v>12.900637355804461</v>
      </c>
      <c r="L5566" s="40"/>
      <c r="M5566" s="40"/>
      <c r="N5566" s="40"/>
    </row>
    <row r="5567" spans="4:14" x14ac:dyDescent="0.25">
      <c r="D5567" s="40">
        <v>92.646295000004088</v>
      </c>
      <c r="E5567" s="40">
        <v>20.708292077286263</v>
      </c>
      <c r="F5567" s="40">
        <v>92.633332999999993</v>
      </c>
      <c r="G5567" s="40">
        <v>20.511325802611793</v>
      </c>
      <c r="H5567" s="40">
        <v>92.633334000000019</v>
      </c>
      <c r="I5567" s="40">
        <v>17.420521171000221</v>
      </c>
      <c r="J5567" s="40">
        <v>92.633299958334007</v>
      </c>
      <c r="K5567" s="40">
        <v>12.900637355804461</v>
      </c>
      <c r="L5567" s="40"/>
      <c r="M5567" s="40"/>
      <c r="N5567" s="40"/>
    </row>
    <row r="5568" spans="4:14" x14ac:dyDescent="0.25">
      <c r="D5568" s="40">
        <v>92.662961000004088</v>
      </c>
      <c r="E5568" s="40">
        <v>20.708292077286263</v>
      </c>
      <c r="F5568" s="40">
        <v>92.65</v>
      </c>
      <c r="G5568" s="40">
        <v>20.516081046702013</v>
      </c>
      <c r="H5568" s="40">
        <v>92.65</v>
      </c>
      <c r="I5568" s="40">
        <v>17.423873907143477</v>
      </c>
      <c r="J5568" s="40">
        <v>92.6499666190483</v>
      </c>
      <c r="K5568" s="40">
        <v>12.900637355804461</v>
      </c>
      <c r="L5568" s="40"/>
      <c r="M5568" s="40"/>
      <c r="N5568" s="40"/>
    </row>
    <row r="5569" spans="4:14" x14ac:dyDescent="0.25">
      <c r="D5569" s="40">
        <v>92.679627000004089</v>
      </c>
      <c r="E5569" s="40">
        <v>20.708292077286263</v>
      </c>
      <c r="F5569" s="40">
        <v>92.66666699999999</v>
      </c>
      <c r="G5569" s="40">
        <v>20.516081046702013</v>
      </c>
      <c r="H5569" s="40">
        <v>92.666667000000018</v>
      </c>
      <c r="I5569" s="40">
        <v>17.423873907143477</v>
      </c>
      <c r="J5569" s="40">
        <v>92.666633279762607</v>
      </c>
      <c r="K5569" s="40">
        <v>12.900637355804461</v>
      </c>
      <c r="L5569" s="40"/>
      <c r="M5569" s="40"/>
      <c r="N5569" s="40"/>
    </row>
    <row r="5570" spans="4:14" x14ac:dyDescent="0.25">
      <c r="D5570" s="40">
        <v>92.69629300000409</v>
      </c>
      <c r="E5570" s="40">
        <v>20.713135255875812</v>
      </c>
      <c r="F5570" s="40">
        <v>92.683333000000005</v>
      </c>
      <c r="G5570" s="40">
        <v>20.516081046702013</v>
      </c>
      <c r="H5570" s="40">
        <v>92.683334000000002</v>
      </c>
      <c r="I5570" s="40">
        <v>17.427128033400241</v>
      </c>
      <c r="J5570" s="40">
        <v>92.6832999404769</v>
      </c>
      <c r="K5570" s="40">
        <v>12.900637355804461</v>
      </c>
      <c r="L5570" s="40"/>
      <c r="M5570" s="40"/>
      <c r="N5570" s="40"/>
    </row>
    <row r="5571" spans="4:14" x14ac:dyDescent="0.25">
      <c r="D5571" s="40">
        <v>92.712959000004091</v>
      </c>
      <c r="E5571" s="40">
        <v>20.713135255875812</v>
      </c>
      <c r="F5571" s="40">
        <v>92.699999999999989</v>
      </c>
      <c r="G5571" s="40">
        <v>20.516081046702013</v>
      </c>
      <c r="H5571" s="40">
        <v>92.700000000000017</v>
      </c>
      <c r="I5571" s="40">
        <v>17.430480769543674</v>
      </c>
      <c r="J5571" s="40">
        <v>92.699966601191207</v>
      </c>
      <c r="K5571" s="40">
        <v>12.900637355804461</v>
      </c>
      <c r="L5571" s="40"/>
      <c r="M5571" s="40"/>
      <c r="N5571" s="40"/>
    </row>
    <row r="5572" spans="4:14" x14ac:dyDescent="0.25">
      <c r="D5572" s="40">
        <v>92.729625000004091</v>
      </c>
      <c r="E5572" s="40">
        <v>20.713135255875812</v>
      </c>
      <c r="F5572" s="40">
        <v>92.716667000000001</v>
      </c>
      <c r="G5572" s="40">
        <v>20.516081046702013</v>
      </c>
      <c r="H5572" s="40">
        <v>92.716667000000001</v>
      </c>
      <c r="I5572" s="40">
        <v>17.433833505686934</v>
      </c>
      <c r="J5572" s="40">
        <v>92.7166332619055</v>
      </c>
      <c r="K5572" s="40">
        <v>12.900637355804461</v>
      </c>
      <c r="L5572" s="40"/>
      <c r="M5572" s="40"/>
      <c r="N5572" s="40"/>
    </row>
    <row r="5573" spans="4:14" x14ac:dyDescent="0.25">
      <c r="D5573" s="40">
        <v>92.746291000004092</v>
      </c>
      <c r="E5573" s="40">
        <v>20.717835988036111</v>
      </c>
      <c r="F5573" s="40">
        <v>92.733332999999988</v>
      </c>
      <c r="G5573" s="40">
        <v>20.520696430671912</v>
      </c>
      <c r="H5573" s="40">
        <v>92.733334000000013</v>
      </c>
      <c r="I5573" s="40">
        <v>17.433833505686934</v>
      </c>
      <c r="J5573" s="40">
        <v>92.733299922619693</v>
      </c>
      <c r="K5573" s="40">
        <v>12.900637355804461</v>
      </c>
      <c r="L5573" s="40"/>
      <c r="M5573" s="40"/>
      <c r="N5573" s="40"/>
    </row>
    <row r="5574" spans="4:14" x14ac:dyDescent="0.25">
      <c r="D5574" s="40">
        <v>92.762957000004093</v>
      </c>
      <c r="E5574" s="40">
        <v>20.717835988036111</v>
      </c>
      <c r="F5574" s="40">
        <v>92.75</v>
      </c>
      <c r="G5574" s="40">
        <v>20.520696430671912</v>
      </c>
      <c r="H5574" s="40">
        <v>92.75</v>
      </c>
      <c r="I5574" s="40">
        <v>17.437087631943694</v>
      </c>
      <c r="J5574" s="40">
        <v>92.749966583334</v>
      </c>
      <c r="K5574" s="40">
        <v>12.900637355804461</v>
      </c>
      <c r="L5574" s="40"/>
      <c r="M5574" s="40"/>
      <c r="N5574" s="40"/>
    </row>
    <row r="5575" spans="4:14" x14ac:dyDescent="0.25">
      <c r="D5575" s="40">
        <v>92.779623000004094</v>
      </c>
      <c r="E5575" s="40">
        <v>20.717835988036111</v>
      </c>
      <c r="F5575" s="40">
        <v>92.766666999999984</v>
      </c>
      <c r="G5575" s="40">
        <v>20.520696430671912</v>
      </c>
      <c r="H5575" s="40">
        <v>92.766667000000012</v>
      </c>
      <c r="I5575" s="40">
        <v>17.44044036808695</v>
      </c>
      <c r="J5575" s="40">
        <v>92.766633244048293</v>
      </c>
      <c r="K5575" s="40">
        <v>12.900637355804461</v>
      </c>
      <c r="L5575" s="40"/>
      <c r="M5575" s="40"/>
      <c r="N5575" s="40"/>
    </row>
    <row r="5576" spans="4:14" x14ac:dyDescent="0.25">
      <c r="D5576" s="40">
        <v>92.796289000004094</v>
      </c>
      <c r="E5576" s="40">
        <v>20.717835988036111</v>
      </c>
      <c r="F5576" s="40">
        <v>92.783332999999999</v>
      </c>
      <c r="G5576" s="40">
        <v>20.520696430671912</v>
      </c>
      <c r="H5576" s="40">
        <v>92.783333999999996</v>
      </c>
      <c r="I5576" s="40">
        <v>17.44044036808695</v>
      </c>
      <c r="J5576" s="40">
        <v>92.7832999047626</v>
      </c>
      <c r="K5576" s="40">
        <v>12.900637355804461</v>
      </c>
      <c r="L5576" s="40"/>
      <c r="M5576" s="40"/>
      <c r="N5576" s="40"/>
    </row>
    <row r="5577" spans="4:14" x14ac:dyDescent="0.25">
      <c r="D5577" s="40">
        <v>92.812955000004095</v>
      </c>
      <c r="E5577" s="40">
        <v>20.72267916662566</v>
      </c>
      <c r="F5577" s="40">
        <v>92.799999999999983</v>
      </c>
      <c r="G5577" s="40">
        <v>20.525451674762007</v>
      </c>
      <c r="H5577" s="40">
        <v>92.800000000000011</v>
      </c>
      <c r="I5577" s="40">
        <v>17.443793104230384</v>
      </c>
      <c r="J5577" s="40">
        <v>92.799966565476893</v>
      </c>
      <c r="K5577" s="40">
        <v>12.895786312095355</v>
      </c>
      <c r="L5577" s="40"/>
      <c r="M5577" s="40"/>
      <c r="N5577" s="40"/>
    </row>
    <row r="5578" spans="4:14" x14ac:dyDescent="0.25">
      <c r="D5578" s="40">
        <v>92.829621000004096</v>
      </c>
      <c r="E5578" s="40">
        <v>20.72267916662566</v>
      </c>
      <c r="F5578" s="40">
        <v>92.816666999999995</v>
      </c>
      <c r="G5578" s="40">
        <v>20.525451674762007</v>
      </c>
      <c r="H5578" s="40">
        <v>92.816666999999995</v>
      </c>
      <c r="I5578" s="40">
        <v>17.443793104230384</v>
      </c>
      <c r="J5578" s="40">
        <v>92.8166332261912</v>
      </c>
      <c r="K5578" s="40">
        <v>12.895786312095355</v>
      </c>
      <c r="L5578" s="40"/>
      <c r="M5578" s="40"/>
      <c r="N5578" s="40"/>
    </row>
    <row r="5579" spans="4:14" x14ac:dyDescent="0.25">
      <c r="D5579" s="40">
        <v>92.846287000004097</v>
      </c>
      <c r="E5579" s="40">
        <v>20.72267916662566</v>
      </c>
      <c r="F5579" s="40">
        <v>92.833332999999982</v>
      </c>
      <c r="G5579" s="40">
        <v>20.525451674762007</v>
      </c>
      <c r="H5579" s="40">
        <v>92.833334000000008</v>
      </c>
      <c r="I5579" s="40">
        <v>17.447047230487147</v>
      </c>
      <c r="J5579" s="40">
        <v>92.833299886905493</v>
      </c>
      <c r="K5579" s="40">
        <v>12.900637355804461</v>
      </c>
      <c r="L5579" s="40"/>
      <c r="M5579" s="40"/>
      <c r="N5579" s="40"/>
    </row>
    <row r="5580" spans="4:14" x14ac:dyDescent="0.25">
      <c r="D5580" s="40">
        <v>92.862953000004097</v>
      </c>
      <c r="E5580" s="40">
        <v>20.72267916662566</v>
      </c>
      <c r="F5580" s="40">
        <v>92.85</v>
      </c>
      <c r="G5580" s="40">
        <v>20.53020691885223</v>
      </c>
      <c r="H5580" s="40">
        <v>92.85</v>
      </c>
      <c r="I5580" s="40">
        <v>17.447047230487147</v>
      </c>
      <c r="J5580" s="40">
        <v>92.8499665476198</v>
      </c>
      <c r="K5580" s="40">
        <v>12.900637355804461</v>
      </c>
      <c r="L5580" s="40"/>
      <c r="M5580" s="40"/>
      <c r="N5580" s="40"/>
    </row>
    <row r="5581" spans="4:14" x14ac:dyDescent="0.25">
      <c r="D5581" s="40">
        <v>92.879619000004098</v>
      </c>
      <c r="E5581" s="40">
        <v>20.72267916662566</v>
      </c>
      <c r="F5581" s="40">
        <v>92.866667000000007</v>
      </c>
      <c r="G5581" s="40">
        <v>20.53020691885223</v>
      </c>
      <c r="H5581" s="40">
        <v>92.866667000000007</v>
      </c>
      <c r="I5581" s="40">
        <v>17.450399966630403</v>
      </c>
      <c r="J5581" s="40">
        <v>92.866633208333994</v>
      </c>
      <c r="K5581" s="40">
        <v>12.900637355804461</v>
      </c>
      <c r="L5581" s="40"/>
      <c r="M5581" s="40"/>
      <c r="N5581" s="40"/>
    </row>
    <row r="5582" spans="4:14" x14ac:dyDescent="0.25">
      <c r="D5582" s="40">
        <v>92.896285000004099</v>
      </c>
      <c r="E5582" s="40">
        <v>20.72267916662566</v>
      </c>
      <c r="F5582" s="40">
        <v>92.883332999999993</v>
      </c>
      <c r="G5582" s="40">
        <v>20.53020691885223</v>
      </c>
      <c r="H5582" s="40">
        <v>92.883334000000019</v>
      </c>
      <c r="I5582" s="40">
        <v>17.450399966630403</v>
      </c>
      <c r="J5582" s="40">
        <v>92.883299869048301</v>
      </c>
      <c r="K5582" s="40">
        <v>12.900637355804461</v>
      </c>
      <c r="L5582" s="40"/>
      <c r="M5582" s="40"/>
      <c r="N5582" s="40"/>
    </row>
    <row r="5583" spans="4:14" x14ac:dyDescent="0.25">
      <c r="D5583" s="40">
        <v>92.912951000004099</v>
      </c>
      <c r="E5583" s="40">
        <v>20.717835988036111</v>
      </c>
      <c r="F5583" s="40">
        <v>92.9</v>
      </c>
      <c r="G5583" s="40">
        <v>20.53020691885223</v>
      </c>
      <c r="H5583" s="40">
        <v>92.9</v>
      </c>
      <c r="I5583" s="40">
        <v>17.453752702773663</v>
      </c>
      <c r="J5583" s="40">
        <v>92.899966529762594</v>
      </c>
      <c r="K5583" s="40">
        <v>12.900637355804461</v>
      </c>
      <c r="L5583" s="40"/>
      <c r="M5583" s="40"/>
      <c r="N5583" s="40"/>
    </row>
    <row r="5584" spans="4:14" x14ac:dyDescent="0.25">
      <c r="D5584" s="40">
        <v>92.9296170000041</v>
      </c>
      <c r="E5584" s="40">
        <v>20.717835988036111</v>
      </c>
      <c r="F5584" s="40">
        <v>92.91666699999999</v>
      </c>
      <c r="G5584" s="40">
        <v>20.53020691885223</v>
      </c>
      <c r="H5584" s="40">
        <v>92.916667000000018</v>
      </c>
      <c r="I5584" s="40">
        <v>17.453752702773663</v>
      </c>
      <c r="J5584" s="40">
        <v>92.916633190476901</v>
      </c>
      <c r="K5584" s="40">
        <v>12.900637355804461</v>
      </c>
      <c r="L5584" s="40"/>
      <c r="M5584" s="40"/>
      <c r="N5584" s="40"/>
    </row>
    <row r="5585" spans="4:14" x14ac:dyDescent="0.25">
      <c r="D5585" s="40">
        <v>92.946283000004101</v>
      </c>
      <c r="E5585" s="40">
        <v>20.717835988036111</v>
      </c>
      <c r="F5585" s="40">
        <v>92.933333000000005</v>
      </c>
      <c r="G5585" s="40">
        <v>20.53020691885223</v>
      </c>
      <c r="H5585" s="40">
        <v>92.933334000000002</v>
      </c>
      <c r="I5585" s="40">
        <v>17.457006829030426</v>
      </c>
      <c r="J5585" s="40">
        <v>92.933299851191194</v>
      </c>
      <c r="K5585" s="40">
        <v>12.900637355804461</v>
      </c>
      <c r="L5585" s="40"/>
      <c r="M5585" s="40"/>
      <c r="N5585" s="40"/>
    </row>
    <row r="5586" spans="4:14" x14ac:dyDescent="0.25">
      <c r="D5586" s="40">
        <v>92.962949000004102</v>
      </c>
      <c r="E5586" s="40">
        <v>20.717835988036111</v>
      </c>
      <c r="F5586" s="40">
        <v>92.949999999999989</v>
      </c>
      <c r="G5586" s="40">
        <v>20.53020691885223</v>
      </c>
      <c r="H5586" s="40">
        <v>92.950000000000017</v>
      </c>
      <c r="I5586" s="40">
        <v>17.457006829030426</v>
      </c>
      <c r="J5586" s="40">
        <v>92.949966511905501</v>
      </c>
      <c r="K5586" s="40">
        <v>12.90534572175752</v>
      </c>
      <c r="L5586" s="40"/>
      <c r="M5586" s="40"/>
      <c r="N5586" s="40"/>
    </row>
    <row r="5587" spans="4:14" x14ac:dyDescent="0.25">
      <c r="D5587" s="40">
        <v>92.979615000004102</v>
      </c>
      <c r="E5587" s="40">
        <v>20.717835988036111</v>
      </c>
      <c r="F5587" s="40">
        <v>92.966667000000001</v>
      </c>
      <c r="G5587" s="40">
        <v>20.53020691885223</v>
      </c>
      <c r="H5587" s="40">
        <v>92.966667000000001</v>
      </c>
      <c r="I5587" s="40">
        <v>17.460359565173679</v>
      </c>
      <c r="J5587" s="40">
        <v>92.966633172619694</v>
      </c>
      <c r="K5587" s="40">
        <v>12.90534572175752</v>
      </c>
      <c r="L5587" s="40"/>
      <c r="M5587" s="40"/>
      <c r="N5587" s="40"/>
    </row>
    <row r="5588" spans="4:14" x14ac:dyDescent="0.25">
      <c r="D5588" s="40">
        <v>92.996281000004103</v>
      </c>
      <c r="E5588" s="40">
        <v>20.717835988036111</v>
      </c>
      <c r="F5588" s="40">
        <v>92.983332999999988</v>
      </c>
      <c r="G5588" s="40">
        <v>20.53020691885223</v>
      </c>
      <c r="H5588" s="40">
        <v>92.983334000000013</v>
      </c>
      <c r="I5588" s="40">
        <v>17.460359565173679</v>
      </c>
      <c r="J5588" s="40">
        <v>92.983299833334002</v>
      </c>
      <c r="K5588" s="40">
        <v>12.90534572175752</v>
      </c>
      <c r="L5588" s="40"/>
      <c r="M5588" s="40"/>
      <c r="N5588" s="40"/>
    </row>
    <row r="5589" spans="4:14" x14ac:dyDescent="0.25">
      <c r="D5589" s="40">
        <v>93.012947000004104</v>
      </c>
      <c r="E5589" s="40">
        <v>20.717835988036111</v>
      </c>
      <c r="F5589" s="40">
        <v>93</v>
      </c>
      <c r="G5589" s="40">
        <v>20.53020691885223</v>
      </c>
      <c r="H5589" s="40">
        <v>93</v>
      </c>
      <c r="I5589" s="40">
        <v>17.463712301317113</v>
      </c>
      <c r="J5589" s="40">
        <v>92.999966494048294</v>
      </c>
      <c r="K5589" s="40">
        <v>12.90534572175752</v>
      </c>
      <c r="L5589" s="40"/>
      <c r="M5589" s="40"/>
      <c r="N5589" s="40"/>
    </row>
    <row r="5590" spans="4:14" x14ac:dyDescent="0.25">
      <c r="D5590" s="40">
        <v>93.029613000004105</v>
      </c>
      <c r="E5590" s="40">
        <v>20.717835988036111</v>
      </c>
      <c r="F5590" s="40">
        <v>93.016666999999984</v>
      </c>
      <c r="G5590" s="40">
        <v>20.534822302822128</v>
      </c>
      <c r="H5590" s="40">
        <v>93.016667000000012</v>
      </c>
      <c r="I5590" s="40">
        <v>17.463712301317113</v>
      </c>
      <c r="J5590" s="40">
        <v>93.016633154762602</v>
      </c>
      <c r="K5590" s="40">
        <v>12.910196765466752</v>
      </c>
      <c r="L5590" s="40"/>
      <c r="M5590" s="40"/>
      <c r="N5590" s="40"/>
    </row>
    <row r="5591" spans="4:14" x14ac:dyDescent="0.25">
      <c r="D5591" s="40">
        <v>93.046279000004105</v>
      </c>
      <c r="E5591" s="40">
        <v>20.717835988036111</v>
      </c>
      <c r="F5591" s="40">
        <v>93.033332999999999</v>
      </c>
      <c r="G5591" s="40">
        <v>20.534822302822128</v>
      </c>
      <c r="H5591" s="40">
        <v>93.033333999999996</v>
      </c>
      <c r="I5591" s="40">
        <v>17.466966427573876</v>
      </c>
      <c r="J5591" s="40">
        <v>93.033299815476894</v>
      </c>
      <c r="K5591" s="40">
        <v>12.910196765466752</v>
      </c>
      <c r="L5591" s="40"/>
      <c r="M5591" s="40"/>
      <c r="N5591" s="40"/>
    </row>
    <row r="5592" spans="4:14" x14ac:dyDescent="0.25">
      <c r="D5592" s="40">
        <v>93.062945000004106</v>
      </c>
      <c r="E5592" s="40">
        <v>20.717835988036111</v>
      </c>
      <c r="F5592" s="40">
        <v>93.049999999999983</v>
      </c>
      <c r="G5592" s="40">
        <v>20.534822302822128</v>
      </c>
      <c r="H5592" s="40">
        <v>93.050000000000011</v>
      </c>
      <c r="I5592" s="40">
        <v>17.470319163717136</v>
      </c>
      <c r="J5592" s="40">
        <v>93.049966476191202</v>
      </c>
      <c r="K5592" s="40">
        <v>12.910196765466752</v>
      </c>
      <c r="L5592" s="40"/>
      <c r="M5592" s="40"/>
      <c r="N5592" s="40"/>
    </row>
    <row r="5593" spans="4:14" x14ac:dyDescent="0.25">
      <c r="D5593" s="40">
        <v>93.079611000004107</v>
      </c>
      <c r="E5593" s="40">
        <v>20.717835988036111</v>
      </c>
      <c r="F5593" s="40">
        <v>93.066666999999995</v>
      </c>
      <c r="G5593" s="40">
        <v>20.534822302822128</v>
      </c>
      <c r="H5593" s="40">
        <v>93.066666999999995</v>
      </c>
      <c r="I5593" s="40">
        <v>17.470319163717136</v>
      </c>
      <c r="J5593" s="40">
        <v>93.066633136905494</v>
      </c>
      <c r="K5593" s="40">
        <v>12.910196765466752</v>
      </c>
      <c r="L5593" s="40"/>
      <c r="M5593" s="40"/>
      <c r="N5593" s="40"/>
    </row>
    <row r="5594" spans="4:14" x14ac:dyDescent="0.25">
      <c r="D5594" s="40">
        <v>93.096277000004108</v>
      </c>
      <c r="E5594" s="40">
        <v>20.72267916662566</v>
      </c>
      <c r="F5594" s="40">
        <v>93.083332999999982</v>
      </c>
      <c r="G5594" s="40">
        <v>20.534822302822128</v>
      </c>
      <c r="H5594" s="40">
        <v>93.083334000000008</v>
      </c>
      <c r="I5594" s="40">
        <v>17.473671899860392</v>
      </c>
      <c r="J5594" s="40">
        <v>93.083299797619802</v>
      </c>
      <c r="K5594" s="40">
        <v>12.90534572175752</v>
      </c>
      <c r="L5594" s="40"/>
      <c r="M5594" s="40"/>
      <c r="N5594" s="40"/>
    </row>
    <row r="5595" spans="4:14" x14ac:dyDescent="0.25">
      <c r="D5595" s="40">
        <v>93.112943000004108</v>
      </c>
      <c r="E5595" s="40">
        <v>20.72267916662566</v>
      </c>
      <c r="F5595" s="40">
        <v>93.1</v>
      </c>
      <c r="G5595" s="40">
        <v>20.539577546912348</v>
      </c>
      <c r="H5595" s="40">
        <v>93.1</v>
      </c>
      <c r="I5595" s="40">
        <v>17.476926026117155</v>
      </c>
      <c r="J5595" s="40">
        <v>93.099966458333995</v>
      </c>
      <c r="K5595" s="40">
        <v>12.90534572175752</v>
      </c>
      <c r="L5595" s="40"/>
      <c r="M5595" s="40"/>
      <c r="N5595" s="40"/>
    </row>
    <row r="5596" spans="4:14" x14ac:dyDescent="0.25">
      <c r="D5596" s="40">
        <v>93.129609000004109</v>
      </c>
      <c r="E5596" s="40">
        <v>20.72267916662566</v>
      </c>
      <c r="F5596" s="40">
        <v>93.116667000000007</v>
      </c>
      <c r="G5596" s="40">
        <v>20.539577546912348</v>
      </c>
      <c r="H5596" s="40">
        <v>93.116667000000007</v>
      </c>
      <c r="I5596" s="40">
        <v>17.476926026117155</v>
      </c>
      <c r="J5596" s="40">
        <v>93.116633119048302</v>
      </c>
      <c r="K5596" s="40">
        <v>12.90534572175752</v>
      </c>
      <c r="L5596" s="40"/>
      <c r="M5596" s="40"/>
      <c r="N5596" s="40"/>
    </row>
    <row r="5597" spans="4:14" x14ac:dyDescent="0.25">
      <c r="D5597" s="40">
        <v>93.14627500000411</v>
      </c>
      <c r="E5597" s="40">
        <v>20.72267916662566</v>
      </c>
      <c r="F5597" s="40">
        <v>93.133332999999993</v>
      </c>
      <c r="G5597" s="40">
        <v>20.539577546912348</v>
      </c>
      <c r="H5597" s="40">
        <v>93.133334000000019</v>
      </c>
      <c r="I5597" s="40">
        <v>17.480278762260408</v>
      </c>
      <c r="J5597" s="40">
        <v>93.133299779762595</v>
      </c>
      <c r="K5597" s="40">
        <v>12.90534572175752</v>
      </c>
      <c r="L5597" s="40"/>
      <c r="M5597" s="40"/>
      <c r="N5597" s="40"/>
    </row>
    <row r="5598" spans="4:14" x14ac:dyDescent="0.25">
      <c r="D5598" s="40">
        <v>93.16294100000411</v>
      </c>
      <c r="E5598" s="40">
        <v>20.72267916662566</v>
      </c>
      <c r="F5598" s="40">
        <v>93.15</v>
      </c>
      <c r="G5598" s="40">
        <v>20.539577546912348</v>
      </c>
      <c r="H5598" s="40">
        <v>93.15</v>
      </c>
      <c r="I5598" s="40">
        <v>17.483631498403842</v>
      </c>
      <c r="J5598" s="40">
        <v>93.149966440476902</v>
      </c>
      <c r="K5598" s="40">
        <v>12.90534572175752</v>
      </c>
      <c r="L5598" s="40"/>
      <c r="M5598" s="40"/>
      <c r="N5598" s="40"/>
    </row>
    <row r="5599" spans="4:14" x14ac:dyDescent="0.25">
      <c r="D5599" s="40">
        <v>93.179607000004111</v>
      </c>
      <c r="E5599" s="40">
        <v>20.72267916662566</v>
      </c>
      <c r="F5599" s="40">
        <v>93.16666699999999</v>
      </c>
      <c r="G5599" s="40">
        <v>20.544332791002443</v>
      </c>
      <c r="H5599" s="40">
        <v>93.166667000000018</v>
      </c>
      <c r="I5599" s="40">
        <v>17.483631498403842</v>
      </c>
      <c r="J5599" s="40">
        <v>93.166633101191195</v>
      </c>
      <c r="K5599" s="40">
        <v>12.910196765466752</v>
      </c>
      <c r="L5599" s="40"/>
      <c r="M5599" s="40"/>
      <c r="N5599" s="40"/>
    </row>
    <row r="5600" spans="4:14" x14ac:dyDescent="0.25">
      <c r="D5600" s="40">
        <v>93.196273000004112</v>
      </c>
      <c r="E5600" s="40">
        <v>20.72752234521521</v>
      </c>
      <c r="F5600" s="40">
        <v>93.183333000000005</v>
      </c>
      <c r="G5600" s="40">
        <v>20.544332791002443</v>
      </c>
      <c r="H5600" s="40">
        <v>93.183334000000002</v>
      </c>
      <c r="I5600" s="40">
        <v>17.486885624660605</v>
      </c>
      <c r="J5600" s="40">
        <v>93.183299761905502</v>
      </c>
      <c r="K5600" s="40">
        <v>12.910196765466752</v>
      </c>
      <c r="L5600" s="40"/>
      <c r="M5600" s="40"/>
      <c r="N5600" s="40"/>
    </row>
    <row r="5601" spans="4:14" x14ac:dyDescent="0.25">
      <c r="D5601" s="40">
        <v>93.212939000004113</v>
      </c>
      <c r="E5601" s="40">
        <v>20.72752234521521</v>
      </c>
      <c r="F5601" s="40">
        <v>93.199999999999989</v>
      </c>
      <c r="G5601" s="40">
        <v>20.544332791002443</v>
      </c>
      <c r="H5601" s="40">
        <v>93.200000000000017</v>
      </c>
      <c r="I5601" s="40">
        <v>17.490238360803865</v>
      </c>
      <c r="J5601" s="40">
        <v>93.199966422619696</v>
      </c>
      <c r="K5601" s="40">
        <v>12.915047809175858</v>
      </c>
      <c r="L5601" s="40"/>
      <c r="M5601" s="40"/>
      <c r="N5601" s="40"/>
    </row>
    <row r="5602" spans="4:14" x14ac:dyDescent="0.25">
      <c r="D5602" s="40">
        <v>93.229605000004113</v>
      </c>
      <c r="E5602" s="40">
        <v>20.72752234521521</v>
      </c>
      <c r="F5602" s="40">
        <v>93.216667000000001</v>
      </c>
      <c r="G5602" s="40">
        <v>20.548948174972342</v>
      </c>
      <c r="H5602" s="40">
        <v>93.216667000000001</v>
      </c>
      <c r="I5602" s="40">
        <v>17.490238360803865</v>
      </c>
      <c r="J5602" s="40">
        <v>93.216633083334003</v>
      </c>
      <c r="K5602" s="40">
        <v>12.915047809175858</v>
      </c>
      <c r="L5602" s="40"/>
      <c r="M5602" s="40"/>
      <c r="N5602" s="40"/>
    </row>
    <row r="5603" spans="4:14" x14ac:dyDescent="0.25">
      <c r="D5603" s="40">
        <v>93.246271000004114</v>
      </c>
      <c r="E5603" s="40">
        <v>20.72752234521521</v>
      </c>
      <c r="F5603" s="40">
        <v>93.233332999999988</v>
      </c>
      <c r="G5603" s="40">
        <v>20.548948174972342</v>
      </c>
      <c r="H5603" s="40">
        <v>93.233334000000013</v>
      </c>
      <c r="I5603" s="40">
        <v>17.493591096947121</v>
      </c>
      <c r="J5603" s="40">
        <v>93.233299744048296</v>
      </c>
      <c r="K5603" s="40">
        <v>12.915047809175858</v>
      </c>
      <c r="L5603" s="40"/>
      <c r="M5603" s="40"/>
      <c r="N5603" s="40"/>
    </row>
    <row r="5604" spans="4:14" x14ac:dyDescent="0.25">
      <c r="D5604" s="40">
        <v>93.262937000004115</v>
      </c>
      <c r="E5604" s="40">
        <v>20.732223077375636</v>
      </c>
      <c r="F5604" s="40">
        <v>93.25</v>
      </c>
      <c r="G5604" s="40">
        <v>20.548948174972342</v>
      </c>
      <c r="H5604" s="40">
        <v>93.25</v>
      </c>
      <c r="I5604" s="40">
        <v>17.496845223203884</v>
      </c>
      <c r="J5604" s="40">
        <v>93.249966404762603</v>
      </c>
      <c r="K5604" s="40">
        <v>12.915047809175858</v>
      </c>
      <c r="L5604" s="40"/>
      <c r="M5604" s="40"/>
      <c r="N5604" s="40"/>
    </row>
    <row r="5605" spans="4:14" x14ac:dyDescent="0.25">
      <c r="D5605" s="40">
        <v>93.279603000004116</v>
      </c>
      <c r="E5605" s="40">
        <v>20.732223077375636</v>
      </c>
      <c r="F5605" s="40">
        <v>93.266666999999984</v>
      </c>
      <c r="G5605" s="40">
        <v>20.553703419062561</v>
      </c>
      <c r="H5605" s="40">
        <v>93.266667000000012</v>
      </c>
      <c r="I5605" s="40">
        <v>17.500197959347314</v>
      </c>
      <c r="J5605" s="40">
        <v>93.266633065476896</v>
      </c>
      <c r="K5605" s="40">
        <v>12.915047809175858</v>
      </c>
      <c r="L5605" s="40"/>
      <c r="M5605" s="40"/>
      <c r="N5605" s="40"/>
    </row>
    <row r="5606" spans="4:14" x14ac:dyDescent="0.25">
      <c r="D5606" s="40">
        <v>93.296269000004116</v>
      </c>
      <c r="E5606" s="40">
        <v>20.737066255965058</v>
      </c>
      <c r="F5606" s="40">
        <v>93.283332999999999</v>
      </c>
      <c r="G5606" s="40">
        <v>20.553703419062561</v>
      </c>
      <c r="H5606" s="40">
        <v>93.283333999999996</v>
      </c>
      <c r="I5606" s="40">
        <v>17.500197959347314</v>
      </c>
      <c r="J5606" s="40">
        <v>93.283299726191203</v>
      </c>
      <c r="K5606" s="40">
        <v>12.915047809175858</v>
      </c>
      <c r="L5606" s="40"/>
      <c r="M5606" s="40"/>
      <c r="N5606" s="40"/>
    </row>
    <row r="5607" spans="4:14" x14ac:dyDescent="0.25">
      <c r="D5607" s="40">
        <v>93.312935000004117</v>
      </c>
      <c r="E5607" s="40">
        <v>20.737066255965058</v>
      </c>
      <c r="F5607" s="40">
        <v>93.299999999999983</v>
      </c>
      <c r="G5607" s="40">
        <v>20.553703419062561</v>
      </c>
      <c r="H5607" s="40">
        <v>93.300000000000011</v>
      </c>
      <c r="I5607" s="40">
        <v>17.503550695490574</v>
      </c>
      <c r="J5607" s="40">
        <v>93.299966386905496</v>
      </c>
      <c r="K5607" s="40">
        <v>12.915047809175858</v>
      </c>
      <c r="L5607" s="40"/>
      <c r="M5607" s="40"/>
      <c r="N5607" s="40"/>
    </row>
    <row r="5608" spans="4:14" x14ac:dyDescent="0.25">
      <c r="D5608" s="40">
        <v>93.329601000004118</v>
      </c>
      <c r="E5608" s="40">
        <v>20.741909434554604</v>
      </c>
      <c r="F5608" s="40">
        <v>93.316666999999995</v>
      </c>
      <c r="G5608" s="40">
        <v>20.553703419062561</v>
      </c>
      <c r="H5608" s="40">
        <v>93.316666999999995</v>
      </c>
      <c r="I5608" s="40">
        <v>17.506804821747338</v>
      </c>
      <c r="J5608" s="40">
        <v>93.316633047619803</v>
      </c>
      <c r="K5608" s="40">
        <v>12.915047809175858</v>
      </c>
      <c r="L5608" s="40"/>
      <c r="M5608" s="40"/>
      <c r="N5608" s="40"/>
    </row>
    <row r="5609" spans="4:14" x14ac:dyDescent="0.25">
      <c r="D5609" s="40">
        <v>93.346267000004119</v>
      </c>
      <c r="E5609" s="40">
        <v>20.741909434554604</v>
      </c>
      <c r="F5609" s="40">
        <v>93.333332999999982</v>
      </c>
      <c r="G5609" s="40">
        <v>20.558458663152656</v>
      </c>
      <c r="H5609" s="40">
        <v>93.333334000000008</v>
      </c>
      <c r="I5609" s="40">
        <v>17.510157557890594</v>
      </c>
      <c r="J5609" s="40">
        <v>93.333299708333996</v>
      </c>
      <c r="K5609" s="40">
        <v>12.915047809175858</v>
      </c>
      <c r="L5609" s="40"/>
      <c r="M5609" s="40"/>
      <c r="N5609" s="40"/>
    </row>
    <row r="5610" spans="4:14" x14ac:dyDescent="0.25">
      <c r="D5610" s="40">
        <v>93.362933000004119</v>
      </c>
      <c r="E5610" s="40">
        <v>20.74661016671503</v>
      </c>
      <c r="F5610" s="40">
        <v>93.35</v>
      </c>
      <c r="G5610" s="40">
        <v>20.558458663152656</v>
      </c>
      <c r="H5610" s="40">
        <v>93.35</v>
      </c>
      <c r="I5610" s="40">
        <v>17.510157557890594</v>
      </c>
      <c r="J5610" s="40">
        <v>93.349966369048303</v>
      </c>
      <c r="K5610" s="40">
        <v>12.915047809175858</v>
      </c>
      <c r="L5610" s="40"/>
      <c r="M5610" s="40"/>
      <c r="N5610" s="40"/>
    </row>
    <row r="5611" spans="4:14" x14ac:dyDescent="0.25">
      <c r="D5611" s="40">
        <v>93.37959900000412</v>
      </c>
      <c r="E5611" s="40">
        <v>20.74661016671503</v>
      </c>
      <c r="F5611" s="40">
        <v>93.366667000000007</v>
      </c>
      <c r="G5611" s="40">
        <v>20.563074047122555</v>
      </c>
      <c r="H5611" s="40">
        <v>93.366667000000007</v>
      </c>
      <c r="I5611" s="40">
        <v>17.513510294033853</v>
      </c>
      <c r="J5611" s="40">
        <v>93.366633029762596</v>
      </c>
      <c r="K5611" s="40">
        <v>12.915047809175858</v>
      </c>
      <c r="L5611" s="40"/>
      <c r="M5611" s="40"/>
      <c r="N5611" s="40"/>
    </row>
    <row r="5612" spans="4:14" x14ac:dyDescent="0.25">
      <c r="D5612" s="40">
        <v>93.396265000004121</v>
      </c>
      <c r="E5612" s="40">
        <v>20.74661016671503</v>
      </c>
      <c r="F5612" s="40">
        <v>93.383332999999993</v>
      </c>
      <c r="G5612" s="40">
        <v>20.563074047122555</v>
      </c>
      <c r="H5612" s="40">
        <v>93.383334000000019</v>
      </c>
      <c r="I5612" s="40">
        <v>17.516764420290617</v>
      </c>
      <c r="J5612" s="40">
        <v>93.383299690476903</v>
      </c>
      <c r="K5612" s="40">
        <v>12.915047809175858</v>
      </c>
      <c r="L5612" s="40"/>
      <c r="M5612" s="40"/>
      <c r="N5612" s="40"/>
    </row>
    <row r="5613" spans="4:14" x14ac:dyDescent="0.25">
      <c r="D5613" s="40">
        <v>93.412931000004122</v>
      </c>
      <c r="E5613" s="40">
        <v>20.74661016671503</v>
      </c>
      <c r="F5613" s="40">
        <v>93.4</v>
      </c>
      <c r="G5613" s="40">
        <v>20.567829291212774</v>
      </c>
      <c r="H5613" s="40">
        <v>93.4</v>
      </c>
      <c r="I5613" s="40">
        <v>17.516764420290617</v>
      </c>
      <c r="J5613" s="40">
        <v>93.399966351191196</v>
      </c>
      <c r="K5613" s="40">
        <v>12.915047809175858</v>
      </c>
      <c r="L5613" s="40"/>
      <c r="M5613" s="40"/>
      <c r="N5613" s="40"/>
    </row>
    <row r="5614" spans="4:14" x14ac:dyDescent="0.25">
      <c r="D5614" s="40">
        <v>93.429597000004122</v>
      </c>
      <c r="E5614" s="40">
        <v>20.751453345304451</v>
      </c>
      <c r="F5614" s="40">
        <v>93.41666699999999</v>
      </c>
      <c r="G5614" s="40">
        <v>20.567829291212774</v>
      </c>
      <c r="H5614" s="40">
        <v>93.416667000000018</v>
      </c>
      <c r="I5614" s="40">
        <v>17.520117156434047</v>
      </c>
      <c r="J5614" s="40">
        <v>93.416633011905503</v>
      </c>
      <c r="K5614" s="40">
        <v>12.915047809175858</v>
      </c>
      <c r="L5614" s="40"/>
      <c r="M5614" s="40"/>
      <c r="N5614" s="40"/>
    </row>
    <row r="5615" spans="4:14" x14ac:dyDescent="0.25">
      <c r="D5615" s="40">
        <v>93.446263000004123</v>
      </c>
      <c r="E5615" s="40">
        <v>20.751453345304451</v>
      </c>
      <c r="F5615" s="40">
        <v>93.433333000000005</v>
      </c>
      <c r="G5615" s="40">
        <v>20.567829291212774</v>
      </c>
      <c r="H5615" s="40">
        <v>93.433334000000002</v>
      </c>
      <c r="I5615" s="40">
        <v>17.520117156434047</v>
      </c>
      <c r="J5615" s="40">
        <v>93.433299672619697</v>
      </c>
      <c r="K5615" s="40">
        <v>12.915047809175858</v>
      </c>
      <c r="L5615" s="40"/>
      <c r="M5615" s="40"/>
      <c r="N5615" s="40"/>
    </row>
    <row r="5616" spans="4:14" x14ac:dyDescent="0.25">
      <c r="D5616" s="40">
        <v>93.462929000004124</v>
      </c>
      <c r="E5616" s="40">
        <v>20.751453345304451</v>
      </c>
      <c r="F5616" s="40">
        <v>93.449999999999989</v>
      </c>
      <c r="G5616" s="40">
        <v>20.572584535302873</v>
      </c>
      <c r="H5616" s="40">
        <v>93.450000000000017</v>
      </c>
      <c r="I5616" s="40">
        <v>17.523469892577303</v>
      </c>
      <c r="J5616" s="40">
        <v>93.449966333334004</v>
      </c>
      <c r="K5616" s="40">
        <v>12.915047809175858</v>
      </c>
      <c r="L5616" s="40"/>
      <c r="M5616" s="40"/>
      <c r="N5616" s="40"/>
    </row>
    <row r="5617" spans="4:14" x14ac:dyDescent="0.25">
      <c r="D5617" s="40">
        <v>93.479595000004124</v>
      </c>
      <c r="E5617" s="40">
        <v>20.751453345304451</v>
      </c>
      <c r="F5617" s="40">
        <v>93.466667000000001</v>
      </c>
      <c r="G5617" s="40">
        <v>20.572584535302873</v>
      </c>
      <c r="H5617" s="40">
        <v>93.466667000000001</v>
      </c>
      <c r="I5617" s="40">
        <v>17.526822628720559</v>
      </c>
      <c r="J5617" s="40">
        <v>93.466632994048297</v>
      </c>
      <c r="K5617" s="40">
        <v>12.915047809175858</v>
      </c>
      <c r="L5617" s="40"/>
      <c r="M5617" s="40"/>
      <c r="N5617" s="40"/>
    </row>
    <row r="5618" spans="4:14" x14ac:dyDescent="0.25">
      <c r="D5618" s="40">
        <v>93.496261000004125</v>
      </c>
      <c r="E5618" s="40">
        <v>20.751453345304451</v>
      </c>
      <c r="F5618" s="40">
        <v>93.483332999999988</v>
      </c>
      <c r="G5618" s="40">
        <v>20.572584535302873</v>
      </c>
      <c r="H5618" s="40">
        <v>93.483334000000013</v>
      </c>
      <c r="I5618" s="40">
        <v>17.530076754977323</v>
      </c>
      <c r="J5618" s="40">
        <v>93.483299654762604</v>
      </c>
      <c r="K5618" s="40">
        <v>12.915047809175858</v>
      </c>
      <c r="L5618" s="40"/>
      <c r="M5618" s="40"/>
      <c r="N5618" s="40"/>
    </row>
    <row r="5619" spans="4:14" x14ac:dyDescent="0.25">
      <c r="D5619" s="40">
        <v>93.512927000004126</v>
      </c>
      <c r="E5619" s="40">
        <v>20.751453345304451</v>
      </c>
      <c r="F5619" s="40">
        <v>93.5</v>
      </c>
      <c r="G5619" s="40">
        <v>20.577199919272772</v>
      </c>
      <c r="H5619" s="40">
        <v>93.5</v>
      </c>
      <c r="I5619" s="40">
        <v>17.530076754977323</v>
      </c>
      <c r="J5619" s="40">
        <v>93.499966315476897</v>
      </c>
      <c r="K5619" s="40">
        <v>12.919898852885092</v>
      </c>
      <c r="L5619" s="40"/>
      <c r="M5619" s="40"/>
      <c r="N5619" s="40"/>
    </row>
    <row r="5620" spans="4:14" x14ac:dyDescent="0.25">
      <c r="D5620" s="40">
        <v>93.529593000004127</v>
      </c>
      <c r="E5620" s="40">
        <v>20.751453345304451</v>
      </c>
      <c r="F5620" s="40">
        <v>93.516666999999984</v>
      </c>
      <c r="G5620" s="40">
        <v>20.577199919272772</v>
      </c>
      <c r="H5620" s="40">
        <v>93.516667000000012</v>
      </c>
      <c r="I5620" s="40">
        <v>17.533429491120756</v>
      </c>
      <c r="J5620" s="40">
        <v>93.516632976191204</v>
      </c>
      <c r="K5620" s="40">
        <v>12.919898852885092</v>
      </c>
      <c r="L5620" s="40"/>
      <c r="M5620" s="40"/>
      <c r="N5620" s="40"/>
    </row>
    <row r="5621" spans="4:14" x14ac:dyDescent="0.25">
      <c r="D5621" s="40">
        <v>93.546259000004127</v>
      </c>
      <c r="E5621" s="40">
        <v>20.751453345304451</v>
      </c>
      <c r="F5621" s="40">
        <v>93.533332999999999</v>
      </c>
      <c r="G5621" s="40">
        <v>20.577199919272772</v>
      </c>
      <c r="H5621" s="40">
        <v>93.533333999999996</v>
      </c>
      <c r="I5621" s="40">
        <v>17.536782227264013</v>
      </c>
      <c r="J5621" s="40">
        <v>93.533299636905497</v>
      </c>
      <c r="K5621" s="40">
        <v>12.919898852885092</v>
      </c>
      <c r="L5621" s="40"/>
      <c r="M5621" s="40"/>
      <c r="N5621" s="40"/>
    </row>
    <row r="5622" spans="4:14" x14ac:dyDescent="0.25">
      <c r="D5622" s="40">
        <v>93.562925000004128</v>
      </c>
      <c r="E5622" s="40">
        <v>20.751453345304451</v>
      </c>
      <c r="F5622" s="40">
        <v>93.549999999999983</v>
      </c>
      <c r="G5622" s="40">
        <v>20.581955163362991</v>
      </c>
      <c r="H5622" s="40">
        <v>93.550000000000011</v>
      </c>
      <c r="I5622" s="40">
        <v>17.536782227264013</v>
      </c>
      <c r="J5622" s="40">
        <v>93.549966297619804</v>
      </c>
      <c r="K5622" s="40">
        <v>12.919898852885092</v>
      </c>
      <c r="L5622" s="40"/>
      <c r="M5622" s="40"/>
      <c r="N5622" s="40"/>
    </row>
    <row r="5623" spans="4:14" x14ac:dyDescent="0.25">
      <c r="D5623" s="40">
        <v>93.579591000004129</v>
      </c>
      <c r="E5623" s="40">
        <v>20.751453345304451</v>
      </c>
      <c r="F5623" s="40">
        <v>93.566666999999995</v>
      </c>
      <c r="G5623" s="40">
        <v>20.581955163362991</v>
      </c>
      <c r="H5623" s="40">
        <v>93.566666999999995</v>
      </c>
      <c r="I5623" s="40">
        <v>17.540036353520776</v>
      </c>
      <c r="J5623" s="40">
        <v>93.566632958333997</v>
      </c>
      <c r="K5623" s="40">
        <v>12.919898852885092</v>
      </c>
      <c r="L5623" s="40"/>
      <c r="M5623" s="40"/>
      <c r="N5623" s="40"/>
    </row>
    <row r="5624" spans="4:14" x14ac:dyDescent="0.25">
      <c r="D5624" s="40">
        <v>93.59625700000413</v>
      </c>
      <c r="E5624" s="40">
        <v>20.751453345304451</v>
      </c>
      <c r="F5624" s="40">
        <v>93.583332999999982</v>
      </c>
      <c r="G5624" s="40">
        <v>20.586710407453086</v>
      </c>
      <c r="H5624" s="40">
        <v>93.583334000000008</v>
      </c>
      <c r="I5624" s="40">
        <v>17.543389089664032</v>
      </c>
      <c r="J5624" s="40">
        <v>93.583299619048304</v>
      </c>
      <c r="K5624" s="40">
        <v>12.924607218838151</v>
      </c>
      <c r="L5624" s="40"/>
      <c r="M5624" s="40"/>
      <c r="N5624" s="40"/>
    </row>
    <row r="5625" spans="4:14" x14ac:dyDescent="0.25">
      <c r="D5625" s="40">
        <v>93.61292300000413</v>
      </c>
      <c r="E5625" s="40">
        <v>20.751453345304451</v>
      </c>
      <c r="F5625" s="40">
        <v>93.6</v>
      </c>
      <c r="G5625" s="40">
        <v>20.586710407453086</v>
      </c>
      <c r="H5625" s="40">
        <v>93.6</v>
      </c>
      <c r="I5625" s="40">
        <v>17.543389089664032</v>
      </c>
      <c r="J5625" s="40">
        <v>93.599966279762597</v>
      </c>
      <c r="K5625" s="40">
        <v>12.924607218838151</v>
      </c>
      <c r="L5625" s="40"/>
      <c r="M5625" s="40"/>
      <c r="N5625" s="40"/>
    </row>
    <row r="5626" spans="4:14" x14ac:dyDescent="0.25">
      <c r="D5626" s="40">
        <v>93.629589000004131</v>
      </c>
      <c r="E5626" s="40">
        <v>20.751453345304451</v>
      </c>
      <c r="F5626" s="40">
        <v>93.616667000000007</v>
      </c>
      <c r="G5626" s="40">
        <v>20.586710407453086</v>
      </c>
      <c r="H5626" s="40">
        <v>93.616667000000007</v>
      </c>
      <c r="I5626" s="40">
        <v>17.546741825807292</v>
      </c>
      <c r="J5626" s="40">
        <v>93.616632940476904</v>
      </c>
      <c r="K5626" s="40">
        <v>12.924607218838151</v>
      </c>
      <c r="L5626" s="40"/>
      <c r="M5626" s="40"/>
      <c r="N5626" s="40"/>
    </row>
    <row r="5627" spans="4:14" x14ac:dyDescent="0.25">
      <c r="D5627" s="40">
        <v>93.646255000004132</v>
      </c>
      <c r="E5627" s="40">
        <v>20.751453345304451</v>
      </c>
      <c r="F5627" s="40">
        <v>93.633332999999993</v>
      </c>
      <c r="G5627" s="40">
        <v>20.586710407453086</v>
      </c>
      <c r="H5627" s="40">
        <v>93.633334000000019</v>
      </c>
      <c r="I5627" s="40">
        <v>17.546741825807292</v>
      </c>
      <c r="J5627" s="40">
        <v>93.633299601191197</v>
      </c>
      <c r="K5627" s="40">
        <v>12.924607218838151</v>
      </c>
      <c r="L5627" s="40"/>
      <c r="M5627" s="40"/>
      <c r="N5627" s="40"/>
    </row>
    <row r="5628" spans="4:14" x14ac:dyDescent="0.25">
      <c r="D5628" s="40">
        <v>93.662921000004133</v>
      </c>
      <c r="E5628" s="40">
        <v>20.751453345304451</v>
      </c>
      <c r="F5628" s="40">
        <v>93.65</v>
      </c>
      <c r="G5628" s="40">
        <v>20.586710407453086</v>
      </c>
      <c r="H5628" s="40">
        <v>93.65</v>
      </c>
      <c r="I5628" s="40">
        <v>17.549995952064055</v>
      </c>
      <c r="J5628" s="40">
        <v>93.649966261905504</v>
      </c>
      <c r="K5628" s="40">
        <v>12.929458262547385</v>
      </c>
      <c r="L5628" s="40"/>
      <c r="M5628" s="40"/>
      <c r="N5628" s="40"/>
    </row>
    <row r="5629" spans="4:14" x14ac:dyDescent="0.25">
      <c r="D5629" s="40">
        <v>93.679587000004133</v>
      </c>
      <c r="E5629" s="40">
        <v>20.756296523894001</v>
      </c>
      <c r="F5629" s="40">
        <v>93.66666699999999</v>
      </c>
      <c r="G5629" s="40">
        <v>20.586710407453086</v>
      </c>
      <c r="H5629" s="40">
        <v>93.666667000000018</v>
      </c>
      <c r="I5629" s="40">
        <v>17.553348688207489</v>
      </c>
      <c r="J5629" s="40">
        <v>93.666632922619698</v>
      </c>
      <c r="K5629" s="40">
        <v>12.929458262547385</v>
      </c>
      <c r="L5629" s="40"/>
      <c r="M5629" s="40"/>
      <c r="N5629" s="40"/>
    </row>
    <row r="5630" spans="4:14" x14ac:dyDescent="0.25">
      <c r="D5630" s="40">
        <v>93.696253000004134</v>
      </c>
      <c r="E5630" s="40">
        <v>20.756296523894001</v>
      </c>
      <c r="F5630" s="40">
        <v>93.683333000000005</v>
      </c>
      <c r="G5630" s="40">
        <v>20.586710407453086</v>
      </c>
      <c r="H5630" s="40">
        <v>93.683334000000002</v>
      </c>
      <c r="I5630" s="40">
        <v>17.553348688207489</v>
      </c>
      <c r="J5630" s="40">
        <v>93.683299583334005</v>
      </c>
      <c r="K5630" s="40">
        <v>12.929458262547385</v>
      </c>
      <c r="L5630" s="40"/>
      <c r="M5630" s="40"/>
      <c r="N5630" s="40"/>
    </row>
    <row r="5631" spans="4:14" x14ac:dyDescent="0.25">
      <c r="D5631" s="40">
        <v>93.712919000004135</v>
      </c>
      <c r="E5631" s="40">
        <v>20.756296523894001</v>
      </c>
      <c r="F5631" s="40">
        <v>93.699999999999989</v>
      </c>
      <c r="G5631" s="40">
        <v>20.591325791422985</v>
      </c>
      <c r="H5631" s="40">
        <v>93.700000000000017</v>
      </c>
      <c r="I5631" s="40">
        <v>17.556701424350742</v>
      </c>
      <c r="J5631" s="40">
        <v>93.699966244048298</v>
      </c>
      <c r="K5631" s="40">
        <v>12.929458262547385</v>
      </c>
      <c r="L5631" s="40"/>
      <c r="M5631" s="40"/>
      <c r="N5631" s="40"/>
    </row>
    <row r="5632" spans="4:14" x14ac:dyDescent="0.25">
      <c r="D5632" s="40">
        <v>93.729585000004136</v>
      </c>
      <c r="E5632" s="40">
        <v>20.756296523894001</v>
      </c>
      <c r="F5632" s="40">
        <v>93.716667000000001</v>
      </c>
      <c r="G5632" s="40">
        <v>20.591325791422985</v>
      </c>
      <c r="H5632" s="40">
        <v>93.716667000000001</v>
      </c>
      <c r="I5632" s="40">
        <v>17.556701424350742</v>
      </c>
      <c r="J5632" s="40">
        <v>93.716632904762605</v>
      </c>
      <c r="K5632" s="40">
        <v>12.929458262547385</v>
      </c>
      <c r="L5632" s="40"/>
      <c r="M5632" s="40"/>
      <c r="N5632" s="40"/>
    </row>
    <row r="5633" spans="4:14" x14ac:dyDescent="0.25">
      <c r="D5633" s="40">
        <v>93.746251000004136</v>
      </c>
      <c r="E5633" s="40">
        <v>20.756296523894001</v>
      </c>
      <c r="F5633" s="40">
        <v>93.733332999999988</v>
      </c>
      <c r="G5633" s="40">
        <v>20.591325791422985</v>
      </c>
      <c r="H5633" s="40">
        <v>93.733334000000013</v>
      </c>
      <c r="I5633" s="40">
        <v>17.559955550607505</v>
      </c>
      <c r="J5633" s="40">
        <v>93.733299565476898</v>
      </c>
      <c r="K5633" s="40">
        <v>12.929458262547385</v>
      </c>
      <c r="L5633" s="40"/>
      <c r="M5633" s="40"/>
      <c r="N5633" s="40"/>
    </row>
    <row r="5634" spans="4:14" x14ac:dyDescent="0.25">
      <c r="D5634" s="40">
        <v>93.762917000004137</v>
      </c>
      <c r="E5634" s="40">
        <v>20.756296523894001</v>
      </c>
      <c r="F5634" s="40">
        <v>93.75</v>
      </c>
      <c r="G5634" s="40">
        <v>20.591325791422985</v>
      </c>
      <c r="H5634" s="40">
        <v>93.75</v>
      </c>
      <c r="I5634" s="40">
        <v>17.563308286750765</v>
      </c>
      <c r="J5634" s="40">
        <v>93.749966226191205</v>
      </c>
      <c r="K5634" s="40">
        <v>12.934309306256489</v>
      </c>
      <c r="L5634" s="40"/>
      <c r="M5634" s="40"/>
      <c r="N5634" s="40"/>
    </row>
    <row r="5635" spans="4:14" x14ac:dyDescent="0.25">
      <c r="D5635" s="40">
        <v>93.779583000004138</v>
      </c>
      <c r="E5635" s="40">
        <v>20.756296523894001</v>
      </c>
      <c r="F5635" s="40">
        <v>93.766666999999984</v>
      </c>
      <c r="G5635" s="40">
        <v>20.596081035513205</v>
      </c>
      <c r="H5635" s="40">
        <v>93.766667000000012</v>
      </c>
      <c r="I5635" s="40">
        <v>17.563308286750765</v>
      </c>
      <c r="J5635" s="40">
        <v>93.766632886905498</v>
      </c>
      <c r="K5635" s="40">
        <v>12.934309306256489</v>
      </c>
      <c r="L5635" s="40"/>
      <c r="M5635" s="40"/>
      <c r="N5635" s="40"/>
    </row>
    <row r="5636" spans="4:14" x14ac:dyDescent="0.25">
      <c r="D5636" s="40">
        <v>93.796249000004138</v>
      </c>
      <c r="E5636" s="40">
        <v>20.756296523894001</v>
      </c>
      <c r="F5636" s="40">
        <v>93.783332999999999</v>
      </c>
      <c r="G5636" s="40">
        <v>20.596081035513205</v>
      </c>
      <c r="H5636" s="40">
        <v>93.783333999999996</v>
      </c>
      <c r="I5636" s="40">
        <v>17.566661022894195</v>
      </c>
      <c r="J5636" s="40">
        <v>93.783299547619805</v>
      </c>
      <c r="K5636" s="40">
        <v>12.934309306256489</v>
      </c>
      <c r="L5636" s="40"/>
      <c r="M5636" s="40"/>
      <c r="N5636" s="40"/>
    </row>
    <row r="5637" spans="4:14" x14ac:dyDescent="0.25">
      <c r="D5637" s="40">
        <v>93.812915000004139</v>
      </c>
      <c r="E5637" s="40">
        <v>20.756296523894001</v>
      </c>
      <c r="F5637" s="40">
        <v>93.799999999999983</v>
      </c>
      <c r="G5637" s="40">
        <v>20.596081035513205</v>
      </c>
      <c r="H5637" s="40">
        <v>93.800000000000011</v>
      </c>
      <c r="I5637" s="40">
        <v>17.569915149150784</v>
      </c>
      <c r="J5637" s="40">
        <v>93.799966208333998</v>
      </c>
      <c r="K5637" s="40">
        <v>12.934309306256489</v>
      </c>
      <c r="L5637" s="40"/>
      <c r="M5637" s="40"/>
      <c r="N5637" s="40"/>
    </row>
    <row r="5638" spans="4:14" x14ac:dyDescent="0.25">
      <c r="D5638" s="40">
        <v>93.82958100000414</v>
      </c>
      <c r="E5638" s="40">
        <v>20.761139702483547</v>
      </c>
      <c r="F5638" s="40">
        <v>93.816666999999995</v>
      </c>
      <c r="G5638" s="40">
        <v>20.596081035513205</v>
      </c>
      <c r="H5638" s="40">
        <v>93.816666999999995</v>
      </c>
      <c r="I5638" s="40">
        <v>17.569915149150784</v>
      </c>
      <c r="J5638" s="40">
        <v>93.816632869048306</v>
      </c>
      <c r="K5638" s="40">
        <v>12.934309306256489</v>
      </c>
      <c r="L5638" s="40"/>
      <c r="M5638" s="40"/>
      <c r="N5638" s="40"/>
    </row>
    <row r="5639" spans="4:14" x14ac:dyDescent="0.25">
      <c r="D5639" s="40">
        <v>93.846247000004141</v>
      </c>
      <c r="E5639" s="40">
        <v>20.761139702483547</v>
      </c>
      <c r="F5639" s="40">
        <v>93.833332999999982</v>
      </c>
      <c r="G5639" s="40">
        <v>20.596081035513205</v>
      </c>
      <c r="H5639" s="40">
        <v>93.833334000000008</v>
      </c>
      <c r="I5639" s="40">
        <v>17.573267885294218</v>
      </c>
      <c r="J5639" s="40">
        <v>93.833299529762598</v>
      </c>
      <c r="K5639" s="40">
        <v>12.934309306256489</v>
      </c>
      <c r="L5639" s="40"/>
      <c r="M5639" s="40"/>
      <c r="N5639" s="40"/>
    </row>
    <row r="5640" spans="4:14" x14ac:dyDescent="0.25">
      <c r="D5640" s="40">
        <v>93.862913000004141</v>
      </c>
      <c r="E5640" s="40">
        <v>20.761139702483547</v>
      </c>
      <c r="F5640" s="40">
        <v>93.85</v>
      </c>
      <c r="G5640" s="40">
        <v>20.596081035513205</v>
      </c>
      <c r="H5640" s="40">
        <v>93.85</v>
      </c>
      <c r="I5640" s="40">
        <v>17.576620621437471</v>
      </c>
      <c r="J5640" s="40">
        <v>93.849966190476906</v>
      </c>
      <c r="K5640" s="40">
        <v>12.939017672209548</v>
      </c>
      <c r="L5640" s="40"/>
      <c r="M5640" s="40"/>
      <c r="N5640" s="40"/>
    </row>
    <row r="5641" spans="4:14" x14ac:dyDescent="0.25">
      <c r="D5641" s="40">
        <v>93.879579000004142</v>
      </c>
      <c r="E5641" s="40">
        <v>20.761139702483547</v>
      </c>
      <c r="F5641" s="40">
        <v>93.866667000000007</v>
      </c>
      <c r="G5641" s="40">
        <v>20.596081035513205</v>
      </c>
      <c r="H5641" s="40">
        <v>93.866667000000007</v>
      </c>
      <c r="I5641" s="40">
        <v>17.576620621437471</v>
      </c>
      <c r="J5641" s="40">
        <v>93.866632851191198</v>
      </c>
      <c r="K5641" s="40">
        <v>12.939017672209548</v>
      </c>
      <c r="L5641" s="40"/>
      <c r="M5641" s="40"/>
      <c r="N5641" s="40"/>
    </row>
    <row r="5642" spans="4:14" x14ac:dyDescent="0.25">
      <c r="D5642" s="40">
        <v>93.896245000004143</v>
      </c>
      <c r="E5642" s="40">
        <v>20.765840434643845</v>
      </c>
      <c r="F5642" s="40">
        <v>93.883332999999993</v>
      </c>
      <c r="G5642" s="40">
        <v>20.596081035513205</v>
      </c>
      <c r="H5642" s="40">
        <v>93.883334000000019</v>
      </c>
      <c r="I5642" s="40">
        <v>17.579874747694234</v>
      </c>
      <c r="J5642" s="40">
        <v>93.883299511905506</v>
      </c>
      <c r="K5642" s="40">
        <v>12.943868715918782</v>
      </c>
      <c r="L5642" s="40"/>
      <c r="M5642" s="40"/>
      <c r="N5642" s="40"/>
    </row>
    <row r="5643" spans="4:14" x14ac:dyDescent="0.25">
      <c r="D5643" s="40">
        <v>93.912911000004144</v>
      </c>
      <c r="E5643" s="40">
        <v>20.765840434643845</v>
      </c>
      <c r="F5643" s="40">
        <v>93.9</v>
      </c>
      <c r="G5643" s="40">
        <v>20.596081035513205</v>
      </c>
      <c r="H5643" s="40">
        <v>93.9</v>
      </c>
      <c r="I5643" s="40">
        <v>17.579874747694234</v>
      </c>
      <c r="J5643" s="40">
        <v>93.899966172619798</v>
      </c>
      <c r="K5643" s="40">
        <v>12.943868715918782</v>
      </c>
      <c r="L5643" s="40"/>
      <c r="M5643" s="40"/>
      <c r="N5643" s="40"/>
    </row>
    <row r="5644" spans="4:14" x14ac:dyDescent="0.25">
      <c r="D5644" s="40">
        <v>93.929577000004144</v>
      </c>
      <c r="E5644" s="40">
        <v>20.765840434643845</v>
      </c>
      <c r="F5644" s="40">
        <v>93.91666699999999</v>
      </c>
      <c r="G5644" s="40">
        <v>20.596081035513205</v>
      </c>
      <c r="H5644" s="40">
        <v>93.916667000000018</v>
      </c>
      <c r="I5644" s="40">
        <v>17.579874747694234</v>
      </c>
      <c r="J5644" s="40">
        <v>93.916632833334006</v>
      </c>
      <c r="K5644" s="40">
        <v>12.943868715918782</v>
      </c>
      <c r="L5644" s="40"/>
      <c r="M5644" s="40"/>
      <c r="N5644" s="40"/>
    </row>
    <row r="5645" spans="4:14" x14ac:dyDescent="0.25">
      <c r="D5645" s="40">
        <v>93.946243000004145</v>
      </c>
      <c r="E5645" s="40">
        <v>20.765840434643845</v>
      </c>
      <c r="F5645" s="40">
        <v>93.933333000000005</v>
      </c>
      <c r="G5645" s="40">
        <v>20.600836279603424</v>
      </c>
      <c r="H5645" s="40">
        <v>93.933334000000002</v>
      </c>
      <c r="I5645" s="40">
        <v>17.583227483837494</v>
      </c>
      <c r="J5645" s="40">
        <v>93.933299494048299</v>
      </c>
      <c r="K5645" s="40">
        <v>12.943868715918782</v>
      </c>
      <c r="L5645" s="40"/>
      <c r="M5645" s="40"/>
      <c r="N5645" s="40"/>
    </row>
    <row r="5646" spans="4:14" x14ac:dyDescent="0.25">
      <c r="D5646" s="40">
        <v>93.962909000004146</v>
      </c>
      <c r="E5646" s="40">
        <v>20.765840434643845</v>
      </c>
      <c r="F5646" s="40">
        <v>93.949999999999989</v>
      </c>
      <c r="G5646" s="40">
        <v>20.600836279603424</v>
      </c>
      <c r="H5646" s="40">
        <v>93.950000000000017</v>
      </c>
      <c r="I5646" s="40">
        <v>17.583227483837494</v>
      </c>
      <c r="J5646" s="40">
        <v>93.949966154762606</v>
      </c>
      <c r="K5646" s="40">
        <v>12.943868715918782</v>
      </c>
      <c r="L5646" s="40"/>
      <c r="M5646" s="40"/>
      <c r="N5646" s="40"/>
    </row>
    <row r="5647" spans="4:14" x14ac:dyDescent="0.25">
      <c r="D5647" s="40">
        <v>93.979575000004147</v>
      </c>
      <c r="E5647" s="40">
        <v>20.765840434643845</v>
      </c>
      <c r="F5647" s="40">
        <v>93.966667000000001</v>
      </c>
      <c r="G5647" s="40">
        <v>20.600836279603424</v>
      </c>
      <c r="H5647" s="40">
        <v>93.966667000000001</v>
      </c>
      <c r="I5647" s="40">
        <v>17.586580219980927</v>
      </c>
      <c r="J5647" s="40">
        <v>93.966632815476899</v>
      </c>
      <c r="K5647" s="40">
        <v>12.948719759627888</v>
      </c>
      <c r="L5647" s="40"/>
      <c r="M5647" s="40"/>
      <c r="N5647" s="40"/>
    </row>
    <row r="5648" spans="4:14" x14ac:dyDescent="0.25">
      <c r="D5648" s="40">
        <v>93.996241000004147</v>
      </c>
      <c r="E5648" s="40">
        <v>20.770683613233395</v>
      </c>
      <c r="F5648" s="40">
        <v>93.983332999999988</v>
      </c>
      <c r="G5648" s="40">
        <v>20.600836279603424</v>
      </c>
      <c r="H5648" s="40">
        <v>93.983334000000013</v>
      </c>
      <c r="I5648" s="40">
        <v>17.586580219980927</v>
      </c>
      <c r="J5648" s="40">
        <v>93.983299476191206</v>
      </c>
      <c r="K5648" s="40">
        <v>12.948719759627888</v>
      </c>
      <c r="L5648" s="40"/>
      <c r="M5648" s="40"/>
      <c r="N5648" s="40"/>
    </row>
    <row r="5649" spans="4:14" x14ac:dyDescent="0.25">
      <c r="D5649" s="40">
        <v>94.012907000004148</v>
      </c>
      <c r="E5649" s="40">
        <v>20.765840434643845</v>
      </c>
      <c r="F5649" s="40">
        <v>94</v>
      </c>
      <c r="G5649" s="40">
        <v>20.600836279603424</v>
      </c>
      <c r="H5649" s="40">
        <v>94</v>
      </c>
      <c r="I5649" s="40">
        <v>17.589834346237691</v>
      </c>
      <c r="J5649" s="40">
        <v>93.999966136905499</v>
      </c>
      <c r="K5649" s="40">
        <v>12.948719759627888</v>
      </c>
      <c r="L5649" s="40"/>
      <c r="M5649" s="40"/>
      <c r="N5649" s="40"/>
    </row>
    <row r="5650" spans="4:14" x14ac:dyDescent="0.25">
      <c r="D5650" s="40">
        <v>94.029573000004149</v>
      </c>
      <c r="E5650" s="40">
        <v>20.765840434643845</v>
      </c>
      <c r="F5650" s="40">
        <v>94.016666999999984</v>
      </c>
      <c r="G5650" s="40">
        <v>20.600836279603424</v>
      </c>
      <c r="H5650" s="40">
        <v>94.016667000000012</v>
      </c>
      <c r="I5650" s="40">
        <v>17.589834346237691</v>
      </c>
      <c r="J5650" s="40">
        <v>94.016632797619806</v>
      </c>
      <c r="K5650" s="40">
        <v>12.948719759627888</v>
      </c>
      <c r="L5650" s="40"/>
      <c r="M5650" s="40"/>
      <c r="N5650" s="40"/>
    </row>
    <row r="5651" spans="4:14" x14ac:dyDescent="0.25">
      <c r="D5651" s="40">
        <v>94.046239000004149</v>
      </c>
      <c r="E5651" s="40">
        <v>20.765840434643845</v>
      </c>
      <c r="F5651" s="40">
        <v>94.033332999999999</v>
      </c>
      <c r="G5651" s="40">
        <v>20.605451663573199</v>
      </c>
      <c r="H5651" s="40">
        <v>94.033333999999996</v>
      </c>
      <c r="I5651" s="40">
        <v>17.593187082380947</v>
      </c>
      <c r="J5651" s="40">
        <v>94.033299458334</v>
      </c>
      <c r="K5651" s="40">
        <v>12.948719759627888</v>
      </c>
      <c r="L5651" s="40"/>
      <c r="M5651" s="40"/>
      <c r="N5651" s="40"/>
    </row>
    <row r="5652" spans="4:14" x14ac:dyDescent="0.25">
      <c r="D5652" s="40">
        <v>94.06290500000415</v>
      </c>
      <c r="E5652" s="40">
        <v>20.765840434643845</v>
      </c>
      <c r="F5652" s="40">
        <v>94.049999999999983</v>
      </c>
      <c r="G5652" s="40">
        <v>20.605451663573199</v>
      </c>
      <c r="H5652" s="40">
        <v>94.050000000000011</v>
      </c>
      <c r="I5652" s="40">
        <v>17.596539818524203</v>
      </c>
      <c r="J5652" s="40">
        <v>94.049966119048307</v>
      </c>
      <c r="K5652" s="40">
        <v>12.948719759627888</v>
      </c>
      <c r="L5652" s="40"/>
      <c r="M5652" s="40"/>
      <c r="N5652" s="40"/>
    </row>
    <row r="5653" spans="4:14" x14ac:dyDescent="0.25">
      <c r="D5653" s="40">
        <v>94.079571000004151</v>
      </c>
      <c r="E5653" s="40">
        <v>20.765840434643845</v>
      </c>
      <c r="F5653" s="40">
        <v>94.066666999999995</v>
      </c>
      <c r="G5653" s="40">
        <v>20.605451663573199</v>
      </c>
      <c r="H5653" s="40">
        <v>94.066666999999995</v>
      </c>
      <c r="I5653" s="40">
        <v>17.599793944780966</v>
      </c>
      <c r="J5653" s="40">
        <v>94.0666327797626</v>
      </c>
      <c r="K5653" s="40">
        <v>12.948719759627888</v>
      </c>
      <c r="L5653" s="40"/>
      <c r="M5653" s="40"/>
      <c r="N5653" s="40"/>
    </row>
    <row r="5654" spans="4:14" x14ac:dyDescent="0.25">
      <c r="D5654" s="40">
        <v>94.096237000004152</v>
      </c>
      <c r="E5654" s="40">
        <v>20.765840434643845</v>
      </c>
      <c r="F5654" s="40">
        <v>94.083332999999982</v>
      </c>
      <c r="G5654" s="40">
        <v>20.610206907663418</v>
      </c>
      <c r="H5654" s="40">
        <v>94.083334000000008</v>
      </c>
      <c r="I5654" s="40">
        <v>17.599793944780966</v>
      </c>
      <c r="J5654" s="40">
        <v>94.083299440476907</v>
      </c>
      <c r="K5654" s="40">
        <v>12.953428125580947</v>
      </c>
      <c r="L5654" s="40"/>
      <c r="M5654" s="40"/>
      <c r="N5654" s="40"/>
    </row>
    <row r="5655" spans="4:14" x14ac:dyDescent="0.25">
      <c r="D5655" s="40">
        <v>94.112903000004152</v>
      </c>
      <c r="E5655" s="40">
        <v>20.765840434643845</v>
      </c>
      <c r="F5655" s="40">
        <v>94.1</v>
      </c>
      <c r="G5655" s="40">
        <v>20.610206907663418</v>
      </c>
      <c r="H5655" s="40">
        <v>94.1</v>
      </c>
      <c r="I5655" s="40">
        <v>17.603146680924223</v>
      </c>
      <c r="J5655" s="40">
        <v>94.0999661011912</v>
      </c>
      <c r="K5655" s="40">
        <v>12.953428125580947</v>
      </c>
      <c r="L5655" s="40"/>
      <c r="M5655" s="40"/>
      <c r="N5655" s="40"/>
    </row>
    <row r="5656" spans="4:14" x14ac:dyDescent="0.25">
      <c r="D5656" s="40">
        <v>94.129569000004153</v>
      </c>
      <c r="E5656" s="40">
        <v>20.765840434643845</v>
      </c>
      <c r="F5656" s="40">
        <v>94.116667000000007</v>
      </c>
      <c r="G5656" s="40">
        <v>20.610206907663418</v>
      </c>
      <c r="H5656" s="40">
        <v>94.116667000000007</v>
      </c>
      <c r="I5656" s="40">
        <v>17.606499417067656</v>
      </c>
      <c r="J5656" s="40">
        <v>94.116632761905507</v>
      </c>
      <c r="K5656" s="40">
        <v>12.953428125580947</v>
      </c>
      <c r="L5656" s="40"/>
      <c r="M5656" s="40"/>
      <c r="N5656" s="40"/>
    </row>
    <row r="5657" spans="4:14" x14ac:dyDescent="0.25">
      <c r="D5657" s="40">
        <v>94.146235000004154</v>
      </c>
      <c r="E5657" s="40">
        <v>20.765840434643845</v>
      </c>
      <c r="F5657" s="40">
        <v>94.133332999999993</v>
      </c>
      <c r="G5657" s="40">
        <v>20.610206907663418</v>
      </c>
      <c r="H5657" s="40">
        <v>94.133334000000019</v>
      </c>
      <c r="I5657" s="40">
        <v>17.606499417067656</v>
      </c>
      <c r="J5657" s="40">
        <v>94.1332994226198</v>
      </c>
      <c r="K5657" s="40">
        <v>12.958279169290179</v>
      </c>
      <c r="L5657" s="40"/>
      <c r="M5657" s="40"/>
      <c r="N5657" s="40"/>
    </row>
    <row r="5658" spans="4:14" x14ac:dyDescent="0.25">
      <c r="D5658" s="40">
        <v>94.162901000004155</v>
      </c>
      <c r="E5658" s="40">
        <v>20.761139702483547</v>
      </c>
      <c r="F5658" s="40">
        <v>94.15</v>
      </c>
      <c r="G5658" s="40">
        <v>20.610206907663418</v>
      </c>
      <c r="H5658" s="40">
        <v>94.15</v>
      </c>
      <c r="I5658" s="40">
        <v>17.60975354332442</v>
      </c>
      <c r="J5658" s="40">
        <v>94.149966083333993</v>
      </c>
      <c r="K5658" s="40">
        <v>12.958279169290179</v>
      </c>
      <c r="L5658" s="40"/>
      <c r="M5658" s="40"/>
      <c r="N5658" s="40"/>
    </row>
    <row r="5659" spans="4:14" x14ac:dyDescent="0.25">
      <c r="D5659" s="40">
        <v>94.179567000004155</v>
      </c>
      <c r="E5659" s="40">
        <v>20.761139702483547</v>
      </c>
      <c r="F5659" s="40">
        <v>94.16666699999999</v>
      </c>
      <c r="G5659" s="40">
        <v>20.610206907663418</v>
      </c>
      <c r="H5659" s="40">
        <v>94.166667000000018</v>
      </c>
      <c r="I5659" s="40">
        <v>17.613106279467676</v>
      </c>
      <c r="J5659" s="40">
        <v>94.1666327440483</v>
      </c>
      <c r="K5659" s="40">
        <v>12.958279169290179</v>
      </c>
      <c r="L5659" s="40"/>
      <c r="M5659" s="40"/>
      <c r="N5659" s="40"/>
    </row>
    <row r="5660" spans="4:14" x14ac:dyDescent="0.25">
      <c r="D5660" s="40">
        <v>94.196233000004156</v>
      </c>
      <c r="E5660" s="40">
        <v>20.761139702483547</v>
      </c>
      <c r="F5660" s="40">
        <v>94.183333000000005</v>
      </c>
      <c r="G5660" s="40">
        <v>20.610206907663418</v>
      </c>
      <c r="H5660" s="40">
        <v>94.183334000000002</v>
      </c>
      <c r="I5660" s="40">
        <v>17.613106279467676</v>
      </c>
      <c r="J5660" s="40">
        <v>94.183299404762593</v>
      </c>
      <c r="K5660" s="40">
        <v>12.958279169290179</v>
      </c>
      <c r="L5660" s="40"/>
      <c r="M5660" s="40"/>
      <c r="N5660" s="40"/>
    </row>
    <row r="5661" spans="4:14" x14ac:dyDescent="0.25">
      <c r="D5661" s="40">
        <v>94.212899000004157</v>
      </c>
      <c r="E5661" s="40">
        <v>20.761139702483547</v>
      </c>
      <c r="F5661" s="40">
        <v>94.199999999999989</v>
      </c>
      <c r="G5661" s="40">
        <v>20.610206907663418</v>
      </c>
      <c r="H5661" s="40">
        <v>94.200000000000017</v>
      </c>
      <c r="I5661" s="40">
        <v>17.616459015610932</v>
      </c>
      <c r="J5661" s="40">
        <v>94.1999660654769</v>
      </c>
      <c r="K5661" s="40">
        <v>12.958279169290179</v>
      </c>
      <c r="L5661" s="40"/>
      <c r="M5661" s="40"/>
      <c r="N5661" s="40"/>
    </row>
    <row r="5662" spans="4:14" x14ac:dyDescent="0.25">
      <c r="D5662" s="40">
        <v>94.229565000004158</v>
      </c>
      <c r="E5662" s="40">
        <v>20.756296523894001</v>
      </c>
      <c r="F5662" s="40">
        <v>94.216667000000001</v>
      </c>
      <c r="G5662" s="40">
        <v>20.610206907663418</v>
      </c>
      <c r="H5662" s="40">
        <v>94.216667000000001</v>
      </c>
      <c r="I5662" s="40">
        <v>17.616459015610932</v>
      </c>
      <c r="J5662" s="40">
        <v>94.216632726191193</v>
      </c>
      <c r="K5662" s="40">
        <v>12.958279169290179</v>
      </c>
      <c r="L5662" s="40"/>
      <c r="M5662" s="40"/>
      <c r="N5662" s="40"/>
    </row>
    <row r="5663" spans="4:14" x14ac:dyDescent="0.25">
      <c r="D5663" s="40">
        <v>94.246231000004158</v>
      </c>
      <c r="E5663" s="40">
        <v>20.756296523894001</v>
      </c>
      <c r="F5663" s="40">
        <v>94.233332999999988</v>
      </c>
      <c r="G5663" s="40">
        <v>20.614962151753637</v>
      </c>
      <c r="H5663" s="40">
        <v>94.233334000000013</v>
      </c>
      <c r="I5663" s="40">
        <v>17.619713141867695</v>
      </c>
      <c r="J5663" s="40">
        <v>94.2332993869055</v>
      </c>
      <c r="K5663" s="40">
        <v>12.958279169290179</v>
      </c>
      <c r="L5663" s="40"/>
      <c r="M5663" s="40"/>
      <c r="N5663" s="40"/>
    </row>
    <row r="5664" spans="4:14" x14ac:dyDescent="0.25">
      <c r="D5664" s="40">
        <v>94.262897000004159</v>
      </c>
      <c r="E5664" s="40">
        <v>20.756296523894001</v>
      </c>
      <c r="F5664" s="40">
        <v>94.25</v>
      </c>
      <c r="G5664" s="40">
        <v>20.614962151753637</v>
      </c>
      <c r="H5664" s="40">
        <v>94.25</v>
      </c>
      <c r="I5664" s="40">
        <v>17.623065878011129</v>
      </c>
      <c r="J5664" s="40">
        <v>94.249966047619793</v>
      </c>
      <c r="K5664" s="40">
        <v>12.958279169290179</v>
      </c>
      <c r="L5664" s="40"/>
      <c r="M5664" s="40"/>
      <c r="N5664" s="40"/>
    </row>
    <row r="5665" spans="4:14" x14ac:dyDescent="0.25">
      <c r="D5665" s="40">
        <v>94.27956300000416</v>
      </c>
      <c r="E5665" s="40">
        <v>20.756296523894001</v>
      </c>
      <c r="F5665" s="40">
        <v>94.266666999999984</v>
      </c>
      <c r="G5665" s="40">
        <v>20.614962151753637</v>
      </c>
      <c r="H5665" s="40">
        <v>94.266667000000012</v>
      </c>
      <c r="I5665" s="40">
        <v>17.623065878011129</v>
      </c>
      <c r="J5665" s="40">
        <v>94.266632708334001</v>
      </c>
      <c r="K5665" s="40">
        <v>12.958279169290179</v>
      </c>
      <c r="L5665" s="40"/>
      <c r="M5665" s="40"/>
      <c r="N5665" s="40"/>
    </row>
    <row r="5666" spans="4:14" x14ac:dyDescent="0.25">
      <c r="D5666" s="40">
        <v>94.296229000004161</v>
      </c>
      <c r="E5666" s="40">
        <v>20.756296523894001</v>
      </c>
      <c r="F5666" s="40">
        <v>94.283332999999999</v>
      </c>
      <c r="G5666" s="40">
        <v>20.614962151753637</v>
      </c>
      <c r="H5666" s="40">
        <v>94.283333999999996</v>
      </c>
      <c r="I5666" s="40">
        <v>17.626418614154385</v>
      </c>
      <c r="J5666" s="40">
        <v>94.283299369048294</v>
      </c>
      <c r="K5666" s="40">
        <v>12.958279169290179</v>
      </c>
      <c r="L5666" s="40"/>
      <c r="M5666" s="40"/>
      <c r="N5666" s="40"/>
    </row>
    <row r="5667" spans="4:14" x14ac:dyDescent="0.25">
      <c r="D5667" s="40">
        <v>94.312895000004161</v>
      </c>
      <c r="E5667" s="40">
        <v>20.751453345304451</v>
      </c>
      <c r="F5667" s="40">
        <v>94.299999999999983</v>
      </c>
      <c r="G5667" s="40">
        <v>20.614962151753637</v>
      </c>
      <c r="H5667" s="40">
        <v>94.300000000000011</v>
      </c>
      <c r="I5667" s="40">
        <v>17.629672740411149</v>
      </c>
      <c r="J5667" s="40">
        <v>94.299966029762601</v>
      </c>
      <c r="K5667" s="40">
        <v>12.958279169290179</v>
      </c>
      <c r="L5667" s="40"/>
      <c r="M5667" s="40"/>
      <c r="N5667" s="40"/>
    </row>
    <row r="5668" spans="4:14" x14ac:dyDescent="0.25">
      <c r="D5668" s="40">
        <v>94.329561000004162</v>
      </c>
      <c r="E5668" s="40">
        <v>20.751453345304451</v>
      </c>
      <c r="F5668" s="40">
        <v>94.316666999999995</v>
      </c>
      <c r="G5668" s="40">
        <v>20.619577535723415</v>
      </c>
      <c r="H5668" s="40">
        <v>94.316666999999995</v>
      </c>
      <c r="I5668" s="40">
        <v>17.629672740411149</v>
      </c>
      <c r="J5668" s="40">
        <v>94.316632690476894</v>
      </c>
      <c r="K5668" s="40">
        <v>12.958279169290179</v>
      </c>
      <c r="L5668" s="40"/>
      <c r="M5668" s="40"/>
      <c r="N5668" s="40"/>
    </row>
    <row r="5669" spans="4:14" x14ac:dyDescent="0.25">
      <c r="D5669" s="40">
        <v>94.346227000004163</v>
      </c>
      <c r="E5669" s="40">
        <v>20.751453345304451</v>
      </c>
      <c r="F5669" s="40">
        <v>94.333332999999982</v>
      </c>
      <c r="G5669" s="40">
        <v>20.619577535723415</v>
      </c>
      <c r="H5669" s="40">
        <v>94.333334000000008</v>
      </c>
      <c r="I5669" s="40">
        <v>17.633025476554408</v>
      </c>
      <c r="J5669" s="40">
        <v>94.333299351191201</v>
      </c>
      <c r="K5669" s="40">
        <v>12.958279169290179</v>
      </c>
      <c r="L5669" s="40"/>
      <c r="M5669" s="40"/>
      <c r="N5669" s="40"/>
    </row>
    <row r="5670" spans="4:14" x14ac:dyDescent="0.25">
      <c r="D5670" s="40">
        <v>94.362893000004163</v>
      </c>
      <c r="E5670" s="40">
        <v>20.751453345304451</v>
      </c>
      <c r="F5670" s="40">
        <v>94.35</v>
      </c>
      <c r="G5670" s="40">
        <v>20.619577535723415</v>
      </c>
      <c r="H5670" s="40">
        <v>94.35</v>
      </c>
      <c r="I5670" s="40">
        <v>17.636378212697664</v>
      </c>
      <c r="J5670" s="40">
        <v>94.349966011905494</v>
      </c>
      <c r="K5670" s="40">
        <v>12.963130212999285</v>
      </c>
      <c r="L5670" s="40"/>
      <c r="M5670" s="40"/>
      <c r="N5670" s="40"/>
    </row>
    <row r="5671" spans="4:14" x14ac:dyDescent="0.25">
      <c r="D5671" s="40">
        <v>94.379559000004164</v>
      </c>
      <c r="E5671" s="40">
        <v>20.751453345304451</v>
      </c>
      <c r="F5671" s="40">
        <v>94.366667000000007</v>
      </c>
      <c r="G5671" s="40">
        <v>20.619577535723415</v>
      </c>
      <c r="H5671" s="40">
        <v>94.366667000000007</v>
      </c>
      <c r="I5671" s="40">
        <v>17.639632338954424</v>
      </c>
      <c r="J5671" s="40">
        <v>94.366632672619801</v>
      </c>
      <c r="K5671" s="40">
        <v>12.963130212999285</v>
      </c>
      <c r="L5671" s="40"/>
      <c r="M5671" s="40"/>
      <c r="N5671" s="40"/>
    </row>
    <row r="5672" spans="4:14" x14ac:dyDescent="0.25">
      <c r="D5672" s="40">
        <v>94.396225000004165</v>
      </c>
      <c r="E5672" s="40">
        <v>20.74661016671503</v>
      </c>
      <c r="F5672" s="40">
        <v>94.383332999999993</v>
      </c>
      <c r="G5672" s="40">
        <v>20.619577535723415</v>
      </c>
      <c r="H5672" s="40">
        <v>94.383334000000019</v>
      </c>
      <c r="I5672" s="40">
        <v>17.639632338954424</v>
      </c>
      <c r="J5672" s="40">
        <v>94.383299333333994</v>
      </c>
      <c r="K5672" s="40">
        <v>12.963130212999285</v>
      </c>
      <c r="L5672" s="40"/>
      <c r="M5672" s="40"/>
      <c r="N5672" s="40"/>
    </row>
    <row r="5673" spans="4:14" x14ac:dyDescent="0.25">
      <c r="D5673" s="40">
        <v>94.412891000004166</v>
      </c>
      <c r="E5673" s="40">
        <v>20.74661016671503</v>
      </c>
      <c r="F5673" s="40">
        <v>94.4</v>
      </c>
      <c r="G5673" s="40">
        <v>20.619577535723415</v>
      </c>
      <c r="H5673" s="40">
        <v>94.4</v>
      </c>
      <c r="I5673" s="40">
        <v>17.642985075097858</v>
      </c>
      <c r="J5673" s="40">
        <v>94.399965994048301</v>
      </c>
      <c r="K5673" s="40">
        <v>12.963130212999285</v>
      </c>
      <c r="L5673" s="40"/>
      <c r="M5673" s="40"/>
      <c r="N5673" s="40"/>
    </row>
    <row r="5674" spans="4:14" x14ac:dyDescent="0.25">
      <c r="D5674" s="40">
        <v>94.429557000004166</v>
      </c>
      <c r="E5674" s="40">
        <v>20.74661016671503</v>
      </c>
      <c r="F5674" s="40">
        <v>94.41666699999999</v>
      </c>
      <c r="G5674" s="40">
        <v>20.624332779813635</v>
      </c>
      <c r="H5674" s="40">
        <v>94.416667000000018</v>
      </c>
      <c r="I5674" s="40">
        <v>17.646337811241118</v>
      </c>
      <c r="J5674" s="40">
        <v>94.416632654762594</v>
      </c>
      <c r="K5674" s="40">
        <v>12.963130212999285</v>
      </c>
      <c r="L5674" s="40"/>
      <c r="M5674" s="40"/>
      <c r="N5674" s="40"/>
    </row>
    <row r="5675" spans="4:14" x14ac:dyDescent="0.25">
      <c r="D5675" s="40">
        <v>94.446223000004167</v>
      </c>
      <c r="E5675" s="40">
        <v>20.74661016671503</v>
      </c>
      <c r="F5675" s="40">
        <v>94.433333000000005</v>
      </c>
      <c r="G5675" s="40">
        <v>20.624332779813635</v>
      </c>
      <c r="H5675" s="40">
        <v>94.433334000000002</v>
      </c>
      <c r="I5675" s="40">
        <v>17.646337811241118</v>
      </c>
      <c r="J5675" s="40">
        <v>94.433299315476901</v>
      </c>
      <c r="K5675" s="40">
        <v>12.963130212999285</v>
      </c>
      <c r="L5675" s="40"/>
      <c r="M5675" s="40"/>
      <c r="N5675" s="40"/>
    </row>
    <row r="5676" spans="4:14" x14ac:dyDescent="0.25">
      <c r="D5676" s="40">
        <v>94.462889000004168</v>
      </c>
      <c r="E5676" s="40">
        <v>20.74661016671503</v>
      </c>
      <c r="F5676" s="40">
        <v>94.449999999999989</v>
      </c>
      <c r="G5676" s="40">
        <v>20.624332779813635</v>
      </c>
      <c r="H5676" s="40">
        <v>94.450000000000017</v>
      </c>
      <c r="I5676" s="40">
        <v>17.649591937497881</v>
      </c>
      <c r="J5676" s="40">
        <v>94.449965976191194</v>
      </c>
      <c r="K5676" s="40">
        <v>12.967838578952344</v>
      </c>
      <c r="L5676" s="40"/>
      <c r="M5676" s="40"/>
      <c r="N5676" s="40"/>
    </row>
    <row r="5677" spans="4:14" x14ac:dyDescent="0.25">
      <c r="D5677" s="40">
        <v>94.479555000004169</v>
      </c>
      <c r="E5677" s="40">
        <v>20.74661016671503</v>
      </c>
      <c r="F5677" s="40">
        <v>94.466667000000001</v>
      </c>
      <c r="G5677" s="40">
        <v>20.624332779813635</v>
      </c>
      <c r="H5677" s="40">
        <v>94.466667000000001</v>
      </c>
      <c r="I5677" s="40">
        <v>17.649591937497881</v>
      </c>
      <c r="J5677" s="40">
        <v>94.466632636905501</v>
      </c>
      <c r="K5677" s="40">
        <v>12.967838578952344</v>
      </c>
      <c r="L5677" s="40"/>
      <c r="M5677" s="40"/>
      <c r="N5677" s="40"/>
    </row>
    <row r="5678" spans="4:14" x14ac:dyDescent="0.25">
      <c r="D5678" s="40">
        <v>94.496221000004169</v>
      </c>
      <c r="E5678" s="40">
        <v>20.74661016671503</v>
      </c>
      <c r="F5678" s="40">
        <v>94.483332999999988</v>
      </c>
      <c r="G5678" s="40">
        <v>20.629088023903854</v>
      </c>
      <c r="H5678" s="40">
        <v>94.483334000000013</v>
      </c>
      <c r="I5678" s="40">
        <v>17.652944673641137</v>
      </c>
      <c r="J5678" s="40">
        <v>94.483299297619794</v>
      </c>
      <c r="K5678" s="40">
        <v>12.967838578952344</v>
      </c>
      <c r="L5678" s="40"/>
      <c r="M5678" s="40"/>
      <c r="N5678" s="40"/>
    </row>
    <row r="5679" spans="4:14" x14ac:dyDescent="0.25">
      <c r="D5679" s="40">
        <v>94.51288700000417</v>
      </c>
      <c r="E5679" s="40">
        <v>20.74661016671503</v>
      </c>
      <c r="F5679" s="40">
        <v>94.5</v>
      </c>
      <c r="G5679" s="40">
        <v>20.629088023903854</v>
      </c>
      <c r="H5679" s="40">
        <v>94.5</v>
      </c>
      <c r="I5679" s="40">
        <v>17.652944673641137</v>
      </c>
      <c r="J5679" s="40">
        <v>94.499965958334002</v>
      </c>
      <c r="K5679" s="40">
        <v>12.963130212999285</v>
      </c>
      <c r="L5679" s="40"/>
      <c r="M5679" s="40"/>
      <c r="N5679" s="40"/>
    </row>
    <row r="5680" spans="4:14" x14ac:dyDescent="0.25">
      <c r="D5680" s="40">
        <v>94.529553000004171</v>
      </c>
      <c r="E5680" s="40">
        <v>20.74661016671503</v>
      </c>
      <c r="F5680" s="40">
        <v>94.516666999999984</v>
      </c>
      <c r="G5680" s="40">
        <v>20.629088023903854</v>
      </c>
      <c r="H5680" s="40">
        <v>94.516667000000012</v>
      </c>
      <c r="I5680" s="40">
        <v>17.656297409784568</v>
      </c>
      <c r="J5680" s="40">
        <v>94.516632619048295</v>
      </c>
      <c r="K5680" s="40">
        <v>12.963130212999285</v>
      </c>
      <c r="L5680" s="40"/>
      <c r="M5680" s="40"/>
      <c r="N5680" s="40"/>
    </row>
    <row r="5681" spans="4:14" x14ac:dyDescent="0.25">
      <c r="D5681" s="40">
        <v>94.546219000004172</v>
      </c>
      <c r="E5681" s="40">
        <v>20.74661016671503</v>
      </c>
      <c r="F5681" s="40">
        <v>94.533332999999999</v>
      </c>
      <c r="G5681" s="40">
        <v>20.633703407873757</v>
      </c>
      <c r="H5681" s="40">
        <v>94.533333999999996</v>
      </c>
      <c r="I5681" s="40">
        <v>17.656297409784568</v>
      </c>
      <c r="J5681" s="40">
        <v>94.533299279762602</v>
      </c>
      <c r="K5681" s="40">
        <v>12.963130212999285</v>
      </c>
      <c r="L5681" s="40"/>
      <c r="M5681" s="40"/>
      <c r="N5681" s="40"/>
    </row>
    <row r="5682" spans="4:14" x14ac:dyDescent="0.25">
      <c r="D5682" s="40">
        <v>94.562885000004172</v>
      </c>
      <c r="E5682" s="40">
        <v>20.74661016671503</v>
      </c>
      <c r="F5682" s="40">
        <v>94.549999999999983</v>
      </c>
      <c r="G5682" s="40">
        <v>20.633703407873757</v>
      </c>
      <c r="H5682" s="40">
        <v>94.550000000000011</v>
      </c>
      <c r="I5682" s="40">
        <v>17.656297409784568</v>
      </c>
      <c r="J5682" s="40">
        <v>94.549965940476895</v>
      </c>
      <c r="K5682" s="40">
        <v>12.963130212999285</v>
      </c>
      <c r="L5682" s="40"/>
      <c r="M5682" s="40"/>
      <c r="N5682" s="40"/>
    </row>
    <row r="5683" spans="4:14" x14ac:dyDescent="0.25">
      <c r="D5683" s="40">
        <v>94.579551000004173</v>
      </c>
      <c r="E5683" s="40">
        <v>20.74661016671503</v>
      </c>
      <c r="F5683" s="40">
        <v>94.566666999999995</v>
      </c>
      <c r="G5683" s="40">
        <v>20.633703407873757</v>
      </c>
      <c r="H5683" s="40">
        <v>94.566666999999995</v>
      </c>
      <c r="I5683" s="40">
        <v>17.659650145927824</v>
      </c>
      <c r="J5683" s="40">
        <v>94.566632601191202</v>
      </c>
      <c r="K5683" s="40">
        <v>12.963130212999285</v>
      </c>
      <c r="L5683" s="40"/>
      <c r="M5683" s="40"/>
      <c r="N5683" s="40"/>
    </row>
    <row r="5684" spans="4:14" x14ac:dyDescent="0.25">
      <c r="D5684" s="40">
        <v>94.596217000004174</v>
      </c>
      <c r="E5684" s="40">
        <v>20.74661016671503</v>
      </c>
      <c r="F5684" s="40">
        <v>94.583332999999982</v>
      </c>
      <c r="G5684" s="40">
        <v>20.633703407873757</v>
      </c>
      <c r="H5684" s="40">
        <v>94.583334000000008</v>
      </c>
      <c r="I5684" s="40">
        <v>17.659650145927824</v>
      </c>
      <c r="J5684" s="40">
        <v>94.583299261905495</v>
      </c>
      <c r="K5684" s="40">
        <v>12.963130212999285</v>
      </c>
      <c r="L5684" s="40"/>
      <c r="M5684" s="40"/>
      <c r="N5684" s="40"/>
    </row>
    <row r="5685" spans="4:14" x14ac:dyDescent="0.25">
      <c r="D5685" s="40">
        <v>94.612883000004175</v>
      </c>
      <c r="E5685" s="40">
        <v>20.74661016671503</v>
      </c>
      <c r="F5685" s="40">
        <v>94.6</v>
      </c>
      <c r="G5685" s="40">
        <v>20.638458651963848</v>
      </c>
      <c r="H5685" s="40">
        <v>94.6</v>
      </c>
      <c r="I5685" s="40">
        <v>17.662904272184587</v>
      </c>
      <c r="J5685" s="40">
        <v>94.599965922619802</v>
      </c>
      <c r="K5685" s="40">
        <v>12.963130212999285</v>
      </c>
      <c r="L5685" s="40"/>
      <c r="M5685" s="40"/>
      <c r="N5685" s="40"/>
    </row>
    <row r="5686" spans="4:14" x14ac:dyDescent="0.25">
      <c r="D5686" s="40">
        <v>94.629549000004175</v>
      </c>
      <c r="E5686" s="40">
        <v>20.74661016671503</v>
      </c>
      <c r="F5686" s="40">
        <v>94.616667000000007</v>
      </c>
      <c r="G5686" s="40">
        <v>20.638458651963848</v>
      </c>
      <c r="H5686" s="40">
        <v>94.616667000000007</v>
      </c>
      <c r="I5686" s="40">
        <v>17.662904272184587</v>
      </c>
      <c r="J5686" s="40">
        <v>94.616632583333995</v>
      </c>
      <c r="K5686" s="40">
        <v>12.963130212999285</v>
      </c>
      <c r="L5686" s="40"/>
      <c r="M5686" s="40"/>
      <c r="N5686" s="40"/>
    </row>
    <row r="5687" spans="4:14" x14ac:dyDescent="0.25">
      <c r="D5687" s="40">
        <v>94.646215000004176</v>
      </c>
      <c r="E5687" s="40">
        <v>20.74661016671503</v>
      </c>
      <c r="F5687" s="40">
        <v>94.633332999999993</v>
      </c>
      <c r="G5687" s="40">
        <v>20.638458651963848</v>
      </c>
      <c r="H5687" s="40">
        <v>94.633334000000019</v>
      </c>
      <c r="I5687" s="40">
        <v>17.666257008327847</v>
      </c>
      <c r="J5687" s="40">
        <v>94.633299244048303</v>
      </c>
      <c r="K5687" s="40">
        <v>12.963130212999285</v>
      </c>
      <c r="L5687" s="40"/>
      <c r="M5687" s="40"/>
      <c r="N5687" s="40"/>
    </row>
    <row r="5688" spans="4:14" x14ac:dyDescent="0.25">
      <c r="D5688" s="40">
        <v>94.662881000004177</v>
      </c>
      <c r="E5688" s="40">
        <v>20.751453345304451</v>
      </c>
      <c r="F5688" s="40">
        <v>94.65</v>
      </c>
      <c r="G5688" s="40">
        <v>20.643213896054068</v>
      </c>
      <c r="H5688" s="40">
        <v>94.65</v>
      </c>
      <c r="I5688" s="40">
        <v>17.666257008327847</v>
      </c>
      <c r="J5688" s="40">
        <v>94.649965904762595</v>
      </c>
      <c r="K5688" s="40">
        <v>12.963130212999285</v>
      </c>
      <c r="L5688" s="40"/>
      <c r="M5688" s="40"/>
      <c r="N5688" s="40"/>
    </row>
    <row r="5689" spans="4:14" x14ac:dyDescent="0.25">
      <c r="D5689" s="40">
        <v>94.679547000004177</v>
      </c>
      <c r="E5689" s="40">
        <v>20.751453345304451</v>
      </c>
      <c r="F5689" s="40">
        <v>94.66666699999999</v>
      </c>
      <c r="G5689" s="40">
        <v>20.643213896054068</v>
      </c>
      <c r="H5689" s="40">
        <v>94.666667000000018</v>
      </c>
      <c r="I5689" s="40">
        <v>17.669609744471103</v>
      </c>
      <c r="J5689" s="40">
        <v>94.666632565476903</v>
      </c>
      <c r="K5689" s="40">
        <v>12.963130212999285</v>
      </c>
      <c r="L5689" s="40"/>
      <c r="M5689" s="40"/>
      <c r="N5689" s="40"/>
    </row>
    <row r="5690" spans="4:14" x14ac:dyDescent="0.25">
      <c r="D5690" s="40">
        <v>94.696213000004178</v>
      </c>
      <c r="E5690" s="40">
        <v>20.751453345304451</v>
      </c>
      <c r="F5690" s="40">
        <v>94.683333000000005</v>
      </c>
      <c r="G5690" s="40">
        <v>20.643213896054068</v>
      </c>
      <c r="H5690" s="40">
        <v>94.683334000000002</v>
      </c>
      <c r="I5690" s="40">
        <v>17.669609744471103</v>
      </c>
      <c r="J5690" s="40">
        <v>94.683299226191195</v>
      </c>
      <c r="K5690" s="40">
        <v>12.963130212999285</v>
      </c>
      <c r="L5690" s="40"/>
      <c r="M5690" s="40"/>
      <c r="N5690" s="40"/>
    </row>
    <row r="5691" spans="4:14" x14ac:dyDescent="0.25">
      <c r="D5691" s="40">
        <v>94.712879000004179</v>
      </c>
      <c r="E5691" s="40">
        <v>20.751453345304451</v>
      </c>
      <c r="F5691" s="40">
        <v>94.699999999999989</v>
      </c>
      <c r="G5691" s="40">
        <v>20.643213896054068</v>
      </c>
      <c r="H5691" s="40">
        <v>94.700000000000017</v>
      </c>
      <c r="I5691" s="40">
        <v>17.669609744471103</v>
      </c>
      <c r="J5691" s="40">
        <v>94.699965886905503</v>
      </c>
      <c r="K5691" s="40">
        <v>12.963130212999285</v>
      </c>
      <c r="L5691" s="40"/>
      <c r="M5691" s="40"/>
      <c r="N5691" s="40"/>
    </row>
    <row r="5692" spans="4:14" x14ac:dyDescent="0.25">
      <c r="D5692" s="40">
        <v>94.72954500000418</v>
      </c>
      <c r="E5692" s="40">
        <v>20.751453345304451</v>
      </c>
      <c r="F5692" s="40">
        <v>94.716667000000001</v>
      </c>
      <c r="G5692" s="40">
        <v>20.647969140144287</v>
      </c>
      <c r="H5692" s="40">
        <v>94.716667000000001</v>
      </c>
      <c r="I5692" s="40">
        <v>17.672863870727866</v>
      </c>
      <c r="J5692" s="40">
        <v>94.716632547619795</v>
      </c>
      <c r="K5692" s="40">
        <v>12.963130212999285</v>
      </c>
      <c r="L5692" s="40"/>
      <c r="M5692" s="40"/>
      <c r="N5692" s="40"/>
    </row>
    <row r="5693" spans="4:14" x14ac:dyDescent="0.25">
      <c r="D5693" s="40">
        <v>94.74621100000418</v>
      </c>
      <c r="E5693" s="40">
        <v>20.756296523894001</v>
      </c>
      <c r="F5693" s="40">
        <v>94.733332999999988</v>
      </c>
      <c r="G5693" s="40">
        <v>20.647969140144287</v>
      </c>
      <c r="H5693" s="40">
        <v>94.733334000000013</v>
      </c>
      <c r="I5693" s="40">
        <v>17.672863870727866</v>
      </c>
      <c r="J5693" s="40">
        <v>94.733299208334003</v>
      </c>
      <c r="K5693" s="40">
        <v>12.963130212999285</v>
      </c>
      <c r="L5693" s="40"/>
      <c r="M5693" s="40"/>
      <c r="N5693" s="40"/>
    </row>
    <row r="5694" spans="4:14" x14ac:dyDescent="0.25">
      <c r="D5694" s="40">
        <v>94.762877000004181</v>
      </c>
      <c r="E5694" s="40">
        <v>20.756296523894001</v>
      </c>
      <c r="F5694" s="40">
        <v>94.75</v>
      </c>
      <c r="G5694" s="40">
        <v>20.647969140144287</v>
      </c>
      <c r="H5694" s="40">
        <v>94.75</v>
      </c>
      <c r="I5694" s="40">
        <v>17.676216606871296</v>
      </c>
      <c r="J5694" s="40">
        <v>94.749965869048296</v>
      </c>
      <c r="K5694" s="40">
        <v>12.963130212999285</v>
      </c>
      <c r="L5694" s="40"/>
      <c r="M5694" s="40"/>
      <c r="N5694" s="40"/>
    </row>
    <row r="5695" spans="4:14" x14ac:dyDescent="0.25">
      <c r="D5695" s="40">
        <v>94.779543000004182</v>
      </c>
      <c r="E5695" s="40">
        <v>20.756296523894001</v>
      </c>
      <c r="F5695" s="40">
        <v>94.766666999999984</v>
      </c>
      <c r="G5695" s="40">
        <v>20.647969140144287</v>
      </c>
      <c r="H5695" s="40">
        <v>94.766667000000012</v>
      </c>
      <c r="I5695" s="40">
        <v>17.676216606871296</v>
      </c>
      <c r="J5695" s="40">
        <v>94.766632529762603</v>
      </c>
      <c r="K5695" s="40">
        <v>12.963130212999285</v>
      </c>
      <c r="L5695" s="40"/>
      <c r="M5695" s="40"/>
      <c r="N5695" s="40"/>
    </row>
    <row r="5696" spans="4:14" x14ac:dyDescent="0.25">
      <c r="D5696" s="40">
        <v>94.796209000004183</v>
      </c>
      <c r="E5696" s="40">
        <v>20.756296523894001</v>
      </c>
      <c r="F5696" s="40">
        <v>94.783332999999999</v>
      </c>
      <c r="G5696" s="40">
        <v>20.652584524114062</v>
      </c>
      <c r="H5696" s="40">
        <v>94.783333999999996</v>
      </c>
      <c r="I5696" s="40">
        <v>17.679569343014556</v>
      </c>
      <c r="J5696" s="40">
        <v>94.783299190476896</v>
      </c>
      <c r="K5696" s="40">
        <v>12.963130212999285</v>
      </c>
      <c r="L5696" s="40"/>
      <c r="M5696" s="40"/>
      <c r="N5696" s="40"/>
    </row>
    <row r="5697" spans="4:14" x14ac:dyDescent="0.25">
      <c r="D5697" s="40">
        <v>94.812875000004183</v>
      </c>
      <c r="E5697" s="40">
        <v>20.761139702483547</v>
      </c>
      <c r="F5697" s="40">
        <v>94.799999999999983</v>
      </c>
      <c r="G5697" s="40">
        <v>20.652584524114062</v>
      </c>
      <c r="H5697" s="40">
        <v>94.800000000000011</v>
      </c>
      <c r="I5697" s="40">
        <v>17.679569343014556</v>
      </c>
      <c r="J5697" s="40">
        <v>94.799965851191203</v>
      </c>
      <c r="K5697" s="40">
        <v>12.963130212999285</v>
      </c>
      <c r="L5697" s="40"/>
      <c r="M5697" s="40"/>
      <c r="N5697" s="40"/>
    </row>
    <row r="5698" spans="4:14" x14ac:dyDescent="0.25">
      <c r="D5698" s="40">
        <v>94.829541000004184</v>
      </c>
      <c r="E5698" s="40">
        <v>20.761139702483547</v>
      </c>
      <c r="F5698" s="40">
        <v>94.816666999999995</v>
      </c>
      <c r="G5698" s="40">
        <v>20.652584524114062</v>
      </c>
      <c r="H5698" s="40">
        <v>94.816666999999995</v>
      </c>
      <c r="I5698" s="40">
        <v>17.679569343014556</v>
      </c>
      <c r="J5698" s="40">
        <v>94.816632511905496</v>
      </c>
      <c r="K5698" s="40">
        <v>12.963130212999285</v>
      </c>
      <c r="L5698" s="40"/>
      <c r="M5698" s="40"/>
      <c r="N5698" s="40"/>
    </row>
    <row r="5699" spans="4:14" x14ac:dyDescent="0.25">
      <c r="D5699" s="40">
        <v>94.846207000004185</v>
      </c>
      <c r="E5699" s="40">
        <v>20.761139702483547</v>
      </c>
      <c r="F5699" s="40">
        <v>94.833332999999982</v>
      </c>
      <c r="G5699" s="40">
        <v>20.652584524114062</v>
      </c>
      <c r="H5699" s="40">
        <v>94.833334000000008</v>
      </c>
      <c r="I5699" s="40">
        <v>17.68282346927132</v>
      </c>
      <c r="J5699" s="40">
        <v>94.833299172619803</v>
      </c>
      <c r="K5699" s="40">
        <v>12.963130212999285</v>
      </c>
      <c r="L5699" s="40"/>
      <c r="M5699" s="40"/>
      <c r="N5699" s="40"/>
    </row>
    <row r="5700" spans="4:14" x14ac:dyDescent="0.25">
      <c r="D5700" s="40">
        <v>94.862873000004186</v>
      </c>
      <c r="E5700" s="40">
        <v>20.761139702483547</v>
      </c>
      <c r="F5700" s="40">
        <v>94.85</v>
      </c>
      <c r="G5700" s="40">
        <v>20.652584524114062</v>
      </c>
      <c r="H5700" s="40">
        <v>94.85</v>
      </c>
      <c r="I5700" s="40">
        <v>17.68282346927132</v>
      </c>
      <c r="J5700" s="40">
        <v>94.849965833333997</v>
      </c>
      <c r="K5700" s="40">
        <v>12.958279169290179</v>
      </c>
      <c r="L5700" s="40"/>
      <c r="M5700" s="40"/>
      <c r="N5700" s="40"/>
    </row>
    <row r="5701" spans="4:14" x14ac:dyDescent="0.25">
      <c r="D5701" s="40">
        <v>94.879539000004186</v>
      </c>
      <c r="E5701" s="40">
        <v>20.761139702483547</v>
      </c>
      <c r="F5701" s="40">
        <v>94.866667000000007</v>
      </c>
      <c r="G5701" s="40">
        <v>20.652584524114062</v>
      </c>
      <c r="H5701" s="40">
        <v>94.866667000000007</v>
      </c>
      <c r="I5701" s="40">
        <v>17.686176205414576</v>
      </c>
      <c r="J5701" s="40">
        <v>94.866632494048304</v>
      </c>
      <c r="K5701" s="40">
        <v>12.958279169290179</v>
      </c>
      <c r="L5701" s="40"/>
      <c r="M5701" s="40"/>
      <c r="N5701" s="40"/>
    </row>
    <row r="5702" spans="4:14" x14ac:dyDescent="0.25">
      <c r="D5702" s="40">
        <v>94.896205000004187</v>
      </c>
      <c r="E5702" s="40">
        <v>20.761139702483547</v>
      </c>
      <c r="F5702" s="40">
        <v>94.883332999999993</v>
      </c>
      <c r="G5702" s="40">
        <v>20.657339768204281</v>
      </c>
      <c r="H5702" s="40">
        <v>94.883334000000019</v>
      </c>
      <c r="I5702" s="40">
        <v>17.686176205414576</v>
      </c>
      <c r="J5702" s="40">
        <v>94.883299154762597</v>
      </c>
      <c r="K5702" s="40">
        <v>12.958279169290179</v>
      </c>
      <c r="L5702" s="40"/>
      <c r="M5702" s="40"/>
      <c r="N5702" s="40"/>
    </row>
    <row r="5703" spans="4:14" x14ac:dyDescent="0.25">
      <c r="D5703" s="40">
        <v>94.912871000004188</v>
      </c>
      <c r="E5703" s="40">
        <v>20.761139702483547</v>
      </c>
      <c r="F5703" s="40">
        <v>94.9</v>
      </c>
      <c r="G5703" s="40">
        <v>20.657339768204281</v>
      </c>
      <c r="H5703" s="40">
        <v>94.9</v>
      </c>
      <c r="I5703" s="40">
        <v>17.689528941558009</v>
      </c>
      <c r="J5703" s="40">
        <v>94.899965815476904</v>
      </c>
      <c r="K5703" s="40">
        <v>12.958279169290179</v>
      </c>
      <c r="L5703" s="40"/>
      <c r="M5703" s="40"/>
      <c r="N5703" s="40"/>
    </row>
    <row r="5704" spans="4:14" x14ac:dyDescent="0.25">
      <c r="D5704" s="40">
        <v>94.929537000004188</v>
      </c>
      <c r="E5704" s="40">
        <v>20.761139702483547</v>
      </c>
      <c r="F5704" s="40">
        <v>94.91666699999999</v>
      </c>
      <c r="G5704" s="40">
        <v>20.657339768204281</v>
      </c>
      <c r="H5704" s="40">
        <v>94.916667000000018</v>
      </c>
      <c r="I5704" s="40">
        <v>17.689528941558009</v>
      </c>
      <c r="J5704" s="40">
        <v>94.916632476191197</v>
      </c>
      <c r="K5704" s="40">
        <v>12.958279169290179</v>
      </c>
      <c r="L5704" s="40"/>
      <c r="M5704" s="40"/>
      <c r="N5704" s="40"/>
    </row>
    <row r="5705" spans="4:14" x14ac:dyDescent="0.25">
      <c r="D5705" s="40">
        <v>94.946203000004189</v>
      </c>
      <c r="E5705" s="40">
        <v>20.761139702483547</v>
      </c>
      <c r="F5705" s="40">
        <v>94.933333000000005</v>
      </c>
      <c r="G5705" s="40">
        <v>20.657339768204281</v>
      </c>
      <c r="H5705" s="40">
        <v>94.933334000000002</v>
      </c>
      <c r="I5705" s="40">
        <v>17.692783067814599</v>
      </c>
      <c r="J5705" s="40">
        <v>94.933299136905504</v>
      </c>
      <c r="K5705" s="40">
        <v>12.958279169290179</v>
      </c>
      <c r="L5705" s="40"/>
      <c r="M5705" s="40"/>
      <c r="N5705" s="40"/>
    </row>
    <row r="5706" spans="4:14" x14ac:dyDescent="0.25">
      <c r="D5706" s="40">
        <v>94.96286900000419</v>
      </c>
      <c r="E5706" s="40">
        <v>20.761139702483547</v>
      </c>
      <c r="F5706" s="40">
        <v>94.949999999999989</v>
      </c>
      <c r="G5706" s="40">
        <v>20.657339768204281</v>
      </c>
      <c r="H5706" s="40">
        <v>94.950000000000017</v>
      </c>
      <c r="I5706" s="40">
        <v>17.692783067814599</v>
      </c>
      <c r="J5706" s="40">
        <v>94.949965797619797</v>
      </c>
      <c r="K5706" s="40">
        <v>12.963130212999285</v>
      </c>
      <c r="L5706" s="40"/>
      <c r="M5706" s="40"/>
      <c r="N5706" s="40"/>
    </row>
    <row r="5707" spans="4:14" x14ac:dyDescent="0.25">
      <c r="D5707" s="40">
        <v>94.979535000004191</v>
      </c>
      <c r="E5707" s="40">
        <v>20.761139702483547</v>
      </c>
      <c r="F5707" s="40">
        <v>94.966667000000001</v>
      </c>
      <c r="G5707" s="40">
        <v>20.662095012294504</v>
      </c>
      <c r="H5707" s="40">
        <v>94.966667000000001</v>
      </c>
      <c r="I5707" s="40">
        <v>17.696135803958025</v>
      </c>
      <c r="J5707" s="40">
        <v>94.966632458334004</v>
      </c>
      <c r="K5707" s="40">
        <v>12.963130212999285</v>
      </c>
      <c r="L5707" s="40"/>
      <c r="M5707" s="40"/>
      <c r="N5707" s="40"/>
    </row>
    <row r="5708" spans="4:14" x14ac:dyDescent="0.25">
      <c r="D5708" s="40">
        <v>94.996201000004191</v>
      </c>
      <c r="E5708" s="40">
        <v>20.761139702483547</v>
      </c>
      <c r="F5708" s="40">
        <v>94.983332999999988</v>
      </c>
      <c r="G5708" s="40">
        <v>20.662095012294504</v>
      </c>
      <c r="H5708" s="40">
        <v>94.983334000000013</v>
      </c>
      <c r="I5708" s="40">
        <v>17.699488540101285</v>
      </c>
      <c r="J5708" s="40">
        <v>94.983299119048297</v>
      </c>
      <c r="K5708" s="40">
        <v>12.967838578952344</v>
      </c>
      <c r="L5708" s="40"/>
      <c r="M5708" s="40"/>
      <c r="N5708" s="40"/>
    </row>
    <row r="5709" spans="4:14" x14ac:dyDescent="0.25">
      <c r="D5709" s="40">
        <v>95.012867000004192</v>
      </c>
      <c r="E5709" s="40">
        <v>20.765840434643845</v>
      </c>
      <c r="F5709" s="40">
        <v>95</v>
      </c>
      <c r="G5709" s="40">
        <v>20.662095012294504</v>
      </c>
      <c r="H5709" s="40">
        <v>95</v>
      </c>
      <c r="I5709" s="40">
        <v>17.699488540101285</v>
      </c>
      <c r="J5709" s="40">
        <v>94.999965779762604</v>
      </c>
      <c r="K5709" s="40">
        <v>12.967838578952344</v>
      </c>
      <c r="L5709" s="40"/>
      <c r="M5709" s="40"/>
      <c r="N5709" s="40"/>
    </row>
    <row r="5710" spans="4:14" x14ac:dyDescent="0.25">
      <c r="D5710" s="40">
        <v>95.029533000004193</v>
      </c>
      <c r="E5710" s="40">
        <v>20.765840434643845</v>
      </c>
      <c r="F5710" s="40">
        <v>95.016666999999984</v>
      </c>
      <c r="G5710" s="40">
        <v>20.662095012294504</v>
      </c>
      <c r="H5710" s="40">
        <v>95.016667000000012</v>
      </c>
      <c r="I5710" s="40">
        <v>17.702742666358048</v>
      </c>
      <c r="J5710" s="40">
        <v>95.016632440476897</v>
      </c>
      <c r="K5710" s="40">
        <v>12.967838578952344</v>
      </c>
      <c r="L5710" s="40"/>
      <c r="M5710" s="40"/>
      <c r="N5710" s="40"/>
    </row>
    <row r="5711" spans="4:14" x14ac:dyDescent="0.25">
      <c r="D5711" s="40">
        <v>95.046199000004194</v>
      </c>
      <c r="E5711" s="40">
        <v>20.761139702483547</v>
      </c>
      <c r="F5711" s="40">
        <v>95.033332999999999</v>
      </c>
      <c r="G5711" s="40">
        <v>20.662095012294504</v>
      </c>
      <c r="H5711" s="40">
        <v>95.033333999999996</v>
      </c>
      <c r="I5711" s="40">
        <v>17.702742666358048</v>
      </c>
      <c r="J5711" s="40">
        <v>95.033299101191204</v>
      </c>
      <c r="K5711" s="40">
        <v>12.972689622661578</v>
      </c>
      <c r="L5711" s="40"/>
      <c r="M5711" s="40"/>
      <c r="N5711" s="40"/>
    </row>
    <row r="5712" spans="4:14" x14ac:dyDescent="0.25">
      <c r="D5712" s="40">
        <v>95.062865000004194</v>
      </c>
      <c r="E5712" s="40">
        <v>20.761139702483547</v>
      </c>
      <c r="F5712" s="40">
        <v>95.049999999999983</v>
      </c>
      <c r="G5712" s="40">
        <v>20.666710396264278</v>
      </c>
      <c r="H5712" s="40">
        <v>95.050000000000011</v>
      </c>
      <c r="I5712" s="40">
        <v>17.706095402501305</v>
      </c>
      <c r="J5712" s="40">
        <v>95.049965761905497</v>
      </c>
      <c r="K5712" s="40">
        <v>12.972689622661578</v>
      </c>
      <c r="L5712" s="40"/>
      <c r="M5712" s="40"/>
      <c r="N5712" s="40"/>
    </row>
    <row r="5713" spans="4:14" x14ac:dyDescent="0.25">
      <c r="D5713" s="40">
        <v>95.079531000004195</v>
      </c>
      <c r="E5713" s="40">
        <v>20.761139702483547</v>
      </c>
      <c r="F5713" s="40">
        <v>95.066666999999995</v>
      </c>
      <c r="G5713" s="40">
        <v>20.666710396264278</v>
      </c>
      <c r="H5713" s="40">
        <v>95.066666999999995</v>
      </c>
      <c r="I5713" s="40">
        <v>17.706095402501305</v>
      </c>
      <c r="J5713" s="40">
        <v>95.066632422619804</v>
      </c>
      <c r="K5713" s="40">
        <v>12.972689622661578</v>
      </c>
      <c r="L5713" s="40"/>
      <c r="M5713" s="40"/>
      <c r="N5713" s="40"/>
    </row>
    <row r="5714" spans="4:14" x14ac:dyDescent="0.25">
      <c r="D5714" s="40">
        <v>95.096197000004196</v>
      </c>
      <c r="E5714" s="40">
        <v>20.761139702483547</v>
      </c>
      <c r="F5714" s="40">
        <v>95.083332999999982</v>
      </c>
      <c r="G5714" s="40">
        <v>20.666710396264278</v>
      </c>
      <c r="H5714" s="40">
        <v>95.083334000000008</v>
      </c>
      <c r="I5714" s="40">
        <v>17.709448138644738</v>
      </c>
      <c r="J5714" s="40">
        <v>95.083299083333998</v>
      </c>
      <c r="K5714" s="40">
        <v>12.972689622661578</v>
      </c>
      <c r="L5714" s="40"/>
      <c r="M5714" s="40"/>
      <c r="N5714" s="40"/>
    </row>
    <row r="5715" spans="4:14" x14ac:dyDescent="0.25">
      <c r="D5715" s="40">
        <v>95.112863000004197</v>
      </c>
      <c r="E5715" s="40">
        <v>20.761139702483547</v>
      </c>
      <c r="F5715" s="40">
        <v>95.1</v>
      </c>
      <c r="G5715" s="40">
        <v>20.671465640354498</v>
      </c>
      <c r="H5715" s="40">
        <v>95.1</v>
      </c>
      <c r="I5715" s="40">
        <v>17.712702264901502</v>
      </c>
      <c r="J5715" s="40">
        <v>95.099965744048305</v>
      </c>
      <c r="K5715" s="40">
        <v>12.972689622661578</v>
      </c>
      <c r="L5715" s="40"/>
      <c r="M5715" s="40"/>
      <c r="N5715" s="40"/>
    </row>
    <row r="5716" spans="4:14" x14ac:dyDescent="0.25">
      <c r="D5716" s="40">
        <v>95.129529000004197</v>
      </c>
      <c r="E5716" s="40">
        <v>20.761139702483547</v>
      </c>
      <c r="F5716" s="40">
        <v>95.116667000000007</v>
      </c>
      <c r="G5716" s="40">
        <v>20.671465640354498</v>
      </c>
      <c r="H5716" s="40">
        <v>95.116667000000007</v>
      </c>
      <c r="I5716" s="40">
        <v>17.712702264901502</v>
      </c>
      <c r="J5716" s="40">
        <v>95.116632404762598</v>
      </c>
      <c r="K5716" s="40">
        <v>12.972689622661578</v>
      </c>
      <c r="L5716" s="40"/>
      <c r="M5716" s="40"/>
      <c r="N5716" s="40"/>
    </row>
    <row r="5717" spans="4:14" x14ac:dyDescent="0.25">
      <c r="D5717" s="40">
        <v>95.146195000004198</v>
      </c>
      <c r="E5717" s="40">
        <v>20.761139702483547</v>
      </c>
      <c r="F5717" s="40">
        <v>95.133332999999993</v>
      </c>
      <c r="G5717" s="40">
        <v>20.671465640354498</v>
      </c>
      <c r="H5717" s="40">
        <v>95.133334000000019</v>
      </c>
      <c r="I5717" s="40">
        <v>17.716055001044758</v>
      </c>
      <c r="J5717" s="40">
        <v>95.133299065476905</v>
      </c>
      <c r="K5717" s="40">
        <v>12.977540666370684</v>
      </c>
      <c r="L5717" s="40"/>
      <c r="M5717" s="40"/>
      <c r="N5717" s="40"/>
    </row>
    <row r="5718" spans="4:14" x14ac:dyDescent="0.25">
      <c r="D5718" s="40">
        <v>95.162861000004199</v>
      </c>
      <c r="E5718" s="40">
        <v>20.761139702483547</v>
      </c>
      <c r="F5718" s="40">
        <v>95.15</v>
      </c>
      <c r="G5718" s="40">
        <v>20.671465640354498</v>
      </c>
      <c r="H5718" s="40">
        <v>95.15</v>
      </c>
      <c r="I5718" s="40">
        <v>17.719407737188014</v>
      </c>
      <c r="J5718" s="40">
        <v>95.149965726191198</v>
      </c>
      <c r="K5718" s="40">
        <v>12.977540666370684</v>
      </c>
      <c r="L5718" s="40"/>
      <c r="M5718" s="40"/>
      <c r="N5718" s="40"/>
    </row>
    <row r="5719" spans="4:14" x14ac:dyDescent="0.25">
      <c r="D5719" s="40">
        <v>95.1795270000042</v>
      </c>
      <c r="E5719" s="40">
        <v>20.765840434643845</v>
      </c>
      <c r="F5719" s="40">
        <v>95.16666699999999</v>
      </c>
      <c r="G5719" s="40">
        <v>20.676220884444717</v>
      </c>
      <c r="H5719" s="40">
        <v>95.166667000000018</v>
      </c>
      <c r="I5719" s="40">
        <v>17.719407737188014</v>
      </c>
      <c r="J5719" s="40">
        <v>95.166632386905505</v>
      </c>
      <c r="K5719" s="40">
        <v>12.977540666370684</v>
      </c>
      <c r="L5719" s="40"/>
      <c r="M5719" s="40"/>
      <c r="N5719" s="40"/>
    </row>
    <row r="5720" spans="4:14" x14ac:dyDescent="0.25">
      <c r="D5720" s="40">
        <v>95.1961930000042</v>
      </c>
      <c r="E5720" s="40">
        <v>20.765840434643845</v>
      </c>
      <c r="F5720" s="40">
        <v>95.183333000000005</v>
      </c>
      <c r="G5720" s="40">
        <v>20.676220884444717</v>
      </c>
      <c r="H5720" s="40">
        <v>95.183334000000002</v>
      </c>
      <c r="I5720" s="40">
        <v>17.722661863444777</v>
      </c>
      <c r="J5720" s="40">
        <v>95.183299047619798</v>
      </c>
      <c r="K5720" s="40">
        <v>12.977540666370684</v>
      </c>
      <c r="L5720" s="40"/>
      <c r="M5720" s="40"/>
      <c r="N5720" s="40"/>
    </row>
    <row r="5721" spans="4:14" x14ac:dyDescent="0.25">
      <c r="D5721" s="40">
        <v>95.212859000004201</v>
      </c>
      <c r="E5721" s="40">
        <v>20.765840434643845</v>
      </c>
      <c r="F5721" s="40">
        <v>95.199999999999989</v>
      </c>
      <c r="G5721" s="40">
        <v>20.676220884444717</v>
      </c>
      <c r="H5721" s="40">
        <v>95.200000000000017</v>
      </c>
      <c r="I5721" s="40">
        <v>17.722661863444777</v>
      </c>
      <c r="J5721" s="40">
        <v>95.199965708334105</v>
      </c>
      <c r="K5721" s="40">
        <v>12.977540666370684</v>
      </c>
      <c r="L5721" s="40"/>
      <c r="M5721" s="40"/>
      <c r="N5721" s="40"/>
    </row>
    <row r="5722" spans="4:14" x14ac:dyDescent="0.25">
      <c r="D5722" s="40">
        <v>95.229525000004202</v>
      </c>
      <c r="E5722" s="40">
        <v>20.765840434643845</v>
      </c>
      <c r="F5722" s="40">
        <v>95.216667000000001</v>
      </c>
      <c r="G5722" s="40">
        <v>20.676220884444717</v>
      </c>
      <c r="H5722" s="40">
        <v>95.216667000000001</v>
      </c>
      <c r="I5722" s="40">
        <v>17.726014599588037</v>
      </c>
      <c r="J5722" s="40">
        <v>95.216632369048298</v>
      </c>
      <c r="K5722" s="40">
        <v>12.977540666370684</v>
      </c>
      <c r="L5722" s="40"/>
      <c r="M5722" s="40"/>
      <c r="N5722" s="40"/>
    </row>
    <row r="5723" spans="4:14" x14ac:dyDescent="0.25">
      <c r="D5723" s="40">
        <v>95.246191000004202</v>
      </c>
      <c r="E5723" s="40">
        <v>20.765840434643845</v>
      </c>
      <c r="F5723" s="40">
        <v>95.233332999999988</v>
      </c>
      <c r="G5723" s="40">
        <v>20.676220884444717</v>
      </c>
      <c r="H5723" s="40">
        <v>95.233334000000013</v>
      </c>
      <c r="I5723" s="40">
        <v>17.729367335731471</v>
      </c>
      <c r="J5723" s="40">
        <v>95.233299029762605</v>
      </c>
      <c r="K5723" s="40">
        <v>12.977540666370684</v>
      </c>
      <c r="L5723" s="40"/>
      <c r="M5723" s="40"/>
      <c r="N5723" s="40"/>
    </row>
    <row r="5724" spans="4:14" x14ac:dyDescent="0.25">
      <c r="D5724" s="40">
        <v>95.262857000004203</v>
      </c>
      <c r="E5724" s="40">
        <v>20.770683613233395</v>
      </c>
      <c r="F5724" s="40">
        <v>95.25</v>
      </c>
      <c r="G5724" s="40">
        <v>20.68083626841462</v>
      </c>
      <c r="H5724" s="40">
        <v>95.25</v>
      </c>
      <c r="I5724" s="40">
        <v>17.729367335731471</v>
      </c>
      <c r="J5724" s="40">
        <v>95.249965690476898</v>
      </c>
      <c r="K5724" s="40">
        <v>12.982249032323741</v>
      </c>
      <c r="L5724" s="40"/>
      <c r="M5724" s="40"/>
      <c r="N5724" s="40"/>
    </row>
    <row r="5725" spans="4:14" x14ac:dyDescent="0.25">
      <c r="D5725" s="40">
        <v>95.279523000004204</v>
      </c>
      <c r="E5725" s="40">
        <v>20.770683613233395</v>
      </c>
      <c r="F5725" s="40">
        <v>95.266666999999984</v>
      </c>
      <c r="G5725" s="40">
        <v>20.68083626841462</v>
      </c>
      <c r="H5725" s="40">
        <v>95.266667000000012</v>
      </c>
      <c r="I5725" s="40">
        <v>17.732621461988234</v>
      </c>
      <c r="J5725" s="40">
        <v>95.266632351191205</v>
      </c>
      <c r="K5725" s="40">
        <v>12.982249032323741</v>
      </c>
      <c r="L5725" s="40"/>
      <c r="M5725" s="40"/>
      <c r="N5725" s="40"/>
    </row>
    <row r="5726" spans="4:14" x14ac:dyDescent="0.25">
      <c r="D5726" s="40">
        <v>95.296189000004205</v>
      </c>
      <c r="E5726" s="40">
        <v>20.770683613233395</v>
      </c>
      <c r="F5726" s="40">
        <v>95.283332999999999</v>
      </c>
      <c r="G5726" s="40">
        <v>20.68083626841462</v>
      </c>
      <c r="H5726" s="40">
        <v>95.283333999999996</v>
      </c>
      <c r="I5726" s="40">
        <v>17.735974198131487</v>
      </c>
      <c r="J5726" s="40">
        <v>95.283299011905498</v>
      </c>
      <c r="K5726" s="40">
        <v>12.982249032323741</v>
      </c>
      <c r="L5726" s="40"/>
      <c r="M5726" s="40"/>
      <c r="N5726" s="40"/>
    </row>
    <row r="5727" spans="4:14" x14ac:dyDescent="0.25">
      <c r="D5727" s="40">
        <v>95.312855000004205</v>
      </c>
      <c r="E5727" s="40">
        <v>20.770683613233395</v>
      </c>
      <c r="F5727" s="40">
        <v>95.299999999999983</v>
      </c>
      <c r="G5727" s="40">
        <v>20.68083626841462</v>
      </c>
      <c r="H5727" s="40">
        <v>95.300000000000011</v>
      </c>
      <c r="I5727" s="40">
        <v>17.735974198131487</v>
      </c>
      <c r="J5727" s="40">
        <v>95.299965672619805</v>
      </c>
      <c r="K5727" s="40">
        <v>12.982249032323741</v>
      </c>
      <c r="L5727" s="40"/>
      <c r="M5727" s="40"/>
      <c r="N5727" s="40"/>
    </row>
    <row r="5728" spans="4:14" x14ac:dyDescent="0.25">
      <c r="D5728" s="40">
        <v>95.329521000004206</v>
      </c>
      <c r="E5728" s="40">
        <v>20.770683613233395</v>
      </c>
      <c r="F5728" s="40">
        <v>95.316666999999995</v>
      </c>
      <c r="G5728" s="40">
        <v>20.68083626841462</v>
      </c>
      <c r="H5728" s="40">
        <v>95.316666999999995</v>
      </c>
      <c r="I5728" s="40">
        <v>17.739326934274743</v>
      </c>
      <c r="J5728" s="40">
        <v>95.316632333334098</v>
      </c>
      <c r="K5728" s="40">
        <v>12.982249032323741</v>
      </c>
      <c r="L5728" s="40"/>
      <c r="M5728" s="40"/>
      <c r="N5728" s="40"/>
    </row>
    <row r="5729" spans="4:14" x14ac:dyDescent="0.25">
      <c r="D5729" s="40">
        <v>95.346187000004207</v>
      </c>
      <c r="E5729" s="40">
        <v>20.775526791822944</v>
      </c>
      <c r="F5729" s="40">
        <v>95.333332999999982</v>
      </c>
      <c r="G5729" s="40">
        <v>20.685591512504711</v>
      </c>
      <c r="H5729" s="40">
        <v>95.333334000000008</v>
      </c>
      <c r="I5729" s="40">
        <v>17.739326934274743</v>
      </c>
      <c r="J5729" s="40">
        <v>95.333298994048306</v>
      </c>
      <c r="K5729" s="40">
        <v>12.982249032323741</v>
      </c>
      <c r="L5729" s="40"/>
      <c r="M5729" s="40"/>
      <c r="N5729" s="40"/>
    </row>
    <row r="5730" spans="4:14" x14ac:dyDescent="0.25">
      <c r="D5730" s="40">
        <v>95.362853000004208</v>
      </c>
      <c r="E5730" s="40">
        <v>20.775526791822944</v>
      </c>
      <c r="F5730" s="40">
        <v>95.35</v>
      </c>
      <c r="G5730" s="40">
        <v>20.685591512504711</v>
      </c>
      <c r="H5730" s="40">
        <v>95.35</v>
      </c>
      <c r="I5730" s="40">
        <v>17.742581060531506</v>
      </c>
      <c r="J5730" s="40">
        <v>95.349965654762599</v>
      </c>
      <c r="K5730" s="40">
        <v>12.977540666370684</v>
      </c>
      <c r="L5730" s="40"/>
      <c r="M5730" s="40"/>
      <c r="N5730" s="40"/>
    </row>
    <row r="5731" spans="4:14" x14ac:dyDescent="0.25">
      <c r="D5731" s="40">
        <v>95.379519000004208</v>
      </c>
      <c r="E5731" s="40">
        <v>20.770683613233395</v>
      </c>
      <c r="F5731" s="40">
        <v>95.366667000000007</v>
      </c>
      <c r="G5731" s="40">
        <v>20.685591512504711</v>
      </c>
      <c r="H5731" s="40">
        <v>95.366667000000007</v>
      </c>
      <c r="I5731" s="40">
        <v>17.742581060531506</v>
      </c>
      <c r="J5731" s="40">
        <v>95.366632315476906</v>
      </c>
      <c r="K5731" s="40">
        <v>12.977540666370684</v>
      </c>
      <c r="L5731" s="40"/>
      <c r="M5731" s="40"/>
      <c r="N5731" s="40"/>
    </row>
    <row r="5732" spans="4:14" x14ac:dyDescent="0.25">
      <c r="D5732" s="40">
        <v>95.396185000004209</v>
      </c>
      <c r="E5732" s="40">
        <v>20.770683613233395</v>
      </c>
      <c r="F5732" s="40">
        <v>95.383332999999993</v>
      </c>
      <c r="G5732" s="40">
        <v>20.685591512504711</v>
      </c>
      <c r="H5732" s="40">
        <v>95.383334000000019</v>
      </c>
      <c r="I5732" s="40">
        <v>17.74593379667494</v>
      </c>
      <c r="J5732" s="40">
        <v>95.383298976191199</v>
      </c>
      <c r="K5732" s="40">
        <v>12.972689622661578</v>
      </c>
      <c r="L5732" s="40"/>
      <c r="M5732" s="40"/>
      <c r="N5732" s="40"/>
    </row>
    <row r="5733" spans="4:14" x14ac:dyDescent="0.25">
      <c r="D5733" s="40">
        <v>95.41285100000421</v>
      </c>
      <c r="E5733" s="40">
        <v>20.770683613233395</v>
      </c>
      <c r="F5733" s="40">
        <v>95.4</v>
      </c>
      <c r="G5733" s="40">
        <v>20.690346756594931</v>
      </c>
      <c r="H5733" s="40">
        <v>95.4</v>
      </c>
      <c r="I5733" s="40">
        <v>17.7492865328182</v>
      </c>
      <c r="J5733" s="40">
        <v>95.399965636905506</v>
      </c>
      <c r="K5733" s="40">
        <v>12.972689622661578</v>
      </c>
      <c r="L5733" s="40"/>
      <c r="M5733" s="40"/>
      <c r="N5733" s="40"/>
    </row>
    <row r="5734" spans="4:14" x14ac:dyDescent="0.25">
      <c r="D5734" s="40">
        <v>95.429517000004211</v>
      </c>
      <c r="E5734" s="40">
        <v>20.770683613233395</v>
      </c>
      <c r="F5734" s="40">
        <v>95.41666699999999</v>
      </c>
      <c r="G5734" s="40">
        <v>20.690346756594931</v>
      </c>
      <c r="H5734" s="40">
        <v>95.416667000000018</v>
      </c>
      <c r="I5734" s="40">
        <v>17.7492865328182</v>
      </c>
      <c r="J5734" s="40">
        <v>95.416632297619799</v>
      </c>
      <c r="K5734" s="40">
        <v>12.972689622661578</v>
      </c>
      <c r="L5734" s="40"/>
      <c r="M5734" s="40"/>
      <c r="N5734" s="40"/>
    </row>
    <row r="5735" spans="4:14" x14ac:dyDescent="0.25">
      <c r="D5735" s="40">
        <v>95.446183000004211</v>
      </c>
      <c r="E5735" s="40">
        <v>20.770683613233395</v>
      </c>
      <c r="F5735" s="40">
        <v>95.433333000000005</v>
      </c>
      <c r="G5735" s="40">
        <v>20.690346756594931</v>
      </c>
      <c r="H5735" s="40">
        <v>95.433334000000002</v>
      </c>
      <c r="I5735" s="40">
        <v>17.752540659074963</v>
      </c>
      <c r="J5735" s="40">
        <v>95.433298958334106</v>
      </c>
      <c r="K5735" s="40">
        <v>12.972689622661578</v>
      </c>
      <c r="L5735" s="40"/>
      <c r="M5735" s="40"/>
      <c r="N5735" s="40"/>
    </row>
    <row r="5736" spans="4:14" x14ac:dyDescent="0.25">
      <c r="D5736" s="40">
        <v>95.462849000004212</v>
      </c>
      <c r="E5736" s="40">
        <v>20.770683613233395</v>
      </c>
      <c r="F5736" s="40">
        <v>95.449999999999989</v>
      </c>
      <c r="G5736" s="40">
        <v>20.690346756594931</v>
      </c>
      <c r="H5736" s="40">
        <v>95.450000000000017</v>
      </c>
      <c r="I5736" s="40">
        <v>17.752540659074963</v>
      </c>
      <c r="J5736" s="40">
        <v>95.449965619048299</v>
      </c>
      <c r="K5736" s="40">
        <v>12.972689622661578</v>
      </c>
      <c r="L5736" s="40"/>
      <c r="M5736" s="40"/>
      <c r="N5736" s="40"/>
    </row>
    <row r="5737" spans="4:14" x14ac:dyDescent="0.25">
      <c r="D5737" s="40">
        <v>95.479515000004213</v>
      </c>
      <c r="E5737" s="40">
        <v>20.770683613233395</v>
      </c>
      <c r="F5737" s="40">
        <v>95.466667000000001</v>
      </c>
      <c r="G5737" s="40">
        <v>20.694962140564833</v>
      </c>
      <c r="H5737" s="40">
        <v>95.466667000000001</v>
      </c>
      <c r="I5737" s="40">
        <v>17.755893395218216</v>
      </c>
      <c r="J5737" s="40">
        <v>95.466632279762607</v>
      </c>
      <c r="K5737" s="40">
        <v>12.967838578952344</v>
      </c>
      <c r="L5737" s="40"/>
      <c r="M5737" s="40"/>
      <c r="N5737" s="40"/>
    </row>
    <row r="5738" spans="4:14" x14ac:dyDescent="0.25">
      <c r="D5738" s="40">
        <v>95.496181000004214</v>
      </c>
      <c r="E5738" s="40">
        <v>20.770683613233395</v>
      </c>
      <c r="F5738" s="40">
        <v>95.483332999999988</v>
      </c>
      <c r="G5738" s="40">
        <v>20.694962140564833</v>
      </c>
      <c r="H5738" s="40">
        <v>95.483334000000013</v>
      </c>
      <c r="I5738" s="40">
        <v>17.755893395218216</v>
      </c>
      <c r="J5738" s="40">
        <v>95.483298940476899</v>
      </c>
      <c r="K5738" s="40">
        <v>12.967838578952344</v>
      </c>
      <c r="L5738" s="40"/>
      <c r="M5738" s="40"/>
      <c r="N5738" s="40"/>
    </row>
    <row r="5739" spans="4:14" x14ac:dyDescent="0.25">
      <c r="D5739" s="40">
        <v>95.512847000004214</v>
      </c>
      <c r="E5739" s="40">
        <v>20.770683613233395</v>
      </c>
      <c r="F5739" s="40">
        <v>95.5</v>
      </c>
      <c r="G5739" s="40">
        <v>20.694962140564833</v>
      </c>
      <c r="H5739" s="40">
        <v>95.5</v>
      </c>
      <c r="I5739" s="40">
        <v>17.759246131361476</v>
      </c>
      <c r="J5739" s="40">
        <v>95.499965601191207</v>
      </c>
      <c r="K5739" s="40">
        <v>12.967838578952344</v>
      </c>
      <c r="L5739" s="40"/>
      <c r="M5739" s="40"/>
      <c r="N5739" s="40"/>
    </row>
    <row r="5740" spans="4:14" x14ac:dyDescent="0.25">
      <c r="D5740" s="40">
        <v>95.529513000004215</v>
      </c>
      <c r="E5740" s="40">
        <v>20.770683613233395</v>
      </c>
      <c r="F5740" s="40">
        <v>95.516666999999984</v>
      </c>
      <c r="G5740" s="40">
        <v>20.694962140564833</v>
      </c>
      <c r="H5740" s="40">
        <v>95.516667000000012</v>
      </c>
      <c r="I5740" s="40">
        <v>17.759246131361476</v>
      </c>
      <c r="J5740" s="40">
        <v>95.516632261905499</v>
      </c>
      <c r="K5740" s="40">
        <v>12.967838578952344</v>
      </c>
      <c r="L5740" s="40"/>
      <c r="M5740" s="40"/>
      <c r="N5740" s="40"/>
    </row>
    <row r="5741" spans="4:14" x14ac:dyDescent="0.25">
      <c r="D5741" s="40">
        <v>95.546179000004216</v>
      </c>
      <c r="E5741" s="40">
        <v>20.770683613233395</v>
      </c>
      <c r="F5741" s="40">
        <v>95.533332999999999</v>
      </c>
      <c r="G5741" s="40">
        <v>20.699717384654928</v>
      </c>
      <c r="H5741" s="40">
        <v>95.533333999999996</v>
      </c>
      <c r="I5741" s="40">
        <v>17.762500257618239</v>
      </c>
      <c r="J5741" s="40">
        <v>95.533298922619807</v>
      </c>
      <c r="K5741" s="40">
        <v>12.967838578952344</v>
      </c>
      <c r="L5741" s="40"/>
      <c r="M5741" s="40"/>
      <c r="N5741" s="40"/>
    </row>
    <row r="5742" spans="4:14" x14ac:dyDescent="0.25">
      <c r="D5742" s="40">
        <v>95.562845000004216</v>
      </c>
      <c r="E5742" s="40">
        <v>20.770683613233395</v>
      </c>
      <c r="F5742" s="40">
        <v>95.549999999999983</v>
      </c>
      <c r="G5742" s="40">
        <v>20.699717384654928</v>
      </c>
      <c r="H5742" s="40">
        <v>95.550000000000011</v>
      </c>
      <c r="I5742" s="40">
        <v>17.762500257618239</v>
      </c>
      <c r="J5742" s="40">
        <v>95.5499655833341</v>
      </c>
      <c r="K5742" s="40">
        <v>12.963130212999285</v>
      </c>
      <c r="L5742" s="40"/>
      <c r="M5742" s="40"/>
      <c r="N5742" s="40"/>
    </row>
    <row r="5743" spans="4:14" x14ac:dyDescent="0.25">
      <c r="D5743" s="40">
        <v>95.579511000004217</v>
      </c>
      <c r="E5743" s="40">
        <v>20.765840434643845</v>
      </c>
      <c r="F5743" s="40">
        <v>95.566666999999995</v>
      </c>
      <c r="G5743" s="40">
        <v>20.699717384654928</v>
      </c>
      <c r="H5743" s="40">
        <v>95.566666999999995</v>
      </c>
      <c r="I5743" s="40">
        <v>17.765852993761673</v>
      </c>
      <c r="J5743" s="40">
        <v>95.566632244048293</v>
      </c>
      <c r="K5743" s="40">
        <v>12.963130212999285</v>
      </c>
      <c r="L5743" s="40"/>
      <c r="M5743" s="40"/>
      <c r="N5743" s="40"/>
    </row>
    <row r="5744" spans="4:14" x14ac:dyDescent="0.25">
      <c r="D5744" s="40">
        <v>95.596177000004218</v>
      </c>
      <c r="E5744" s="40">
        <v>20.765840434643845</v>
      </c>
      <c r="F5744" s="40">
        <v>95.583332999999982</v>
      </c>
      <c r="G5744" s="40">
        <v>20.699717384654928</v>
      </c>
      <c r="H5744" s="40">
        <v>95.583334000000008</v>
      </c>
      <c r="I5744" s="40">
        <v>17.765852993761673</v>
      </c>
      <c r="J5744" s="40">
        <v>95.5832989047626</v>
      </c>
      <c r="K5744" s="40">
        <v>12.963130212999285</v>
      </c>
      <c r="L5744" s="40"/>
      <c r="M5744" s="40"/>
      <c r="N5744" s="40"/>
    </row>
    <row r="5745" spans="4:14" x14ac:dyDescent="0.25">
      <c r="D5745" s="40">
        <v>95.612843000004219</v>
      </c>
      <c r="E5745" s="40">
        <v>20.765840434643845</v>
      </c>
      <c r="F5745" s="40">
        <v>95.6</v>
      </c>
      <c r="G5745" s="40">
        <v>20.699717384654928</v>
      </c>
      <c r="H5745" s="40">
        <v>95.6</v>
      </c>
      <c r="I5745" s="40">
        <v>17.769205729904929</v>
      </c>
      <c r="J5745" s="40">
        <v>95.599965565476893</v>
      </c>
      <c r="K5745" s="40">
        <v>12.963130212999285</v>
      </c>
      <c r="L5745" s="40"/>
      <c r="M5745" s="40"/>
      <c r="N5745" s="40"/>
    </row>
    <row r="5746" spans="4:14" x14ac:dyDescent="0.25">
      <c r="D5746" s="40">
        <v>95.629509000004219</v>
      </c>
      <c r="E5746" s="40">
        <v>20.765840434643845</v>
      </c>
      <c r="F5746" s="40">
        <v>95.616667000000007</v>
      </c>
      <c r="G5746" s="40">
        <v>20.699717384654928</v>
      </c>
      <c r="H5746" s="40">
        <v>95.616667000000007</v>
      </c>
      <c r="I5746" s="40">
        <v>17.769205729904929</v>
      </c>
      <c r="J5746" s="40">
        <v>95.6166322261912</v>
      </c>
      <c r="K5746" s="40">
        <v>12.958279169290179</v>
      </c>
      <c r="L5746" s="40"/>
      <c r="M5746" s="40"/>
      <c r="N5746" s="40"/>
    </row>
    <row r="5747" spans="4:14" x14ac:dyDescent="0.25">
      <c r="D5747" s="40">
        <v>95.64617500000422</v>
      </c>
      <c r="E5747" s="40">
        <v>20.765840434643845</v>
      </c>
      <c r="F5747" s="40">
        <v>95.633332999999993</v>
      </c>
      <c r="G5747" s="40">
        <v>20.704472628745147</v>
      </c>
      <c r="H5747" s="40">
        <v>95.633334000000019</v>
      </c>
      <c r="I5747" s="40">
        <v>17.772459856161692</v>
      </c>
      <c r="J5747" s="40">
        <v>95.633298886905493</v>
      </c>
      <c r="K5747" s="40">
        <v>12.958279169290179</v>
      </c>
      <c r="L5747" s="40"/>
      <c r="M5747" s="40"/>
      <c r="N5747" s="40"/>
    </row>
    <row r="5748" spans="4:14" x14ac:dyDescent="0.25">
      <c r="D5748" s="40">
        <v>95.662841000004221</v>
      </c>
      <c r="E5748" s="40">
        <v>20.765840434643845</v>
      </c>
      <c r="F5748" s="40">
        <v>95.65</v>
      </c>
      <c r="G5748" s="40">
        <v>20.704472628745147</v>
      </c>
      <c r="H5748" s="40">
        <v>95.65</v>
      </c>
      <c r="I5748" s="40">
        <v>17.775812592304948</v>
      </c>
      <c r="J5748" s="40">
        <v>95.6499655476198</v>
      </c>
      <c r="K5748" s="40">
        <v>12.958279169290179</v>
      </c>
      <c r="L5748" s="40"/>
      <c r="M5748" s="40"/>
      <c r="N5748" s="40"/>
    </row>
    <row r="5749" spans="4:14" x14ac:dyDescent="0.25">
      <c r="D5749" s="40">
        <v>95.679507000004222</v>
      </c>
      <c r="E5749" s="40">
        <v>20.765840434643845</v>
      </c>
      <c r="F5749" s="40">
        <v>95.66666699999999</v>
      </c>
      <c r="G5749" s="40">
        <v>20.704472628745147</v>
      </c>
      <c r="H5749" s="40">
        <v>95.666667000000018</v>
      </c>
      <c r="I5749" s="40">
        <v>17.775812592304948</v>
      </c>
      <c r="J5749" s="40">
        <v>95.666632208334093</v>
      </c>
      <c r="K5749" s="40">
        <v>12.958279169290179</v>
      </c>
      <c r="L5749" s="40"/>
      <c r="M5749" s="40"/>
      <c r="N5749" s="40"/>
    </row>
    <row r="5750" spans="4:14" x14ac:dyDescent="0.25">
      <c r="D5750" s="40">
        <v>95.696173000004222</v>
      </c>
      <c r="E5750" s="40">
        <v>20.765840434643845</v>
      </c>
      <c r="F5750" s="40">
        <v>95.683333000000005</v>
      </c>
      <c r="G5750" s="40">
        <v>20.704472628745147</v>
      </c>
      <c r="H5750" s="40">
        <v>95.683334000000002</v>
      </c>
      <c r="I5750" s="40">
        <v>17.779165328448205</v>
      </c>
      <c r="J5750" s="40">
        <v>95.683298869048301</v>
      </c>
      <c r="K5750" s="40">
        <v>12.958279169290179</v>
      </c>
      <c r="L5750" s="40"/>
      <c r="M5750" s="40"/>
      <c r="N5750" s="40"/>
    </row>
    <row r="5751" spans="4:14" x14ac:dyDescent="0.25">
      <c r="D5751" s="40">
        <v>95.712839000004223</v>
      </c>
      <c r="E5751" s="40">
        <v>20.765840434643845</v>
      </c>
      <c r="F5751" s="40">
        <v>95.699999999999989</v>
      </c>
      <c r="G5751" s="40">
        <v>20.70908801271505</v>
      </c>
      <c r="H5751" s="40">
        <v>95.700000000000017</v>
      </c>
      <c r="I5751" s="40">
        <v>17.782518064591638</v>
      </c>
      <c r="J5751" s="40">
        <v>95.699965529762594</v>
      </c>
      <c r="K5751" s="40">
        <v>12.958279169290179</v>
      </c>
      <c r="L5751" s="40"/>
      <c r="M5751" s="40"/>
      <c r="N5751" s="40"/>
    </row>
    <row r="5752" spans="4:14" x14ac:dyDescent="0.25">
      <c r="D5752" s="40">
        <v>95.729505000004224</v>
      </c>
      <c r="E5752" s="40">
        <v>20.765840434643845</v>
      </c>
      <c r="F5752" s="40">
        <v>95.716667000000001</v>
      </c>
      <c r="G5752" s="40">
        <v>20.70908801271505</v>
      </c>
      <c r="H5752" s="40">
        <v>95.716667000000001</v>
      </c>
      <c r="I5752" s="40">
        <v>17.782518064591638</v>
      </c>
      <c r="J5752" s="40">
        <v>95.716632190476901</v>
      </c>
      <c r="K5752" s="40">
        <v>12.958279169290179</v>
      </c>
      <c r="L5752" s="40"/>
      <c r="M5752" s="40"/>
      <c r="N5752" s="40"/>
    </row>
    <row r="5753" spans="4:14" x14ac:dyDescent="0.25">
      <c r="D5753" s="40">
        <v>95.746171000004225</v>
      </c>
      <c r="E5753" s="40">
        <v>20.765840434643845</v>
      </c>
      <c r="F5753" s="40">
        <v>95.733332999999988</v>
      </c>
      <c r="G5753" s="40">
        <v>20.70908801271505</v>
      </c>
      <c r="H5753" s="40">
        <v>95.733334000000013</v>
      </c>
      <c r="I5753" s="40">
        <v>17.785772190848402</v>
      </c>
      <c r="J5753" s="40">
        <v>95.733298851191194</v>
      </c>
      <c r="K5753" s="40">
        <v>12.958279169290179</v>
      </c>
      <c r="L5753" s="40"/>
      <c r="M5753" s="40"/>
      <c r="N5753" s="40"/>
    </row>
    <row r="5754" spans="4:14" x14ac:dyDescent="0.25">
      <c r="D5754" s="40">
        <v>95.762837000004225</v>
      </c>
      <c r="E5754" s="40">
        <v>20.761139702483547</v>
      </c>
      <c r="F5754" s="40">
        <v>95.75</v>
      </c>
      <c r="G5754" s="40">
        <v>20.70908801271505</v>
      </c>
      <c r="H5754" s="40">
        <v>95.75</v>
      </c>
      <c r="I5754" s="40">
        <v>17.789124926991658</v>
      </c>
      <c r="J5754" s="40">
        <v>95.749965511905501</v>
      </c>
      <c r="K5754" s="40">
        <v>12.963130212999285</v>
      </c>
      <c r="L5754" s="40"/>
      <c r="M5754" s="40"/>
      <c r="N5754" s="40"/>
    </row>
    <row r="5755" spans="4:14" x14ac:dyDescent="0.25">
      <c r="D5755" s="40">
        <v>95.779503000004226</v>
      </c>
      <c r="E5755" s="40">
        <v>20.765840434643845</v>
      </c>
      <c r="F5755" s="40">
        <v>95.766666999999984</v>
      </c>
      <c r="G5755" s="40">
        <v>20.713843256805141</v>
      </c>
      <c r="H5755" s="40">
        <v>95.766667000000012</v>
      </c>
      <c r="I5755" s="40">
        <v>17.789124926991658</v>
      </c>
      <c r="J5755" s="40">
        <v>95.766632172619794</v>
      </c>
      <c r="K5755" s="40">
        <v>12.963130212999285</v>
      </c>
      <c r="L5755" s="40"/>
      <c r="M5755" s="40"/>
      <c r="N5755" s="40"/>
    </row>
    <row r="5756" spans="4:14" x14ac:dyDescent="0.25">
      <c r="D5756" s="40">
        <v>95.796169000004227</v>
      </c>
      <c r="E5756" s="40">
        <v>20.765840434643845</v>
      </c>
      <c r="F5756" s="40">
        <v>95.783332999999999</v>
      </c>
      <c r="G5756" s="40">
        <v>20.713843256805141</v>
      </c>
      <c r="H5756" s="40">
        <v>95.783333999999996</v>
      </c>
      <c r="I5756" s="40">
        <v>17.792477663134918</v>
      </c>
      <c r="J5756" s="40">
        <v>95.783298833334101</v>
      </c>
      <c r="K5756" s="40">
        <v>12.963130212999285</v>
      </c>
      <c r="L5756" s="40"/>
      <c r="M5756" s="40"/>
      <c r="N5756" s="40"/>
    </row>
    <row r="5757" spans="4:14" x14ac:dyDescent="0.25">
      <c r="D5757" s="40">
        <v>95.812835000004227</v>
      </c>
      <c r="E5757" s="40">
        <v>20.770683613233395</v>
      </c>
      <c r="F5757" s="40">
        <v>95.799999999999983</v>
      </c>
      <c r="G5757" s="40">
        <v>20.713843256805141</v>
      </c>
      <c r="H5757" s="40">
        <v>95.800000000000011</v>
      </c>
      <c r="I5757" s="40">
        <v>17.792477663134918</v>
      </c>
      <c r="J5757" s="40">
        <v>95.799965494048294</v>
      </c>
      <c r="K5757" s="40">
        <v>12.967838578952344</v>
      </c>
      <c r="L5757" s="40"/>
      <c r="M5757" s="40"/>
      <c r="N5757" s="40"/>
    </row>
    <row r="5758" spans="4:14" x14ac:dyDescent="0.25">
      <c r="D5758" s="40">
        <v>95.829501000004228</v>
      </c>
      <c r="E5758" s="40">
        <v>20.775526791822944</v>
      </c>
      <c r="F5758" s="40">
        <v>95.816666999999995</v>
      </c>
      <c r="G5758" s="40">
        <v>20.713843256805141</v>
      </c>
      <c r="H5758" s="40">
        <v>95.816666999999995</v>
      </c>
      <c r="I5758" s="40">
        <v>17.795731789391681</v>
      </c>
      <c r="J5758" s="40">
        <v>95.816632154762601</v>
      </c>
      <c r="K5758" s="40">
        <v>12.967838578952344</v>
      </c>
      <c r="L5758" s="40"/>
      <c r="M5758" s="40"/>
      <c r="N5758" s="40"/>
    </row>
    <row r="5759" spans="4:14" x14ac:dyDescent="0.25">
      <c r="D5759" s="40">
        <v>95.846167000004229</v>
      </c>
      <c r="E5759" s="40">
        <v>20.775526791822944</v>
      </c>
      <c r="F5759" s="40">
        <v>95.833332999999982</v>
      </c>
      <c r="G5759" s="40">
        <v>20.713843256805141</v>
      </c>
      <c r="H5759" s="40">
        <v>95.833334000000008</v>
      </c>
      <c r="I5759" s="40">
        <v>17.799084525535111</v>
      </c>
      <c r="J5759" s="40">
        <v>95.833298815476894</v>
      </c>
      <c r="K5759" s="40">
        <v>12.972689622661578</v>
      </c>
      <c r="L5759" s="40"/>
      <c r="M5759" s="40"/>
      <c r="N5759" s="40"/>
    </row>
    <row r="5760" spans="4:14" x14ac:dyDescent="0.25">
      <c r="D5760" s="40">
        <v>95.86283300000423</v>
      </c>
      <c r="E5760" s="40">
        <v>20.775526791822944</v>
      </c>
      <c r="F5760" s="40">
        <v>95.85</v>
      </c>
      <c r="G5760" s="40">
        <v>20.713843256805141</v>
      </c>
      <c r="H5760" s="40">
        <v>95.85</v>
      </c>
      <c r="I5760" s="40">
        <v>17.799084525535111</v>
      </c>
      <c r="J5760" s="40">
        <v>95.849965476191201</v>
      </c>
      <c r="K5760" s="40">
        <v>12.972689622661578</v>
      </c>
      <c r="L5760" s="40"/>
      <c r="M5760" s="40"/>
      <c r="N5760" s="40"/>
    </row>
    <row r="5761" spans="4:14" x14ac:dyDescent="0.25">
      <c r="D5761" s="40">
        <v>95.87949900000423</v>
      </c>
      <c r="E5761" s="40">
        <v>20.775526791822944</v>
      </c>
      <c r="F5761" s="40">
        <v>95.866667000000007</v>
      </c>
      <c r="G5761" s="40">
        <v>20.718598500895361</v>
      </c>
      <c r="H5761" s="40">
        <v>95.866667000000007</v>
      </c>
      <c r="I5761" s="40">
        <v>17.802437261678367</v>
      </c>
      <c r="J5761" s="40">
        <v>95.866632136905494</v>
      </c>
      <c r="K5761" s="40">
        <v>12.972689622661578</v>
      </c>
      <c r="L5761" s="40"/>
      <c r="M5761" s="40"/>
      <c r="N5761" s="40"/>
    </row>
    <row r="5762" spans="4:14" x14ac:dyDescent="0.25">
      <c r="D5762" s="40">
        <v>95.896165000004231</v>
      </c>
      <c r="E5762" s="40">
        <v>20.775526791822944</v>
      </c>
      <c r="F5762" s="40">
        <v>95.883332999999993</v>
      </c>
      <c r="G5762" s="40">
        <v>20.718598500895361</v>
      </c>
      <c r="H5762" s="40">
        <v>95.883334000000019</v>
      </c>
      <c r="I5762" s="40">
        <v>17.802437261678367</v>
      </c>
      <c r="J5762" s="40">
        <v>95.883298797619801</v>
      </c>
      <c r="K5762" s="40">
        <v>12.972689622661578</v>
      </c>
      <c r="L5762" s="40"/>
      <c r="M5762" s="40"/>
      <c r="N5762" s="40"/>
    </row>
    <row r="5763" spans="4:14" x14ac:dyDescent="0.25">
      <c r="D5763" s="40">
        <v>95.912831000004232</v>
      </c>
      <c r="E5763" s="40">
        <v>20.78022752398337</v>
      </c>
      <c r="F5763" s="40">
        <v>95.9</v>
      </c>
      <c r="G5763" s="40">
        <v>20.718598500895361</v>
      </c>
      <c r="H5763" s="40">
        <v>95.9</v>
      </c>
      <c r="I5763" s="40">
        <v>17.805691387935131</v>
      </c>
      <c r="J5763" s="40">
        <v>95.899965458334094</v>
      </c>
      <c r="K5763" s="40">
        <v>12.977540666370684</v>
      </c>
      <c r="L5763" s="40"/>
      <c r="M5763" s="40"/>
      <c r="N5763" s="40"/>
    </row>
    <row r="5764" spans="4:14" x14ac:dyDescent="0.25">
      <c r="D5764" s="40">
        <v>95.929497000004233</v>
      </c>
      <c r="E5764" s="40">
        <v>20.78022752398337</v>
      </c>
      <c r="F5764" s="40">
        <v>95.91666699999999</v>
      </c>
      <c r="G5764" s="40">
        <v>20.713843256805141</v>
      </c>
      <c r="H5764" s="40">
        <v>95.916667000000018</v>
      </c>
      <c r="I5764" s="40">
        <v>17.80904412407839</v>
      </c>
      <c r="J5764" s="40">
        <v>95.916632119048302</v>
      </c>
      <c r="K5764" s="40">
        <v>12.977540666370684</v>
      </c>
      <c r="L5764" s="40"/>
      <c r="M5764" s="40"/>
      <c r="N5764" s="40"/>
    </row>
    <row r="5765" spans="4:14" x14ac:dyDescent="0.25">
      <c r="D5765" s="40">
        <v>95.946163000004233</v>
      </c>
      <c r="E5765" s="40">
        <v>20.78022752398337</v>
      </c>
      <c r="F5765" s="40">
        <v>95.933333000000005</v>
      </c>
      <c r="G5765" s="40">
        <v>20.713843256805141</v>
      </c>
      <c r="H5765" s="40">
        <v>95.933334000000002</v>
      </c>
      <c r="I5765" s="40">
        <v>17.812396860221646</v>
      </c>
      <c r="J5765" s="40">
        <v>95.933298779762595</v>
      </c>
      <c r="K5765" s="40">
        <v>12.977540666370684</v>
      </c>
      <c r="L5765" s="40"/>
      <c r="M5765" s="40"/>
      <c r="N5765" s="40"/>
    </row>
    <row r="5766" spans="4:14" x14ac:dyDescent="0.25">
      <c r="D5766" s="40">
        <v>95.962829000004234</v>
      </c>
      <c r="E5766" s="40">
        <v>20.785070702572792</v>
      </c>
      <c r="F5766" s="40">
        <v>95.949999999999989</v>
      </c>
      <c r="G5766" s="40">
        <v>20.718598500895361</v>
      </c>
      <c r="H5766" s="40">
        <v>95.950000000000017</v>
      </c>
      <c r="I5766" s="40">
        <v>17.812396860221646</v>
      </c>
      <c r="J5766" s="40">
        <v>95.949965440476902</v>
      </c>
      <c r="K5766" s="40">
        <v>12.982249032323741</v>
      </c>
      <c r="L5766" s="40"/>
      <c r="M5766" s="40"/>
      <c r="N5766" s="40"/>
    </row>
    <row r="5767" spans="4:14" x14ac:dyDescent="0.25">
      <c r="D5767" s="40">
        <v>95.979495000004235</v>
      </c>
      <c r="E5767" s="40">
        <v>20.785070702572792</v>
      </c>
      <c r="F5767" s="40">
        <v>95.966667000000001</v>
      </c>
      <c r="G5767" s="40">
        <v>20.718598500895361</v>
      </c>
      <c r="H5767" s="40">
        <v>95.966667000000001</v>
      </c>
      <c r="I5767" s="40">
        <v>17.81565098647841</v>
      </c>
      <c r="J5767" s="40">
        <v>95.966632101191195</v>
      </c>
      <c r="K5767" s="40">
        <v>12.982249032323741</v>
      </c>
      <c r="L5767" s="40"/>
      <c r="M5767" s="40"/>
      <c r="N5767" s="40"/>
    </row>
    <row r="5768" spans="4:14" x14ac:dyDescent="0.25">
      <c r="D5768" s="40">
        <v>95.996161000004236</v>
      </c>
      <c r="E5768" s="40">
        <v>20.789913881162342</v>
      </c>
      <c r="F5768" s="40">
        <v>95.983332999999988</v>
      </c>
      <c r="G5768" s="40">
        <v>20.718598500895361</v>
      </c>
      <c r="H5768" s="40">
        <v>95.983334000000013</v>
      </c>
      <c r="I5768" s="40">
        <v>17.81900372262184</v>
      </c>
      <c r="J5768" s="40">
        <v>95.983298761905502</v>
      </c>
      <c r="K5768" s="40">
        <v>12.987100076032975</v>
      </c>
      <c r="L5768" s="40"/>
      <c r="M5768" s="40"/>
      <c r="N5768" s="40"/>
    </row>
    <row r="5769" spans="4:14" x14ac:dyDescent="0.25">
      <c r="D5769" s="40">
        <v>96.012827000004236</v>
      </c>
      <c r="E5769" s="40">
        <v>20.789913881162342</v>
      </c>
      <c r="F5769" s="40">
        <v>96</v>
      </c>
      <c r="G5769" s="40">
        <v>20.718598500895361</v>
      </c>
      <c r="H5769" s="40">
        <v>96</v>
      </c>
      <c r="I5769" s="40">
        <v>17.81900372262184</v>
      </c>
      <c r="J5769" s="40">
        <v>95.999965422619795</v>
      </c>
      <c r="K5769" s="40">
        <v>12.987100076032975</v>
      </c>
      <c r="L5769" s="40"/>
      <c r="M5769" s="40"/>
      <c r="N5769" s="40"/>
    </row>
    <row r="5770" spans="4:14" x14ac:dyDescent="0.25">
      <c r="D5770" s="40">
        <v>96.029493000004237</v>
      </c>
      <c r="E5770" s="40">
        <v>20.789913881162342</v>
      </c>
      <c r="F5770" s="40">
        <v>96.016666999999984</v>
      </c>
      <c r="G5770" s="40">
        <v>20.718598500895361</v>
      </c>
      <c r="H5770" s="40">
        <v>96.016667000000012</v>
      </c>
      <c r="I5770" s="40">
        <v>17.8223564587651</v>
      </c>
      <c r="J5770" s="40">
        <v>96.016632083334102</v>
      </c>
      <c r="K5770" s="40">
        <v>12.987100076032975</v>
      </c>
      <c r="L5770" s="40"/>
      <c r="M5770" s="40"/>
      <c r="N5770" s="40"/>
    </row>
    <row r="5771" spans="4:14" x14ac:dyDescent="0.25">
      <c r="D5771" s="40">
        <v>96.046159000004238</v>
      </c>
      <c r="E5771" s="40">
        <v>20.789913881162342</v>
      </c>
      <c r="F5771" s="40">
        <v>96.033332999999999</v>
      </c>
      <c r="G5771" s="40">
        <v>20.718598500895361</v>
      </c>
      <c r="H5771" s="40">
        <v>96.033333999999996</v>
      </c>
      <c r="I5771" s="40">
        <v>17.82561058502186</v>
      </c>
      <c r="J5771" s="40">
        <v>96.033298744048295</v>
      </c>
      <c r="K5771" s="40">
        <v>12.991951119742208</v>
      </c>
      <c r="L5771" s="40"/>
      <c r="M5771" s="40"/>
      <c r="N5771" s="40"/>
    </row>
    <row r="5772" spans="4:14" x14ac:dyDescent="0.25">
      <c r="D5772" s="40">
        <v>96.062825000004239</v>
      </c>
      <c r="E5772" s="40">
        <v>20.789913881162342</v>
      </c>
      <c r="F5772" s="40">
        <v>96.049999999999983</v>
      </c>
      <c r="G5772" s="40">
        <v>20.723213884865263</v>
      </c>
      <c r="H5772" s="40">
        <v>96.050000000000011</v>
      </c>
      <c r="I5772" s="40">
        <v>17.82561058502186</v>
      </c>
      <c r="J5772" s="40">
        <v>96.049965404762602</v>
      </c>
      <c r="K5772" s="40">
        <v>12.991951119742208</v>
      </c>
      <c r="L5772" s="40"/>
      <c r="M5772" s="40"/>
      <c r="N5772" s="40"/>
    </row>
    <row r="5773" spans="4:14" x14ac:dyDescent="0.25">
      <c r="D5773" s="40">
        <v>96.079491000004239</v>
      </c>
      <c r="E5773" s="40">
        <v>20.789913881162342</v>
      </c>
      <c r="F5773" s="40">
        <v>96.066666999999995</v>
      </c>
      <c r="G5773" s="40">
        <v>20.723213884865263</v>
      </c>
      <c r="H5773" s="40">
        <v>96.066666999999995</v>
      </c>
      <c r="I5773" s="40">
        <v>17.828963321165119</v>
      </c>
      <c r="J5773" s="40">
        <v>96.066632065476895</v>
      </c>
      <c r="K5773" s="40">
        <v>12.991951119742208</v>
      </c>
      <c r="L5773" s="40"/>
      <c r="M5773" s="40"/>
      <c r="N5773" s="40"/>
    </row>
    <row r="5774" spans="4:14" x14ac:dyDescent="0.25">
      <c r="D5774" s="40">
        <v>96.09615700000424</v>
      </c>
      <c r="E5774" s="40">
        <v>20.794614613322764</v>
      </c>
      <c r="F5774" s="40">
        <v>96.083332999999982</v>
      </c>
      <c r="G5774" s="40">
        <v>20.723213884865263</v>
      </c>
      <c r="H5774" s="40">
        <v>96.083334000000008</v>
      </c>
      <c r="I5774" s="40">
        <v>17.828963321165119</v>
      </c>
      <c r="J5774" s="40">
        <v>96.083298726191202</v>
      </c>
      <c r="K5774" s="40">
        <v>12.991951119742208</v>
      </c>
      <c r="L5774" s="40"/>
      <c r="M5774" s="40"/>
      <c r="N5774" s="40"/>
    </row>
    <row r="5775" spans="4:14" x14ac:dyDescent="0.25">
      <c r="D5775" s="40">
        <v>96.112823000004241</v>
      </c>
      <c r="E5775" s="40">
        <v>20.794614613322764</v>
      </c>
      <c r="F5775" s="40">
        <v>96.1</v>
      </c>
      <c r="G5775" s="40">
        <v>20.723213884865263</v>
      </c>
      <c r="H5775" s="40">
        <v>96.1</v>
      </c>
      <c r="I5775" s="40">
        <v>17.83231605730855</v>
      </c>
      <c r="J5775" s="40">
        <v>96.099965386905495</v>
      </c>
      <c r="K5775" s="40">
        <v>12.991951119742208</v>
      </c>
      <c r="L5775" s="40"/>
      <c r="M5775" s="40"/>
      <c r="N5775" s="40"/>
    </row>
    <row r="5776" spans="4:14" x14ac:dyDescent="0.25">
      <c r="D5776" s="40">
        <v>96.129489000004241</v>
      </c>
      <c r="E5776" s="40">
        <v>20.794614613322764</v>
      </c>
      <c r="F5776" s="40">
        <v>96.116667000000007</v>
      </c>
      <c r="G5776" s="40">
        <v>20.723213884865263</v>
      </c>
      <c r="H5776" s="40">
        <v>96.116667000000007</v>
      </c>
      <c r="I5776" s="40">
        <v>17.83231605730855</v>
      </c>
      <c r="J5776" s="40">
        <v>96.116632047619802</v>
      </c>
      <c r="K5776" s="40">
        <v>12.991951119742208</v>
      </c>
      <c r="L5776" s="40"/>
      <c r="M5776" s="40"/>
      <c r="N5776" s="40"/>
    </row>
    <row r="5777" spans="4:14" x14ac:dyDescent="0.25">
      <c r="D5777" s="40">
        <v>96.146155000004242</v>
      </c>
      <c r="E5777" s="40">
        <v>20.794614613322764</v>
      </c>
      <c r="F5777" s="40">
        <v>96.133332999999993</v>
      </c>
      <c r="G5777" s="40">
        <v>20.723213884865263</v>
      </c>
      <c r="H5777" s="40">
        <v>96.133334000000019</v>
      </c>
      <c r="I5777" s="40">
        <v>17.835570183565139</v>
      </c>
      <c r="J5777" s="40">
        <v>96.133298708334095</v>
      </c>
      <c r="K5777" s="40">
        <v>12.99665948569514</v>
      </c>
      <c r="L5777" s="40"/>
      <c r="M5777" s="40"/>
      <c r="N5777" s="40"/>
    </row>
    <row r="5778" spans="4:14" x14ac:dyDescent="0.25">
      <c r="D5778" s="40">
        <v>96.162821000004243</v>
      </c>
      <c r="E5778" s="40">
        <v>20.794614613322764</v>
      </c>
      <c r="F5778" s="40">
        <v>96.15</v>
      </c>
      <c r="G5778" s="40">
        <v>20.723213884865263</v>
      </c>
      <c r="H5778" s="40">
        <v>96.15</v>
      </c>
      <c r="I5778" s="40">
        <v>17.835570183565139</v>
      </c>
      <c r="J5778" s="40">
        <v>96.149965369048303</v>
      </c>
      <c r="K5778" s="40">
        <v>12.991951119742208</v>
      </c>
      <c r="L5778" s="40"/>
      <c r="M5778" s="40"/>
      <c r="N5778" s="40"/>
    </row>
    <row r="5779" spans="4:14" x14ac:dyDescent="0.25">
      <c r="D5779" s="40">
        <v>96.179487000004244</v>
      </c>
      <c r="E5779" s="40">
        <v>20.799457791912186</v>
      </c>
      <c r="F5779" s="40">
        <v>96.16666699999999</v>
      </c>
      <c r="G5779" s="40">
        <v>20.723213884865263</v>
      </c>
      <c r="H5779" s="40">
        <v>96.166667000000018</v>
      </c>
      <c r="I5779" s="40">
        <v>17.838922919708569</v>
      </c>
      <c r="J5779" s="40">
        <v>96.166632029762596</v>
      </c>
      <c r="K5779" s="40">
        <v>12.991951119742208</v>
      </c>
      <c r="L5779" s="40"/>
      <c r="M5779" s="40"/>
      <c r="N5779" s="40"/>
    </row>
    <row r="5780" spans="4:14" x14ac:dyDescent="0.25">
      <c r="D5780" s="40">
        <v>96.196153000004244</v>
      </c>
      <c r="E5780" s="40">
        <v>20.799457791912186</v>
      </c>
      <c r="F5780" s="40">
        <v>96.183333000000005</v>
      </c>
      <c r="G5780" s="40">
        <v>20.723213884865263</v>
      </c>
      <c r="H5780" s="40">
        <v>96.183334000000002</v>
      </c>
      <c r="I5780" s="40">
        <v>17.838922919708569</v>
      </c>
      <c r="J5780" s="40">
        <v>96.183298690476903</v>
      </c>
      <c r="K5780" s="40">
        <v>12.991951119742208</v>
      </c>
      <c r="L5780" s="40"/>
      <c r="M5780" s="40"/>
      <c r="N5780" s="40"/>
    </row>
    <row r="5781" spans="4:14" x14ac:dyDescent="0.25">
      <c r="D5781" s="40">
        <v>96.212819000004245</v>
      </c>
      <c r="E5781" s="40">
        <v>20.799457791912186</v>
      </c>
      <c r="F5781" s="40">
        <v>96.199999999999989</v>
      </c>
      <c r="G5781" s="40">
        <v>20.727969128955479</v>
      </c>
      <c r="H5781" s="40">
        <v>96.200000000000017</v>
      </c>
      <c r="I5781" s="40">
        <v>17.842275655851829</v>
      </c>
      <c r="J5781" s="40">
        <v>96.199965351191196</v>
      </c>
      <c r="K5781" s="40">
        <v>12.991951119742208</v>
      </c>
      <c r="L5781" s="40"/>
      <c r="M5781" s="40"/>
      <c r="N5781" s="40"/>
    </row>
    <row r="5782" spans="4:14" x14ac:dyDescent="0.25">
      <c r="D5782" s="40">
        <v>96.229485000004246</v>
      </c>
      <c r="E5782" s="40">
        <v>20.799457791912186</v>
      </c>
      <c r="F5782" s="40">
        <v>96.216667000000001</v>
      </c>
      <c r="G5782" s="40">
        <v>20.727969128955479</v>
      </c>
      <c r="H5782" s="40">
        <v>96.216667000000001</v>
      </c>
      <c r="I5782" s="40">
        <v>17.842275655851829</v>
      </c>
      <c r="J5782" s="40">
        <v>96.216632011905503</v>
      </c>
      <c r="K5782" s="40">
        <v>12.991951119742208</v>
      </c>
      <c r="L5782" s="40"/>
      <c r="M5782" s="40"/>
      <c r="N5782" s="40"/>
    </row>
    <row r="5783" spans="4:14" x14ac:dyDescent="0.25">
      <c r="D5783" s="40">
        <v>96.246151000004247</v>
      </c>
      <c r="E5783" s="40">
        <v>20.799457791912186</v>
      </c>
      <c r="F5783" s="40">
        <v>96.233332999999988</v>
      </c>
      <c r="G5783" s="40">
        <v>20.727969128955479</v>
      </c>
      <c r="H5783" s="40">
        <v>96.233334000000013</v>
      </c>
      <c r="I5783" s="40">
        <v>17.845529782108592</v>
      </c>
      <c r="J5783" s="40">
        <v>96.233298672619796</v>
      </c>
      <c r="K5783" s="40">
        <v>12.987100076032975</v>
      </c>
      <c r="L5783" s="40"/>
      <c r="M5783" s="40"/>
      <c r="N5783" s="40"/>
    </row>
    <row r="5784" spans="4:14" x14ac:dyDescent="0.25">
      <c r="D5784" s="40">
        <v>96.262817000004247</v>
      </c>
      <c r="E5784" s="40">
        <v>20.794614613322764</v>
      </c>
      <c r="F5784" s="40">
        <v>96.25</v>
      </c>
      <c r="G5784" s="40">
        <v>20.727969128955479</v>
      </c>
      <c r="H5784" s="40">
        <v>96.25</v>
      </c>
      <c r="I5784" s="40">
        <v>17.845529782108592</v>
      </c>
      <c r="J5784" s="40">
        <v>96.249965333334103</v>
      </c>
      <c r="K5784" s="40">
        <v>12.987100076032975</v>
      </c>
      <c r="L5784" s="40"/>
      <c r="M5784" s="40"/>
      <c r="N5784" s="40"/>
    </row>
    <row r="5785" spans="4:14" x14ac:dyDescent="0.25">
      <c r="D5785" s="40">
        <v>96.279483000004248</v>
      </c>
      <c r="E5785" s="40">
        <v>20.794614613322764</v>
      </c>
      <c r="F5785" s="40">
        <v>96.266666999999984</v>
      </c>
      <c r="G5785" s="40">
        <v>20.727969128955479</v>
      </c>
      <c r="H5785" s="40">
        <v>96.266667000000012</v>
      </c>
      <c r="I5785" s="40">
        <v>17.848882518251848</v>
      </c>
      <c r="J5785" s="40">
        <v>96.266631994048296</v>
      </c>
      <c r="K5785" s="40">
        <v>12.987100076032975</v>
      </c>
      <c r="L5785" s="40"/>
      <c r="M5785" s="40"/>
      <c r="N5785" s="40"/>
    </row>
    <row r="5786" spans="4:14" x14ac:dyDescent="0.25">
      <c r="D5786" s="40">
        <v>96.296149000004249</v>
      </c>
      <c r="E5786" s="40">
        <v>20.794614613322764</v>
      </c>
      <c r="F5786" s="40">
        <v>96.283332999999999</v>
      </c>
      <c r="G5786" s="40">
        <v>20.727969128955479</v>
      </c>
      <c r="H5786" s="40">
        <v>96.283333999999996</v>
      </c>
      <c r="I5786" s="40">
        <v>17.848882518251848</v>
      </c>
      <c r="J5786" s="40">
        <v>96.283298654762604</v>
      </c>
      <c r="K5786" s="40">
        <v>12.987100076032975</v>
      </c>
      <c r="L5786" s="40"/>
      <c r="M5786" s="40"/>
      <c r="N5786" s="40"/>
    </row>
    <row r="5787" spans="4:14" x14ac:dyDescent="0.25">
      <c r="D5787" s="40">
        <v>96.31281500000425</v>
      </c>
      <c r="E5787" s="40">
        <v>20.794614613322764</v>
      </c>
      <c r="F5787" s="40">
        <v>96.299999999999983</v>
      </c>
      <c r="G5787" s="40">
        <v>20.732724373045574</v>
      </c>
      <c r="H5787" s="40">
        <v>96.300000000000011</v>
      </c>
      <c r="I5787" s="40">
        <v>17.852235254395278</v>
      </c>
      <c r="J5787" s="40">
        <v>96.299965315476896</v>
      </c>
      <c r="K5787" s="40">
        <v>12.991951119742208</v>
      </c>
      <c r="L5787" s="40"/>
      <c r="M5787" s="40"/>
      <c r="N5787" s="40"/>
    </row>
    <row r="5788" spans="4:14" x14ac:dyDescent="0.25">
      <c r="D5788" s="40">
        <v>96.32948100000425</v>
      </c>
      <c r="E5788" s="40">
        <v>20.794614613322764</v>
      </c>
      <c r="F5788" s="40">
        <v>96.316666999999995</v>
      </c>
      <c r="G5788" s="40">
        <v>20.732724373045574</v>
      </c>
      <c r="H5788" s="40">
        <v>96.316666999999995</v>
      </c>
      <c r="I5788" s="40">
        <v>17.852235254395278</v>
      </c>
      <c r="J5788" s="40">
        <v>96.316631976191204</v>
      </c>
      <c r="K5788" s="40">
        <v>12.991951119742208</v>
      </c>
      <c r="L5788" s="40"/>
      <c r="M5788" s="40"/>
      <c r="N5788" s="40"/>
    </row>
    <row r="5789" spans="4:14" x14ac:dyDescent="0.25">
      <c r="D5789" s="40">
        <v>96.346147000004251</v>
      </c>
      <c r="E5789" s="40">
        <v>20.794614613322764</v>
      </c>
      <c r="F5789" s="40">
        <v>96.333332999999982</v>
      </c>
      <c r="G5789" s="40">
        <v>20.732724373045574</v>
      </c>
      <c r="H5789" s="40">
        <v>96.333334000000008</v>
      </c>
      <c r="I5789" s="40">
        <v>17.855489380652042</v>
      </c>
      <c r="J5789" s="40">
        <v>96.333298636905496</v>
      </c>
      <c r="K5789" s="40">
        <v>12.987100076032975</v>
      </c>
      <c r="L5789" s="40"/>
      <c r="M5789" s="40"/>
      <c r="N5789" s="40"/>
    </row>
    <row r="5790" spans="4:14" x14ac:dyDescent="0.25">
      <c r="D5790" s="40">
        <v>96.362813000004252</v>
      </c>
      <c r="E5790" s="40">
        <v>20.794614613322764</v>
      </c>
      <c r="F5790" s="40">
        <v>96.35</v>
      </c>
      <c r="G5790" s="40">
        <v>20.732724373045574</v>
      </c>
      <c r="H5790" s="40">
        <v>96.35</v>
      </c>
      <c r="I5790" s="40">
        <v>17.855489380652042</v>
      </c>
      <c r="J5790" s="40">
        <v>96.349965297619804</v>
      </c>
      <c r="K5790" s="40">
        <v>12.987100076032975</v>
      </c>
      <c r="L5790" s="40"/>
      <c r="M5790" s="40"/>
      <c r="N5790" s="40"/>
    </row>
    <row r="5791" spans="4:14" x14ac:dyDescent="0.25">
      <c r="D5791" s="40">
        <v>96.379479000004252</v>
      </c>
      <c r="E5791" s="40">
        <v>20.794614613322764</v>
      </c>
      <c r="F5791" s="40">
        <v>96.366667000000007</v>
      </c>
      <c r="G5791" s="40">
        <v>20.732724373045574</v>
      </c>
      <c r="H5791" s="40">
        <v>96.366667000000007</v>
      </c>
      <c r="I5791" s="40">
        <v>17.858842116795302</v>
      </c>
      <c r="J5791" s="40">
        <v>96.366631958334096</v>
      </c>
      <c r="K5791" s="40">
        <v>12.987100076032975</v>
      </c>
      <c r="L5791" s="40"/>
      <c r="M5791" s="40"/>
      <c r="N5791" s="40"/>
    </row>
    <row r="5792" spans="4:14" x14ac:dyDescent="0.25">
      <c r="D5792" s="40">
        <v>96.396145000004253</v>
      </c>
      <c r="E5792" s="40">
        <v>20.794614613322764</v>
      </c>
      <c r="F5792" s="40">
        <v>96.383332999999993</v>
      </c>
      <c r="G5792" s="40">
        <v>20.737339757015476</v>
      </c>
      <c r="H5792" s="40">
        <v>96.383334000000019</v>
      </c>
      <c r="I5792" s="40">
        <v>17.858842116795302</v>
      </c>
      <c r="J5792" s="40">
        <v>96.383298619048304</v>
      </c>
      <c r="K5792" s="40">
        <v>12.987100076032975</v>
      </c>
      <c r="L5792" s="40"/>
      <c r="M5792" s="40"/>
      <c r="N5792" s="40"/>
    </row>
    <row r="5793" spans="4:14" x14ac:dyDescent="0.25">
      <c r="D5793" s="40">
        <v>96.412811000004254</v>
      </c>
      <c r="E5793" s="40">
        <v>20.789913881162342</v>
      </c>
      <c r="F5793" s="40">
        <v>96.4</v>
      </c>
      <c r="G5793" s="40">
        <v>20.737339757015476</v>
      </c>
      <c r="H5793" s="40">
        <v>96.4</v>
      </c>
      <c r="I5793" s="40">
        <v>17.862194852938558</v>
      </c>
      <c r="J5793" s="40">
        <v>96.399965279762597</v>
      </c>
      <c r="K5793" s="40">
        <v>12.987100076032975</v>
      </c>
      <c r="L5793" s="40"/>
      <c r="M5793" s="40"/>
      <c r="N5793" s="40"/>
    </row>
    <row r="5794" spans="4:14" x14ac:dyDescent="0.25">
      <c r="D5794" s="40">
        <v>96.429477000004255</v>
      </c>
      <c r="E5794" s="40">
        <v>20.789913881162342</v>
      </c>
      <c r="F5794" s="40">
        <v>96.41666699999999</v>
      </c>
      <c r="G5794" s="40">
        <v>20.737339757015476</v>
      </c>
      <c r="H5794" s="40">
        <v>96.416667000000018</v>
      </c>
      <c r="I5794" s="40">
        <v>17.865448979195321</v>
      </c>
      <c r="J5794" s="40">
        <v>96.416631940476904</v>
      </c>
      <c r="K5794" s="40">
        <v>12.987100076032975</v>
      </c>
      <c r="L5794" s="40"/>
      <c r="M5794" s="40"/>
      <c r="N5794" s="40"/>
    </row>
    <row r="5795" spans="4:14" x14ac:dyDescent="0.25">
      <c r="D5795" s="40">
        <v>96.446143000004255</v>
      </c>
      <c r="E5795" s="40">
        <v>20.789913881162342</v>
      </c>
      <c r="F5795" s="40">
        <v>96.433333000000005</v>
      </c>
      <c r="G5795" s="40">
        <v>20.737339757015476</v>
      </c>
      <c r="H5795" s="40">
        <v>96.433334000000002</v>
      </c>
      <c r="I5795" s="40">
        <v>17.865448979195321</v>
      </c>
      <c r="J5795" s="40">
        <v>96.433298601191197</v>
      </c>
      <c r="K5795" s="40">
        <v>12.987100076032975</v>
      </c>
      <c r="L5795" s="40"/>
      <c r="M5795" s="40"/>
      <c r="N5795" s="40"/>
    </row>
    <row r="5796" spans="4:14" x14ac:dyDescent="0.25">
      <c r="D5796" s="40">
        <v>96.462809000004256</v>
      </c>
      <c r="E5796" s="40">
        <v>20.789913881162342</v>
      </c>
      <c r="F5796" s="40">
        <v>96.449999999999989</v>
      </c>
      <c r="G5796" s="40">
        <v>20.742095001105692</v>
      </c>
      <c r="H5796" s="40">
        <v>96.450000000000017</v>
      </c>
      <c r="I5796" s="40">
        <v>17.868801715338577</v>
      </c>
      <c r="J5796" s="40">
        <v>96.449965261905504</v>
      </c>
      <c r="K5796" s="40">
        <v>12.987100076032975</v>
      </c>
      <c r="L5796" s="40"/>
      <c r="M5796" s="40"/>
      <c r="N5796" s="40"/>
    </row>
    <row r="5797" spans="4:14" x14ac:dyDescent="0.25">
      <c r="D5797" s="40">
        <v>96.479475000004257</v>
      </c>
      <c r="E5797" s="40">
        <v>20.789913881162342</v>
      </c>
      <c r="F5797" s="40">
        <v>96.466667000000001</v>
      </c>
      <c r="G5797" s="40">
        <v>20.742095001105692</v>
      </c>
      <c r="H5797" s="40">
        <v>96.466667000000001</v>
      </c>
      <c r="I5797" s="40">
        <v>17.868801715338577</v>
      </c>
      <c r="J5797" s="40">
        <v>96.466631922619797</v>
      </c>
      <c r="K5797" s="40">
        <v>12.987100076032975</v>
      </c>
      <c r="L5797" s="40"/>
      <c r="M5797" s="40"/>
      <c r="N5797" s="40"/>
    </row>
    <row r="5798" spans="4:14" x14ac:dyDescent="0.25">
      <c r="D5798" s="40">
        <v>96.496141000004258</v>
      </c>
      <c r="E5798" s="40">
        <v>20.789913881162342</v>
      </c>
      <c r="F5798" s="40">
        <v>96.483332999999988</v>
      </c>
      <c r="G5798" s="40">
        <v>20.742095001105692</v>
      </c>
      <c r="H5798" s="40">
        <v>96.483334000000013</v>
      </c>
      <c r="I5798" s="40">
        <v>17.872154451482011</v>
      </c>
      <c r="J5798" s="40">
        <v>96.483298583334104</v>
      </c>
      <c r="K5798" s="40">
        <v>12.987100076032975</v>
      </c>
      <c r="L5798" s="40"/>
      <c r="M5798" s="40"/>
      <c r="N5798" s="40"/>
    </row>
    <row r="5799" spans="4:14" x14ac:dyDescent="0.25">
      <c r="D5799" s="40">
        <v>96.512807000004258</v>
      </c>
      <c r="E5799" s="40">
        <v>20.794614613322764</v>
      </c>
      <c r="F5799" s="40">
        <v>96.5</v>
      </c>
      <c r="G5799" s="40">
        <v>20.742095001105692</v>
      </c>
      <c r="H5799" s="40">
        <v>96.5</v>
      </c>
      <c r="I5799" s="40">
        <v>17.872154451482011</v>
      </c>
      <c r="J5799" s="40">
        <v>96.499965244048298</v>
      </c>
      <c r="K5799" s="40">
        <v>12.987100076032975</v>
      </c>
      <c r="L5799" s="40"/>
      <c r="M5799" s="40"/>
      <c r="N5799" s="40"/>
    </row>
    <row r="5800" spans="4:14" x14ac:dyDescent="0.25">
      <c r="D5800" s="40">
        <v>96.529473000004259</v>
      </c>
      <c r="E5800" s="40">
        <v>20.794614613322764</v>
      </c>
      <c r="F5800" s="40">
        <v>96.516666999999984</v>
      </c>
      <c r="G5800" s="40">
        <v>20.742095001105692</v>
      </c>
      <c r="H5800" s="40">
        <v>96.516667000000012</v>
      </c>
      <c r="I5800" s="40">
        <v>17.875408577738771</v>
      </c>
      <c r="J5800" s="40">
        <v>96.516631904762605</v>
      </c>
      <c r="K5800" s="40">
        <v>12.987100076032975</v>
      </c>
      <c r="L5800" s="40"/>
      <c r="M5800" s="40"/>
      <c r="N5800" s="40"/>
    </row>
    <row r="5801" spans="4:14" x14ac:dyDescent="0.25">
      <c r="D5801" s="40">
        <v>96.54613900000426</v>
      </c>
      <c r="E5801" s="40">
        <v>20.794614613322764</v>
      </c>
      <c r="F5801" s="40">
        <v>96.533332999999999</v>
      </c>
      <c r="G5801" s="40">
        <v>20.742095001105692</v>
      </c>
      <c r="H5801" s="40">
        <v>96.533333999999996</v>
      </c>
      <c r="I5801" s="40">
        <v>17.875408577738771</v>
      </c>
      <c r="J5801" s="40">
        <v>96.533298565476898</v>
      </c>
      <c r="K5801" s="40">
        <v>12.987100076032975</v>
      </c>
      <c r="L5801" s="40"/>
      <c r="M5801" s="40"/>
      <c r="N5801" s="40"/>
    </row>
    <row r="5802" spans="4:14" x14ac:dyDescent="0.25">
      <c r="D5802" s="40">
        <v>96.562805000004261</v>
      </c>
      <c r="E5802" s="40">
        <v>20.794614613322764</v>
      </c>
      <c r="F5802" s="40">
        <v>96.549999999999983</v>
      </c>
      <c r="G5802" s="40">
        <v>20.742095001105692</v>
      </c>
      <c r="H5802" s="40">
        <v>96.550000000000011</v>
      </c>
      <c r="I5802" s="40">
        <v>17.87876131388203</v>
      </c>
      <c r="J5802" s="40">
        <v>96.549965226191205</v>
      </c>
      <c r="K5802" s="40">
        <v>12.991951119742208</v>
      </c>
      <c r="L5802" s="40"/>
      <c r="M5802" s="40"/>
      <c r="N5802" s="40"/>
    </row>
    <row r="5803" spans="4:14" x14ac:dyDescent="0.25">
      <c r="D5803" s="40">
        <v>96.579471000004261</v>
      </c>
      <c r="E5803" s="40">
        <v>20.789913881162342</v>
      </c>
      <c r="F5803" s="40">
        <v>96.566666999999995</v>
      </c>
      <c r="G5803" s="40">
        <v>20.746850245195791</v>
      </c>
      <c r="H5803" s="40">
        <v>96.566666999999995</v>
      </c>
      <c r="I5803" s="40">
        <v>17.87876131388203</v>
      </c>
      <c r="J5803" s="40">
        <v>96.566631886905498</v>
      </c>
      <c r="K5803" s="40">
        <v>12.991951119742208</v>
      </c>
      <c r="L5803" s="40"/>
      <c r="M5803" s="40"/>
      <c r="N5803" s="40"/>
    </row>
    <row r="5804" spans="4:14" x14ac:dyDescent="0.25">
      <c r="D5804" s="40">
        <v>96.596137000004262</v>
      </c>
      <c r="E5804" s="40">
        <v>20.789913881162342</v>
      </c>
      <c r="F5804" s="40">
        <v>96.583332999999982</v>
      </c>
      <c r="G5804" s="40">
        <v>20.746850245195791</v>
      </c>
      <c r="H5804" s="40">
        <v>96.583334000000008</v>
      </c>
      <c r="I5804" s="40">
        <v>17.882114050025287</v>
      </c>
      <c r="J5804" s="40">
        <v>96.583298547619805</v>
      </c>
      <c r="K5804" s="40">
        <v>12.991951119742208</v>
      </c>
      <c r="L5804" s="40"/>
      <c r="M5804" s="40"/>
      <c r="N5804" s="40"/>
    </row>
    <row r="5805" spans="4:14" x14ac:dyDescent="0.25">
      <c r="D5805" s="40">
        <v>96.612803000004263</v>
      </c>
      <c r="E5805" s="40">
        <v>20.789913881162342</v>
      </c>
      <c r="F5805" s="40">
        <v>96.6</v>
      </c>
      <c r="G5805" s="40">
        <v>20.746850245195791</v>
      </c>
      <c r="H5805" s="40">
        <v>96.6</v>
      </c>
      <c r="I5805" s="40">
        <v>17.88536817628205</v>
      </c>
      <c r="J5805" s="40">
        <v>96.599965208334098</v>
      </c>
      <c r="K5805" s="40">
        <v>12.991951119742208</v>
      </c>
      <c r="L5805" s="40"/>
      <c r="M5805" s="40"/>
      <c r="N5805" s="40"/>
    </row>
    <row r="5806" spans="4:14" x14ac:dyDescent="0.25">
      <c r="D5806" s="40">
        <v>96.629469000004264</v>
      </c>
      <c r="E5806" s="40">
        <v>20.789913881162342</v>
      </c>
      <c r="F5806" s="40">
        <v>96.616667000000007</v>
      </c>
      <c r="G5806" s="40">
        <v>20.746850245195791</v>
      </c>
      <c r="H5806" s="40">
        <v>96.616667000000007</v>
      </c>
      <c r="I5806" s="40">
        <v>17.888720912425484</v>
      </c>
      <c r="J5806" s="40">
        <v>96.616631869048305</v>
      </c>
      <c r="K5806" s="40">
        <v>12.991951119742208</v>
      </c>
      <c r="L5806" s="40"/>
      <c r="M5806" s="40"/>
      <c r="N5806" s="40"/>
    </row>
    <row r="5807" spans="4:14" x14ac:dyDescent="0.25">
      <c r="D5807" s="40">
        <v>96.646135000004264</v>
      </c>
      <c r="E5807" s="40">
        <v>20.789913881162342</v>
      </c>
      <c r="F5807" s="40">
        <v>96.633332999999993</v>
      </c>
      <c r="G5807" s="40">
        <v>20.751465629165693</v>
      </c>
      <c r="H5807" s="40">
        <v>96.633334000000019</v>
      </c>
      <c r="I5807" s="40">
        <v>17.888720912425484</v>
      </c>
      <c r="J5807" s="40">
        <v>96.633298529762598</v>
      </c>
      <c r="K5807" s="40">
        <v>12.99665948569514</v>
      </c>
      <c r="L5807" s="40"/>
      <c r="M5807" s="40"/>
      <c r="N5807" s="40"/>
    </row>
    <row r="5808" spans="4:14" x14ac:dyDescent="0.25">
      <c r="D5808" s="40">
        <v>96.662801000004265</v>
      </c>
      <c r="E5808" s="40">
        <v>20.789913881162342</v>
      </c>
      <c r="F5808" s="40">
        <v>96.65</v>
      </c>
      <c r="G5808" s="40">
        <v>20.751465629165693</v>
      </c>
      <c r="H5808" s="40">
        <v>96.65</v>
      </c>
      <c r="I5808" s="40">
        <v>17.892073648568743</v>
      </c>
      <c r="J5808" s="40">
        <v>96.649965190476905</v>
      </c>
      <c r="K5808" s="40">
        <v>12.99665948569514</v>
      </c>
      <c r="L5808" s="40"/>
      <c r="M5808" s="40"/>
      <c r="N5808" s="40"/>
    </row>
    <row r="5809" spans="4:14" x14ac:dyDescent="0.25">
      <c r="D5809" s="40">
        <v>96.679467000004266</v>
      </c>
      <c r="E5809" s="40">
        <v>20.794614613322764</v>
      </c>
      <c r="F5809" s="40">
        <v>96.66666699999999</v>
      </c>
      <c r="G5809" s="40">
        <v>20.751465629165693</v>
      </c>
      <c r="H5809" s="40">
        <v>96.666667000000018</v>
      </c>
      <c r="I5809" s="40">
        <v>17.895327774825503</v>
      </c>
      <c r="J5809" s="40">
        <v>96.666631851191198</v>
      </c>
      <c r="K5809" s="40">
        <v>12.99665948569514</v>
      </c>
      <c r="L5809" s="40"/>
      <c r="M5809" s="40"/>
      <c r="N5809" s="40"/>
    </row>
    <row r="5810" spans="4:14" x14ac:dyDescent="0.25">
      <c r="D5810" s="40">
        <v>96.696133000004266</v>
      </c>
      <c r="E5810" s="40">
        <v>20.794614613322764</v>
      </c>
      <c r="F5810" s="40">
        <v>96.683333000000005</v>
      </c>
      <c r="G5810" s="40">
        <v>20.756220873255909</v>
      </c>
      <c r="H5810" s="40">
        <v>96.683334000000002</v>
      </c>
      <c r="I5810" s="40">
        <v>17.895327774825503</v>
      </c>
      <c r="J5810" s="40">
        <v>96.683298511905505</v>
      </c>
      <c r="K5810" s="40">
        <v>12.99665948569514</v>
      </c>
      <c r="L5810" s="40"/>
      <c r="M5810" s="40"/>
      <c r="N5810" s="40"/>
    </row>
    <row r="5811" spans="4:14" x14ac:dyDescent="0.25">
      <c r="D5811" s="40">
        <v>96.712799000004267</v>
      </c>
      <c r="E5811" s="40">
        <v>20.794614613322764</v>
      </c>
      <c r="F5811" s="40">
        <v>96.699999999999989</v>
      </c>
      <c r="G5811" s="40">
        <v>20.756220873255909</v>
      </c>
      <c r="H5811" s="40">
        <v>96.700000000000017</v>
      </c>
      <c r="I5811" s="40">
        <v>17.898680510968759</v>
      </c>
      <c r="J5811" s="40">
        <v>96.699965172619798</v>
      </c>
      <c r="K5811" s="40">
        <v>12.99665948569514</v>
      </c>
      <c r="L5811" s="40"/>
      <c r="M5811" s="40"/>
      <c r="N5811" s="40"/>
    </row>
    <row r="5812" spans="4:14" x14ac:dyDescent="0.25">
      <c r="D5812" s="40">
        <v>96.729465000004268</v>
      </c>
      <c r="E5812" s="40">
        <v>20.799457791912186</v>
      </c>
      <c r="F5812" s="40">
        <v>96.716667000000001</v>
      </c>
      <c r="G5812" s="40">
        <v>20.756220873255909</v>
      </c>
      <c r="H5812" s="40">
        <v>96.716667000000001</v>
      </c>
      <c r="I5812" s="40">
        <v>17.902033247112019</v>
      </c>
      <c r="J5812" s="40">
        <v>96.716631833334105</v>
      </c>
      <c r="K5812" s="40">
        <v>12.99665948569514</v>
      </c>
      <c r="L5812" s="40"/>
      <c r="M5812" s="40"/>
      <c r="N5812" s="40"/>
    </row>
    <row r="5813" spans="4:14" x14ac:dyDescent="0.25">
      <c r="D5813" s="40">
        <v>96.746131000004269</v>
      </c>
      <c r="E5813" s="40">
        <v>20.799457791912186</v>
      </c>
      <c r="F5813" s="40">
        <v>96.733332999999988</v>
      </c>
      <c r="G5813" s="40">
        <v>20.756220873255909</v>
      </c>
      <c r="H5813" s="40">
        <v>96.733334000000013</v>
      </c>
      <c r="I5813" s="40">
        <v>17.902033247112019</v>
      </c>
      <c r="J5813" s="40">
        <v>96.733298494048299</v>
      </c>
      <c r="K5813" s="40">
        <v>12.99665948569514</v>
      </c>
      <c r="L5813" s="40"/>
      <c r="M5813" s="40"/>
      <c r="N5813" s="40"/>
    </row>
    <row r="5814" spans="4:14" x14ac:dyDescent="0.25">
      <c r="D5814" s="40">
        <v>96.762797000004269</v>
      </c>
      <c r="E5814" s="40">
        <v>20.799457791912186</v>
      </c>
      <c r="F5814" s="40">
        <v>96.75</v>
      </c>
      <c r="G5814" s="40">
        <v>20.760976117346004</v>
      </c>
      <c r="H5814" s="40">
        <v>96.75</v>
      </c>
      <c r="I5814" s="40">
        <v>17.905287373368783</v>
      </c>
      <c r="J5814" s="40">
        <v>96.749965154762606</v>
      </c>
      <c r="K5814" s="40">
        <v>12.99665948569514</v>
      </c>
      <c r="L5814" s="40"/>
      <c r="M5814" s="40"/>
      <c r="N5814" s="40"/>
    </row>
    <row r="5815" spans="4:14" x14ac:dyDescent="0.25">
      <c r="D5815" s="40">
        <v>96.77946300000427</v>
      </c>
      <c r="E5815" s="40">
        <v>20.794614613322764</v>
      </c>
      <c r="F5815" s="40">
        <v>96.766666999999984</v>
      </c>
      <c r="G5815" s="40">
        <v>20.760976117346004</v>
      </c>
      <c r="H5815" s="40">
        <v>96.766667000000012</v>
      </c>
      <c r="I5815" s="40">
        <v>17.905287373368783</v>
      </c>
      <c r="J5815" s="40">
        <v>96.766631815476899</v>
      </c>
      <c r="K5815" s="40">
        <v>12.99665948569514</v>
      </c>
      <c r="L5815" s="40"/>
      <c r="M5815" s="40"/>
      <c r="N5815" s="40"/>
    </row>
    <row r="5816" spans="4:14" x14ac:dyDescent="0.25">
      <c r="D5816" s="40">
        <v>96.796129000004271</v>
      </c>
      <c r="E5816" s="40">
        <v>20.799457791912186</v>
      </c>
      <c r="F5816" s="40">
        <v>96.783332999999999</v>
      </c>
      <c r="G5816" s="40">
        <v>20.760976117346004</v>
      </c>
      <c r="H5816" s="40">
        <v>96.783333999999996</v>
      </c>
      <c r="I5816" s="40">
        <v>17.908640109512216</v>
      </c>
      <c r="J5816" s="40">
        <v>96.783298476191206</v>
      </c>
      <c r="K5816" s="40">
        <v>13.001510529404374</v>
      </c>
      <c r="L5816" s="40"/>
      <c r="M5816" s="40"/>
      <c r="N5816" s="40"/>
    </row>
    <row r="5817" spans="4:14" x14ac:dyDescent="0.25">
      <c r="D5817" s="40">
        <v>96.812795000004272</v>
      </c>
      <c r="E5817" s="40">
        <v>20.799457791912186</v>
      </c>
      <c r="F5817" s="40">
        <v>96.799999999999983</v>
      </c>
      <c r="G5817" s="40">
        <v>20.760976117346004</v>
      </c>
      <c r="H5817" s="40">
        <v>96.800000000000011</v>
      </c>
      <c r="I5817" s="40">
        <v>17.908640109512216</v>
      </c>
      <c r="J5817" s="40">
        <v>96.799965136905499</v>
      </c>
      <c r="K5817" s="40">
        <v>13.001510529404374</v>
      </c>
      <c r="L5817" s="40"/>
      <c r="M5817" s="40"/>
      <c r="N5817" s="40"/>
    </row>
    <row r="5818" spans="4:14" x14ac:dyDescent="0.25">
      <c r="D5818" s="40">
        <v>96.829461000004272</v>
      </c>
      <c r="E5818" s="40">
        <v>20.799457791912186</v>
      </c>
      <c r="F5818" s="40">
        <v>96.816666999999995</v>
      </c>
      <c r="G5818" s="40">
        <v>20.760976117346004</v>
      </c>
      <c r="H5818" s="40">
        <v>96.816666999999995</v>
      </c>
      <c r="I5818" s="40">
        <v>17.911992845655472</v>
      </c>
      <c r="J5818" s="40">
        <v>96.816631797619806</v>
      </c>
      <c r="K5818" s="40">
        <v>13.001510529404374</v>
      </c>
      <c r="L5818" s="40"/>
      <c r="M5818" s="40"/>
      <c r="N5818" s="40"/>
    </row>
    <row r="5819" spans="4:14" x14ac:dyDescent="0.25">
      <c r="D5819" s="40">
        <v>96.846127000004273</v>
      </c>
      <c r="E5819" s="40">
        <v>20.799457791912186</v>
      </c>
      <c r="F5819" s="40">
        <v>96.833332999999982</v>
      </c>
      <c r="G5819" s="40">
        <v>20.765591501315907</v>
      </c>
      <c r="H5819" s="40">
        <v>96.833334000000008</v>
      </c>
      <c r="I5819" s="40">
        <v>17.911992845655472</v>
      </c>
      <c r="J5819" s="40">
        <v>96.833298458334099</v>
      </c>
      <c r="K5819" s="40">
        <v>13.001510529404374</v>
      </c>
      <c r="L5819" s="40"/>
      <c r="M5819" s="40"/>
      <c r="N5819" s="40"/>
    </row>
    <row r="5820" spans="4:14" x14ac:dyDescent="0.25">
      <c r="D5820" s="40">
        <v>96.862793000004274</v>
      </c>
      <c r="E5820" s="40">
        <v>20.799457791912186</v>
      </c>
      <c r="F5820" s="40">
        <v>96.85</v>
      </c>
      <c r="G5820" s="40">
        <v>20.765591501315907</v>
      </c>
      <c r="H5820" s="40">
        <v>96.85</v>
      </c>
      <c r="I5820" s="40">
        <v>17.915345581798725</v>
      </c>
      <c r="J5820" s="40">
        <v>96.849965119048306</v>
      </c>
      <c r="K5820" s="40">
        <v>13.001510529404374</v>
      </c>
      <c r="L5820" s="40"/>
      <c r="M5820" s="40"/>
      <c r="N5820" s="40"/>
    </row>
    <row r="5821" spans="4:14" x14ac:dyDescent="0.25">
      <c r="D5821" s="40">
        <v>96.879459000004275</v>
      </c>
      <c r="E5821" s="40">
        <v>20.804300970501735</v>
      </c>
      <c r="F5821" s="40">
        <v>96.866667000000007</v>
      </c>
      <c r="G5821" s="40">
        <v>20.765591501315907</v>
      </c>
      <c r="H5821" s="40">
        <v>96.866667000000007</v>
      </c>
      <c r="I5821" s="40">
        <v>17.918599708055488</v>
      </c>
      <c r="J5821" s="40">
        <v>96.866631779762599</v>
      </c>
      <c r="K5821" s="40">
        <v>13.001510529404374</v>
      </c>
      <c r="L5821" s="40"/>
      <c r="M5821" s="40"/>
      <c r="N5821" s="40"/>
    </row>
    <row r="5822" spans="4:14" x14ac:dyDescent="0.25">
      <c r="D5822" s="40">
        <v>96.896125000004275</v>
      </c>
      <c r="E5822" s="40">
        <v>20.804300970501735</v>
      </c>
      <c r="F5822" s="40">
        <v>96.883332999999993</v>
      </c>
      <c r="G5822" s="40">
        <v>20.765591501315907</v>
      </c>
      <c r="H5822" s="40">
        <v>96.883334000000019</v>
      </c>
      <c r="I5822" s="40">
        <v>17.918599708055488</v>
      </c>
      <c r="J5822" s="40">
        <v>96.883298440476906</v>
      </c>
      <c r="K5822" s="40">
        <v>13.001510529404374</v>
      </c>
      <c r="L5822" s="40"/>
      <c r="M5822" s="40"/>
      <c r="N5822" s="40"/>
    </row>
    <row r="5823" spans="4:14" x14ac:dyDescent="0.25">
      <c r="D5823" s="40">
        <v>96.912791000004276</v>
      </c>
      <c r="E5823" s="40">
        <v>20.804300970501735</v>
      </c>
      <c r="F5823" s="40">
        <v>96.9</v>
      </c>
      <c r="G5823" s="40">
        <v>20.770346745406123</v>
      </c>
      <c r="H5823" s="40">
        <v>96.9</v>
      </c>
      <c r="I5823" s="40">
        <v>17.921952444198922</v>
      </c>
      <c r="J5823" s="40">
        <v>96.899965101191199</v>
      </c>
      <c r="K5823" s="40">
        <v>13.001510529404374</v>
      </c>
      <c r="L5823" s="40"/>
      <c r="M5823" s="40"/>
      <c r="N5823" s="40"/>
    </row>
    <row r="5824" spans="4:14" x14ac:dyDescent="0.25">
      <c r="D5824" s="40">
        <v>96.929457000004277</v>
      </c>
      <c r="E5824" s="40">
        <v>20.804300970501735</v>
      </c>
      <c r="F5824" s="40">
        <v>96.91666699999999</v>
      </c>
      <c r="G5824" s="40">
        <v>20.770346745406123</v>
      </c>
      <c r="H5824" s="40">
        <v>96.916667000000018</v>
      </c>
      <c r="I5824" s="40">
        <v>17.925305180342182</v>
      </c>
      <c r="J5824" s="40">
        <v>96.916631761905506</v>
      </c>
      <c r="K5824" s="40">
        <v>13.001510529404374</v>
      </c>
      <c r="L5824" s="40"/>
      <c r="M5824" s="40"/>
      <c r="N5824" s="40"/>
    </row>
    <row r="5825" spans="4:14" x14ac:dyDescent="0.25">
      <c r="D5825" s="40">
        <v>96.946123000004278</v>
      </c>
      <c r="E5825" s="40">
        <v>20.804300970501735</v>
      </c>
      <c r="F5825" s="40">
        <v>96.933333000000005</v>
      </c>
      <c r="G5825" s="40">
        <v>20.770346745406123</v>
      </c>
      <c r="H5825" s="40">
        <v>96.933334000000002</v>
      </c>
      <c r="I5825" s="40">
        <v>17.925305180342182</v>
      </c>
      <c r="J5825" s="40">
        <v>96.933298422619799</v>
      </c>
      <c r="K5825" s="40">
        <v>13.006361573113606</v>
      </c>
      <c r="L5825" s="40"/>
      <c r="M5825" s="40"/>
      <c r="N5825" s="40"/>
    </row>
    <row r="5826" spans="4:14" x14ac:dyDescent="0.25">
      <c r="D5826" s="40">
        <v>96.962789000004278</v>
      </c>
      <c r="E5826" s="40">
        <v>20.804300970501735</v>
      </c>
      <c r="F5826" s="40">
        <v>96.949999999999989</v>
      </c>
      <c r="G5826" s="40">
        <v>20.770346745406123</v>
      </c>
      <c r="H5826" s="40">
        <v>96.950000000000017</v>
      </c>
      <c r="I5826" s="40">
        <v>17.928559306598945</v>
      </c>
      <c r="J5826" s="40">
        <v>96.949965083334106</v>
      </c>
      <c r="K5826" s="40">
        <v>13.006361573113606</v>
      </c>
      <c r="L5826" s="40"/>
      <c r="M5826" s="40"/>
      <c r="N5826" s="40"/>
    </row>
    <row r="5827" spans="4:14" x14ac:dyDescent="0.25">
      <c r="D5827" s="40">
        <v>96.979455000004279</v>
      </c>
      <c r="E5827" s="40">
        <v>20.804300970501735</v>
      </c>
      <c r="F5827" s="40">
        <v>96.966667000000001</v>
      </c>
      <c r="G5827" s="40">
        <v>20.775101989496218</v>
      </c>
      <c r="H5827" s="40">
        <v>96.966667000000001</v>
      </c>
      <c r="I5827" s="40">
        <v>17.928559306598945</v>
      </c>
      <c r="J5827" s="40">
        <v>96.966631744048399</v>
      </c>
      <c r="K5827" s="40">
        <v>13.006361573113606</v>
      </c>
      <c r="L5827" s="40"/>
      <c r="M5827" s="40"/>
      <c r="N5827" s="40"/>
    </row>
    <row r="5828" spans="4:14" x14ac:dyDescent="0.25">
      <c r="D5828" s="40">
        <v>96.99612100000428</v>
      </c>
      <c r="E5828" s="40">
        <v>20.809001702662162</v>
      </c>
      <c r="F5828" s="40">
        <v>96.983332999999988</v>
      </c>
      <c r="G5828" s="40">
        <v>20.775101989496218</v>
      </c>
      <c r="H5828" s="40">
        <v>96.983334000000013</v>
      </c>
      <c r="I5828" s="40">
        <v>17.931912042742201</v>
      </c>
      <c r="J5828" s="40">
        <v>96.983298404762607</v>
      </c>
      <c r="K5828" s="40">
        <v>13.006361573113606</v>
      </c>
      <c r="L5828" s="40"/>
      <c r="M5828" s="40"/>
      <c r="N5828" s="40"/>
    </row>
    <row r="5829" spans="4:14" x14ac:dyDescent="0.25">
      <c r="D5829" s="40">
        <v>97.01278700000428</v>
      </c>
      <c r="E5829" s="40">
        <v>20.809001702662162</v>
      </c>
      <c r="F5829" s="40">
        <v>97</v>
      </c>
      <c r="G5829" s="40">
        <v>20.775101989496218</v>
      </c>
      <c r="H5829" s="40">
        <v>97</v>
      </c>
      <c r="I5829" s="40">
        <v>17.935264778885458</v>
      </c>
      <c r="J5829" s="40">
        <v>96.9999650654769</v>
      </c>
      <c r="K5829" s="40">
        <v>13.006361573113606</v>
      </c>
      <c r="L5829" s="40"/>
      <c r="M5829" s="40"/>
      <c r="N5829" s="40"/>
    </row>
    <row r="5830" spans="4:14" x14ac:dyDescent="0.25">
      <c r="D5830" s="40">
        <v>97.029453000004281</v>
      </c>
      <c r="E5830" s="40">
        <v>20.813844881251583</v>
      </c>
      <c r="F5830" s="40">
        <v>97.016666999999984</v>
      </c>
      <c r="G5830" s="40">
        <v>20.775101989496218</v>
      </c>
      <c r="H5830" s="40">
        <v>97.016667000000012</v>
      </c>
      <c r="I5830" s="40">
        <v>17.935264778885458</v>
      </c>
      <c r="J5830" s="40">
        <v>97.016631726191207</v>
      </c>
      <c r="K5830" s="40">
        <v>13.006361573113606</v>
      </c>
      <c r="L5830" s="40"/>
      <c r="M5830" s="40"/>
      <c r="N5830" s="40"/>
    </row>
    <row r="5831" spans="4:14" x14ac:dyDescent="0.25">
      <c r="D5831" s="40">
        <v>97.046119000004282</v>
      </c>
      <c r="E5831" s="40">
        <v>20.813844881251583</v>
      </c>
      <c r="F5831" s="40">
        <v>97.033332999999999</v>
      </c>
      <c r="G5831" s="40">
        <v>20.77971737346612</v>
      </c>
      <c r="H5831" s="40">
        <v>97.033333999999996</v>
      </c>
      <c r="I5831" s="40">
        <v>17.938518905142221</v>
      </c>
      <c r="J5831" s="40">
        <v>97.0332983869055</v>
      </c>
      <c r="K5831" s="40">
        <v>13.011069939066665</v>
      </c>
      <c r="L5831" s="40"/>
      <c r="M5831" s="40"/>
      <c r="N5831" s="40"/>
    </row>
    <row r="5832" spans="4:14" x14ac:dyDescent="0.25">
      <c r="D5832" s="40">
        <v>97.062785000004283</v>
      </c>
      <c r="E5832" s="40">
        <v>20.818688059841129</v>
      </c>
      <c r="F5832" s="40">
        <v>97.049999999999983</v>
      </c>
      <c r="G5832" s="40">
        <v>20.77971737346612</v>
      </c>
      <c r="H5832" s="40">
        <v>97.050000000000011</v>
      </c>
      <c r="I5832" s="40">
        <v>17.938518905142221</v>
      </c>
      <c r="J5832" s="40">
        <v>97.049965047619807</v>
      </c>
      <c r="K5832" s="40">
        <v>13.011069939066665</v>
      </c>
      <c r="L5832" s="40"/>
      <c r="M5832" s="40"/>
      <c r="N5832" s="40"/>
    </row>
    <row r="5833" spans="4:14" x14ac:dyDescent="0.25">
      <c r="D5833" s="40">
        <v>97.079451000004283</v>
      </c>
      <c r="E5833" s="40">
        <v>20.818688059841129</v>
      </c>
      <c r="F5833" s="40">
        <v>97.066666999999995</v>
      </c>
      <c r="G5833" s="40">
        <v>20.77971737346612</v>
      </c>
      <c r="H5833" s="40">
        <v>97.066666999999995</v>
      </c>
      <c r="I5833" s="40">
        <v>17.941871641285655</v>
      </c>
      <c r="J5833" s="40">
        <v>97.0666317083341</v>
      </c>
      <c r="K5833" s="40">
        <v>13.011069939066665</v>
      </c>
      <c r="L5833" s="40"/>
      <c r="M5833" s="40"/>
      <c r="N5833" s="40"/>
    </row>
    <row r="5834" spans="4:14" x14ac:dyDescent="0.25">
      <c r="D5834" s="40">
        <v>97.096117000004284</v>
      </c>
      <c r="E5834" s="40">
        <v>20.818688059841129</v>
      </c>
      <c r="F5834" s="40">
        <v>97.083332999999982</v>
      </c>
      <c r="G5834" s="40">
        <v>20.77971737346612</v>
      </c>
      <c r="H5834" s="40">
        <v>97.083334000000008</v>
      </c>
      <c r="I5834" s="40">
        <v>17.941871641285655</v>
      </c>
      <c r="J5834" s="40">
        <v>97.083298369048293</v>
      </c>
      <c r="K5834" s="40">
        <v>13.015920982775771</v>
      </c>
      <c r="L5834" s="40"/>
      <c r="M5834" s="40"/>
      <c r="N5834" s="40"/>
    </row>
    <row r="5835" spans="4:14" x14ac:dyDescent="0.25">
      <c r="D5835" s="40">
        <v>97.112783000004285</v>
      </c>
      <c r="E5835" s="40">
        <v>20.818688059841129</v>
      </c>
      <c r="F5835" s="40">
        <v>97.1</v>
      </c>
      <c r="G5835" s="40">
        <v>20.77971737346612</v>
      </c>
      <c r="H5835" s="40">
        <v>97.1</v>
      </c>
      <c r="I5835" s="40">
        <v>17.945224377428911</v>
      </c>
      <c r="J5835" s="40">
        <v>97.0999650297626</v>
      </c>
      <c r="K5835" s="40">
        <v>13.015920982775771</v>
      </c>
      <c r="L5835" s="40"/>
      <c r="M5835" s="40"/>
      <c r="N5835" s="40"/>
    </row>
    <row r="5836" spans="4:14" x14ac:dyDescent="0.25">
      <c r="D5836" s="40">
        <v>97.129449000004286</v>
      </c>
      <c r="E5836" s="40">
        <v>20.818688059841129</v>
      </c>
      <c r="F5836" s="40">
        <v>97.116667000000007</v>
      </c>
      <c r="G5836" s="40">
        <v>20.77971737346612</v>
      </c>
      <c r="H5836" s="40">
        <v>97.116667000000007</v>
      </c>
      <c r="I5836" s="40">
        <v>17.945224377428911</v>
      </c>
      <c r="J5836" s="40">
        <v>97.116631690476893</v>
      </c>
      <c r="K5836" s="40">
        <v>13.015920982775771</v>
      </c>
      <c r="L5836" s="40"/>
      <c r="M5836" s="40"/>
      <c r="N5836" s="40"/>
    </row>
    <row r="5837" spans="4:14" x14ac:dyDescent="0.25">
      <c r="D5837" s="40">
        <v>97.146115000004286</v>
      </c>
      <c r="E5837" s="40">
        <v>20.818688059841129</v>
      </c>
      <c r="F5837" s="40">
        <v>97.133332999999993</v>
      </c>
      <c r="G5837" s="40">
        <v>20.77971737346612</v>
      </c>
      <c r="H5837" s="40">
        <v>97.133334000000019</v>
      </c>
      <c r="I5837" s="40">
        <v>17.948478503685674</v>
      </c>
      <c r="J5837" s="40">
        <v>97.1332983511912</v>
      </c>
      <c r="K5837" s="40">
        <v>13.015920982775771</v>
      </c>
      <c r="L5837" s="40"/>
      <c r="M5837" s="40"/>
      <c r="N5837" s="40"/>
    </row>
    <row r="5838" spans="4:14" x14ac:dyDescent="0.25">
      <c r="D5838" s="40">
        <v>97.162781000004287</v>
      </c>
      <c r="E5838" s="40">
        <v>20.818688059841129</v>
      </c>
      <c r="F5838" s="40">
        <v>97.15</v>
      </c>
      <c r="G5838" s="40">
        <v>20.77971737346612</v>
      </c>
      <c r="H5838" s="40">
        <v>97.15</v>
      </c>
      <c r="I5838" s="40">
        <v>17.948478503685674</v>
      </c>
      <c r="J5838" s="40">
        <v>97.149965011905493</v>
      </c>
      <c r="K5838" s="40">
        <v>13.015920982775771</v>
      </c>
      <c r="L5838" s="40"/>
      <c r="M5838" s="40"/>
      <c r="N5838" s="40"/>
    </row>
    <row r="5839" spans="4:14" x14ac:dyDescent="0.25">
      <c r="D5839" s="40">
        <v>97.179447000004288</v>
      </c>
      <c r="E5839" s="40">
        <v>20.823388792001555</v>
      </c>
      <c r="F5839" s="40">
        <v>97.16666699999999</v>
      </c>
      <c r="G5839" s="40">
        <v>20.77971737346612</v>
      </c>
      <c r="H5839" s="40">
        <v>97.166667000000018</v>
      </c>
      <c r="I5839" s="40">
        <v>17.951831239828934</v>
      </c>
      <c r="J5839" s="40">
        <v>97.1666316726198</v>
      </c>
      <c r="K5839" s="40">
        <v>13.015920982775771</v>
      </c>
      <c r="L5839" s="40"/>
      <c r="M5839" s="40"/>
      <c r="N5839" s="40"/>
    </row>
    <row r="5840" spans="4:14" x14ac:dyDescent="0.25">
      <c r="D5840" s="40">
        <v>97.196113000004289</v>
      </c>
      <c r="E5840" s="40">
        <v>20.823388792001555</v>
      </c>
      <c r="F5840" s="40">
        <v>97.183333000000005</v>
      </c>
      <c r="G5840" s="40">
        <v>20.77971737346612</v>
      </c>
      <c r="H5840" s="40">
        <v>97.183334000000002</v>
      </c>
      <c r="I5840" s="40">
        <v>17.955183975972361</v>
      </c>
      <c r="J5840" s="40">
        <v>97.183298333334093</v>
      </c>
      <c r="K5840" s="40">
        <v>13.020772026485004</v>
      </c>
      <c r="L5840" s="40"/>
      <c r="M5840" s="40"/>
      <c r="N5840" s="40"/>
    </row>
    <row r="5841" spans="4:14" x14ac:dyDescent="0.25">
      <c r="D5841" s="40">
        <v>97.212779000004289</v>
      </c>
      <c r="E5841" s="40">
        <v>20.823388792001555</v>
      </c>
      <c r="F5841" s="40">
        <v>97.199999999999989</v>
      </c>
      <c r="G5841" s="40">
        <v>20.784472617556339</v>
      </c>
      <c r="H5841" s="40">
        <v>97.200000000000017</v>
      </c>
      <c r="I5841" s="40">
        <v>17.955183975972361</v>
      </c>
      <c r="J5841" s="40">
        <v>97.199964994048401</v>
      </c>
      <c r="K5841" s="40">
        <v>13.020772026485004</v>
      </c>
      <c r="L5841" s="40"/>
      <c r="M5841" s="40"/>
      <c r="N5841" s="40"/>
    </row>
    <row r="5842" spans="4:14" x14ac:dyDescent="0.25">
      <c r="D5842" s="40">
        <v>97.22944500000429</v>
      </c>
      <c r="E5842" s="40">
        <v>20.828231970590977</v>
      </c>
      <c r="F5842" s="40">
        <v>97.216667000000001</v>
      </c>
      <c r="G5842" s="40">
        <v>20.784472617556339</v>
      </c>
      <c r="H5842" s="40">
        <v>97.216667000000001</v>
      </c>
      <c r="I5842" s="40">
        <v>17.95843810222895</v>
      </c>
      <c r="J5842" s="40">
        <v>97.216631654762594</v>
      </c>
      <c r="K5842" s="40">
        <v>13.020772026485004</v>
      </c>
      <c r="L5842" s="40"/>
      <c r="M5842" s="40"/>
      <c r="N5842" s="40"/>
    </row>
    <row r="5843" spans="4:14" x14ac:dyDescent="0.25">
      <c r="D5843" s="40">
        <v>97.246111000004291</v>
      </c>
      <c r="E5843" s="40">
        <v>20.828231970590977</v>
      </c>
      <c r="F5843" s="40">
        <v>97.233332999999988</v>
      </c>
      <c r="G5843" s="40">
        <v>20.784472617556339</v>
      </c>
      <c r="H5843" s="40">
        <v>97.233334000000013</v>
      </c>
      <c r="I5843" s="40">
        <v>17.95843810222895</v>
      </c>
      <c r="J5843" s="40">
        <v>97.233298315476901</v>
      </c>
      <c r="K5843" s="40">
        <v>13.025480392438064</v>
      </c>
      <c r="L5843" s="40"/>
      <c r="M5843" s="40"/>
      <c r="N5843" s="40"/>
    </row>
    <row r="5844" spans="4:14" x14ac:dyDescent="0.25">
      <c r="D5844" s="40">
        <v>97.262777000004291</v>
      </c>
      <c r="E5844" s="40">
        <v>20.828231970590977</v>
      </c>
      <c r="F5844" s="40">
        <v>97.25</v>
      </c>
      <c r="G5844" s="40">
        <v>20.789227861646559</v>
      </c>
      <c r="H5844" s="40">
        <v>97.25</v>
      </c>
      <c r="I5844" s="40">
        <v>17.961790838372384</v>
      </c>
      <c r="J5844" s="40">
        <v>97.249964976191194</v>
      </c>
      <c r="K5844" s="40">
        <v>13.025480392438064</v>
      </c>
      <c r="L5844" s="40"/>
      <c r="M5844" s="40"/>
      <c r="N5844" s="40"/>
    </row>
    <row r="5845" spans="4:14" x14ac:dyDescent="0.25">
      <c r="D5845" s="40">
        <v>97.279443000004292</v>
      </c>
      <c r="E5845" s="40">
        <v>20.828231970590977</v>
      </c>
      <c r="F5845" s="40">
        <v>97.266666999999984</v>
      </c>
      <c r="G5845" s="40">
        <v>20.789227861646559</v>
      </c>
      <c r="H5845" s="40">
        <v>97.266667000000012</v>
      </c>
      <c r="I5845" s="40">
        <v>17.961790838372384</v>
      </c>
      <c r="J5845" s="40">
        <v>97.266631636905501</v>
      </c>
      <c r="K5845" s="40">
        <v>13.03033143614717</v>
      </c>
      <c r="L5845" s="40"/>
      <c r="M5845" s="40"/>
      <c r="N5845" s="40"/>
    </row>
    <row r="5846" spans="4:14" x14ac:dyDescent="0.25">
      <c r="D5846" s="40">
        <v>97.296109000004293</v>
      </c>
      <c r="E5846" s="40">
        <v>20.828231970590977</v>
      </c>
      <c r="F5846" s="40">
        <v>97.283332999999999</v>
      </c>
      <c r="G5846" s="40">
        <v>20.789227861646559</v>
      </c>
      <c r="H5846" s="40">
        <v>97.283333999999996</v>
      </c>
      <c r="I5846" s="40">
        <v>17.96514357451564</v>
      </c>
      <c r="J5846" s="40">
        <v>97.283298297619794</v>
      </c>
      <c r="K5846" s="40">
        <v>13.03033143614717</v>
      </c>
      <c r="L5846" s="40"/>
      <c r="M5846" s="40"/>
      <c r="N5846" s="40"/>
    </row>
    <row r="5847" spans="4:14" x14ac:dyDescent="0.25">
      <c r="D5847" s="40">
        <v>97.312775000004294</v>
      </c>
      <c r="E5847" s="40">
        <v>20.828231970590977</v>
      </c>
      <c r="F5847" s="40">
        <v>97.299999999999983</v>
      </c>
      <c r="G5847" s="40">
        <v>20.789227861646559</v>
      </c>
      <c r="H5847" s="40">
        <v>97.300000000000011</v>
      </c>
      <c r="I5847" s="40">
        <v>17.968397700772403</v>
      </c>
      <c r="J5847" s="40">
        <v>97.299964958334101</v>
      </c>
      <c r="K5847" s="40">
        <v>13.03033143614717</v>
      </c>
      <c r="L5847" s="40"/>
      <c r="M5847" s="40"/>
      <c r="N5847" s="40"/>
    </row>
    <row r="5848" spans="4:14" x14ac:dyDescent="0.25">
      <c r="D5848" s="40">
        <v>97.329441000004294</v>
      </c>
      <c r="E5848" s="40">
        <v>20.823388792001555</v>
      </c>
      <c r="F5848" s="40">
        <v>97.316666999999995</v>
      </c>
      <c r="G5848" s="40">
        <v>20.793843245616337</v>
      </c>
      <c r="H5848" s="40">
        <v>97.316666999999995</v>
      </c>
      <c r="I5848" s="40">
        <v>17.968397700772403</v>
      </c>
      <c r="J5848" s="40">
        <v>97.316631619048295</v>
      </c>
      <c r="K5848" s="40">
        <v>13.03033143614717</v>
      </c>
      <c r="L5848" s="40"/>
      <c r="M5848" s="40"/>
      <c r="N5848" s="40"/>
    </row>
    <row r="5849" spans="4:14" x14ac:dyDescent="0.25">
      <c r="D5849" s="40">
        <v>97.346107000004295</v>
      </c>
      <c r="E5849" s="40">
        <v>20.823388792001555</v>
      </c>
      <c r="F5849" s="40">
        <v>97.333332999999982</v>
      </c>
      <c r="G5849" s="40">
        <v>20.793843245616337</v>
      </c>
      <c r="H5849" s="40">
        <v>97.333334000000008</v>
      </c>
      <c r="I5849" s="40">
        <v>17.971750436915663</v>
      </c>
      <c r="J5849" s="40">
        <v>97.333298279762602</v>
      </c>
      <c r="K5849" s="40">
        <v>13.03033143614717</v>
      </c>
      <c r="L5849" s="40"/>
      <c r="M5849" s="40"/>
      <c r="N5849" s="40"/>
    </row>
    <row r="5850" spans="4:14" x14ac:dyDescent="0.25">
      <c r="D5850" s="40">
        <v>97.362773000004296</v>
      </c>
      <c r="E5850" s="40">
        <v>20.823388792001555</v>
      </c>
      <c r="F5850" s="40">
        <v>97.35</v>
      </c>
      <c r="G5850" s="40">
        <v>20.793843245616337</v>
      </c>
      <c r="H5850" s="40">
        <v>97.35</v>
      </c>
      <c r="I5850" s="40">
        <v>17.971750436915663</v>
      </c>
      <c r="J5850" s="40">
        <v>97.349964940476895</v>
      </c>
      <c r="K5850" s="40">
        <v>13.03033143614717</v>
      </c>
      <c r="L5850" s="40"/>
      <c r="M5850" s="40"/>
      <c r="N5850" s="40"/>
    </row>
    <row r="5851" spans="4:14" x14ac:dyDescent="0.25">
      <c r="D5851" s="40">
        <v>97.379439000004297</v>
      </c>
      <c r="E5851" s="40">
        <v>20.823388792001555</v>
      </c>
      <c r="F5851" s="40">
        <v>97.366667000000007</v>
      </c>
      <c r="G5851" s="40">
        <v>20.793843245616337</v>
      </c>
      <c r="H5851" s="40">
        <v>97.366667000000007</v>
      </c>
      <c r="I5851" s="40">
        <v>17.975103173059093</v>
      </c>
      <c r="J5851" s="40">
        <v>97.366631601191202</v>
      </c>
      <c r="K5851" s="40">
        <v>13.03033143614717</v>
      </c>
      <c r="L5851" s="40"/>
      <c r="M5851" s="40"/>
      <c r="N5851" s="40"/>
    </row>
    <row r="5852" spans="4:14" x14ac:dyDescent="0.25">
      <c r="D5852" s="40">
        <v>97.396105000004297</v>
      </c>
      <c r="E5852" s="40">
        <v>20.823388792001555</v>
      </c>
      <c r="F5852" s="40">
        <v>97.383332999999993</v>
      </c>
      <c r="G5852" s="40">
        <v>20.793843245616337</v>
      </c>
      <c r="H5852" s="40">
        <v>97.383334000000019</v>
      </c>
      <c r="I5852" s="40">
        <v>17.975103173059093</v>
      </c>
      <c r="J5852" s="40">
        <v>97.383298261905495</v>
      </c>
      <c r="K5852" s="40">
        <v>13.025480392438064</v>
      </c>
      <c r="L5852" s="40"/>
      <c r="M5852" s="40"/>
      <c r="N5852" s="40"/>
    </row>
    <row r="5853" spans="4:14" x14ac:dyDescent="0.25">
      <c r="D5853" s="40">
        <v>97.412771000004298</v>
      </c>
      <c r="E5853" s="40">
        <v>20.823388792001555</v>
      </c>
      <c r="F5853" s="40">
        <v>97.4</v>
      </c>
      <c r="G5853" s="40">
        <v>20.793843245616337</v>
      </c>
      <c r="H5853" s="40">
        <v>97.4</v>
      </c>
      <c r="I5853" s="40">
        <v>17.978357299315856</v>
      </c>
      <c r="J5853" s="40">
        <v>97.399964922619802</v>
      </c>
      <c r="K5853" s="40">
        <v>13.03033143614717</v>
      </c>
      <c r="L5853" s="40"/>
      <c r="M5853" s="40"/>
      <c r="N5853" s="40"/>
    </row>
    <row r="5854" spans="4:14" x14ac:dyDescent="0.25">
      <c r="D5854" s="40">
        <v>97.429437000004299</v>
      </c>
      <c r="E5854" s="40">
        <v>20.823388792001555</v>
      </c>
      <c r="F5854" s="40">
        <v>97.41666699999999</v>
      </c>
      <c r="G5854" s="40">
        <v>20.793843245616337</v>
      </c>
      <c r="H5854" s="40">
        <v>97.416667000000018</v>
      </c>
      <c r="I5854" s="40">
        <v>17.978357299315856</v>
      </c>
      <c r="J5854" s="40">
        <v>97.416631583334095</v>
      </c>
      <c r="K5854" s="40">
        <v>13.03033143614717</v>
      </c>
      <c r="L5854" s="40"/>
      <c r="M5854" s="40"/>
      <c r="N5854" s="40"/>
    </row>
    <row r="5855" spans="4:14" x14ac:dyDescent="0.25">
      <c r="D5855" s="40">
        <v>97.4461030000043</v>
      </c>
      <c r="E5855" s="40">
        <v>20.823388792001555</v>
      </c>
      <c r="F5855" s="40">
        <v>97.433333000000005</v>
      </c>
      <c r="G5855" s="40">
        <v>20.793843245616337</v>
      </c>
      <c r="H5855" s="40">
        <v>97.433334000000002</v>
      </c>
      <c r="I5855" s="40">
        <v>17.981710035459113</v>
      </c>
      <c r="J5855" s="40">
        <v>97.433298244048402</v>
      </c>
      <c r="K5855" s="40">
        <v>13.03033143614717</v>
      </c>
      <c r="L5855" s="40"/>
      <c r="M5855" s="40"/>
      <c r="N5855" s="40"/>
    </row>
    <row r="5856" spans="4:14" x14ac:dyDescent="0.25">
      <c r="D5856" s="40">
        <v>97.4627690000043</v>
      </c>
      <c r="E5856" s="40">
        <v>20.823388792001555</v>
      </c>
      <c r="F5856" s="40">
        <v>97.449999999999989</v>
      </c>
      <c r="G5856" s="40">
        <v>20.798598489706556</v>
      </c>
      <c r="H5856" s="40">
        <v>97.450000000000017</v>
      </c>
      <c r="I5856" s="40">
        <v>17.985062771602372</v>
      </c>
      <c r="J5856" s="40">
        <v>97.449964904762595</v>
      </c>
      <c r="K5856" s="40">
        <v>13.03033143614717</v>
      </c>
      <c r="L5856" s="40"/>
      <c r="M5856" s="40"/>
      <c r="N5856" s="40"/>
    </row>
    <row r="5857" spans="4:14" x14ac:dyDescent="0.25">
      <c r="D5857" s="40">
        <v>97.479435000004301</v>
      </c>
      <c r="E5857" s="40">
        <v>20.818688059841129</v>
      </c>
      <c r="F5857" s="40">
        <v>97.466667000000001</v>
      </c>
      <c r="G5857" s="40">
        <v>20.798598489706556</v>
      </c>
      <c r="H5857" s="40">
        <v>97.466667000000001</v>
      </c>
      <c r="I5857" s="40">
        <v>17.985062771602372</v>
      </c>
      <c r="J5857" s="40">
        <v>97.466631565476902</v>
      </c>
      <c r="K5857" s="40">
        <v>13.03033143614717</v>
      </c>
      <c r="L5857" s="40"/>
      <c r="M5857" s="40"/>
      <c r="N5857" s="40"/>
    </row>
    <row r="5858" spans="4:14" x14ac:dyDescent="0.25">
      <c r="D5858" s="40">
        <v>97.496101000004302</v>
      </c>
      <c r="E5858" s="40">
        <v>20.818688059841129</v>
      </c>
      <c r="F5858" s="40">
        <v>97.483332999999988</v>
      </c>
      <c r="G5858" s="40">
        <v>20.798598489706556</v>
      </c>
      <c r="H5858" s="40">
        <v>97.483334000000013</v>
      </c>
      <c r="I5858" s="40">
        <v>17.985062771602372</v>
      </c>
      <c r="J5858" s="40">
        <v>97.483298226191195</v>
      </c>
      <c r="K5858" s="40">
        <v>13.025480392438064</v>
      </c>
      <c r="L5858" s="40"/>
      <c r="M5858" s="40"/>
      <c r="N5858" s="40"/>
    </row>
    <row r="5859" spans="4:14" x14ac:dyDescent="0.25">
      <c r="D5859" s="40">
        <v>97.512767000004303</v>
      </c>
      <c r="E5859" s="40">
        <v>20.818688059841129</v>
      </c>
      <c r="F5859" s="40">
        <v>97.5</v>
      </c>
      <c r="G5859" s="40">
        <v>20.803353733796772</v>
      </c>
      <c r="H5859" s="40">
        <v>97.5</v>
      </c>
      <c r="I5859" s="40">
        <v>17.988316897859136</v>
      </c>
      <c r="J5859" s="40">
        <v>97.499964886905502</v>
      </c>
      <c r="K5859" s="40">
        <v>13.025480392438064</v>
      </c>
      <c r="L5859" s="40"/>
      <c r="M5859" s="40"/>
      <c r="N5859" s="40"/>
    </row>
    <row r="5860" spans="4:14" x14ac:dyDescent="0.25">
      <c r="D5860" s="40">
        <v>97.529433000004303</v>
      </c>
      <c r="E5860" s="40">
        <v>20.818688059841129</v>
      </c>
      <c r="F5860" s="40">
        <v>97.516666999999984</v>
      </c>
      <c r="G5860" s="40">
        <v>20.803353733796772</v>
      </c>
      <c r="H5860" s="40">
        <v>97.516667000000012</v>
      </c>
      <c r="I5860" s="40">
        <v>17.988316897859136</v>
      </c>
      <c r="J5860" s="40">
        <v>97.516631547619795</v>
      </c>
      <c r="K5860" s="40">
        <v>13.025480392438064</v>
      </c>
      <c r="L5860" s="40"/>
      <c r="M5860" s="40"/>
      <c r="N5860" s="40"/>
    </row>
    <row r="5861" spans="4:14" x14ac:dyDescent="0.25">
      <c r="D5861" s="40">
        <v>97.546099000004304</v>
      </c>
      <c r="E5861" s="40">
        <v>20.818688059841129</v>
      </c>
      <c r="F5861" s="40">
        <v>97.533332999999999</v>
      </c>
      <c r="G5861" s="40">
        <v>20.803353733796772</v>
      </c>
      <c r="H5861" s="40">
        <v>97.533333999999996</v>
      </c>
      <c r="I5861" s="40">
        <v>17.991669634002392</v>
      </c>
      <c r="J5861" s="40">
        <v>97.533298208334102</v>
      </c>
      <c r="K5861" s="40">
        <v>13.020772026485004</v>
      </c>
      <c r="L5861" s="40"/>
      <c r="M5861" s="40"/>
      <c r="N5861" s="40"/>
    </row>
    <row r="5862" spans="4:14" x14ac:dyDescent="0.25">
      <c r="D5862" s="40">
        <v>97.562765000004305</v>
      </c>
      <c r="E5862" s="40">
        <v>20.818688059841129</v>
      </c>
      <c r="F5862" s="40">
        <v>97.549999999999983</v>
      </c>
      <c r="G5862" s="40">
        <v>20.803353733796772</v>
      </c>
      <c r="H5862" s="40">
        <v>97.550000000000011</v>
      </c>
      <c r="I5862" s="40">
        <v>17.991669634002392</v>
      </c>
      <c r="J5862" s="40">
        <v>97.549964869048395</v>
      </c>
      <c r="K5862" s="40">
        <v>13.020772026485004</v>
      </c>
      <c r="L5862" s="40"/>
      <c r="M5862" s="40"/>
      <c r="N5862" s="40"/>
    </row>
    <row r="5863" spans="4:14" x14ac:dyDescent="0.25">
      <c r="D5863" s="40">
        <v>97.579431000004305</v>
      </c>
      <c r="E5863" s="40">
        <v>20.818688059841129</v>
      </c>
      <c r="F5863" s="40">
        <v>97.566666999999995</v>
      </c>
      <c r="G5863" s="40">
        <v>20.807969117766675</v>
      </c>
      <c r="H5863" s="40">
        <v>97.566666999999995</v>
      </c>
      <c r="I5863" s="40">
        <v>17.995022370145822</v>
      </c>
      <c r="J5863" s="40">
        <v>97.566631529762603</v>
      </c>
      <c r="K5863" s="40">
        <v>13.020772026485004</v>
      </c>
      <c r="L5863" s="40"/>
      <c r="M5863" s="40"/>
      <c r="N5863" s="40"/>
    </row>
    <row r="5864" spans="4:14" x14ac:dyDescent="0.25">
      <c r="D5864" s="40">
        <v>97.596097000004306</v>
      </c>
      <c r="E5864" s="40">
        <v>20.818688059841129</v>
      </c>
      <c r="F5864" s="40">
        <v>97.583332999999982</v>
      </c>
      <c r="G5864" s="40">
        <v>20.807969117766675</v>
      </c>
      <c r="H5864" s="40">
        <v>97.583334000000008</v>
      </c>
      <c r="I5864" s="40">
        <v>17.998276496402585</v>
      </c>
      <c r="J5864" s="40">
        <v>97.583298190476896</v>
      </c>
      <c r="K5864" s="40">
        <v>13.020772026485004</v>
      </c>
      <c r="L5864" s="40"/>
      <c r="M5864" s="40"/>
      <c r="N5864" s="40"/>
    </row>
    <row r="5865" spans="4:14" x14ac:dyDescent="0.25">
      <c r="D5865" s="40">
        <v>97.612763000004307</v>
      </c>
      <c r="E5865" s="40">
        <v>20.818688059841129</v>
      </c>
      <c r="F5865" s="40">
        <v>97.6</v>
      </c>
      <c r="G5865" s="40">
        <v>20.807969117766675</v>
      </c>
      <c r="H5865" s="40">
        <v>97.6</v>
      </c>
      <c r="I5865" s="40">
        <v>17.998276496402585</v>
      </c>
      <c r="J5865" s="40">
        <v>97.599964851191203</v>
      </c>
      <c r="K5865" s="40">
        <v>13.020772026485004</v>
      </c>
      <c r="L5865" s="40"/>
      <c r="M5865" s="40"/>
      <c r="N5865" s="40"/>
    </row>
    <row r="5866" spans="4:14" x14ac:dyDescent="0.25">
      <c r="D5866" s="40">
        <v>97.629429000004308</v>
      </c>
      <c r="E5866" s="40">
        <v>20.818688059841129</v>
      </c>
      <c r="F5866" s="40">
        <v>97.616667000000007</v>
      </c>
      <c r="G5866" s="40">
        <v>20.81272436185677</v>
      </c>
      <c r="H5866" s="40">
        <v>97.616667000000007</v>
      </c>
      <c r="I5866" s="40">
        <v>18.001629232545842</v>
      </c>
      <c r="J5866" s="40">
        <v>97.616631511905496</v>
      </c>
      <c r="K5866" s="40">
        <v>13.020772026485004</v>
      </c>
      <c r="L5866" s="40"/>
      <c r="M5866" s="40"/>
      <c r="N5866" s="40"/>
    </row>
    <row r="5867" spans="4:14" x14ac:dyDescent="0.25">
      <c r="D5867" s="40">
        <v>97.646095000004308</v>
      </c>
      <c r="E5867" s="40">
        <v>20.818688059841129</v>
      </c>
      <c r="F5867" s="40">
        <v>97.633332999999993</v>
      </c>
      <c r="G5867" s="40">
        <v>20.81272436185677</v>
      </c>
      <c r="H5867" s="40">
        <v>97.633334000000019</v>
      </c>
      <c r="I5867" s="40">
        <v>18.001629232545842</v>
      </c>
      <c r="J5867" s="40">
        <v>97.633298172619803</v>
      </c>
      <c r="K5867" s="40">
        <v>13.020772026485004</v>
      </c>
      <c r="L5867" s="40"/>
      <c r="M5867" s="40"/>
      <c r="N5867" s="40"/>
    </row>
    <row r="5868" spans="4:14" x14ac:dyDescent="0.25">
      <c r="D5868" s="40">
        <v>97.662761000004309</v>
      </c>
      <c r="E5868" s="40">
        <v>20.818688059841129</v>
      </c>
      <c r="F5868" s="40">
        <v>97.65</v>
      </c>
      <c r="G5868" s="40">
        <v>20.81272436185677</v>
      </c>
      <c r="H5868" s="40">
        <v>97.65</v>
      </c>
      <c r="I5868" s="40">
        <v>18.004981968689101</v>
      </c>
      <c r="J5868" s="40">
        <v>97.649964833334096</v>
      </c>
      <c r="K5868" s="40">
        <v>13.020772026485004</v>
      </c>
      <c r="L5868" s="40"/>
      <c r="M5868" s="40"/>
      <c r="N5868" s="40"/>
    </row>
    <row r="5869" spans="4:14" x14ac:dyDescent="0.25">
      <c r="D5869" s="40">
        <v>97.67942700000431</v>
      </c>
      <c r="E5869" s="40">
        <v>20.818688059841129</v>
      </c>
      <c r="F5869" s="40">
        <v>97.66666699999999</v>
      </c>
      <c r="G5869" s="40">
        <v>20.81272436185677</v>
      </c>
      <c r="H5869" s="40">
        <v>97.666667000000018</v>
      </c>
      <c r="I5869" s="40">
        <v>18.008236094945865</v>
      </c>
      <c r="J5869" s="40">
        <v>97.666631494048403</v>
      </c>
      <c r="K5869" s="40">
        <v>13.020772026485004</v>
      </c>
      <c r="L5869" s="40"/>
      <c r="M5869" s="40"/>
      <c r="N5869" s="40"/>
    </row>
    <row r="5870" spans="4:14" x14ac:dyDescent="0.25">
      <c r="D5870" s="40">
        <v>97.696093000004311</v>
      </c>
      <c r="E5870" s="40">
        <v>20.813844881251583</v>
      </c>
      <c r="F5870" s="40">
        <v>97.683333000000005</v>
      </c>
      <c r="G5870" s="40">
        <v>20.81272436185677</v>
      </c>
      <c r="H5870" s="40">
        <v>97.683334000000002</v>
      </c>
      <c r="I5870" s="40">
        <v>18.008236094945865</v>
      </c>
      <c r="J5870" s="40">
        <v>97.683298154762596</v>
      </c>
      <c r="K5870" s="40">
        <v>13.020772026485004</v>
      </c>
      <c r="L5870" s="40"/>
      <c r="M5870" s="40"/>
      <c r="N5870" s="40"/>
    </row>
    <row r="5871" spans="4:14" x14ac:dyDescent="0.25">
      <c r="D5871" s="40">
        <v>97.712759000004311</v>
      </c>
      <c r="E5871" s="40">
        <v>20.813844881251583</v>
      </c>
      <c r="F5871" s="40">
        <v>97.699999999999989</v>
      </c>
      <c r="G5871" s="40">
        <v>20.81272436185677</v>
      </c>
      <c r="H5871" s="40">
        <v>97.700000000000017</v>
      </c>
      <c r="I5871" s="40">
        <v>18.011588831089295</v>
      </c>
      <c r="J5871" s="40">
        <v>97.699964815476903</v>
      </c>
      <c r="K5871" s="40">
        <v>13.020772026485004</v>
      </c>
      <c r="L5871" s="40"/>
      <c r="M5871" s="40"/>
      <c r="N5871" s="40"/>
    </row>
    <row r="5872" spans="4:14" x14ac:dyDescent="0.25">
      <c r="D5872" s="40">
        <v>97.729425000004312</v>
      </c>
      <c r="E5872" s="40">
        <v>20.813844881251583</v>
      </c>
      <c r="F5872" s="40">
        <v>97.716667000000001</v>
      </c>
      <c r="G5872" s="40">
        <v>20.81272436185677</v>
      </c>
      <c r="H5872" s="40">
        <v>97.716667000000001</v>
      </c>
      <c r="I5872" s="40">
        <v>18.011588831089295</v>
      </c>
      <c r="J5872" s="40">
        <v>97.716631476191196</v>
      </c>
      <c r="K5872" s="40">
        <v>13.025480392438064</v>
      </c>
      <c r="L5872" s="40"/>
      <c r="M5872" s="40"/>
      <c r="N5872" s="40"/>
    </row>
    <row r="5873" spans="4:14" x14ac:dyDescent="0.25">
      <c r="D5873" s="40">
        <v>97.746091000004313</v>
      </c>
      <c r="E5873" s="40">
        <v>20.818688059841129</v>
      </c>
      <c r="F5873" s="40">
        <v>97.733332999999988</v>
      </c>
      <c r="G5873" s="40">
        <v>20.81272436185677</v>
      </c>
      <c r="H5873" s="40">
        <v>97.733334000000013</v>
      </c>
      <c r="I5873" s="40">
        <v>18.014941567232551</v>
      </c>
      <c r="J5873" s="40">
        <v>97.733298136905503</v>
      </c>
      <c r="K5873" s="40">
        <v>13.025480392438064</v>
      </c>
      <c r="L5873" s="40"/>
      <c r="M5873" s="40"/>
      <c r="N5873" s="40"/>
    </row>
    <row r="5874" spans="4:14" x14ac:dyDescent="0.25">
      <c r="D5874" s="40">
        <v>97.762757000004314</v>
      </c>
      <c r="E5874" s="40">
        <v>20.818688059841129</v>
      </c>
      <c r="F5874" s="40">
        <v>97.75</v>
      </c>
      <c r="G5874" s="40">
        <v>20.817479605946986</v>
      </c>
      <c r="H5874" s="40">
        <v>97.75</v>
      </c>
      <c r="I5874" s="40">
        <v>18.018195693489314</v>
      </c>
      <c r="J5874" s="40">
        <v>97.749964797619796</v>
      </c>
      <c r="K5874" s="40">
        <v>13.025480392438064</v>
      </c>
      <c r="L5874" s="40"/>
      <c r="M5874" s="40"/>
      <c r="N5874" s="40"/>
    </row>
    <row r="5875" spans="4:14" x14ac:dyDescent="0.25">
      <c r="D5875" s="40">
        <v>97.779423000004314</v>
      </c>
      <c r="E5875" s="40">
        <v>20.818688059841129</v>
      </c>
      <c r="F5875" s="40">
        <v>97.766666999999984</v>
      </c>
      <c r="G5875" s="40">
        <v>20.817479605946986</v>
      </c>
      <c r="H5875" s="40">
        <v>97.766667000000012</v>
      </c>
      <c r="I5875" s="40">
        <v>18.021548429632574</v>
      </c>
      <c r="J5875" s="40">
        <v>97.766631458334103</v>
      </c>
      <c r="K5875" s="40">
        <v>13.025480392438064</v>
      </c>
      <c r="L5875" s="40"/>
      <c r="M5875" s="40"/>
      <c r="N5875" s="40"/>
    </row>
    <row r="5876" spans="4:14" x14ac:dyDescent="0.25">
      <c r="D5876" s="40">
        <v>97.796089000004315</v>
      </c>
      <c r="E5876" s="40">
        <v>20.818688059841129</v>
      </c>
      <c r="F5876" s="40">
        <v>97.783332999999999</v>
      </c>
      <c r="G5876" s="40">
        <v>20.817479605946986</v>
      </c>
      <c r="H5876" s="40">
        <v>97.783333999999996</v>
      </c>
      <c r="I5876" s="40">
        <v>18.021548429632574</v>
      </c>
      <c r="J5876" s="40">
        <v>97.783298119048396</v>
      </c>
      <c r="K5876" s="40">
        <v>13.025480392438064</v>
      </c>
      <c r="L5876" s="40"/>
      <c r="M5876" s="40"/>
      <c r="N5876" s="40"/>
    </row>
    <row r="5877" spans="4:14" x14ac:dyDescent="0.25">
      <c r="D5877" s="40">
        <v>97.812755000004316</v>
      </c>
      <c r="E5877" s="40">
        <v>20.818688059841129</v>
      </c>
      <c r="F5877" s="40">
        <v>97.799999999999983</v>
      </c>
      <c r="G5877" s="40">
        <v>20.817479605946986</v>
      </c>
      <c r="H5877" s="40">
        <v>97.800000000000011</v>
      </c>
      <c r="I5877" s="40">
        <v>18.02490116577583</v>
      </c>
      <c r="J5877" s="40">
        <v>97.799964779762604</v>
      </c>
      <c r="K5877" s="40">
        <v>13.025480392438064</v>
      </c>
      <c r="L5877" s="40"/>
      <c r="M5877" s="40"/>
      <c r="N5877" s="40"/>
    </row>
    <row r="5878" spans="4:14" x14ac:dyDescent="0.25">
      <c r="D5878" s="40">
        <v>97.829421000004317</v>
      </c>
      <c r="E5878" s="40">
        <v>20.818688059841129</v>
      </c>
      <c r="F5878" s="40">
        <v>97.816666999999995</v>
      </c>
      <c r="G5878" s="40">
        <v>20.822094989916888</v>
      </c>
      <c r="H5878" s="40">
        <v>97.816666999999995</v>
      </c>
      <c r="I5878" s="40">
        <v>18.02490116577583</v>
      </c>
      <c r="J5878" s="40">
        <v>97.816631440476897</v>
      </c>
      <c r="K5878" s="40">
        <v>13.025480392438064</v>
      </c>
      <c r="L5878" s="40"/>
      <c r="M5878" s="40"/>
      <c r="N5878" s="40"/>
    </row>
    <row r="5879" spans="4:14" x14ac:dyDescent="0.25">
      <c r="D5879" s="40">
        <v>97.846087000004317</v>
      </c>
      <c r="E5879" s="40">
        <v>20.818688059841129</v>
      </c>
      <c r="F5879" s="40">
        <v>97.833332999999982</v>
      </c>
      <c r="G5879" s="40">
        <v>20.822094989916888</v>
      </c>
      <c r="H5879" s="40">
        <v>97.833334000000008</v>
      </c>
      <c r="I5879" s="40">
        <v>18.028155292032594</v>
      </c>
      <c r="J5879" s="40">
        <v>97.833298101191204</v>
      </c>
      <c r="K5879" s="40">
        <v>13.025480392438064</v>
      </c>
      <c r="L5879" s="40"/>
      <c r="M5879" s="40"/>
      <c r="N5879" s="40"/>
    </row>
    <row r="5880" spans="4:14" x14ac:dyDescent="0.25">
      <c r="D5880" s="40">
        <v>97.862753000004318</v>
      </c>
      <c r="E5880" s="40">
        <v>20.818688059841129</v>
      </c>
      <c r="F5880" s="40">
        <v>97.85</v>
      </c>
      <c r="G5880" s="40">
        <v>20.822094989916888</v>
      </c>
      <c r="H5880" s="40">
        <v>97.85</v>
      </c>
      <c r="I5880" s="40">
        <v>18.031508028176027</v>
      </c>
      <c r="J5880" s="40">
        <v>97.849964761905497</v>
      </c>
      <c r="K5880" s="40">
        <v>13.025480392438064</v>
      </c>
      <c r="L5880" s="40"/>
      <c r="M5880" s="40"/>
      <c r="N5880" s="40"/>
    </row>
    <row r="5881" spans="4:14" x14ac:dyDescent="0.25">
      <c r="D5881" s="40">
        <v>97.879419000004319</v>
      </c>
      <c r="E5881" s="40">
        <v>20.818688059841129</v>
      </c>
      <c r="F5881" s="40">
        <v>97.866667000000007</v>
      </c>
      <c r="G5881" s="40">
        <v>20.822094989916888</v>
      </c>
      <c r="H5881" s="40">
        <v>97.866667000000007</v>
      </c>
      <c r="I5881" s="40">
        <v>18.031508028176027</v>
      </c>
      <c r="J5881" s="40">
        <v>97.866631422619804</v>
      </c>
      <c r="K5881" s="40">
        <v>13.03033143614717</v>
      </c>
      <c r="L5881" s="40"/>
      <c r="M5881" s="40"/>
      <c r="N5881" s="40"/>
    </row>
    <row r="5882" spans="4:14" x14ac:dyDescent="0.25">
      <c r="D5882" s="40">
        <v>97.896085000004319</v>
      </c>
      <c r="E5882" s="40">
        <v>20.823388792001555</v>
      </c>
      <c r="F5882" s="40">
        <v>97.883332999999993</v>
      </c>
      <c r="G5882" s="40">
        <v>20.826850234006987</v>
      </c>
      <c r="H5882" s="40">
        <v>97.883334000000019</v>
      </c>
      <c r="I5882" s="40">
        <v>18.034860764319284</v>
      </c>
      <c r="J5882" s="40">
        <v>97.883298083334097</v>
      </c>
      <c r="K5882" s="40">
        <v>13.03033143614717</v>
      </c>
      <c r="L5882" s="40"/>
      <c r="M5882" s="40"/>
      <c r="N5882" s="40"/>
    </row>
    <row r="5883" spans="4:14" x14ac:dyDescent="0.25">
      <c r="D5883" s="40">
        <v>97.91275100000432</v>
      </c>
      <c r="E5883" s="40">
        <v>20.823388792001555</v>
      </c>
      <c r="F5883" s="40">
        <v>97.9</v>
      </c>
      <c r="G5883" s="40">
        <v>20.826850234006987</v>
      </c>
      <c r="H5883" s="40">
        <v>97.9</v>
      </c>
      <c r="I5883" s="40">
        <v>18.034860764319284</v>
      </c>
      <c r="J5883" s="40">
        <v>97.899964744048404</v>
      </c>
      <c r="K5883" s="40">
        <v>13.03033143614717</v>
      </c>
      <c r="L5883" s="40"/>
      <c r="M5883" s="40"/>
      <c r="N5883" s="40"/>
    </row>
    <row r="5884" spans="4:14" x14ac:dyDescent="0.25">
      <c r="D5884" s="40">
        <v>97.929417000004321</v>
      </c>
      <c r="E5884" s="40">
        <v>20.823388792001555</v>
      </c>
      <c r="F5884" s="40">
        <v>97.91666699999999</v>
      </c>
      <c r="G5884" s="40">
        <v>20.826850234006987</v>
      </c>
      <c r="H5884" s="40">
        <v>97.916667000000018</v>
      </c>
      <c r="I5884" s="40">
        <v>18.03821350046254</v>
      </c>
      <c r="J5884" s="40">
        <v>97.916631404762597</v>
      </c>
      <c r="K5884" s="40">
        <v>13.035182479856401</v>
      </c>
      <c r="L5884" s="40"/>
      <c r="M5884" s="40"/>
      <c r="N5884" s="40"/>
    </row>
    <row r="5885" spans="4:14" x14ac:dyDescent="0.25">
      <c r="D5885" s="40">
        <v>97.946083000004322</v>
      </c>
      <c r="E5885" s="40">
        <v>20.823388792001555</v>
      </c>
      <c r="F5885" s="40">
        <v>97.933333000000005</v>
      </c>
      <c r="G5885" s="40">
        <v>20.826850234006987</v>
      </c>
      <c r="H5885" s="40">
        <v>97.933334000000002</v>
      </c>
      <c r="I5885" s="40">
        <v>18.041467626719303</v>
      </c>
      <c r="J5885" s="40">
        <v>97.933298065476905</v>
      </c>
      <c r="K5885" s="40">
        <v>13.035182479856401</v>
      </c>
      <c r="L5885" s="40"/>
      <c r="M5885" s="40"/>
      <c r="N5885" s="40"/>
    </row>
    <row r="5886" spans="4:14" x14ac:dyDescent="0.25">
      <c r="D5886" s="40">
        <v>97.962749000004322</v>
      </c>
      <c r="E5886" s="40">
        <v>20.823388792001555</v>
      </c>
      <c r="F5886" s="40">
        <v>97.949999999999989</v>
      </c>
      <c r="G5886" s="40">
        <v>20.831605478097202</v>
      </c>
      <c r="H5886" s="40">
        <v>97.950000000000017</v>
      </c>
      <c r="I5886" s="40">
        <v>18.044820362862559</v>
      </c>
      <c r="J5886" s="40">
        <v>97.949964726191197</v>
      </c>
      <c r="K5886" s="40">
        <v>13.035182479856401</v>
      </c>
      <c r="L5886" s="40"/>
      <c r="M5886" s="40"/>
      <c r="N5886" s="40"/>
    </row>
    <row r="5887" spans="4:14" x14ac:dyDescent="0.25">
      <c r="D5887" s="40">
        <v>97.979415000004323</v>
      </c>
      <c r="E5887" s="40">
        <v>20.828231970590977</v>
      </c>
      <c r="F5887" s="40">
        <v>97.966667000000001</v>
      </c>
      <c r="G5887" s="40">
        <v>20.831605478097202</v>
      </c>
      <c r="H5887" s="40">
        <v>97.966667000000001</v>
      </c>
      <c r="I5887" s="40">
        <v>18.044820362862559</v>
      </c>
      <c r="J5887" s="40">
        <v>97.966631386905505</v>
      </c>
      <c r="K5887" s="40">
        <v>13.039890845809461</v>
      </c>
      <c r="L5887" s="40"/>
      <c r="M5887" s="40"/>
      <c r="N5887" s="40"/>
    </row>
    <row r="5888" spans="4:14" x14ac:dyDescent="0.25">
      <c r="D5888" s="40">
        <v>97.996081000004324</v>
      </c>
      <c r="E5888" s="40">
        <v>20.828231970590977</v>
      </c>
      <c r="F5888" s="40">
        <v>97.983332999999988</v>
      </c>
      <c r="G5888" s="40">
        <v>20.831605478097202</v>
      </c>
      <c r="H5888" s="40">
        <v>97.983334000000013</v>
      </c>
      <c r="I5888" s="40">
        <v>18.048173099005993</v>
      </c>
      <c r="J5888" s="40">
        <v>97.983298047619797</v>
      </c>
      <c r="K5888" s="40">
        <v>13.039890845809461</v>
      </c>
      <c r="L5888" s="40"/>
      <c r="M5888" s="40"/>
      <c r="N5888" s="40"/>
    </row>
    <row r="5889" spans="4:14" x14ac:dyDescent="0.25">
      <c r="D5889" s="40">
        <v>98.012747000004325</v>
      </c>
      <c r="E5889" s="40">
        <v>20.828231970590977</v>
      </c>
      <c r="F5889" s="40">
        <v>98</v>
      </c>
      <c r="G5889" s="40">
        <v>20.831605478097202</v>
      </c>
      <c r="H5889" s="40">
        <v>98</v>
      </c>
      <c r="I5889" s="40">
        <v>18.051427225262756</v>
      </c>
      <c r="J5889" s="40">
        <v>97.999964708334105</v>
      </c>
      <c r="K5889" s="40">
        <v>13.039890845809461</v>
      </c>
      <c r="L5889" s="40"/>
      <c r="M5889" s="40"/>
      <c r="N5889" s="40"/>
    </row>
    <row r="5890" spans="4:14" x14ac:dyDescent="0.25">
      <c r="D5890" s="40">
        <v>98.029413000004325</v>
      </c>
      <c r="E5890" s="40">
        <v>20.828231970590977</v>
      </c>
      <c r="F5890" s="40">
        <v>98.016666999999984</v>
      </c>
      <c r="G5890" s="40">
        <v>20.831605478097202</v>
      </c>
      <c r="H5890" s="40">
        <v>98.016667000000012</v>
      </c>
      <c r="I5890" s="40">
        <v>18.054779961406012</v>
      </c>
      <c r="J5890" s="40">
        <v>98.016631369048397</v>
      </c>
      <c r="K5890" s="40">
        <v>13.039890845809461</v>
      </c>
      <c r="L5890" s="40"/>
      <c r="M5890" s="40"/>
      <c r="N5890" s="40"/>
    </row>
    <row r="5891" spans="4:14" x14ac:dyDescent="0.25">
      <c r="D5891" s="40">
        <v>98.046079000004326</v>
      </c>
      <c r="E5891" s="40">
        <v>20.828231970590977</v>
      </c>
      <c r="F5891" s="40">
        <v>98.033332999999999</v>
      </c>
      <c r="G5891" s="40">
        <v>20.831605478097202</v>
      </c>
      <c r="H5891" s="40">
        <v>98.033333999999996</v>
      </c>
      <c r="I5891" s="40">
        <v>18.058132697549269</v>
      </c>
      <c r="J5891" s="40">
        <v>98.033298029762605</v>
      </c>
      <c r="K5891" s="40">
        <v>13.039890845809461</v>
      </c>
      <c r="L5891" s="40"/>
      <c r="M5891" s="40"/>
      <c r="N5891" s="40"/>
    </row>
    <row r="5892" spans="4:14" x14ac:dyDescent="0.25">
      <c r="D5892" s="40">
        <v>98.062745000004327</v>
      </c>
      <c r="E5892" s="40">
        <v>20.83307514918053</v>
      </c>
      <c r="F5892" s="40">
        <v>98.049999999999983</v>
      </c>
      <c r="G5892" s="40">
        <v>20.836360722187422</v>
      </c>
      <c r="H5892" s="40">
        <v>98.050000000000011</v>
      </c>
      <c r="I5892" s="40">
        <v>18.058132697549269</v>
      </c>
      <c r="J5892" s="40">
        <v>98.049964690476898</v>
      </c>
      <c r="K5892" s="40">
        <v>13.039890845809461</v>
      </c>
      <c r="L5892" s="40"/>
      <c r="M5892" s="40"/>
      <c r="N5892" s="40"/>
    </row>
    <row r="5893" spans="4:14" x14ac:dyDescent="0.25">
      <c r="D5893" s="40">
        <v>98.079411000004328</v>
      </c>
      <c r="E5893" s="40">
        <v>20.83307514918053</v>
      </c>
      <c r="F5893" s="40">
        <v>98.066666999999995</v>
      </c>
      <c r="G5893" s="40">
        <v>20.836360722187422</v>
      </c>
      <c r="H5893" s="40">
        <v>98.066666999999995</v>
      </c>
      <c r="I5893" s="40">
        <v>18.061386823806032</v>
      </c>
      <c r="J5893" s="40">
        <v>98.066631351191205</v>
      </c>
      <c r="K5893" s="40">
        <v>13.039890845809461</v>
      </c>
      <c r="L5893" s="40"/>
      <c r="M5893" s="40"/>
      <c r="N5893" s="40"/>
    </row>
    <row r="5894" spans="4:14" x14ac:dyDescent="0.25">
      <c r="D5894" s="40">
        <v>98.096077000004328</v>
      </c>
      <c r="E5894" s="40">
        <v>20.83307514918053</v>
      </c>
      <c r="F5894" s="40">
        <v>98.083332999999982</v>
      </c>
      <c r="G5894" s="40">
        <v>20.836360722187422</v>
      </c>
      <c r="H5894" s="40">
        <v>98.083334000000008</v>
      </c>
      <c r="I5894" s="40">
        <v>18.061386823806032</v>
      </c>
      <c r="J5894" s="40">
        <v>98.083298011905498</v>
      </c>
      <c r="K5894" s="40">
        <v>13.044741889518567</v>
      </c>
      <c r="L5894" s="40"/>
      <c r="M5894" s="40"/>
      <c r="N5894" s="40"/>
    </row>
    <row r="5895" spans="4:14" x14ac:dyDescent="0.25">
      <c r="D5895" s="40">
        <v>98.112743000004329</v>
      </c>
      <c r="E5895" s="40">
        <v>20.83307514918053</v>
      </c>
      <c r="F5895" s="40">
        <v>98.1</v>
      </c>
      <c r="G5895" s="40">
        <v>20.836360722187422</v>
      </c>
      <c r="H5895" s="40">
        <v>98.1</v>
      </c>
      <c r="I5895" s="40">
        <v>18.064739559949466</v>
      </c>
      <c r="J5895" s="40">
        <v>98.099964672619805</v>
      </c>
      <c r="K5895" s="40">
        <v>13.044741889518567</v>
      </c>
      <c r="L5895" s="40"/>
      <c r="M5895" s="40"/>
      <c r="N5895" s="40"/>
    </row>
    <row r="5896" spans="4:14" x14ac:dyDescent="0.25">
      <c r="D5896" s="40">
        <v>98.12940900000433</v>
      </c>
      <c r="E5896" s="40">
        <v>20.83307514918053</v>
      </c>
      <c r="F5896" s="40">
        <v>98.116667000000007</v>
      </c>
      <c r="G5896" s="40">
        <v>20.8409761061572</v>
      </c>
      <c r="H5896" s="40">
        <v>98.116667000000007</v>
      </c>
      <c r="I5896" s="40">
        <v>18.068092296092725</v>
      </c>
      <c r="J5896" s="40">
        <v>98.116631333334098</v>
      </c>
      <c r="K5896" s="40">
        <v>13.044741889518567</v>
      </c>
      <c r="L5896" s="40"/>
      <c r="M5896" s="40"/>
      <c r="N5896" s="40"/>
    </row>
    <row r="5897" spans="4:14" x14ac:dyDescent="0.25">
      <c r="D5897" s="40">
        <v>98.14607500000433</v>
      </c>
      <c r="E5897" s="40">
        <v>20.83307514918053</v>
      </c>
      <c r="F5897" s="40">
        <v>98.133332999999993</v>
      </c>
      <c r="G5897" s="40">
        <v>20.8409761061572</v>
      </c>
      <c r="H5897" s="40">
        <v>98.133334000000019</v>
      </c>
      <c r="I5897" s="40">
        <v>18.071346422349489</v>
      </c>
      <c r="J5897" s="40">
        <v>98.133297994048405</v>
      </c>
      <c r="K5897" s="40">
        <v>13.039890845809461</v>
      </c>
      <c r="L5897" s="40"/>
      <c r="M5897" s="40"/>
      <c r="N5897" s="40"/>
    </row>
    <row r="5898" spans="4:14" x14ac:dyDescent="0.25">
      <c r="D5898" s="40">
        <v>98.162741000004331</v>
      </c>
      <c r="E5898" s="40">
        <v>20.83307514918053</v>
      </c>
      <c r="F5898" s="40">
        <v>98.15</v>
      </c>
      <c r="G5898" s="40">
        <v>20.8409761061572</v>
      </c>
      <c r="H5898" s="40">
        <v>98.15</v>
      </c>
      <c r="I5898" s="40">
        <v>18.071346422349489</v>
      </c>
      <c r="J5898" s="40">
        <v>98.149964654762599</v>
      </c>
      <c r="K5898" s="40">
        <v>13.039890845809461</v>
      </c>
      <c r="L5898" s="40"/>
      <c r="M5898" s="40"/>
      <c r="N5898" s="40"/>
    </row>
    <row r="5899" spans="4:14" x14ac:dyDescent="0.25">
      <c r="D5899" s="40">
        <v>98.179407000004332</v>
      </c>
      <c r="E5899" s="40">
        <v>20.83307514918053</v>
      </c>
      <c r="F5899" s="40">
        <v>98.16666699999999</v>
      </c>
      <c r="G5899" s="40">
        <v>20.8409761061572</v>
      </c>
      <c r="H5899" s="40">
        <v>98.166667000000018</v>
      </c>
      <c r="I5899" s="40">
        <v>18.074699158492741</v>
      </c>
      <c r="J5899" s="40">
        <v>98.166631315476906</v>
      </c>
      <c r="K5899" s="40">
        <v>13.039890845809461</v>
      </c>
      <c r="L5899" s="40"/>
      <c r="M5899" s="40"/>
      <c r="N5899" s="40"/>
    </row>
    <row r="5900" spans="4:14" x14ac:dyDescent="0.25">
      <c r="D5900" s="40">
        <v>98.196073000004333</v>
      </c>
      <c r="E5900" s="40">
        <v>20.83307514918053</v>
      </c>
      <c r="F5900" s="40">
        <v>98.183333000000005</v>
      </c>
      <c r="G5900" s="40">
        <v>20.8409761061572</v>
      </c>
      <c r="H5900" s="40">
        <v>98.183334000000002</v>
      </c>
      <c r="I5900" s="40">
        <v>18.074699158492741</v>
      </c>
      <c r="J5900" s="40">
        <v>98.183297976191199</v>
      </c>
      <c r="K5900" s="40">
        <v>13.039890845809461</v>
      </c>
      <c r="L5900" s="40"/>
      <c r="M5900" s="40"/>
      <c r="N5900" s="40"/>
    </row>
    <row r="5901" spans="4:14" x14ac:dyDescent="0.25">
      <c r="D5901" s="40">
        <v>98.212739000004333</v>
      </c>
      <c r="E5901" s="40">
        <v>20.83307514918053</v>
      </c>
      <c r="F5901" s="40">
        <v>98.199999999999989</v>
      </c>
      <c r="G5901" s="40">
        <v>20.8409761061572</v>
      </c>
      <c r="H5901" s="40">
        <v>98.200000000000017</v>
      </c>
      <c r="I5901" s="40">
        <v>18.078051894636001</v>
      </c>
      <c r="J5901" s="40">
        <v>98.199964636905506</v>
      </c>
      <c r="K5901" s="40">
        <v>13.039890845809461</v>
      </c>
      <c r="L5901" s="40"/>
      <c r="M5901" s="40"/>
      <c r="N5901" s="40"/>
    </row>
    <row r="5902" spans="4:14" x14ac:dyDescent="0.25">
      <c r="D5902" s="40">
        <v>98.229405000004334</v>
      </c>
      <c r="E5902" s="40">
        <v>20.83307514918053</v>
      </c>
      <c r="F5902" s="40">
        <v>98.216667000000001</v>
      </c>
      <c r="G5902" s="40">
        <v>20.845731350247416</v>
      </c>
      <c r="H5902" s="40">
        <v>98.216667000000001</v>
      </c>
      <c r="I5902" s="40">
        <v>18.078051894636001</v>
      </c>
      <c r="J5902" s="40">
        <v>98.216631297619799</v>
      </c>
      <c r="K5902" s="40">
        <v>13.039890845809461</v>
      </c>
      <c r="L5902" s="40"/>
      <c r="M5902" s="40"/>
      <c r="N5902" s="40"/>
    </row>
    <row r="5903" spans="4:14" x14ac:dyDescent="0.25">
      <c r="D5903" s="40">
        <v>98.246071000004335</v>
      </c>
      <c r="E5903" s="40">
        <v>20.83307514918053</v>
      </c>
      <c r="F5903" s="40">
        <v>98.233332999999988</v>
      </c>
      <c r="G5903" s="40">
        <v>20.845731350247416</v>
      </c>
      <c r="H5903" s="40">
        <v>98.233334000000013</v>
      </c>
      <c r="I5903" s="40">
        <v>18.081306020892765</v>
      </c>
      <c r="J5903" s="40">
        <v>98.233297958334106</v>
      </c>
      <c r="K5903" s="40">
        <v>13.039890845809461</v>
      </c>
      <c r="L5903" s="40"/>
      <c r="M5903" s="40"/>
      <c r="N5903" s="40"/>
    </row>
    <row r="5904" spans="4:14" x14ac:dyDescent="0.25">
      <c r="D5904" s="40">
        <v>98.262737000004336</v>
      </c>
      <c r="E5904" s="40">
        <v>20.83307514918053</v>
      </c>
      <c r="F5904" s="40">
        <v>98.25</v>
      </c>
      <c r="G5904" s="40">
        <v>20.845731350247416</v>
      </c>
      <c r="H5904" s="40">
        <v>98.25</v>
      </c>
      <c r="I5904" s="40">
        <v>18.084658757036195</v>
      </c>
      <c r="J5904" s="40">
        <v>98.249964619048399</v>
      </c>
      <c r="K5904" s="40">
        <v>13.039890845809461</v>
      </c>
      <c r="L5904" s="40"/>
      <c r="M5904" s="40"/>
      <c r="N5904" s="40"/>
    </row>
    <row r="5905" spans="4:14" x14ac:dyDescent="0.25">
      <c r="D5905" s="40">
        <v>98.279403000004336</v>
      </c>
      <c r="E5905" s="40">
        <v>20.83307514918053</v>
      </c>
      <c r="F5905" s="40">
        <v>98.266666999999984</v>
      </c>
      <c r="G5905" s="40">
        <v>20.850486594337635</v>
      </c>
      <c r="H5905" s="40">
        <v>98.266667000000012</v>
      </c>
      <c r="I5905" s="40">
        <v>18.084658757036195</v>
      </c>
      <c r="J5905" s="40">
        <v>98.266631279762606</v>
      </c>
      <c r="K5905" s="40">
        <v>13.039890845809461</v>
      </c>
      <c r="L5905" s="40"/>
      <c r="M5905" s="40"/>
      <c r="N5905" s="40"/>
    </row>
    <row r="5906" spans="4:14" x14ac:dyDescent="0.25">
      <c r="D5906" s="40">
        <v>98.296069000004337</v>
      </c>
      <c r="E5906" s="40">
        <v>20.83307514918053</v>
      </c>
      <c r="F5906" s="40">
        <v>98.283332999999999</v>
      </c>
      <c r="G5906" s="40">
        <v>20.850486594337635</v>
      </c>
      <c r="H5906" s="40">
        <v>98.283333999999996</v>
      </c>
      <c r="I5906" s="40">
        <v>18.088011493179454</v>
      </c>
      <c r="J5906" s="40">
        <v>98.283297940476899</v>
      </c>
      <c r="K5906" s="40">
        <v>13.039890845809461</v>
      </c>
      <c r="L5906" s="40"/>
      <c r="M5906" s="40"/>
      <c r="N5906" s="40"/>
    </row>
    <row r="5907" spans="4:14" x14ac:dyDescent="0.25">
      <c r="D5907" s="40">
        <v>98.312735000004338</v>
      </c>
      <c r="E5907" s="40">
        <v>20.828231970590977</v>
      </c>
      <c r="F5907" s="40">
        <v>98.299999999999983</v>
      </c>
      <c r="G5907" s="40">
        <v>20.850486594337635</v>
      </c>
      <c r="H5907" s="40">
        <v>98.300000000000011</v>
      </c>
      <c r="I5907" s="40">
        <v>18.091265619436218</v>
      </c>
      <c r="J5907" s="40">
        <v>98.299964601191206</v>
      </c>
      <c r="K5907" s="40">
        <v>13.035182479856401</v>
      </c>
      <c r="L5907" s="40"/>
      <c r="M5907" s="40"/>
      <c r="N5907" s="40"/>
    </row>
    <row r="5908" spans="4:14" x14ac:dyDescent="0.25">
      <c r="D5908" s="40">
        <v>98.329401000004339</v>
      </c>
      <c r="E5908" s="40">
        <v>20.828231970590977</v>
      </c>
      <c r="F5908" s="40">
        <v>98.316666999999995</v>
      </c>
      <c r="G5908" s="40">
        <v>20.850486594337635</v>
      </c>
      <c r="H5908" s="40">
        <v>98.316666999999995</v>
      </c>
      <c r="I5908" s="40">
        <v>18.09461835557947</v>
      </c>
      <c r="J5908" s="40">
        <v>98.316631261905499</v>
      </c>
      <c r="K5908" s="40">
        <v>13.035182479856401</v>
      </c>
      <c r="L5908" s="40"/>
      <c r="M5908" s="40"/>
      <c r="N5908" s="40"/>
    </row>
    <row r="5909" spans="4:14" x14ac:dyDescent="0.25">
      <c r="D5909" s="40">
        <v>98.346067000004339</v>
      </c>
      <c r="E5909" s="40">
        <v>20.828231970590977</v>
      </c>
      <c r="F5909" s="40">
        <v>98.333332999999982</v>
      </c>
      <c r="G5909" s="40">
        <v>20.855101978307413</v>
      </c>
      <c r="H5909" s="40">
        <v>98.333334000000008</v>
      </c>
      <c r="I5909" s="40">
        <v>18.09461835557947</v>
      </c>
      <c r="J5909" s="40">
        <v>98.333297922619806</v>
      </c>
      <c r="K5909" s="40">
        <v>13.035182479856401</v>
      </c>
      <c r="L5909" s="40"/>
      <c r="M5909" s="40"/>
      <c r="N5909" s="40"/>
    </row>
    <row r="5910" spans="4:14" x14ac:dyDescent="0.25">
      <c r="D5910" s="40">
        <v>98.36273300000434</v>
      </c>
      <c r="E5910" s="40">
        <v>20.823388792001555</v>
      </c>
      <c r="F5910" s="40">
        <v>98.35</v>
      </c>
      <c r="G5910" s="40">
        <v>20.855101978307413</v>
      </c>
      <c r="H5910" s="40">
        <v>98.35</v>
      </c>
      <c r="I5910" s="40">
        <v>18.097971091722904</v>
      </c>
      <c r="J5910" s="40">
        <v>98.349964583334099</v>
      </c>
      <c r="K5910" s="40">
        <v>13.035182479856401</v>
      </c>
      <c r="L5910" s="40"/>
      <c r="M5910" s="40"/>
      <c r="N5910" s="40"/>
    </row>
    <row r="5911" spans="4:14" x14ac:dyDescent="0.25">
      <c r="D5911" s="40">
        <v>98.379399000004341</v>
      </c>
      <c r="E5911" s="40">
        <v>20.823388792001555</v>
      </c>
      <c r="F5911" s="40">
        <v>98.366667000000007</v>
      </c>
      <c r="G5911" s="40">
        <v>20.855101978307413</v>
      </c>
      <c r="H5911" s="40">
        <v>98.366667000000007</v>
      </c>
      <c r="I5911" s="40">
        <v>18.097971091722904</v>
      </c>
      <c r="J5911" s="40">
        <v>98.366631244048406</v>
      </c>
      <c r="K5911" s="40">
        <v>13.035182479856401</v>
      </c>
      <c r="L5911" s="40"/>
      <c r="M5911" s="40"/>
      <c r="N5911" s="40"/>
    </row>
    <row r="5912" spans="4:14" x14ac:dyDescent="0.25">
      <c r="D5912" s="40">
        <v>98.396065000004342</v>
      </c>
      <c r="E5912" s="40">
        <v>20.823388792001555</v>
      </c>
      <c r="F5912" s="40">
        <v>98.383332999999993</v>
      </c>
      <c r="G5912" s="40">
        <v>20.855101978307413</v>
      </c>
      <c r="H5912" s="40">
        <v>98.383334000000019</v>
      </c>
      <c r="I5912" s="40">
        <v>18.101225217979493</v>
      </c>
      <c r="J5912" s="40">
        <v>98.383297904762699</v>
      </c>
      <c r="K5912" s="40">
        <v>13.035182479856401</v>
      </c>
      <c r="L5912" s="40"/>
      <c r="M5912" s="40"/>
      <c r="N5912" s="40"/>
    </row>
    <row r="5913" spans="4:14" x14ac:dyDescent="0.25">
      <c r="D5913" s="40">
        <v>98.412731000004342</v>
      </c>
      <c r="E5913" s="40">
        <v>20.823388792001555</v>
      </c>
      <c r="F5913" s="40">
        <v>98.4</v>
      </c>
      <c r="G5913" s="40">
        <v>20.855101978307413</v>
      </c>
      <c r="H5913" s="40">
        <v>98.4</v>
      </c>
      <c r="I5913" s="40">
        <v>18.101225217979493</v>
      </c>
      <c r="J5913" s="40">
        <v>98.399964565476907</v>
      </c>
      <c r="K5913" s="40">
        <v>13.035182479856401</v>
      </c>
      <c r="L5913" s="40"/>
      <c r="M5913" s="40"/>
      <c r="N5913" s="40"/>
    </row>
    <row r="5914" spans="4:14" x14ac:dyDescent="0.25">
      <c r="D5914" s="40">
        <v>98.429397000004343</v>
      </c>
      <c r="E5914" s="40">
        <v>20.823388792001555</v>
      </c>
      <c r="F5914" s="40">
        <v>98.41666699999999</v>
      </c>
      <c r="G5914" s="40">
        <v>20.859857222397629</v>
      </c>
      <c r="H5914" s="40">
        <v>98.416667000000018</v>
      </c>
      <c r="I5914" s="40">
        <v>18.104577954122927</v>
      </c>
      <c r="J5914" s="40">
        <v>98.4166312261912</v>
      </c>
      <c r="K5914" s="40">
        <v>13.035182479856401</v>
      </c>
      <c r="L5914" s="40"/>
      <c r="M5914" s="40"/>
      <c r="N5914" s="40"/>
    </row>
    <row r="5915" spans="4:14" x14ac:dyDescent="0.25">
      <c r="D5915" s="40">
        <v>98.446063000004344</v>
      </c>
      <c r="E5915" s="40">
        <v>20.823388792001555</v>
      </c>
      <c r="F5915" s="40">
        <v>98.433333000000005</v>
      </c>
      <c r="G5915" s="40">
        <v>20.859857222397629</v>
      </c>
      <c r="H5915" s="40">
        <v>98.433334000000002</v>
      </c>
      <c r="I5915" s="40">
        <v>18.104577954122927</v>
      </c>
      <c r="J5915" s="40">
        <v>98.433297886905507</v>
      </c>
      <c r="K5915" s="40">
        <v>13.035182479856401</v>
      </c>
      <c r="L5915" s="40"/>
      <c r="M5915" s="40"/>
      <c r="N5915" s="40"/>
    </row>
    <row r="5916" spans="4:14" x14ac:dyDescent="0.25">
      <c r="D5916" s="40">
        <v>98.462729000004344</v>
      </c>
      <c r="E5916" s="40">
        <v>20.823388792001555</v>
      </c>
      <c r="F5916" s="40">
        <v>98.449999999999989</v>
      </c>
      <c r="G5916" s="40">
        <v>20.859857222397629</v>
      </c>
      <c r="H5916" s="40">
        <v>98.450000000000017</v>
      </c>
      <c r="I5916" s="40">
        <v>18.107930690266183</v>
      </c>
      <c r="J5916" s="40">
        <v>98.4499645476198</v>
      </c>
      <c r="K5916" s="40">
        <v>13.035182479856401</v>
      </c>
      <c r="L5916" s="40"/>
      <c r="M5916" s="40"/>
      <c r="N5916" s="40"/>
    </row>
    <row r="5917" spans="4:14" x14ac:dyDescent="0.25">
      <c r="D5917" s="40">
        <v>98.479395000004345</v>
      </c>
      <c r="E5917" s="40">
        <v>20.823388792001555</v>
      </c>
      <c r="F5917" s="40">
        <v>98.466667000000001</v>
      </c>
      <c r="G5917" s="40">
        <v>20.859857222397629</v>
      </c>
      <c r="H5917" s="40">
        <v>98.466667000000001</v>
      </c>
      <c r="I5917" s="40">
        <v>18.107930690266183</v>
      </c>
      <c r="J5917" s="40">
        <v>98.466631208334107</v>
      </c>
      <c r="K5917" s="40">
        <v>13.035182479856401</v>
      </c>
      <c r="L5917" s="40"/>
      <c r="M5917" s="40"/>
      <c r="N5917" s="40"/>
    </row>
    <row r="5918" spans="4:14" x14ac:dyDescent="0.25">
      <c r="D5918" s="40">
        <v>98.496061000004346</v>
      </c>
      <c r="E5918" s="40">
        <v>20.823388792001555</v>
      </c>
      <c r="F5918" s="40">
        <v>98.483332999999988</v>
      </c>
      <c r="G5918" s="40">
        <v>20.859857222397629</v>
      </c>
      <c r="H5918" s="40">
        <v>98.483334000000013</v>
      </c>
      <c r="I5918" s="40">
        <v>18.107930690266183</v>
      </c>
      <c r="J5918" s="40">
        <v>98.4832978690484</v>
      </c>
      <c r="K5918" s="40">
        <v>13.035182479856401</v>
      </c>
      <c r="L5918" s="40"/>
      <c r="M5918" s="40"/>
      <c r="N5918" s="40"/>
    </row>
    <row r="5919" spans="4:14" x14ac:dyDescent="0.25">
      <c r="D5919" s="40">
        <v>98.512727000004347</v>
      </c>
      <c r="E5919" s="40">
        <v>20.823388792001555</v>
      </c>
      <c r="F5919" s="40">
        <v>98.5</v>
      </c>
      <c r="G5919" s="40">
        <v>20.859857222397629</v>
      </c>
      <c r="H5919" s="40">
        <v>98.5</v>
      </c>
      <c r="I5919" s="40">
        <v>18.111184816522947</v>
      </c>
      <c r="J5919" s="40">
        <v>98.499964529762593</v>
      </c>
      <c r="K5919" s="40">
        <v>13.035182479856401</v>
      </c>
      <c r="L5919" s="40"/>
      <c r="M5919" s="40"/>
      <c r="N5919" s="40"/>
    </row>
    <row r="5920" spans="4:14" x14ac:dyDescent="0.25">
      <c r="D5920" s="40">
        <v>98.529393000004347</v>
      </c>
      <c r="E5920" s="40">
        <v>20.823388792001555</v>
      </c>
      <c r="F5920" s="40">
        <v>98.516666999999984</v>
      </c>
      <c r="G5920" s="40">
        <v>20.864612466487849</v>
      </c>
      <c r="H5920" s="40">
        <v>98.516667000000012</v>
      </c>
      <c r="I5920" s="40">
        <v>18.114537552666203</v>
      </c>
      <c r="J5920" s="40">
        <v>98.5166311904769</v>
      </c>
      <c r="K5920" s="40">
        <v>13.035182479856401</v>
      </c>
      <c r="L5920" s="40"/>
      <c r="M5920" s="40"/>
      <c r="N5920" s="40"/>
    </row>
    <row r="5921" spans="4:14" x14ac:dyDescent="0.25">
      <c r="D5921" s="40">
        <v>98.546059000004348</v>
      </c>
      <c r="E5921" s="40">
        <v>20.823388792001555</v>
      </c>
      <c r="F5921" s="40">
        <v>98.533332999999999</v>
      </c>
      <c r="G5921" s="40">
        <v>20.864612466487849</v>
      </c>
      <c r="H5921" s="40">
        <v>98.533333999999996</v>
      </c>
      <c r="I5921" s="40">
        <v>18.114537552666203</v>
      </c>
      <c r="J5921" s="40">
        <v>98.533297851191193</v>
      </c>
      <c r="K5921" s="40">
        <v>13.035182479856401</v>
      </c>
      <c r="L5921" s="40"/>
      <c r="M5921" s="40"/>
      <c r="N5921" s="40"/>
    </row>
    <row r="5922" spans="4:14" x14ac:dyDescent="0.25">
      <c r="D5922" s="40">
        <v>98.562725000004349</v>
      </c>
      <c r="E5922" s="40">
        <v>20.823388792001555</v>
      </c>
      <c r="F5922" s="40">
        <v>98.549999999999983</v>
      </c>
      <c r="G5922" s="40">
        <v>20.864612466487849</v>
      </c>
      <c r="H5922" s="40">
        <v>98.550000000000011</v>
      </c>
      <c r="I5922" s="40">
        <v>18.117890288809637</v>
      </c>
      <c r="J5922" s="40">
        <v>98.5499645119055</v>
      </c>
      <c r="K5922" s="40">
        <v>13.039890845809461</v>
      </c>
      <c r="L5922" s="40"/>
      <c r="M5922" s="40"/>
      <c r="N5922" s="40"/>
    </row>
    <row r="5923" spans="4:14" x14ac:dyDescent="0.25">
      <c r="D5923" s="40">
        <v>98.57939100000435</v>
      </c>
      <c r="E5923" s="40">
        <v>20.823388792001555</v>
      </c>
      <c r="F5923" s="40">
        <v>98.566666999999995</v>
      </c>
      <c r="G5923" s="40">
        <v>20.864612466487849</v>
      </c>
      <c r="H5923" s="40">
        <v>98.566666999999995</v>
      </c>
      <c r="I5923" s="40">
        <v>18.117890288809637</v>
      </c>
      <c r="J5923" s="40">
        <v>98.566631172619793</v>
      </c>
      <c r="K5923" s="40">
        <v>13.039890845809461</v>
      </c>
      <c r="L5923" s="40"/>
      <c r="M5923" s="40"/>
      <c r="N5923" s="40"/>
    </row>
    <row r="5924" spans="4:14" x14ac:dyDescent="0.25">
      <c r="D5924" s="40">
        <v>98.59605700000435</v>
      </c>
      <c r="E5924" s="40">
        <v>20.823388792001555</v>
      </c>
      <c r="F5924" s="40">
        <v>98.583332999999982</v>
      </c>
      <c r="G5924" s="40">
        <v>20.864612466487849</v>
      </c>
      <c r="H5924" s="40">
        <v>98.583334000000008</v>
      </c>
      <c r="I5924" s="40">
        <v>18.1211444150664</v>
      </c>
      <c r="J5924" s="40">
        <v>98.5832978333341</v>
      </c>
      <c r="K5924" s="40">
        <v>13.039890845809461</v>
      </c>
      <c r="L5924" s="40"/>
      <c r="M5924" s="40"/>
      <c r="N5924" s="40"/>
    </row>
    <row r="5925" spans="4:14" x14ac:dyDescent="0.25">
      <c r="D5925" s="40">
        <v>98.612723000004351</v>
      </c>
      <c r="E5925" s="40">
        <v>20.823388792001555</v>
      </c>
      <c r="F5925" s="40">
        <v>98.6</v>
      </c>
      <c r="G5925" s="40">
        <v>20.864612466487849</v>
      </c>
      <c r="H5925" s="40">
        <v>98.6</v>
      </c>
      <c r="I5925" s="40">
        <v>18.124497151209656</v>
      </c>
      <c r="J5925" s="40">
        <v>98.599964494048393</v>
      </c>
      <c r="K5925" s="40">
        <v>13.044741889518567</v>
      </c>
      <c r="L5925" s="40"/>
      <c r="M5925" s="40"/>
      <c r="N5925" s="40"/>
    </row>
    <row r="5926" spans="4:14" x14ac:dyDescent="0.25">
      <c r="D5926" s="40">
        <v>98.629389000004352</v>
      </c>
      <c r="E5926" s="40">
        <v>20.828231970590977</v>
      </c>
      <c r="F5926" s="40">
        <v>98.616667000000007</v>
      </c>
      <c r="G5926" s="40">
        <v>20.864612466487849</v>
      </c>
      <c r="H5926" s="40">
        <v>98.616667000000007</v>
      </c>
      <c r="I5926" s="40">
        <v>18.127849887352912</v>
      </c>
      <c r="J5926" s="40">
        <v>98.6166311547627</v>
      </c>
      <c r="K5926" s="40">
        <v>13.044741889518567</v>
      </c>
      <c r="L5926" s="40"/>
      <c r="M5926" s="40"/>
      <c r="N5926" s="40"/>
    </row>
    <row r="5927" spans="4:14" x14ac:dyDescent="0.25">
      <c r="D5927" s="40">
        <v>98.646055000004353</v>
      </c>
      <c r="E5927" s="40">
        <v>20.828231970590977</v>
      </c>
      <c r="F5927" s="40">
        <v>98.633332999999993</v>
      </c>
      <c r="G5927" s="40">
        <v>20.869227850457751</v>
      </c>
      <c r="H5927" s="40">
        <v>98.633334000000019</v>
      </c>
      <c r="I5927" s="40">
        <v>18.127849887352912</v>
      </c>
      <c r="J5927" s="40">
        <v>98.633297815476894</v>
      </c>
      <c r="K5927" s="40">
        <v>13.0495929332278</v>
      </c>
      <c r="L5927" s="40"/>
      <c r="M5927" s="40"/>
      <c r="N5927" s="40"/>
    </row>
    <row r="5928" spans="4:14" x14ac:dyDescent="0.25">
      <c r="D5928" s="40">
        <v>98.662721000004353</v>
      </c>
      <c r="E5928" s="40">
        <v>20.83307514918053</v>
      </c>
      <c r="F5928" s="40">
        <v>98.65</v>
      </c>
      <c r="G5928" s="40">
        <v>20.869227850457751</v>
      </c>
      <c r="H5928" s="40">
        <v>98.65</v>
      </c>
      <c r="I5928" s="40">
        <v>18.131104013609676</v>
      </c>
      <c r="J5928" s="40">
        <v>98.649964476191201</v>
      </c>
      <c r="K5928" s="40">
        <v>13.0495929332278</v>
      </c>
      <c r="L5928" s="40"/>
      <c r="M5928" s="40"/>
      <c r="N5928" s="40"/>
    </row>
    <row r="5929" spans="4:14" x14ac:dyDescent="0.25">
      <c r="D5929" s="40">
        <v>98.679387000004354</v>
      </c>
      <c r="E5929" s="40">
        <v>20.83307514918053</v>
      </c>
      <c r="F5929" s="40">
        <v>98.66666699999999</v>
      </c>
      <c r="G5929" s="40">
        <v>20.869227850457751</v>
      </c>
      <c r="H5929" s="40">
        <v>98.666667000000018</v>
      </c>
      <c r="I5929" s="40">
        <v>18.134456749752932</v>
      </c>
      <c r="J5929" s="40">
        <v>98.666631136905494</v>
      </c>
      <c r="K5929" s="40">
        <v>13.0495929332278</v>
      </c>
      <c r="L5929" s="40"/>
      <c r="M5929" s="40"/>
      <c r="N5929" s="40"/>
    </row>
    <row r="5930" spans="4:14" x14ac:dyDescent="0.25">
      <c r="D5930" s="40">
        <v>98.696053000004355</v>
      </c>
      <c r="E5930" s="40">
        <v>20.83307514918053</v>
      </c>
      <c r="F5930" s="40">
        <v>98.683333000000005</v>
      </c>
      <c r="G5930" s="40">
        <v>20.869227850457751</v>
      </c>
      <c r="H5930" s="40">
        <v>98.683334000000002</v>
      </c>
      <c r="I5930" s="40">
        <v>18.134456749752932</v>
      </c>
      <c r="J5930" s="40">
        <v>98.683297797619801</v>
      </c>
      <c r="K5930" s="40">
        <v>13.05430129918086</v>
      </c>
      <c r="L5930" s="40"/>
      <c r="M5930" s="40"/>
      <c r="N5930" s="40"/>
    </row>
    <row r="5931" spans="4:14" x14ac:dyDescent="0.25">
      <c r="D5931" s="40">
        <v>98.712719000004356</v>
      </c>
      <c r="E5931" s="40">
        <v>20.83307514918053</v>
      </c>
      <c r="F5931" s="40">
        <v>98.699999999999989</v>
      </c>
      <c r="G5931" s="40">
        <v>20.869227850457751</v>
      </c>
      <c r="H5931" s="40">
        <v>98.700000000000017</v>
      </c>
      <c r="I5931" s="40">
        <v>18.137809485896366</v>
      </c>
      <c r="J5931" s="40">
        <v>98.699964458334094</v>
      </c>
      <c r="K5931" s="40">
        <v>13.05430129918086</v>
      </c>
      <c r="L5931" s="40"/>
      <c r="M5931" s="40"/>
      <c r="N5931" s="40"/>
    </row>
    <row r="5932" spans="4:14" x14ac:dyDescent="0.25">
      <c r="D5932" s="40">
        <v>98.729385000004356</v>
      </c>
      <c r="E5932" s="40">
        <v>20.83307514918053</v>
      </c>
      <c r="F5932" s="40">
        <v>98.716667000000001</v>
      </c>
      <c r="G5932" s="40">
        <v>20.869227850457751</v>
      </c>
      <c r="H5932" s="40">
        <v>98.716667000000001</v>
      </c>
      <c r="I5932" s="40">
        <v>18.137809485896366</v>
      </c>
      <c r="J5932" s="40">
        <v>98.716631119048401</v>
      </c>
      <c r="K5932" s="40">
        <v>13.05430129918086</v>
      </c>
      <c r="L5932" s="40"/>
      <c r="M5932" s="40"/>
      <c r="N5932" s="40"/>
    </row>
    <row r="5933" spans="4:14" x14ac:dyDescent="0.25">
      <c r="D5933" s="40">
        <v>98.746051000004357</v>
      </c>
      <c r="E5933" s="40">
        <v>20.83307514918053</v>
      </c>
      <c r="F5933" s="40">
        <v>98.733332999999988</v>
      </c>
      <c r="G5933" s="40">
        <v>20.869227850457751</v>
      </c>
      <c r="H5933" s="40">
        <v>98.733334000000013</v>
      </c>
      <c r="I5933" s="40">
        <v>18.137809485896366</v>
      </c>
      <c r="J5933" s="40">
        <v>98.733297779762594</v>
      </c>
      <c r="K5933" s="40">
        <v>13.05430129918086</v>
      </c>
      <c r="L5933" s="40"/>
      <c r="M5933" s="40"/>
      <c r="N5933" s="40"/>
    </row>
    <row r="5934" spans="4:14" x14ac:dyDescent="0.25">
      <c r="D5934" s="40">
        <v>98.762717000004358</v>
      </c>
      <c r="E5934" s="40">
        <v>20.837775881340949</v>
      </c>
      <c r="F5934" s="40">
        <v>98.75</v>
      </c>
      <c r="G5934" s="40">
        <v>20.873983094547846</v>
      </c>
      <c r="H5934" s="40">
        <v>98.75</v>
      </c>
      <c r="I5934" s="40">
        <v>18.141063612153129</v>
      </c>
      <c r="J5934" s="40">
        <v>98.749964440476901</v>
      </c>
      <c r="K5934" s="40">
        <v>13.059152342889965</v>
      </c>
      <c r="L5934" s="40"/>
      <c r="M5934" s="40"/>
      <c r="N5934" s="40"/>
    </row>
    <row r="5935" spans="4:14" x14ac:dyDescent="0.25">
      <c r="D5935" s="40">
        <v>98.779383000004358</v>
      </c>
      <c r="E5935" s="40">
        <v>20.837775881340949</v>
      </c>
      <c r="F5935" s="40">
        <v>98.766666999999984</v>
      </c>
      <c r="G5935" s="40">
        <v>20.873983094547846</v>
      </c>
      <c r="H5935" s="40">
        <v>98.766667000000012</v>
      </c>
      <c r="I5935" s="40">
        <v>18.141063612153129</v>
      </c>
      <c r="J5935" s="40">
        <v>98.766631101191194</v>
      </c>
      <c r="K5935" s="40">
        <v>13.059152342889965</v>
      </c>
      <c r="L5935" s="40"/>
      <c r="M5935" s="40"/>
      <c r="N5935" s="40"/>
    </row>
    <row r="5936" spans="4:14" x14ac:dyDescent="0.25">
      <c r="D5936" s="40">
        <v>98.796049000004359</v>
      </c>
      <c r="E5936" s="40">
        <v>20.837775881340949</v>
      </c>
      <c r="F5936" s="40">
        <v>98.783332999999999</v>
      </c>
      <c r="G5936" s="40">
        <v>20.873983094547846</v>
      </c>
      <c r="H5936" s="40">
        <v>98.783333999999996</v>
      </c>
      <c r="I5936" s="40">
        <v>18.141063612153129</v>
      </c>
      <c r="J5936" s="40">
        <v>98.783297761905501</v>
      </c>
      <c r="K5936" s="40">
        <v>13.059152342889965</v>
      </c>
      <c r="L5936" s="40"/>
      <c r="M5936" s="40"/>
      <c r="N5936" s="40"/>
    </row>
    <row r="5937" spans="4:14" x14ac:dyDescent="0.25">
      <c r="D5937" s="40">
        <v>98.81271500000436</v>
      </c>
      <c r="E5937" s="40">
        <v>20.842619059930502</v>
      </c>
      <c r="F5937" s="40">
        <v>98.799999999999983</v>
      </c>
      <c r="G5937" s="40">
        <v>20.878738338638065</v>
      </c>
      <c r="H5937" s="40">
        <v>98.800000000000011</v>
      </c>
      <c r="I5937" s="40">
        <v>18.144416348296385</v>
      </c>
      <c r="J5937" s="40">
        <v>98.799964422619794</v>
      </c>
      <c r="K5937" s="40">
        <v>13.059152342889965</v>
      </c>
      <c r="L5937" s="40"/>
      <c r="M5937" s="40"/>
      <c r="N5937" s="40"/>
    </row>
    <row r="5938" spans="4:14" x14ac:dyDescent="0.25">
      <c r="D5938" s="40">
        <v>98.829381000004361</v>
      </c>
      <c r="E5938" s="40">
        <v>20.842619059930502</v>
      </c>
      <c r="F5938" s="40">
        <v>98.816666999999995</v>
      </c>
      <c r="G5938" s="40">
        <v>20.878738338638065</v>
      </c>
      <c r="H5938" s="40">
        <v>98.816666999999995</v>
      </c>
      <c r="I5938" s="40">
        <v>18.144416348296385</v>
      </c>
      <c r="J5938" s="40">
        <v>98.816631083334102</v>
      </c>
      <c r="K5938" s="40">
        <v>13.059152342889965</v>
      </c>
      <c r="L5938" s="40"/>
      <c r="M5938" s="40"/>
      <c r="N5938" s="40"/>
    </row>
    <row r="5939" spans="4:14" x14ac:dyDescent="0.25">
      <c r="D5939" s="40">
        <v>98.846047000004361</v>
      </c>
      <c r="E5939" s="40">
        <v>20.837775881340949</v>
      </c>
      <c r="F5939" s="40">
        <v>98.833332999999982</v>
      </c>
      <c r="G5939" s="40">
        <v>20.878738338638065</v>
      </c>
      <c r="H5939" s="40">
        <v>98.833334000000008</v>
      </c>
      <c r="I5939" s="40">
        <v>18.147769084439645</v>
      </c>
      <c r="J5939" s="40">
        <v>98.833297744048394</v>
      </c>
      <c r="K5939" s="40">
        <v>13.059152342889965</v>
      </c>
      <c r="L5939" s="40"/>
      <c r="M5939" s="40"/>
      <c r="N5939" s="40"/>
    </row>
    <row r="5940" spans="4:14" x14ac:dyDescent="0.25">
      <c r="D5940" s="40">
        <v>98.862713000004362</v>
      </c>
      <c r="E5940" s="40">
        <v>20.837775881340949</v>
      </c>
      <c r="F5940" s="40">
        <v>98.85</v>
      </c>
      <c r="G5940" s="40">
        <v>20.883353722607968</v>
      </c>
      <c r="H5940" s="40">
        <v>98.85</v>
      </c>
      <c r="I5940" s="40">
        <v>18.151023210696408</v>
      </c>
      <c r="J5940" s="40">
        <v>98.849964404762702</v>
      </c>
      <c r="K5940" s="40">
        <v>13.064003386599197</v>
      </c>
      <c r="L5940" s="40"/>
      <c r="M5940" s="40"/>
      <c r="N5940" s="40"/>
    </row>
    <row r="5941" spans="4:14" x14ac:dyDescent="0.25">
      <c r="D5941" s="40">
        <v>98.879379000004363</v>
      </c>
      <c r="E5941" s="40">
        <v>20.837775881340949</v>
      </c>
      <c r="F5941" s="40">
        <v>98.866667000000007</v>
      </c>
      <c r="G5941" s="40">
        <v>20.883353722607968</v>
      </c>
      <c r="H5941" s="40">
        <v>98.866667000000007</v>
      </c>
      <c r="I5941" s="40">
        <v>18.151023210696408</v>
      </c>
      <c r="J5941" s="40">
        <v>98.866631065476895</v>
      </c>
      <c r="K5941" s="40">
        <v>13.064003386599197</v>
      </c>
      <c r="L5941" s="40"/>
      <c r="M5941" s="40"/>
      <c r="N5941" s="40"/>
    </row>
    <row r="5942" spans="4:14" x14ac:dyDescent="0.25">
      <c r="D5942" s="40">
        <v>98.896045000004364</v>
      </c>
      <c r="E5942" s="40">
        <v>20.837775881340949</v>
      </c>
      <c r="F5942" s="40">
        <v>98.883332999999993</v>
      </c>
      <c r="G5942" s="40">
        <v>20.883353722607968</v>
      </c>
      <c r="H5942" s="40">
        <v>98.883334000000019</v>
      </c>
      <c r="I5942" s="40">
        <v>18.154375946839838</v>
      </c>
      <c r="J5942" s="40">
        <v>98.883297726191202</v>
      </c>
      <c r="K5942" s="40">
        <v>13.064003386599197</v>
      </c>
      <c r="L5942" s="40"/>
      <c r="M5942" s="40"/>
      <c r="N5942" s="40"/>
    </row>
    <row r="5943" spans="4:14" x14ac:dyDescent="0.25">
      <c r="D5943" s="40">
        <v>98.912711000004364</v>
      </c>
      <c r="E5943" s="40">
        <v>20.837775881340949</v>
      </c>
      <c r="F5943" s="40">
        <v>98.9</v>
      </c>
      <c r="G5943" s="40">
        <v>20.883353722607968</v>
      </c>
      <c r="H5943" s="40">
        <v>98.9</v>
      </c>
      <c r="I5943" s="40">
        <v>18.157728682983095</v>
      </c>
      <c r="J5943" s="40">
        <v>98.899964386905495</v>
      </c>
      <c r="K5943" s="40">
        <v>13.064003386599197</v>
      </c>
      <c r="L5943" s="40"/>
      <c r="M5943" s="40"/>
      <c r="N5943" s="40"/>
    </row>
    <row r="5944" spans="4:14" x14ac:dyDescent="0.25">
      <c r="D5944" s="40">
        <v>98.929377000004365</v>
      </c>
      <c r="E5944" s="40">
        <v>20.837775881340949</v>
      </c>
      <c r="F5944" s="40">
        <v>98.91666699999999</v>
      </c>
      <c r="G5944" s="40">
        <v>20.883353722607968</v>
      </c>
      <c r="H5944" s="40">
        <v>98.916667000000018</v>
      </c>
      <c r="I5944" s="40">
        <v>18.160982809239858</v>
      </c>
      <c r="J5944" s="40">
        <v>98.916631047619802</v>
      </c>
      <c r="K5944" s="40">
        <v>13.064003386599197</v>
      </c>
      <c r="L5944" s="40"/>
      <c r="M5944" s="40"/>
      <c r="N5944" s="40"/>
    </row>
    <row r="5945" spans="4:14" x14ac:dyDescent="0.25">
      <c r="D5945" s="40">
        <v>98.946043000004366</v>
      </c>
      <c r="E5945" s="40">
        <v>20.837775881340949</v>
      </c>
      <c r="F5945" s="40">
        <v>98.933333000000005</v>
      </c>
      <c r="G5945" s="40">
        <v>20.888108966698059</v>
      </c>
      <c r="H5945" s="40">
        <v>98.933334000000002</v>
      </c>
      <c r="I5945" s="40">
        <v>18.164335545383118</v>
      </c>
      <c r="J5945" s="40">
        <v>98.933297708334095</v>
      </c>
      <c r="K5945" s="40">
        <v>13.064003386599197</v>
      </c>
      <c r="L5945" s="40"/>
      <c r="M5945" s="40"/>
      <c r="N5945" s="40"/>
    </row>
    <row r="5946" spans="4:14" x14ac:dyDescent="0.25">
      <c r="D5946" s="40">
        <v>98.962709000004367</v>
      </c>
      <c r="E5946" s="40">
        <v>20.837775881340949</v>
      </c>
      <c r="F5946" s="40">
        <v>98.949999999999989</v>
      </c>
      <c r="G5946" s="40">
        <v>20.888108966698059</v>
      </c>
      <c r="H5946" s="40">
        <v>98.950000000000017</v>
      </c>
      <c r="I5946" s="40">
        <v>18.167688281526374</v>
      </c>
      <c r="J5946" s="40">
        <v>98.949964369048402</v>
      </c>
      <c r="K5946" s="40">
        <v>13.064003386599197</v>
      </c>
      <c r="L5946" s="40"/>
      <c r="M5946" s="40"/>
      <c r="N5946" s="40"/>
    </row>
    <row r="5947" spans="4:14" x14ac:dyDescent="0.25">
      <c r="D5947" s="40">
        <v>98.979375000004367</v>
      </c>
      <c r="E5947" s="40">
        <v>20.837775881340949</v>
      </c>
      <c r="F5947" s="40">
        <v>98.966667000000001</v>
      </c>
      <c r="G5947" s="40">
        <v>20.888108966698059</v>
      </c>
      <c r="H5947" s="40">
        <v>98.966667000000001</v>
      </c>
      <c r="I5947" s="40">
        <v>18.171041017669804</v>
      </c>
      <c r="J5947" s="40">
        <v>98.966631029762596</v>
      </c>
      <c r="K5947" s="40">
        <v>13.059152342889965</v>
      </c>
      <c r="L5947" s="40"/>
      <c r="M5947" s="40"/>
      <c r="N5947" s="40"/>
    </row>
    <row r="5948" spans="4:14" x14ac:dyDescent="0.25">
      <c r="D5948" s="40">
        <v>98.996041000004368</v>
      </c>
      <c r="E5948" s="40">
        <v>20.83307514918053</v>
      </c>
      <c r="F5948" s="40">
        <v>98.983332999999988</v>
      </c>
      <c r="G5948" s="40">
        <v>20.892864210788279</v>
      </c>
      <c r="H5948" s="40">
        <v>98.983334000000013</v>
      </c>
      <c r="I5948" s="40">
        <v>18.171041017669804</v>
      </c>
      <c r="J5948" s="40">
        <v>98.983297690476903</v>
      </c>
      <c r="K5948" s="40">
        <v>13.059152342889965</v>
      </c>
      <c r="L5948" s="40"/>
      <c r="M5948" s="40"/>
      <c r="N5948" s="40"/>
    </row>
    <row r="5949" spans="4:14" x14ac:dyDescent="0.25">
      <c r="D5949" s="40">
        <v>99.012707000004369</v>
      </c>
      <c r="E5949" s="40">
        <v>20.83307514918053</v>
      </c>
      <c r="F5949" s="40">
        <v>99</v>
      </c>
      <c r="G5949" s="40">
        <v>20.892864210788279</v>
      </c>
      <c r="H5949" s="40">
        <v>99</v>
      </c>
      <c r="I5949" s="40">
        <v>18.174295143926567</v>
      </c>
      <c r="J5949" s="40">
        <v>98.999964351191196</v>
      </c>
      <c r="K5949" s="40">
        <v>13.059152342889965</v>
      </c>
      <c r="L5949" s="40"/>
      <c r="M5949" s="40"/>
      <c r="N5949" s="40"/>
    </row>
    <row r="5950" spans="4:14" x14ac:dyDescent="0.25">
      <c r="D5950" s="40">
        <v>99.029373000004369</v>
      </c>
      <c r="E5950" s="40">
        <v>20.83307514918053</v>
      </c>
      <c r="F5950" s="40">
        <v>99.016666999999984</v>
      </c>
      <c r="G5950" s="40">
        <v>20.892864210788279</v>
      </c>
      <c r="H5950" s="40">
        <v>99.016667000000012</v>
      </c>
      <c r="I5950" s="40">
        <v>18.174295143926567</v>
      </c>
      <c r="J5950" s="40">
        <v>99.016631011905503</v>
      </c>
      <c r="K5950" s="40">
        <v>13.059152342889965</v>
      </c>
      <c r="L5950" s="40"/>
      <c r="M5950" s="40"/>
      <c r="N5950" s="40"/>
    </row>
    <row r="5951" spans="4:14" x14ac:dyDescent="0.25">
      <c r="D5951" s="40">
        <v>99.04603900000437</v>
      </c>
      <c r="E5951" s="40">
        <v>20.83307514918053</v>
      </c>
      <c r="F5951" s="40">
        <v>99.033332999999999</v>
      </c>
      <c r="G5951" s="40">
        <v>20.897479594758181</v>
      </c>
      <c r="H5951" s="40">
        <v>99.033333999999996</v>
      </c>
      <c r="I5951" s="40">
        <v>18.177647880069824</v>
      </c>
      <c r="J5951" s="40">
        <v>99.033297672619796</v>
      </c>
      <c r="K5951" s="40">
        <v>13.059152342889965</v>
      </c>
      <c r="L5951" s="40"/>
      <c r="M5951" s="40"/>
      <c r="N5951" s="40"/>
    </row>
    <row r="5952" spans="4:14" x14ac:dyDescent="0.25">
      <c r="D5952" s="40">
        <v>99.062705000004371</v>
      </c>
      <c r="E5952" s="40">
        <v>20.83307514918053</v>
      </c>
      <c r="F5952" s="40">
        <v>99.049999999999983</v>
      </c>
      <c r="G5952" s="40">
        <v>20.897479594758181</v>
      </c>
      <c r="H5952" s="40">
        <v>99.050000000000011</v>
      </c>
      <c r="I5952" s="40">
        <v>18.177647880069824</v>
      </c>
      <c r="J5952" s="40">
        <v>99.049964333334103</v>
      </c>
      <c r="K5952" s="40">
        <v>13.059152342889965</v>
      </c>
      <c r="L5952" s="40"/>
      <c r="M5952" s="40"/>
      <c r="N5952" s="40"/>
    </row>
    <row r="5953" spans="4:14" x14ac:dyDescent="0.25">
      <c r="D5953" s="40">
        <v>99.079371000004372</v>
      </c>
      <c r="E5953" s="40">
        <v>20.828231970590977</v>
      </c>
      <c r="F5953" s="40">
        <v>99.066666999999995</v>
      </c>
      <c r="G5953" s="40">
        <v>20.902234838848273</v>
      </c>
      <c r="H5953" s="40">
        <v>99.066666999999995</v>
      </c>
      <c r="I5953" s="40">
        <v>18.181000616213083</v>
      </c>
      <c r="J5953" s="40">
        <v>99.066630994048396</v>
      </c>
      <c r="K5953" s="40">
        <v>13.05430129918086</v>
      </c>
      <c r="L5953" s="40"/>
      <c r="M5953" s="40"/>
      <c r="N5953" s="40"/>
    </row>
    <row r="5954" spans="4:14" x14ac:dyDescent="0.25">
      <c r="D5954" s="40">
        <v>99.096037000004372</v>
      </c>
      <c r="E5954" s="40">
        <v>20.828231970590977</v>
      </c>
      <c r="F5954" s="40">
        <v>99.083332999999982</v>
      </c>
      <c r="G5954" s="40">
        <v>20.902234838848273</v>
      </c>
      <c r="H5954" s="40">
        <v>99.083334000000008</v>
      </c>
      <c r="I5954" s="40">
        <v>18.181000616213083</v>
      </c>
      <c r="J5954" s="40">
        <v>99.083297654762703</v>
      </c>
      <c r="K5954" s="40">
        <v>13.05430129918086</v>
      </c>
      <c r="L5954" s="40"/>
      <c r="M5954" s="40"/>
      <c r="N5954" s="40"/>
    </row>
    <row r="5955" spans="4:14" x14ac:dyDescent="0.25">
      <c r="D5955" s="40">
        <v>99.112703000004373</v>
      </c>
      <c r="E5955" s="40">
        <v>20.828231970590977</v>
      </c>
      <c r="F5955" s="40">
        <v>99.1</v>
      </c>
      <c r="G5955" s="40">
        <v>20.902234838848273</v>
      </c>
      <c r="H5955" s="40">
        <v>99.1</v>
      </c>
      <c r="I5955" s="40">
        <v>18.184254742469847</v>
      </c>
      <c r="J5955" s="40">
        <v>99.099964315476896</v>
      </c>
      <c r="K5955" s="40">
        <v>13.05430129918086</v>
      </c>
      <c r="L5955" s="40"/>
      <c r="M5955" s="40"/>
      <c r="N5955" s="40"/>
    </row>
    <row r="5956" spans="4:14" x14ac:dyDescent="0.25">
      <c r="D5956" s="40">
        <v>99.129369000004374</v>
      </c>
      <c r="E5956" s="40">
        <v>20.828231970590977</v>
      </c>
      <c r="F5956" s="40">
        <v>99.116667000000007</v>
      </c>
      <c r="G5956" s="40">
        <v>20.902234838848273</v>
      </c>
      <c r="H5956" s="40">
        <v>99.116667000000007</v>
      </c>
      <c r="I5956" s="40">
        <v>18.184254742469847</v>
      </c>
      <c r="J5956" s="40">
        <v>99.116630976191203</v>
      </c>
      <c r="K5956" s="40">
        <v>13.05430129918086</v>
      </c>
      <c r="L5956" s="40"/>
      <c r="M5956" s="40"/>
      <c r="N5956" s="40"/>
    </row>
    <row r="5957" spans="4:14" x14ac:dyDescent="0.25">
      <c r="D5957" s="40">
        <v>99.146035000004375</v>
      </c>
      <c r="E5957" s="40">
        <v>20.828231970590977</v>
      </c>
      <c r="F5957" s="40">
        <v>99.133332999999993</v>
      </c>
      <c r="G5957" s="40">
        <v>20.902234838848273</v>
      </c>
      <c r="H5957" s="40">
        <v>99.133334000000019</v>
      </c>
      <c r="I5957" s="40">
        <v>18.18760747861328</v>
      </c>
      <c r="J5957" s="40">
        <v>99.133297636905496</v>
      </c>
      <c r="K5957" s="40">
        <v>13.0495929332278</v>
      </c>
      <c r="L5957" s="40"/>
      <c r="M5957" s="40"/>
      <c r="N5957" s="40"/>
    </row>
    <row r="5958" spans="4:14" x14ac:dyDescent="0.25">
      <c r="D5958" s="40">
        <v>99.162701000004375</v>
      </c>
      <c r="E5958" s="40">
        <v>20.828231970590977</v>
      </c>
      <c r="F5958" s="40">
        <v>99.15</v>
      </c>
      <c r="G5958" s="40">
        <v>20.902234838848273</v>
      </c>
      <c r="H5958" s="40">
        <v>99.15</v>
      </c>
      <c r="I5958" s="40">
        <v>18.190960214756533</v>
      </c>
      <c r="J5958" s="40">
        <v>99.149964297619803</v>
      </c>
      <c r="K5958" s="40">
        <v>13.0495929332278</v>
      </c>
      <c r="L5958" s="40"/>
      <c r="M5958" s="40"/>
      <c r="N5958" s="40"/>
    </row>
    <row r="5959" spans="4:14" x14ac:dyDescent="0.25">
      <c r="D5959" s="40">
        <v>99.179367000004376</v>
      </c>
      <c r="E5959" s="40">
        <v>20.828231970590977</v>
      </c>
      <c r="F5959" s="40">
        <v>99.16666699999999</v>
      </c>
      <c r="G5959" s="40">
        <v>20.902234838848273</v>
      </c>
      <c r="H5959" s="40">
        <v>99.166667000000018</v>
      </c>
      <c r="I5959" s="40">
        <v>18.194214341013296</v>
      </c>
      <c r="J5959" s="40">
        <v>99.166630958334096</v>
      </c>
      <c r="K5959" s="40">
        <v>13.0495929332278</v>
      </c>
      <c r="L5959" s="40"/>
      <c r="M5959" s="40"/>
      <c r="N5959" s="40"/>
    </row>
    <row r="5960" spans="4:14" x14ac:dyDescent="0.25">
      <c r="D5960" s="40">
        <v>99.196033000004377</v>
      </c>
      <c r="E5960" s="40">
        <v>20.828231970590977</v>
      </c>
      <c r="F5960" s="40">
        <v>99.183333000000005</v>
      </c>
      <c r="G5960" s="40">
        <v>20.906990082938492</v>
      </c>
      <c r="H5960" s="40">
        <v>99.183334000000002</v>
      </c>
      <c r="I5960" s="40">
        <v>18.197567077156556</v>
      </c>
      <c r="J5960" s="40">
        <v>99.183297619048403</v>
      </c>
      <c r="K5960" s="40">
        <v>13.0495929332278</v>
      </c>
      <c r="L5960" s="40"/>
      <c r="M5960" s="40"/>
      <c r="N5960" s="40"/>
    </row>
    <row r="5961" spans="4:14" x14ac:dyDescent="0.25">
      <c r="D5961" s="40">
        <v>99.212699000004378</v>
      </c>
      <c r="E5961" s="40">
        <v>20.823388792001555</v>
      </c>
      <c r="F5961" s="40">
        <v>99.199999999999989</v>
      </c>
      <c r="G5961" s="40">
        <v>20.902234838848273</v>
      </c>
      <c r="H5961" s="40">
        <v>99.200000000000017</v>
      </c>
      <c r="I5961" s="40">
        <v>18.200919813299812</v>
      </c>
      <c r="J5961" s="40">
        <v>99.199964279762597</v>
      </c>
      <c r="K5961" s="40">
        <v>13.0495929332278</v>
      </c>
      <c r="L5961" s="40"/>
      <c r="M5961" s="40"/>
      <c r="N5961" s="40"/>
    </row>
    <row r="5962" spans="4:14" x14ac:dyDescent="0.25">
      <c r="D5962" s="40">
        <v>99.229365000004378</v>
      </c>
      <c r="E5962" s="40">
        <v>20.823388792001555</v>
      </c>
      <c r="F5962" s="40">
        <v>99.216667000000001</v>
      </c>
      <c r="G5962" s="40">
        <v>20.902234838848273</v>
      </c>
      <c r="H5962" s="40">
        <v>99.216667000000001</v>
      </c>
      <c r="I5962" s="40">
        <v>18.200919813299812</v>
      </c>
      <c r="J5962" s="40">
        <v>99.216630940476904</v>
      </c>
      <c r="K5962" s="40">
        <v>13.044741889518567</v>
      </c>
      <c r="L5962" s="40"/>
      <c r="M5962" s="40"/>
      <c r="N5962" s="40"/>
    </row>
    <row r="5963" spans="4:14" x14ac:dyDescent="0.25">
      <c r="D5963" s="40">
        <v>99.246031000004379</v>
      </c>
      <c r="E5963" s="40">
        <v>20.823388792001555</v>
      </c>
      <c r="F5963" s="40">
        <v>99.233332999999988</v>
      </c>
      <c r="G5963" s="40">
        <v>20.902234838848273</v>
      </c>
      <c r="H5963" s="40">
        <v>99.233334000000013</v>
      </c>
      <c r="I5963" s="40">
        <v>18.204173939556576</v>
      </c>
      <c r="J5963" s="40">
        <v>99.233297601191197</v>
      </c>
      <c r="K5963" s="40">
        <v>13.044741889518567</v>
      </c>
      <c r="L5963" s="40"/>
      <c r="M5963" s="40"/>
      <c r="N5963" s="40"/>
    </row>
    <row r="5964" spans="4:14" x14ac:dyDescent="0.25">
      <c r="D5964" s="40">
        <v>99.26269700000438</v>
      </c>
      <c r="E5964" s="40">
        <v>20.828231970590977</v>
      </c>
      <c r="F5964" s="40">
        <v>99.25</v>
      </c>
      <c r="G5964" s="40">
        <v>20.902234838848273</v>
      </c>
      <c r="H5964" s="40">
        <v>99.25</v>
      </c>
      <c r="I5964" s="40">
        <v>18.207526675700009</v>
      </c>
      <c r="J5964" s="40">
        <v>99.249964261905504</v>
      </c>
      <c r="K5964" s="40">
        <v>13.044741889518567</v>
      </c>
      <c r="L5964" s="40"/>
      <c r="M5964" s="40"/>
      <c r="N5964" s="40"/>
    </row>
    <row r="5965" spans="4:14" x14ac:dyDescent="0.25">
      <c r="D5965" s="40">
        <v>99.279363000004381</v>
      </c>
      <c r="E5965" s="40">
        <v>20.828231970590977</v>
      </c>
      <c r="F5965" s="40">
        <v>99.266666999999984</v>
      </c>
      <c r="G5965" s="40">
        <v>20.906990082938492</v>
      </c>
      <c r="H5965" s="40">
        <v>99.266667000000012</v>
      </c>
      <c r="I5965" s="40">
        <v>18.207526675700009</v>
      </c>
      <c r="J5965" s="40">
        <v>99.266630922619797</v>
      </c>
      <c r="K5965" s="40">
        <v>13.044741889518567</v>
      </c>
      <c r="L5965" s="40"/>
      <c r="M5965" s="40"/>
      <c r="N5965" s="40"/>
    </row>
    <row r="5966" spans="4:14" x14ac:dyDescent="0.25">
      <c r="D5966" s="40">
        <v>99.296029000004381</v>
      </c>
      <c r="E5966" s="40">
        <v>20.828231970590977</v>
      </c>
      <c r="F5966" s="40">
        <v>99.283332999999999</v>
      </c>
      <c r="G5966" s="40">
        <v>20.906990082938492</v>
      </c>
      <c r="H5966" s="40">
        <v>99.283333999999996</v>
      </c>
      <c r="I5966" s="40">
        <v>18.210879411843266</v>
      </c>
      <c r="J5966" s="40">
        <v>99.283297583334104</v>
      </c>
      <c r="K5966" s="40">
        <v>13.044741889518567</v>
      </c>
      <c r="L5966" s="40"/>
      <c r="M5966" s="40"/>
      <c r="N5966" s="40"/>
    </row>
    <row r="5967" spans="4:14" x14ac:dyDescent="0.25">
      <c r="D5967" s="40">
        <v>99.312695000004382</v>
      </c>
      <c r="E5967" s="40">
        <v>20.828231970590977</v>
      </c>
      <c r="F5967" s="40">
        <v>99.299999999999983</v>
      </c>
      <c r="G5967" s="40">
        <v>20.906990082938492</v>
      </c>
      <c r="H5967" s="40">
        <v>99.300000000000011</v>
      </c>
      <c r="I5967" s="40">
        <v>18.210879411843266</v>
      </c>
      <c r="J5967" s="40">
        <v>99.299964244048397</v>
      </c>
      <c r="K5967" s="40">
        <v>13.044741889518567</v>
      </c>
      <c r="L5967" s="40"/>
      <c r="M5967" s="40"/>
      <c r="N5967" s="40"/>
    </row>
    <row r="5968" spans="4:14" x14ac:dyDescent="0.25">
      <c r="D5968" s="40">
        <v>99.329361000004383</v>
      </c>
      <c r="E5968" s="40">
        <v>20.83307514918053</v>
      </c>
      <c r="F5968" s="40">
        <v>99.316666999999995</v>
      </c>
      <c r="G5968" s="40">
        <v>20.906990082938492</v>
      </c>
      <c r="H5968" s="40">
        <v>99.316666999999995</v>
      </c>
      <c r="I5968" s="40">
        <v>18.214133538100025</v>
      </c>
      <c r="J5968" s="40">
        <v>99.316630904762704</v>
      </c>
      <c r="K5968" s="40">
        <v>13.0495929332278</v>
      </c>
      <c r="L5968" s="40"/>
      <c r="M5968" s="40"/>
      <c r="N5968" s="40"/>
    </row>
    <row r="5969" spans="4:14" x14ac:dyDescent="0.25">
      <c r="D5969" s="40">
        <v>99.346027000004383</v>
      </c>
      <c r="E5969" s="40">
        <v>20.83307514918053</v>
      </c>
      <c r="F5969" s="40">
        <v>99.333332999999982</v>
      </c>
      <c r="G5969" s="40">
        <v>20.906990082938492</v>
      </c>
      <c r="H5969" s="40">
        <v>99.333334000000008</v>
      </c>
      <c r="I5969" s="40">
        <v>18.214133538100025</v>
      </c>
      <c r="J5969" s="40">
        <v>99.333297565476897</v>
      </c>
      <c r="K5969" s="40">
        <v>13.0495929332278</v>
      </c>
      <c r="L5969" s="40"/>
      <c r="M5969" s="40"/>
      <c r="N5969" s="40"/>
    </row>
    <row r="5970" spans="4:14" x14ac:dyDescent="0.25">
      <c r="D5970" s="40">
        <v>99.362693000004384</v>
      </c>
      <c r="E5970" s="40">
        <v>20.83307514918053</v>
      </c>
      <c r="F5970" s="40">
        <v>99.35</v>
      </c>
      <c r="G5970" s="40">
        <v>20.911605466908394</v>
      </c>
      <c r="H5970" s="40">
        <v>99.35</v>
      </c>
      <c r="I5970" s="40">
        <v>18.214133538100025</v>
      </c>
      <c r="J5970" s="40">
        <v>99.349964226191204</v>
      </c>
      <c r="K5970" s="40">
        <v>13.0495929332278</v>
      </c>
      <c r="L5970" s="40"/>
      <c r="M5970" s="40"/>
      <c r="N5970" s="40"/>
    </row>
    <row r="5971" spans="4:14" x14ac:dyDescent="0.25">
      <c r="D5971" s="40">
        <v>99.379359000004385</v>
      </c>
      <c r="E5971" s="40">
        <v>20.83307514918053</v>
      </c>
      <c r="F5971" s="40">
        <v>99.366667000000007</v>
      </c>
      <c r="G5971" s="40">
        <v>20.911605466908394</v>
      </c>
      <c r="H5971" s="40">
        <v>99.366667000000007</v>
      </c>
      <c r="I5971" s="40">
        <v>18.214133538100025</v>
      </c>
      <c r="J5971" s="40">
        <v>99.366630886905497</v>
      </c>
      <c r="K5971" s="40">
        <v>13.0495929332278</v>
      </c>
      <c r="L5971" s="40"/>
      <c r="M5971" s="40"/>
      <c r="N5971" s="40"/>
    </row>
    <row r="5972" spans="4:14" x14ac:dyDescent="0.25">
      <c r="D5972" s="40">
        <v>99.396025000004386</v>
      </c>
      <c r="E5972" s="40">
        <v>20.83307514918053</v>
      </c>
      <c r="F5972" s="40">
        <v>99.383332999999993</v>
      </c>
      <c r="G5972" s="40">
        <v>20.911605466908394</v>
      </c>
      <c r="H5972" s="40">
        <v>99.383334000000019</v>
      </c>
      <c r="I5972" s="40">
        <v>18.217486274243285</v>
      </c>
      <c r="J5972" s="40">
        <v>99.383297547619804</v>
      </c>
      <c r="K5972" s="40">
        <v>13.0495929332278</v>
      </c>
      <c r="L5972" s="40"/>
      <c r="M5972" s="40"/>
      <c r="N5972" s="40"/>
    </row>
    <row r="5973" spans="4:14" x14ac:dyDescent="0.25">
      <c r="D5973" s="40">
        <v>99.412691000004386</v>
      </c>
      <c r="E5973" s="40">
        <v>20.837775881340949</v>
      </c>
      <c r="F5973" s="40">
        <v>99.4</v>
      </c>
      <c r="G5973" s="40">
        <v>20.911605466908394</v>
      </c>
      <c r="H5973" s="40">
        <v>99.4</v>
      </c>
      <c r="I5973" s="40">
        <v>18.217486274243285</v>
      </c>
      <c r="J5973" s="40">
        <v>99.399964208334097</v>
      </c>
      <c r="K5973" s="40">
        <v>13.0495929332278</v>
      </c>
      <c r="L5973" s="40"/>
      <c r="M5973" s="40"/>
      <c r="N5973" s="40"/>
    </row>
    <row r="5974" spans="4:14" x14ac:dyDescent="0.25">
      <c r="D5974" s="40">
        <v>99.429357000004387</v>
      </c>
      <c r="E5974" s="40">
        <v>20.837775881340949</v>
      </c>
      <c r="F5974" s="40">
        <v>99.41666699999999</v>
      </c>
      <c r="G5974" s="40">
        <v>20.911605466908394</v>
      </c>
      <c r="H5974" s="40">
        <v>99.416667000000018</v>
      </c>
      <c r="I5974" s="40">
        <v>18.220839010386719</v>
      </c>
      <c r="J5974" s="40">
        <v>99.416630869048404</v>
      </c>
      <c r="K5974" s="40">
        <v>13.0495929332278</v>
      </c>
      <c r="L5974" s="40"/>
      <c r="M5974" s="40"/>
      <c r="N5974" s="40"/>
    </row>
    <row r="5975" spans="4:14" x14ac:dyDescent="0.25">
      <c r="D5975" s="40">
        <v>99.446023000004388</v>
      </c>
      <c r="E5975" s="40">
        <v>20.837775881340949</v>
      </c>
      <c r="F5975" s="40">
        <v>99.433333000000005</v>
      </c>
      <c r="G5975" s="40">
        <v>20.916360710998617</v>
      </c>
      <c r="H5975" s="40">
        <v>99.433334000000002</v>
      </c>
      <c r="I5975" s="40">
        <v>18.220839010386719</v>
      </c>
      <c r="J5975" s="40">
        <v>99.433297529762598</v>
      </c>
      <c r="K5975" s="40">
        <v>13.0495929332278</v>
      </c>
      <c r="L5975" s="40"/>
      <c r="M5975" s="40"/>
      <c r="N5975" s="40"/>
    </row>
    <row r="5976" spans="4:14" x14ac:dyDescent="0.25">
      <c r="D5976" s="40">
        <v>99.462689000004389</v>
      </c>
      <c r="E5976" s="40">
        <v>20.842619059930502</v>
      </c>
      <c r="F5976" s="40">
        <v>99.449999999999989</v>
      </c>
      <c r="G5976" s="40">
        <v>20.916360710998617</v>
      </c>
      <c r="H5976" s="40">
        <v>99.450000000000017</v>
      </c>
      <c r="I5976" s="40">
        <v>18.220839010386719</v>
      </c>
      <c r="J5976" s="40">
        <v>99.449964190476905</v>
      </c>
      <c r="K5976" s="40">
        <v>13.0495929332278</v>
      </c>
      <c r="L5976" s="40"/>
      <c r="M5976" s="40"/>
      <c r="N5976" s="40"/>
    </row>
    <row r="5977" spans="4:14" x14ac:dyDescent="0.25">
      <c r="D5977" s="40">
        <v>99.479355000004389</v>
      </c>
      <c r="E5977" s="40">
        <v>20.842619059930502</v>
      </c>
      <c r="F5977" s="40">
        <v>99.466667000000001</v>
      </c>
      <c r="G5977" s="40">
        <v>20.916360710998617</v>
      </c>
      <c r="H5977" s="40">
        <v>99.466667000000001</v>
      </c>
      <c r="I5977" s="40">
        <v>18.224093136643305</v>
      </c>
      <c r="J5977" s="40">
        <v>99.466630851191198</v>
      </c>
      <c r="K5977" s="40">
        <v>13.0495929332278</v>
      </c>
      <c r="L5977" s="40"/>
      <c r="M5977" s="40"/>
      <c r="N5977" s="40"/>
    </row>
    <row r="5978" spans="4:14" x14ac:dyDescent="0.25">
      <c r="D5978" s="40">
        <v>99.49602100000439</v>
      </c>
      <c r="E5978" s="40">
        <v>20.847462238519924</v>
      </c>
      <c r="F5978" s="40">
        <v>99.483332999999988</v>
      </c>
      <c r="G5978" s="40">
        <v>20.916360710998617</v>
      </c>
      <c r="H5978" s="40">
        <v>99.483334000000013</v>
      </c>
      <c r="I5978" s="40">
        <v>18.224093136643305</v>
      </c>
      <c r="J5978" s="40">
        <v>99.483297511905505</v>
      </c>
      <c r="K5978" s="40">
        <v>13.0495929332278</v>
      </c>
      <c r="L5978" s="40"/>
      <c r="M5978" s="40"/>
      <c r="N5978" s="40"/>
    </row>
    <row r="5979" spans="4:14" x14ac:dyDescent="0.25">
      <c r="D5979" s="40">
        <v>99.512687000004391</v>
      </c>
      <c r="E5979" s="40">
        <v>20.847462238519924</v>
      </c>
      <c r="F5979" s="40">
        <v>99.5</v>
      </c>
      <c r="G5979" s="40">
        <v>20.916360710998617</v>
      </c>
      <c r="H5979" s="40">
        <v>99.5</v>
      </c>
      <c r="I5979" s="40">
        <v>18.227445872786738</v>
      </c>
      <c r="J5979" s="40">
        <v>99.499964172619798</v>
      </c>
      <c r="K5979" s="40">
        <v>13.0495929332278</v>
      </c>
      <c r="L5979" s="40"/>
      <c r="M5979" s="40"/>
      <c r="N5979" s="40"/>
    </row>
    <row r="5980" spans="4:14" x14ac:dyDescent="0.25">
      <c r="D5980" s="40">
        <v>99.529353000004392</v>
      </c>
      <c r="E5980" s="40">
        <v>20.85216297068035</v>
      </c>
      <c r="F5980" s="40">
        <v>99.516666999999984</v>
      </c>
      <c r="G5980" s="40">
        <v>20.916360710998617</v>
      </c>
      <c r="H5980" s="40">
        <v>99.516667000000012</v>
      </c>
      <c r="I5980" s="40">
        <v>18.227445872786738</v>
      </c>
      <c r="J5980" s="40">
        <v>99.516630833334105</v>
      </c>
      <c r="K5980" s="40">
        <v>13.0495929332278</v>
      </c>
      <c r="L5980" s="40"/>
      <c r="M5980" s="40"/>
      <c r="N5980" s="40"/>
    </row>
    <row r="5981" spans="4:14" x14ac:dyDescent="0.25">
      <c r="D5981" s="40">
        <v>99.546019000004392</v>
      </c>
      <c r="E5981" s="40">
        <v>20.85216297068035</v>
      </c>
      <c r="F5981" s="40">
        <v>99.533332999999999</v>
      </c>
      <c r="G5981" s="40">
        <v>20.921115955088709</v>
      </c>
      <c r="H5981" s="40">
        <v>99.533333999999996</v>
      </c>
      <c r="I5981" s="40">
        <v>18.230798608929994</v>
      </c>
      <c r="J5981" s="40">
        <v>99.533297494048398</v>
      </c>
      <c r="K5981" s="40">
        <v>13.0495929332278</v>
      </c>
      <c r="L5981" s="40"/>
      <c r="M5981" s="40"/>
      <c r="N5981" s="40"/>
    </row>
    <row r="5982" spans="4:14" x14ac:dyDescent="0.25">
      <c r="D5982" s="40">
        <v>99.562685000004393</v>
      </c>
      <c r="E5982" s="40">
        <v>20.857006149269896</v>
      </c>
      <c r="F5982" s="40">
        <v>99.549999999999983</v>
      </c>
      <c r="G5982" s="40">
        <v>20.921115955088709</v>
      </c>
      <c r="H5982" s="40">
        <v>99.550000000000011</v>
      </c>
      <c r="I5982" s="40">
        <v>18.234052735186758</v>
      </c>
      <c r="J5982" s="40">
        <v>99.549964154762705</v>
      </c>
      <c r="K5982" s="40">
        <v>13.0495929332278</v>
      </c>
      <c r="L5982" s="40"/>
      <c r="M5982" s="40"/>
      <c r="N5982" s="40"/>
    </row>
    <row r="5983" spans="4:14" x14ac:dyDescent="0.25">
      <c r="D5983" s="40">
        <v>99.579351000004394</v>
      </c>
      <c r="E5983" s="40">
        <v>20.857006149269896</v>
      </c>
      <c r="F5983" s="40">
        <v>99.566666999999995</v>
      </c>
      <c r="G5983" s="40">
        <v>20.921115955088709</v>
      </c>
      <c r="H5983" s="40">
        <v>99.566666999999995</v>
      </c>
      <c r="I5983" s="40">
        <v>18.234052735186758</v>
      </c>
      <c r="J5983" s="40">
        <v>99.566630815476898</v>
      </c>
      <c r="K5983" s="40">
        <v>13.0495929332278</v>
      </c>
      <c r="L5983" s="40"/>
      <c r="M5983" s="40"/>
      <c r="N5983" s="40"/>
    </row>
    <row r="5984" spans="4:14" x14ac:dyDescent="0.25">
      <c r="D5984" s="40">
        <v>99.596017000004395</v>
      </c>
      <c r="E5984" s="40">
        <v>20.861849327859318</v>
      </c>
      <c r="F5984" s="40">
        <v>99.583332999999982</v>
      </c>
      <c r="G5984" s="40">
        <v>20.921115955088709</v>
      </c>
      <c r="H5984" s="40">
        <v>99.583334000000008</v>
      </c>
      <c r="I5984" s="40">
        <v>18.237405471330014</v>
      </c>
      <c r="J5984" s="40">
        <v>99.583297476191206</v>
      </c>
      <c r="K5984" s="40">
        <v>13.05430129918086</v>
      </c>
      <c r="L5984" s="40"/>
      <c r="M5984" s="40"/>
      <c r="N5984" s="40"/>
    </row>
    <row r="5985" spans="4:14" x14ac:dyDescent="0.25">
      <c r="D5985" s="40">
        <v>99.612683000004395</v>
      </c>
      <c r="E5985" s="40">
        <v>20.861849327859318</v>
      </c>
      <c r="F5985" s="40">
        <v>99.6</v>
      </c>
      <c r="G5985" s="40">
        <v>20.925731339058611</v>
      </c>
      <c r="H5985" s="40">
        <v>99.6</v>
      </c>
      <c r="I5985" s="40">
        <v>18.237405471330014</v>
      </c>
      <c r="J5985" s="40">
        <v>99.599964136905498</v>
      </c>
      <c r="K5985" s="40">
        <v>13.05430129918086</v>
      </c>
      <c r="L5985" s="40"/>
      <c r="M5985" s="40"/>
      <c r="N5985" s="40"/>
    </row>
    <row r="5986" spans="4:14" x14ac:dyDescent="0.25">
      <c r="D5986" s="40">
        <v>99.629349000004396</v>
      </c>
      <c r="E5986" s="40">
        <v>20.866550060019744</v>
      </c>
      <c r="F5986" s="40">
        <v>99.616667000000007</v>
      </c>
      <c r="G5986" s="40">
        <v>20.925731339058611</v>
      </c>
      <c r="H5986" s="40">
        <v>99.616667000000007</v>
      </c>
      <c r="I5986" s="40">
        <v>18.240758207473448</v>
      </c>
      <c r="J5986" s="40">
        <v>99.616630797619806</v>
      </c>
      <c r="K5986" s="40">
        <v>13.05430129918086</v>
      </c>
      <c r="L5986" s="40"/>
      <c r="M5986" s="40"/>
      <c r="N5986" s="40"/>
    </row>
    <row r="5987" spans="4:14" x14ac:dyDescent="0.25">
      <c r="D5987" s="40">
        <v>99.646015000004397</v>
      </c>
      <c r="E5987" s="40">
        <v>20.866550060019744</v>
      </c>
      <c r="F5987" s="40">
        <v>99.633332999999993</v>
      </c>
      <c r="G5987" s="40">
        <v>20.925731339058611</v>
      </c>
      <c r="H5987" s="40">
        <v>99.633334000000019</v>
      </c>
      <c r="I5987" s="40">
        <v>18.240758207473448</v>
      </c>
      <c r="J5987" s="40">
        <v>99.633297458334098</v>
      </c>
      <c r="K5987" s="40">
        <v>13.05430129918086</v>
      </c>
      <c r="L5987" s="40"/>
      <c r="M5987" s="40"/>
      <c r="N5987" s="40"/>
    </row>
    <row r="5988" spans="4:14" x14ac:dyDescent="0.25">
      <c r="D5988" s="40">
        <v>99.662681000004397</v>
      </c>
      <c r="E5988" s="40">
        <v>20.866550060019744</v>
      </c>
      <c r="F5988" s="40">
        <v>99.65</v>
      </c>
      <c r="G5988" s="40">
        <v>20.925731339058611</v>
      </c>
      <c r="H5988" s="40">
        <v>99.65</v>
      </c>
      <c r="I5988" s="40">
        <v>18.244012333730211</v>
      </c>
      <c r="J5988" s="40">
        <v>99.649964119048406</v>
      </c>
      <c r="K5988" s="40">
        <v>13.059152342889965</v>
      </c>
      <c r="L5988" s="40"/>
      <c r="M5988" s="40"/>
      <c r="N5988" s="40"/>
    </row>
    <row r="5989" spans="4:14" x14ac:dyDescent="0.25">
      <c r="D5989" s="40">
        <v>99.679347000004398</v>
      </c>
      <c r="E5989" s="40">
        <v>20.866550060019744</v>
      </c>
      <c r="F5989" s="40">
        <v>99.66666699999999</v>
      </c>
      <c r="G5989" s="40">
        <v>20.925731339058611</v>
      </c>
      <c r="H5989" s="40">
        <v>99.666667000000018</v>
      </c>
      <c r="I5989" s="40">
        <v>18.247365069873471</v>
      </c>
      <c r="J5989" s="40">
        <v>99.666630779762698</v>
      </c>
      <c r="K5989" s="40">
        <v>13.059152342889965</v>
      </c>
      <c r="L5989" s="40"/>
      <c r="M5989" s="40"/>
      <c r="N5989" s="40"/>
    </row>
    <row r="5990" spans="4:14" x14ac:dyDescent="0.25">
      <c r="D5990" s="40">
        <v>99.696013000004399</v>
      </c>
      <c r="E5990" s="40">
        <v>20.866550060019744</v>
      </c>
      <c r="F5990" s="40">
        <v>99.683333000000005</v>
      </c>
      <c r="G5990" s="40">
        <v>20.930486583148831</v>
      </c>
      <c r="H5990" s="40">
        <v>99.683334000000002</v>
      </c>
      <c r="I5990" s="40">
        <v>18.247365069873471</v>
      </c>
      <c r="J5990" s="40">
        <v>99.683297440476906</v>
      </c>
      <c r="K5990" s="40">
        <v>13.05430129918086</v>
      </c>
      <c r="L5990" s="40"/>
      <c r="M5990" s="40"/>
      <c r="N5990" s="40"/>
    </row>
    <row r="5991" spans="4:14" x14ac:dyDescent="0.25">
      <c r="D5991" s="40">
        <v>99.7126790000044</v>
      </c>
      <c r="E5991" s="40">
        <v>20.866550060019744</v>
      </c>
      <c r="F5991" s="40">
        <v>99.699999999999989</v>
      </c>
      <c r="G5991" s="40">
        <v>20.930486583148831</v>
      </c>
      <c r="H5991" s="40">
        <v>99.700000000000017</v>
      </c>
      <c r="I5991" s="40">
        <v>18.247365069873471</v>
      </c>
      <c r="J5991" s="40">
        <v>99.699964101191199</v>
      </c>
      <c r="K5991" s="40">
        <v>13.05430129918086</v>
      </c>
      <c r="L5991" s="40"/>
      <c r="M5991" s="40"/>
      <c r="N5991" s="40"/>
    </row>
    <row r="5992" spans="4:14" x14ac:dyDescent="0.25">
      <c r="D5992" s="40">
        <v>99.7293450000044</v>
      </c>
      <c r="E5992" s="40">
        <v>20.866550060019744</v>
      </c>
      <c r="F5992" s="40">
        <v>99.716667000000001</v>
      </c>
      <c r="G5992" s="40">
        <v>20.930486583148831</v>
      </c>
      <c r="H5992" s="40">
        <v>99.716667000000001</v>
      </c>
      <c r="I5992" s="40">
        <v>18.250717806016723</v>
      </c>
      <c r="J5992" s="40">
        <v>99.716630761905506</v>
      </c>
      <c r="K5992" s="40">
        <v>13.059152342889965</v>
      </c>
      <c r="L5992" s="40"/>
      <c r="M5992" s="40"/>
      <c r="N5992" s="40"/>
    </row>
    <row r="5993" spans="4:14" x14ac:dyDescent="0.25">
      <c r="D5993" s="40">
        <v>99.746011000004401</v>
      </c>
      <c r="E5993" s="40">
        <v>20.866550060019744</v>
      </c>
      <c r="F5993" s="40">
        <v>99.733332999999988</v>
      </c>
      <c r="G5993" s="40">
        <v>20.930486583148831</v>
      </c>
      <c r="H5993" s="40">
        <v>99.733334000000013</v>
      </c>
      <c r="I5993" s="40">
        <v>18.250717806016723</v>
      </c>
      <c r="J5993" s="40">
        <v>99.733297422619799</v>
      </c>
      <c r="K5993" s="40">
        <v>13.059152342889965</v>
      </c>
      <c r="L5993" s="40"/>
      <c r="M5993" s="40"/>
      <c r="N5993" s="40"/>
    </row>
    <row r="5994" spans="4:14" x14ac:dyDescent="0.25">
      <c r="D5994" s="40">
        <v>99.762677000004402</v>
      </c>
      <c r="E5994" s="40">
        <v>20.866550060019744</v>
      </c>
      <c r="F5994" s="40">
        <v>99.75</v>
      </c>
      <c r="G5994" s="40">
        <v>20.930486583148831</v>
      </c>
      <c r="H5994" s="40">
        <v>99.75</v>
      </c>
      <c r="I5994" s="40">
        <v>18.253971932273487</v>
      </c>
      <c r="J5994" s="40">
        <v>99.749964083334106</v>
      </c>
      <c r="K5994" s="40">
        <v>13.059152342889965</v>
      </c>
      <c r="L5994" s="40"/>
      <c r="M5994" s="40"/>
      <c r="N5994" s="40"/>
    </row>
    <row r="5995" spans="4:14" x14ac:dyDescent="0.25">
      <c r="D5995" s="40">
        <v>99.779343000004403</v>
      </c>
      <c r="E5995" s="40">
        <v>20.866550060019744</v>
      </c>
      <c r="F5995" s="40">
        <v>99.766666999999984</v>
      </c>
      <c r="G5995" s="40">
        <v>20.930486583148831</v>
      </c>
      <c r="H5995" s="40">
        <v>99.766667000000012</v>
      </c>
      <c r="I5995" s="40">
        <v>18.257324668416743</v>
      </c>
      <c r="J5995" s="40">
        <v>99.766630744048399</v>
      </c>
      <c r="K5995" s="40">
        <v>13.059152342889965</v>
      </c>
      <c r="L5995" s="40"/>
      <c r="M5995" s="40"/>
      <c r="N5995" s="40"/>
    </row>
    <row r="5996" spans="4:14" x14ac:dyDescent="0.25">
      <c r="D5996" s="40">
        <v>99.796009000004403</v>
      </c>
      <c r="E5996" s="40">
        <v>20.866550060019744</v>
      </c>
      <c r="F5996" s="40">
        <v>99.783332999999999</v>
      </c>
      <c r="G5996" s="40">
        <v>20.930486583148831</v>
      </c>
      <c r="H5996" s="40">
        <v>99.783333999999996</v>
      </c>
      <c r="I5996" s="40">
        <v>18.257324668416743</v>
      </c>
      <c r="J5996" s="40">
        <v>99.783297404762706</v>
      </c>
      <c r="K5996" s="40">
        <v>13.059152342889965</v>
      </c>
      <c r="L5996" s="40"/>
      <c r="M5996" s="40"/>
      <c r="N5996" s="40"/>
    </row>
    <row r="5997" spans="4:14" x14ac:dyDescent="0.25">
      <c r="D5997" s="40">
        <v>99.812675000004404</v>
      </c>
      <c r="E5997" s="40">
        <v>20.866550060019744</v>
      </c>
      <c r="F5997" s="40">
        <v>99.799999999999983</v>
      </c>
      <c r="G5997" s="40">
        <v>20.930486583148831</v>
      </c>
      <c r="H5997" s="40">
        <v>99.800000000000011</v>
      </c>
      <c r="I5997" s="40">
        <v>18.260677404560177</v>
      </c>
      <c r="J5997" s="40">
        <v>99.7999640654769</v>
      </c>
      <c r="K5997" s="40">
        <v>13.059152342889965</v>
      </c>
      <c r="L5997" s="40"/>
      <c r="M5997" s="40"/>
      <c r="N5997" s="40"/>
    </row>
    <row r="5998" spans="4:14" x14ac:dyDescent="0.25">
      <c r="D5998" s="40">
        <v>99.829341000004405</v>
      </c>
      <c r="E5998" s="40">
        <v>20.866550060019744</v>
      </c>
      <c r="F5998" s="40">
        <v>99.816666999999995</v>
      </c>
      <c r="G5998" s="40">
        <v>20.930486583148831</v>
      </c>
      <c r="H5998" s="40">
        <v>99.816666999999995</v>
      </c>
      <c r="I5998" s="40">
        <v>18.26393153081694</v>
      </c>
      <c r="J5998" s="40">
        <v>99.816630726191207</v>
      </c>
      <c r="K5998" s="40">
        <v>13.05430129918086</v>
      </c>
      <c r="L5998" s="40"/>
      <c r="M5998" s="40"/>
      <c r="N5998" s="40"/>
    </row>
    <row r="5999" spans="4:14" x14ac:dyDescent="0.25">
      <c r="D5999" s="40">
        <v>99.846007000004406</v>
      </c>
      <c r="E5999" s="40">
        <v>20.866550060019744</v>
      </c>
      <c r="F5999" s="40">
        <v>99.833332999999982</v>
      </c>
      <c r="G5999" s="40">
        <v>20.930486583148831</v>
      </c>
      <c r="H5999" s="40">
        <v>99.833334000000008</v>
      </c>
      <c r="I5999" s="40">
        <v>18.2672842669602</v>
      </c>
      <c r="J5999" s="40">
        <v>99.8332973869055</v>
      </c>
      <c r="K5999" s="40">
        <v>13.059152342889965</v>
      </c>
      <c r="L5999" s="40"/>
      <c r="M5999" s="40"/>
      <c r="N5999" s="40"/>
    </row>
    <row r="6000" spans="4:14" x14ac:dyDescent="0.25">
      <c r="D6000" s="40">
        <v>99.862673000004406</v>
      </c>
      <c r="E6000" s="40">
        <v>20.866550060019744</v>
      </c>
      <c r="F6000" s="40">
        <v>99.85</v>
      </c>
      <c r="G6000" s="40">
        <v>20.930486583148831</v>
      </c>
      <c r="H6000" s="40">
        <v>99.85</v>
      </c>
      <c r="I6000" s="40">
        <v>18.2672842669602</v>
      </c>
      <c r="J6000" s="40">
        <v>99.849964047619807</v>
      </c>
      <c r="K6000" s="40">
        <v>13.059152342889965</v>
      </c>
      <c r="L6000" s="40"/>
      <c r="M6000" s="40"/>
      <c r="N6000" s="40"/>
    </row>
    <row r="6001" spans="4:14" x14ac:dyDescent="0.25">
      <c r="D6001" s="40">
        <v>99.879339000004407</v>
      </c>
      <c r="E6001" s="40">
        <v>20.861849327859318</v>
      </c>
      <c r="F6001" s="40">
        <v>99.866667000000007</v>
      </c>
      <c r="G6001" s="40">
        <v>20.930486583148831</v>
      </c>
      <c r="H6001" s="40">
        <v>99.866667000000007</v>
      </c>
      <c r="I6001" s="40">
        <v>18.270637003103456</v>
      </c>
      <c r="J6001" s="40">
        <v>99.8666307083341</v>
      </c>
      <c r="K6001" s="40">
        <v>13.059152342889965</v>
      </c>
      <c r="L6001" s="40"/>
      <c r="M6001" s="40"/>
      <c r="N6001" s="40"/>
    </row>
    <row r="6002" spans="4:14" x14ac:dyDescent="0.25">
      <c r="D6002" s="40">
        <v>99.896005000004408</v>
      </c>
      <c r="E6002" s="40">
        <v>20.861849327859318</v>
      </c>
      <c r="F6002" s="40">
        <v>99.883332999999993</v>
      </c>
      <c r="G6002" s="40">
        <v>20.930486583148831</v>
      </c>
      <c r="H6002" s="40">
        <v>99.883334000000019</v>
      </c>
      <c r="I6002" s="40">
        <v>18.273891129360216</v>
      </c>
      <c r="J6002" s="40">
        <v>99.883297369048407</v>
      </c>
      <c r="K6002" s="40">
        <v>13.064003386599197</v>
      </c>
      <c r="L6002" s="40"/>
      <c r="M6002" s="40"/>
      <c r="N6002" s="40"/>
    </row>
    <row r="6003" spans="4:14" x14ac:dyDescent="0.25">
      <c r="D6003" s="40">
        <v>99.912671000004408</v>
      </c>
      <c r="E6003" s="40">
        <v>20.861849327859318</v>
      </c>
      <c r="F6003" s="40">
        <v>99.9</v>
      </c>
      <c r="G6003" s="40">
        <v>20.930486583148831</v>
      </c>
      <c r="H6003" s="40">
        <v>99.9</v>
      </c>
      <c r="I6003" s="40">
        <v>18.273891129360216</v>
      </c>
      <c r="J6003" s="40">
        <v>99.8999640297627</v>
      </c>
      <c r="K6003" s="40">
        <v>13.064003386599197</v>
      </c>
      <c r="L6003" s="40"/>
      <c r="M6003" s="40"/>
      <c r="N6003" s="40"/>
    </row>
    <row r="6004" spans="4:14" x14ac:dyDescent="0.25">
      <c r="D6004" s="40">
        <v>99.929337000004409</v>
      </c>
      <c r="E6004" s="40">
        <v>20.857006149269896</v>
      </c>
      <c r="F6004" s="40">
        <v>99.91666699999999</v>
      </c>
      <c r="G6004" s="40">
        <v>20.930486583148831</v>
      </c>
      <c r="H6004" s="40">
        <v>99.916667000000018</v>
      </c>
      <c r="I6004" s="40">
        <v>18.27724386550365</v>
      </c>
      <c r="J6004" s="40">
        <v>99.916630690476893</v>
      </c>
      <c r="K6004" s="40">
        <v>13.064003386599197</v>
      </c>
      <c r="L6004" s="40"/>
      <c r="M6004" s="40"/>
      <c r="N6004" s="40"/>
    </row>
    <row r="6005" spans="4:14" x14ac:dyDescent="0.25">
      <c r="D6005" s="40">
        <v>99.94600300000441</v>
      </c>
      <c r="E6005" s="40">
        <v>20.857006149269896</v>
      </c>
      <c r="F6005" s="40">
        <v>99.933333000000005</v>
      </c>
      <c r="G6005" s="40">
        <v>20.935241827238922</v>
      </c>
      <c r="H6005" s="40">
        <v>99.933334000000002</v>
      </c>
      <c r="I6005" s="40">
        <v>18.280596601646909</v>
      </c>
      <c r="J6005" s="40">
        <v>99.9332973511912</v>
      </c>
      <c r="K6005" s="40">
        <v>13.064003386599197</v>
      </c>
      <c r="L6005" s="40"/>
      <c r="M6005" s="40"/>
      <c r="N6005" s="40"/>
    </row>
    <row r="6006" spans="4:14" x14ac:dyDescent="0.25">
      <c r="D6006" s="40">
        <v>99.962669000004411</v>
      </c>
      <c r="E6006" s="40">
        <v>20.857006149269896</v>
      </c>
      <c r="F6006" s="40">
        <v>99.949999999999989</v>
      </c>
      <c r="G6006" s="40">
        <v>20.935241827238922</v>
      </c>
      <c r="H6006" s="40">
        <v>99.950000000000017</v>
      </c>
      <c r="I6006" s="40">
        <v>18.280596601646909</v>
      </c>
      <c r="J6006" s="40">
        <v>99.949964011905493</v>
      </c>
      <c r="K6006" s="40">
        <v>13.064003386599197</v>
      </c>
      <c r="L6006" s="40"/>
      <c r="M6006" s="40"/>
      <c r="N6006" s="40"/>
    </row>
    <row r="6007" spans="4:14" x14ac:dyDescent="0.25">
      <c r="D6007" s="40">
        <v>99.979335000004411</v>
      </c>
      <c r="E6007" s="40">
        <v>20.857006149269896</v>
      </c>
      <c r="F6007" s="40">
        <v>99.966667000000001</v>
      </c>
      <c r="G6007" s="40">
        <v>20.935241827238922</v>
      </c>
      <c r="H6007" s="40">
        <v>99.966667000000001</v>
      </c>
      <c r="I6007" s="40">
        <v>18.283850727903673</v>
      </c>
      <c r="J6007" s="40">
        <v>99.9666306726198</v>
      </c>
      <c r="K6007" s="40">
        <v>13.064003386599197</v>
      </c>
      <c r="L6007" s="40"/>
      <c r="M6007" s="40"/>
      <c r="N6007" s="40"/>
    </row>
    <row r="6008" spans="4:14" x14ac:dyDescent="0.25">
      <c r="D6008" s="40">
        <v>99.996001000004412</v>
      </c>
      <c r="E6008" s="40">
        <v>20.857006149269896</v>
      </c>
      <c r="F6008" s="40">
        <v>99.983332999999988</v>
      </c>
      <c r="G6008" s="40">
        <v>20.935241827238922</v>
      </c>
      <c r="H6008" s="40">
        <v>99.983334000000013</v>
      </c>
      <c r="I6008" s="40">
        <v>18.283850727903673</v>
      </c>
      <c r="J6008" s="40">
        <v>99.983297333334093</v>
      </c>
      <c r="K6008" s="40">
        <v>13.064003386599197</v>
      </c>
      <c r="L6008" s="40"/>
      <c r="M6008" s="40"/>
      <c r="N6008" s="40"/>
    </row>
    <row r="6009" spans="4:14" x14ac:dyDescent="0.25">
      <c r="D6009" s="40">
        <v>100.01266700000441</v>
      </c>
      <c r="E6009" s="40">
        <v>20.85216297068035</v>
      </c>
      <c r="F6009" s="40">
        <v>100</v>
      </c>
      <c r="G6009" s="40">
        <v>20.935241827238922</v>
      </c>
      <c r="H6009" s="40">
        <v>100</v>
      </c>
      <c r="I6009" s="40">
        <v>18.287203464046929</v>
      </c>
      <c r="J6009" s="40">
        <v>99.9999639940484</v>
      </c>
      <c r="K6009" s="40">
        <v>13.064003386599197</v>
      </c>
      <c r="L6009" s="40"/>
      <c r="M6009" s="40"/>
      <c r="N6009" s="40"/>
    </row>
    <row r="6010" spans="4:14" x14ac:dyDescent="0.25">
      <c r="D6010" s="40">
        <v>100.02933300000441</v>
      </c>
      <c r="E6010" s="40">
        <v>20.85216297068035</v>
      </c>
      <c r="F6010" s="40">
        <v>100.01666699999998</v>
      </c>
      <c r="G6010" s="40">
        <v>20.935241827238922</v>
      </c>
      <c r="H6010" s="40">
        <v>100.01666700000001</v>
      </c>
      <c r="I6010" s="40">
        <v>18.290556200190188</v>
      </c>
      <c r="J6010" s="40">
        <v>100.016630654762</v>
      </c>
      <c r="K6010" s="40">
        <v>13.064003386599197</v>
      </c>
      <c r="L6010" s="40"/>
      <c r="M6010" s="40"/>
      <c r="N6010" s="40"/>
    </row>
    <row r="6011" spans="4:14" x14ac:dyDescent="0.25">
      <c r="D6011" s="40">
        <v>100.04599900000441</v>
      </c>
      <c r="E6011" s="40">
        <v>20.85216297068035</v>
      </c>
      <c r="F6011" s="40">
        <v>100.033333</v>
      </c>
      <c r="G6011" s="40">
        <v>20.935241827238922</v>
      </c>
      <c r="H6011" s="40">
        <v>100.033334</v>
      </c>
      <c r="I6011" s="40">
        <v>18.290556200190188</v>
      </c>
      <c r="J6011" s="40">
        <v>100.033297315477</v>
      </c>
      <c r="K6011" s="40">
        <v>13.064003386599197</v>
      </c>
      <c r="L6011" s="40"/>
      <c r="M6011" s="40"/>
      <c r="N6011" s="40"/>
    </row>
    <row r="6012" spans="4:14" x14ac:dyDescent="0.25">
      <c r="D6012" s="40">
        <v>100.06266500000442</v>
      </c>
      <c r="E6012" s="40">
        <v>20.85216297068035</v>
      </c>
      <c r="F6012" s="40">
        <v>100.04999999999998</v>
      </c>
      <c r="G6012" s="40">
        <v>20.939857211208825</v>
      </c>
      <c r="H6012" s="40">
        <v>100.05000000000001</v>
      </c>
      <c r="I6012" s="40">
        <v>18.293810326446948</v>
      </c>
      <c r="J6012" s="40">
        <v>100.04996397619099</v>
      </c>
      <c r="K6012" s="40">
        <v>13.064003386599197</v>
      </c>
      <c r="L6012" s="40"/>
      <c r="M6012" s="40"/>
      <c r="N6012" s="40"/>
    </row>
    <row r="6013" spans="4:14" x14ac:dyDescent="0.25">
      <c r="D6013" s="40">
        <v>100.07933100000442</v>
      </c>
      <c r="E6013" s="40">
        <v>20.85216297068035</v>
      </c>
      <c r="F6013" s="40">
        <v>100.066667</v>
      </c>
      <c r="G6013" s="40">
        <v>20.939857211208825</v>
      </c>
      <c r="H6013" s="40">
        <v>100.066667</v>
      </c>
      <c r="I6013" s="40">
        <v>18.297163062590379</v>
      </c>
      <c r="J6013" s="40">
        <v>100.066630636905</v>
      </c>
      <c r="K6013" s="40">
        <v>13.068711752552257</v>
      </c>
      <c r="L6013" s="40"/>
      <c r="M6013" s="40"/>
      <c r="N6013" s="40"/>
    </row>
    <row r="6014" spans="4:14" x14ac:dyDescent="0.25">
      <c r="D6014" s="40">
        <v>100.09599700000442</v>
      </c>
      <c r="E6014" s="40">
        <v>20.85216297068035</v>
      </c>
      <c r="F6014" s="40">
        <v>100.08333299999998</v>
      </c>
      <c r="G6014" s="40">
        <v>20.939857211208825</v>
      </c>
      <c r="H6014" s="40">
        <v>100.08333400000001</v>
      </c>
      <c r="I6014" s="40">
        <v>18.297163062590379</v>
      </c>
      <c r="J6014" s="40">
        <v>100.08329729762001</v>
      </c>
      <c r="K6014" s="40">
        <v>13.068711752552257</v>
      </c>
      <c r="L6014" s="40"/>
      <c r="M6014" s="40"/>
      <c r="N6014" s="40"/>
    </row>
    <row r="6015" spans="4:14" x14ac:dyDescent="0.25">
      <c r="D6015" s="40">
        <v>100.11266300000442</v>
      </c>
      <c r="E6015" s="40">
        <v>20.85216297068035</v>
      </c>
      <c r="F6015" s="40">
        <v>100.1</v>
      </c>
      <c r="G6015" s="40">
        <v>20.939857211208825</v>
      </c>
      <c r="H6015" s="40">
        <v>100.1</v>
      </c>
      <c r="I6015" s="40">
        <v>18.300515798733638</v>
      </c>
      <c r="J6015" s="40">
        <v>100.099963958334</v>
      </c>
      <c r="K6015" s="40">
        <v>13.068711752552257</v>
      </c>
      <c r="L6015" s="40"/>
      <c r="M6015" s="40"/>
      <c r="N6015" s="40"/>
    </row>
    <row r="6016" spans="4:14" x14ac:dyDescent="0.25">
      <c r="D6016" s="40">
        <v>100.12932900000442</v>
      </c>
      <c r="E6016" s="40">
        <v>20.85216297068035</v>
      </c>
      <c r="F6016" s="40">
        <v>100.11666700000001</v>
      </c>
      <c r="G6016" s="40">
        <v>20.939857211208825</v>
      </c>
      <c r="H6016" s="40">
        <v>100.11666700000001</v>
      </c>
      <c r="I6016" s="40">
        <v>18.303868534876894</v>
      </c>
      <c r="J6016" s="40">
        <v>100.116630619048</v>
      </c>
      <c r="K6016" s="40">
        <v>13.068711752552257</v>
      </c>
      <c r="L6016" s="40"/>
      <c r="M6016" s="40"/>
      <c r="N6016" s="40"/>
    </row>
    <row r="6017" spans="4:14" x14ac:dyDescent="0.25">
      <c r="D6017" s="40">
        <v>100.14599500000442</v>
      </c>
      <c r="E6017" s="40">
        <v>20.85216297068035</v>
      </c>
      <c r="F6017" s="40">
        <v>100.13333299999999</v>
      </c>
      <c r="G6017" s="40">
        <v>20.944612455299044</v>
      </c>
      <c r="H6017" s="40">
        <v>100.13333400000002</v>
      </c>
      <c r="I6017" s="40">
        <v>18.303868534876894</v>
      </c>
      <c r="J6017" s="40">
        <v>100.133297279762</v>
      </c>
      <c r="K6017" s="40">
        <v>13.068711752552257</v>
      </c>
      <c r="L6017" s="40"/>
      <c r="M6017" s="40"/>
      <c r="N6017" s="40"/>
    </row>
    <row r="6018" spans="4:14" x14ac:dyDescent="0.25">
      <c r="D6018" s="40">
        <v>100.16266100000442</v>
      </c>
      <c r="E6018" s="40">
        <v>20.857006149269896</v>
      </c>
      <c r="F6018" s="40">
        <v>100.15</v>
      </c>
      <c r="G6018" s="40">
        <v>20.944612455299044</v>
      </c>
      <c r="H6018" s="40">
        <v>100.15</v>
      </c>
      <c r="I6018" s="40">
        <v>18.307122661133658</v>
      </c>
      <c r="J6018" s="40">
        <v>100.14996394047699</v>
      </c>
      <c r="K6018" s="40">
        <v>13.068711752552257</v>
      </c>
      <c r="L6018" s="40"/>
      <c r="M6018" s="40"/>
      <c r="N6018" s="40"/>
    </row>
    <row r="6019" spans="4:14" x14ac:dyDescent="0.25">
      <c r="D6019" s="40">
        <v>100.17932700000442</v>
      </c>
      <c r="E6019" s="40">
        <v>20.857006149269896</v>
      </c>
      <c r="F6019" s="40">
        <v>100.16666699999999</v>
      </c>
      <c r="G6019" s="40">
        <v>20.944612455299044</v>
      </c>
      <c r="H6019" s="40">
        <v>100.16666700000002</v>
      </c>
      <c r="I6019" s="40">
        <v>18.310475397277088</v>
      </c>
      <c r="J6019" s="40">
        <v>100.166630601191</v>
      </c>
      <c r="K6019" s="40">
        <v>13.068711752552257</v>
      </c>
      <c r="L6019" s="40"/>
      <c r="M6019" s="40"/>
      <c r="N6019" s="40"/>
    </row>
    <row r="6020" spans="4:14" x14ac:dyDescent="0.25">
      <c r="D6020" s="40">
        <v>100.19599300000442</v>
      </c>
      <c r="E6020" s="40">
        <v>20.857006149269896</v>
      </c>
      <c r="F6020" s="40">
        <v>100.183333</v>
      </c>
      <c r="G6020" s="40">
        <v>20.944612455299044</v>
      </c>
      <c r="H6020" s="40">
        <v>100.183334</v>
      </c>
      <c r="I6020" s="40">
        <v>18.310475397277088</v>
      </c>
      <c r="J6020" s="40">
        <v>100.183297261905</v>
      </c>
      <c r="K6020" s="40">
        <v>13.068711752552257</v>
      </c>
      <c r="L6020" s="40"/>
      <c r="M6020" s="40"/>
      <c r="N6020" s="40"/>
    </row>
    <row r="6021" spans="4:14" x14ac:dyDescent="0.25">
      <c r="D6021" s="40">
        <v>100.21265900000442</v>
      </c>
      <c r="E6021" s="40">
        <v>20.857006149269896</v>
      </c>
      <c r="F6021" s="40">
        <v>100.19999999999999</v>
      </c>
      <c r="G6021" s="40">
        <v>20.949367699389139</v>
      </c>
      <c r="H6021" s="40">
        <v>100.20000000000002</v>
      </c>
      <c r="I6021" s="40">
        <v>18.313828133420348</v>
      </c>
      <c r="J6021" s="40">
        <v>100.19996392262</v>
      </c>
      <c r="K6021" s="40">
        <v>13.068711752552257</v>
      </c>
      <c r="L6021" s="40"/>
      <c r="M6021" s="40"/>
      <c r="N6021" s="40"/>
    </row>
    <row r="6022" spans="4:14" x14ac:dyDescent="0.25">
      <c r="D6022" s="40">
        <v>100.22932500000442</v>
      </c>
      <c r="E6022" s="40">
        <v>20.857006149269896</v>
      </c>
      <c r="F6022" s="40">
        <v>100.216667</v>
      </c>
      <c r="G6022" s="40">
        <v>20.949367699389139</v>
      </c>
      <c r="H6022" s="40">
        <v>100.216667</v>
      </c>
      <c r="I6022" s="40">
        <v>18.313828133420348</v>
      </c>
      <c r="J6022" s="40">
        <v>100.21663058333399</v>
      </c>
      <c r="K6022" s="40">
        <v>13.068711752552257</v>
      </c>
      <c r="L6022" s="40"/>
      <c r="M6022" s="40"/>
      <c r="N6022" s="40"/>
    </row>
    <row r="6023" spans="4:14" x14ac:dyDescent="0.25">
      <c r="D6023" s="40">
        <v>100.24599100000442</v>
      </c>
      <c r="E6023" s="40">
        <v>20.861849327859318</v>
      </c>
      <c r="F6023" s="40">
        <v>100.23333299999999</v>
      </c>
      <c r="G6023" s="40">
        <v>20.949367699389139</v>
      </c>
      <c r="H6023" s="40">
        <v>100.23333400000001</v>
      </c>
      <c r="I6023" s="40">
        <v>18.317082259677111</v>
      </c>
      <c r="J6023" s="40">
        <v>100.233297244048</v>
      </c>
      <c r="K6023" s="40">
        <v>13.068711752552257</v>
      </c>
      <c r="L6023" s="40"/>
      <c r="M6023" s="40"/>
      <c r="N6023" s="40"/>
    </row>
    <row r="6024" spans="4:14" x14ac:dyDescent="0.25">
      <c r="D6024" s="40">
        <v>100.26265700000442</v>
      </c>
      <c r="E6024" s="40">
        <v>20.861849327859318</v>
      </c>
      <c r="F6024" s="40">
        <v>100.25</v>
      </c>
      <c r="G6024" s="40">
        <v>20.949367699389139</v>
      </c>
      <c r="H6024" s="40">
        <v>100.25</v>
      </c>
      <c r="I6024" s="40">
        <v>18.317082259677111</v>
      </c>
      <c r="J6024" s="40">
        <v>100.249963904762</v>
      </c>
      <c r="K6024" s="40">
        <v>13.068711752552257</v>
      </c>
      <c r="L6024" s="40"/>
      <c r="M6024" s="40"/>
      <c r="N6024" s="40"/>
    </row>
    <row r="6025" spans="4:14" x14ac:dyDescent="0.25">
      <c r="D6025" s="40">
        <v>100.27932300000442</v>
      </c>
      <c r="E6025" s="40">
        <v>20.861849327859318</v>
      </c>
      <c r="F6025" s="40">
        <v>100.26666699999998</v>
      </c>
      <c r="G6025" s="40">
        <v>20.953983083359038</v>
      </c>
      <c r="H6025" s="40">
        <v>100.26666700000001</v>
      </c>
      <c r="I6025" s="40">
        <v>18.320434995820367</v>
      </c>
      <c r="J6025" s="40">
        <v>100.266630565477</v>
      </c>
      <c r="K6025" s="40">
        <v>13.068711752552257</v>
      </c>
      <c r="L6025" s="40"/>
      <c r="M6025" s="40"/>
      <c r="N6025" s="40"/>
    </row>
    <row r="6026" spans="4:14" x14ac:dyDescent="0.25">
      <c r="D6026" s="40">
        <v>100.29598900000443</v>
      </c>
      <c r="E6026" s="40">
        <v>20.866550060019744</v>
      </c>
      <c r="F6026" s="40">
        <v>100.283333</v>
      </c>
      <c r="G6026" s="40">
        <v>20.953983083359038</v>
      </c>
      <c r="H6026" s="40">
        <v>100.283334</v>
      </c>
      <c r="I6026" s="40">
        <v>18.323787731963627</v>
      </c>
      <c r="J6026" s="40">
        <v>100.283297226191</v>
      </c>
      <c r="K6026" s="40">
        <v>13.068711752552257</v>
      </c>
      <c r="L6026" s="40"/>
      <c r="M6026" s="40"/>
      <c r="N6026" s="40"/>
    </row>
    <row r="6027" spans="4:14" x14ac:dyDescent="0.25">
      <c r="D6027" s="40">
        <v>100.31265500000443</v>
      </c>
      <c r="E6027" s="40">
        <v>20.866550060019744</v>
      </c>
      <c r="F6027" s="40">
        <v>100.29999999999998</v>
      </c>
      <c r="G6027" s="40">
        <v>20.953983083359038</v>
      </c>
      <c r="H6027" s="40">
        <v>100.30000000000001</v>
      </c>
      <c r="I6027" s="40">
        <v>18.323787731963627</v>
      </c>
      <c r="J6027" s="40">
        <v>100.299963886905</v>
      </c>
      <c r="K6027" s="40">
        <v>13.068711752552257</v>
      </c>
      <c r="L6027" s="40"/>
      <c r="M6027" s="40"/>
      <c r="N6027" s="40"/>
    </row>
    <row r="6028" spans="4:14" x14ac:dyDescent="0.25">
      <c r="D6028" s="40">
        <v>100.32932100000443</v>
      </c>
      <c r="E6028" s="40">
        <v>20.866550060019744</v>
      </c>
      <c r="F6028" s="40">
        <v>100.316667</v>
      </c>
      <c r="G6028" s="40">
        <v>20.953983083359038</v>
      </c>
      <c r="H6028" s="40">
        <v>100.316667</v>
      </c>
      <c r="I6028" s="40">
        <v>18.32704185822039</v>
      </c>
      <c r="J6028" s="40">
        <v>100.31663054761999</v>
      </c>
      <c r="K6028" s="40">
        <v>13.068711752552257</v>
      </c>
      <c r="L6028" s="40"/>
      <c r="M6028" s="40"/>
      <c r="N6028" s="40"/>
    </row>
    <row r="6029" spans="4:14" x14ac:dyDescent="0.25">
      <c r="D6029" s="40">
        <v>100.34598700000443</v>
      </c>
      <c r="E6029" s="40">
        <v>20.866550060019744</v>
      </c>
      <c r="F6029" s="40">
        <v>100.33333299999998</v>
      </c>
      <c r="G6029" s="40">
        <v>20.958738327449261</v>
      </c>
      <c r="H6029" s="40">
        <v>100.33333400000001</v>
      </c>
      <c r="I6029" s="40">
        <v>18.32704185822039</v>
      </c>
      <c r="J6029" s="40">
        <v>100.333297208334</v>
      </c>
      <c r="K6029" s="40">
        <v>13.068711752552257</v>
      </c>
      <c r="L6029" s="40"/>
      <c r="M6029" s="40"/>
      <c r="N6029" s="40"/>
    </row>
    <row r="6030" spans="4:14" x14ac:dyDescent="0.25">
      <c r="D6030" s="40">
        <v>100.36265300000443</v>
      </c>
      <c r="E6030" s="40">
        <v>20.866550060019744</v>
      </c>
      <c r="F6030" s="40">
        <v>100.35</v>
      </c>
      <c r="G6030" s="40">
        <v>20.958738327449261</v>
      </c>
      <c r="H6030" s="40">
        <v>100.35</v>
      </c>
      <c r="I6030" s="40">
        <v>18.33039459436382</v>
      </c>
      <c r="J6030" s="40">
        <v>100.349963869048</v>
      </c>
      <c r="K6030" s="40">
        <v>13.068711752552257</v>
      </c>
      <c r="L6030" s="40"/>
      <c r="M6030" s="40"/>
      <c r="N6030" s="40"/>
    </row>
    <row r="6031" spans="4:14" x14ac:dyDescent="0.25">
      <c r="D6031" s="40">
        <v>100.37931900000443</v>
      </c>
      <c r="E6031" s="40">
        <v>20.866550060019744</v>
      </c>
      <c r="F6031" s="40">
        <v>100.36666700000001</v>
      </c>
      <c r="G6031" s="40">
        <v>20.958738327449261</v>
      </c>
      <c r="H6031" s="40">
        <v>100.36666700000001</v>
      </c>
      <c r="I6031" s="40">
        <v>18.333747330507077</v>
      </c>
      <c r="J6031" s="40">
        <v>100.36663052976201</v>
      </c>
      <c r="K6031" s="40">
        <v>13.068711752552257</v>
      </c>
      <c r="L6031" s="40"/>
      <c r="M6031" s="40"/>
      <c r="N6031" s="40"/>
    </row>
    <row r="6032" spans="4:14" x14ac:dyDescent="0.25">
      <c r="D6032" s="40">
        <v>100.39598500000443</v>
      </c>
      <c r="E6032" s="40">
        <v>20.866550060019744</v>
      </c>
      <c r="F6032" s="40">
        <v>100.38333299999999</v>
      </c>
      <c r="G6032" s="40">
        <v>20.958738327449261</v>
      </c>
      <c r="H6032" s="40">
        <v>100.38333400000002</v>
      </c>
      <c r="I6032" s="40">
        <v>18.333747330507077</v>
      </c>
      <c r="J6032" s="40">
        <v>100.38329719047699</v>
      </c>
      <c r="K6032" s="40">
        <v>13.068711752552257</v>
      </c>
      <c r="L6032" s="40"/>
      <c r="M6032" s="40"/>
      <c r="N6032" s="40"/>
    </row>
    <row r="6033" spans="4:14" x14ac:dyDescent="0.25">
      <c r="D6033" s="40">
        <v>100.41265100000443</v>
      </c>
      <c r="E6033" s="40">
        <v>20.866550060019744</v>
      </c>
      <c r="F6033" s="40">
        <v>100.4</v>
      </c>
      <c r="G6033" s="40">
        <v>20.958738327449261</v>
      </c>
      <c r="H6033" s="40">
        <v>100.4</v>
      </c>
      <c r="I6033" s="40">
        <v>18.33700145676384</v>
      </c>
      <c r="J6033" s="40">
        <v>100.399963851191</v>
      </c>
      <c r="K6033" s="40">
        <v>13.068711752552257</v>
      </c>
      <c r="L6033" s="40"/>
      <c r="M6033" s="40"/>
      <c r="N6033" s="40"/>
    </row>
    <row r="6034" spans="4:14" x14ac:dyDescent="0.25">
      <c r="D6034" s="40">
        <v>100.42931700000443</v>
      </c>
      <c r="E6034" s="40">
        <v>20.866550060019744</v>
      </c>
      <c r="F6034" s="40">
        <v>100.41666699999999</v>
      </c>
      <c r="G6034" s="40">
        <v>20.958738327449261</v>
      </c>
      <c r="H6034" s="40">
        <v>100.41666700000002</v>
      </c>
      <c r="I6034" s="40">
        <v>18.33700145676384</v>
      </c>
      <c r="J6034" s="40">
        <v>100.416630511905</v>
      </c>
      <c r="K6034" s="40">
        <v>13.068711752552257</v>
      </c>
      <c r="L6034" s="40"/>
      <c r="M6034" s="40"/>
      <c r="N6034" s="40"/>
    </row>
    <row r="6035" spans="4:14" x14ac:dyDescent="0.25">
      <c r="D6035" s="40">
        <v>100.44598300000443</v>
      </c>
      <c r="E6035" s="40">
        <v>20.866550060019744</v>
      </c>
      <c r="F6035" s="40">
        <v>100.433333</v>
      </c>
      <c r="G6035" s="40">
        <v>20.958738327449261</v>
      </c>
      <c r="H6035" s="40">
        <v>100.433334</v>
      </c>
      <c r="I6035" s="40">
        <v>18.3403541929071</v>
      </c>
      <c r="J6035" s="40">
        <v>100.43329717262</v>
      </c>
      <c r="K6035" s="40">
        <v>13.068711752552257</v>
      </c>
      <c r="L6035" s="40"/>
      <c r="M6035" s="40"/>
      <c r="N6035" s="40"/>
    </row>
    <row r="6036" spans="4:14" x14ac:dyDescent="0.25">
      <c r="D6036" s="40">
        <v>100.46264900000443</v>
      </c>
      <c r="E6036" s="40">
        <v>20.87139323860929</v>
      </c>
      <c r="F6036" s="40">
        <v>100.44999999999999</v>
      </c>
      <c r="G6036" s="40">
        <v>20.96349357153948</v>
      </c>
      <c r="H6036" s="40">
        <v>100.45000000000002</v>
      </c>
      <c r="I6036" s="40">
        <v>18.3403541929071</v>
      </c>
      <c r="J6036" s="40">
        <v>100.449963833334</v>
      </c>
      <c r="K6036" s="40">
        <v>13.068711752552257</v>
      </c>
      <c r="L6036" s="40"/>
      <c r="M6036" s="40"/>
      <c r="N6036" s="40"/>
    </row>
    <row r="6037" spans="4:14" x14ac:dyDescent="0.25">
      <c r="D6037" s="40">
        <v>100.47931500000443</v>
      </c>
      <c r="E6037" s="40">
        <v>20.87139323860929</v>
      </c>
      <c r="F6037" s="40">
        <v>100.466667</v>
      </c>
      <c r="G6037" s="40">
        <v>20.96349357153948</v>
      </c>
      <c r="H6037" s="40">
        <v>100.466667</v>
      </c>
      <c r="I6037" s="40">
        <v>18.343706929050356</v>
      </c>
      <c r="J6037" s="40">
        <v>100.466630494048</v>
      </c>
      <c r="K6037" s="40">
        <v>13.07356279626149</v>
      </c>
      <c r="L6037" s="40"/>
      <c r="M6037" s="40"/>
      <c r="N6037" s="40"/>
    </row>
    <row r="6038" spans="4:14" x14ac:dyDescent="0.25">
      <c r="D6038" s="40">
        <v>100.49598100000443</v>
      </c>
      <c r="E6038" s="40">
        <v>20.87139323860929</v>
      </c>
      <c r="F6038" s="40">
        <v>100.48333299999999</v>
      </c>
      <c r="G6038" s="40">
        <v>20.96349357153948</v>
      </c>
      <c r="H6038" s="40">
        <v>100.48333400000001</v>
      </c>
      <c r="I6038" s="40">
        <v>18.346961055307119</v>
      </c>
      <c r="J6038" s="40">
        <v>100.483297154762</v>
      </c>
      <c r="K6038" s="40">
        <v>13.07356279626149</v>
      </c>
      <c r="L6038" s="40"/>
      <c r="M6038" s="40"/>
      <c r="N6038" s="40"/>
    </row>
    <row r="6039" spans="4:14" x14ac:dyDescent="0.25">
      <c r="D6039" s="40">
        <v>100.51264700000443</v>
      </c>
      <c r="E6039" s="40">
        <v>20.866550060019744</v>
      </c>
      <c r="F6039" s="40">
        <v>100.5</v>
      </c>
      <c r="G6039" s="40">
        <v>20.96349357153948</v>
      </c>
      <c r="H6039" s="40">
        <v>100.5</v>
      </c>
      <c r="I6039" s="40">
        <v>18.346961055307119</v>
      </c>
      <c r="J6039" s="40">
        <v>100.499963815477</v>
      </c>
      <c r="K6039" s="40">
        <v>13.07356279626149</v>
      </c>
      <c r="L6039" s="40"/>
      <c r="M6039" s="40"/>
      <c r="N6039" s="40"/>
    </row>
    <row r="6040" spans="4:14" x14ac:dyDescent="0.25">
      <c r="D6040" s="40">
        <v>100.52931300000444</v>
      </c>
      <c r="E6040" s="40">
        <v>20.87139323860929</v>
      </c>
      <c r="F6040" s="40">
        <v>100.51666699999998</v>
      </c>
      <c r="G6040" s="40">
        <v>20.96349357153948</v>
      </c>
      <c r="H6040" s="40">
        <v>100.51666700000001</v>
      </c>
      <c r="I6040" s="40">
        <v>18.350313791450549</v>
      </c>
      <c r="J6040" s="40">
        <v>100.516630476191</v>
      </c>
      <c r="K6040" s="40">
        <v>13.07356279626149</v>
      </c>
      <c r="L6040" s="40"/>
      <c r="M6040" s="40"/>
      <c r="N6040" s="40"/>
    </row>
    <row r="6041" spans="4:14" x14ac:dyDescent="0.25">
      <c r="D6041" s="40">
        <v>100.54597900000444</v>
      </c>
      <c r="E6041" s="40">
        <v>20.87139323860929</v>
      </c>
      <c r="F6041" s="40">
        <v>100.533333</v>
      </c>
      <c r="G6041" s="40">
        <v>20.968108955509255</v>
      </c>
      <c r="H6041" s="40">
        <v>100.533334</v>
      </c>
      <c r="I6041" s="40">
        <v>18.353666527593806</v>
      </c>
      <c r="J6041" s="40">
        <v>100.53329713690501</v>
      </c>
      <c r="K6041" s="40">
        <v>13.07356279626149</v>
      </c>
      <c r="L6041" s="40"/>
      <c r="M6041" s="40"/>
      <c r="N6041" s="40"/>
    </row>
    <row r="6042" spans="4:14" x14ac:dyDescent="0.25">
      <c r="D6042" s="40">
        <v>100.56264500000444</v>
      </c>
      <c r="E6042" s="40">
        <v>20.87139323860929</v>
      </c>
      <c r="F6042" s="40">
        <v>100.54999999999998</v>
      </c>
      <c r="G6042" s="40">
        <v>20.968108955509255</v>
      </c>
      <c r="H6042" s="40">
        <v>100.55000000000001</v>
      </c>
      <c r="I6042" s="40">
        <v>18.353666527593806</v>
      </c>
      <c r="J6042" s="40">
        <v>100.54996379761999</v>
      </c>
      <c r="K6042" s="40">
        <v>13.07356279626149</v>
      </c>
      <c r="L6042" s="40"/>
      <c r="M6042" s="40"/>
      <c r="N6042" s="40"/>
    </row>
    <row r="6043" spans="4:14" x14ac:dyDescent="0.25">
      <c r="D6043" s="40">
        <v>100.57931100000444</v>
      </c>
      <c r="E6043" s="40">
        <v>20.876236417198712</v>
      </c>
      <c r="F6043" s="40">
        <v>100.566667</v>
      </c>
      <c r="G6043" s="40">
        <v>20.972864199599474</v>
      </c>
      <c r="H6043" s="40">
        <v>100.566667</v>
      </c>
      <c r="I6043" s="40">
        <v>18.356920653850569</v>
      </c>
      <c r="J6043" s="40">
        <v>100.566630458334</v>
      </c>
      <c r="K6043" s="40">
        <v>13.07356279626149</v>
      </c>
      <c r="L6043" s="40"/>
      <c r="M6043" s="40"/>
      <c r="N6043" s="40"/>
    </row>
    <row r="6044" spans="4:14" x14ac:dyDescent="0.25">
      <c r="D6044" s="40">
        <v>100.59597700000444</v>
      </c>
      <c r="E6044" s="40">
        <v>20.876236417198712</v>
      </c>
      <c r="F6044" s="40">
        <v>100.58333299999998</v>
      </c>
      <c r="G6044" s="40">
        <v>20.972864199599474</v>
      </c>
      <c r="H6044" s="40">
        <v>100.58333400000001</v>
      </c>
      <c r="I6044" s="40">
        <v>18.360273389993829</v>
      </c>
      <c r="J6044" s="40">
        <v>100.583297119048</v>
      </c>
      <c r="K6044" s="40">
        <v>13.07356279626149</v>
      </c>
      <c r="L6044" s="40"/>
      <c r="M6044" s="40"/>
      <c r="N6044" s="40"/>
    </row>
    <row r="6045" spans="4:14" x14ac:dyDescent="0.25">
      <c r="D6045" s="40">
        <v>100.61264300000444</v>
      </c>
      <c r="E6045" s="40">
        <v>20.876236417198712</v>
      </c>
      <c r="F6045" s="40">
        <v>100.6</v>
      </c>
      <c r="G6045" s="40">
        <v>20.972864199599474</v>
      </c>
      <c r="H6045" s="40">
        <v>100.6</v>
      </c>
      <c r="I6045" s="40">
        <v>18.363626126137262</v>
      </c>
      <c r="J6045" s="40">
        <v>100.59996377976201</v>
      </c>
      <c r="K6045" s="40">
        <v>13.07356279626149</v>
      </c>
      <c r="L6045" s="40"/>
      <c r="M6045" s="40"/>
      <c r="N6045" s="40"/>
    </row>
    <row r="6046" spans="4:14" x14ac:dyDescent="0.25">
      <c r="D6046" s="40">
        <v>100.62930900000444</v>
      </c>
      <c r="E6046" s="40">
        <v>20.876236417198712</v>
      </c>
      <c r="F6046" s="40">
        <v>100.61666700000001</v>
      </c>
      <c r="G6046" s="40">
        <v>20.977619443689694</v>
      </c>
      <c r="H6046" s="40">
        <v>100.61666700000001</v>
      </c>
      <c r="I6046" s="40">
        <v>18.363626126137262</v>
      </c>
      <c r="J6046" s="40">
        <v>100.616630440477</v>
      </c>
      <c r="K6046" s="40">
        <v>13.07356279626149</v>
      </c>
      <c r="L6046" s="40"/>
      <c r="M6046" s="40"/>
      <c r="N6046" s="40"/>
    </row>
    <row r="6047" spans="4:14" x14ac:dyDescent="0.25">
      <c r="D6047" s="40">
        <v>100.64597500000444</v>
      </c>
      <c r="E6047" s="40">
        <v>20.876236417198712</v>
      </c>
      <c r="F6047" s="40">
        <v>100.63333299999999</v>
      </c>
      <c r="G6047" s="40">
        <v>20.977619443689694</v>
      </c>
      <c r="H6047" s="40">
        <v>100.63333400000002</v>
      </c>
      <c r="I6047" s="40">
        <v>18.366880252394026</v>
      </c>
      <c r="J6047" s="40">
        <v>100.633297101191</v>
      </c>
      <c r="K6047" s="40">
        <v>13.07356279626149</v>
      </c>
      <c r="L6047" s="40"/>
      <c r="M6047" s="40"/>
      <c r="N6047" s="40"/>
    </row>
    <row r="6048" spans="4:14" x14ac:dyDescent="0.25">
      <c r="D6048" s="40">
        <v>100.66264100000444</v>
      </c>
      <c r="E6048" s="40">
        <v>20.876236417198712</v>
      </c>
      <c r="F6048" s="40">
        <v>100.65</v>
      </c>
      <c r="G6048" s="40">
        <v>20.977619443689694</v>
      </c>
      <c r="H6048" s="40">
        <v>100.65</v>
      </c>
      <c r="I6048" s="40">
        <v>18.370232988537278</v>
      </c>
      <c r="J6048" s="40">
        <v>100.649963761905</v>
      </c>
      <c r="K6048" s="40">
        <v>13.07356279626149</v>
      </c>
      <c r="L6048" s="40"/>
      <c r="M6048" s="40"/>
      <c r="N6048" s="40"/>
    </row>
    <row r="6049" spans="4:14" x14ac:dyDescent="0.25">
      <c r="D6049" s="40">
        <v>100.67930700000444</v>
      </c>
      <c r="E6049" s="40">
        <v>20.876236417198712</v>
      </c>
      <c r="F6049" s="40">
        <v>100.66666699999999</v>
      </c>
      <c r="G6049" s="40">
        <v>20.977619443689694</v>
      </c>
      <c r="H6049" s="40">
        <v>100.66666700000002</v>
      </c>
      <c r="I6049" s="40">
        <v>18.370232988537278</v>
      </c>
      <c r="J6049" s="40">
        <v>100.66663042262</v>
      </c>
      <c r="K6049" s="40">
        <v>13.07356279626149</v>
      </c>
      <c r="L6049" s="40"/>
      <c r="M6049" s="40"/>
      <c r="N6049" s="40"/>
    </row>
    <row r="6050" spans="4:14" x14ac:dyDescent="0.25">
      <c r="D6050" s="40">
        <v>100.69597300000444</v>
      </c>
      <c r="E6050" s="40">
        <v>20.880937149359138</v>
      </c>
      <c r="F6050" s="40">
        <v>100.683333</v>
      </c>
      <c r="G6050" s="40">
        <v>20.977619443689694</v>
      </c>
      <c r="H6050" s="40">
        <v>100.683334</v>
      </c>
      <c r="I6050" s="40">
        <v>18.373585724680538</v>
      </c>
      <c r="J6050" s="40">
        <v>100.683297083334</v>
      </c>
      <c r="K6050" s="40">
        <v>13.07356279626149</v>
      </c>
      <c r="L6050" s="40"/>
      <c r="M6050" s="40"/>
      <c r="N6050" s="40"/>
    </row>
    <row r="6051" spans="4:14" x14ac:dyDescent="0.25">
      <c r="D6051" s="40">
        <v>100.71263900000444</v>
      </c>
      <c r="E6051" s="40">
        <v>20.880937149359138</v>
      </c>
      <c r="F6051" s="40">
        <v>100.69999999999999</v>
      </c>
      <c r="G6051" s="40">
        <v>20.977619443689694</v>
      </c>
      <c r="H6051" s="40">
        <v>100.70000000000002</v>
      </c>
      <c r="I6051" s="40">
        <v>18.373585724680538</v>
      </c>
      <c r="J6051" s="40">
        <v>100.69996374404801</v>
      </c>
      <c r="K6051" s="40">
        <v>13.07356279626149</v>
      </c>
      <c r="L6051" s="40"/>
      <c r="M6051" s="40"/>
      <c r="N6051" s="40"/>
    </row>
    <row r="6052" spans="4:14" x14ac:dyDescent="0.25">
      <c r="D6052" s="40">
        <v>100.72930500000444</v>
      </c>
      <c r="E6052" s="40">
        <v>20.885780327948687</v>
      </c>
      <c r="F6052" s="40">
        <v>100.716667</v>
      </c>
      <c r="G6052" s="40">
        <v>20.982234827659468</v>
      </c>
      <c r="H6052" s="40">
        <v>100.716667</v>
      </c>
      <c r="I6052" s="40">
        <v>18.376839850937301</v>
      </c>
      <c r="J6052" s="40">
        <v>100.716630404762</v>
      </c>
      <c r="K6052" s="40">
        <v>13.07356279626149</v>
      </c>
      <c r="L6052" s="40"/>
      <c r="M6052" s="40"/>
      <c r="N6052" s="40"/>
    </row>
    <row r="6053" spans="4:14" x14ac:dyDescent="0.25">
      <c r="D6053" s="40">
        <v>100.74597100000445</v>
      </c>
      <c r="E6053" s="40">
        <v>20.890623506538237</v>
      </c>
      <c r="F6053" s="40">
        <v>100.73333299999999</v>
      </c>
      <c r="G6053" s="40">
        <v>20.982234827659468</v>
      </c>
      <c r="H6053" s="40">
        <v>100.73333400000001</v>
      </c>
      <c r="I6053" s="40">
        <v>18.376839850937301</v>
      </c>
      <c r="J6053" s="40">
        <v>100.733297065477</v>
      </c>
      <c r="K6053" s="40">
        <v>13.07356279626149</v>
      </c>
      <c r="L6053" s="40"/>
      <c r="M6053" s="40"/>
      <c r="N6053" s="40"/>
    </row>
    <row r="6054" spans="4:14" x14ac:dyDescent="0.25">
      <c r="D6054" s="40">
        <v>100.76263700000445</v>
      </c>
      <c r="E6054" s="40">
        <v>20.890623506538237</v>
      </c>
      <c r="F6054" s="40">
        <v>100.75</v>
      </c>
      <c r="G6054" s="40">
        <v>20.982234827659468</v>
      </c>
      <c r="H6054" s="40">
        <v>100.75</v>
      </c>
      <c r="I6054" s="40">
        <v>18.380192587080558</v>
      </c>
      <c r="J6054" s="40">
        <v>100.749963726191</v>
      </c>
      <c r="K6054" s="40">
        <v>13.07356279626149</v>
      </c>
      <c r="L6054" s="40"/>
      <c r="M6054" s="40"/>
      <c r="N6054" s="40"/>
    </row>
    <row r="6055" spans="4:14" x14ac:dyDescent="0.25">
      <c r="D6055" s="40">
        <v>100.77930300000445</v>
      </c>
      <c r="E6055" s="40">
        <v>20.895324238698535</v>
      </c>
      <c r="F6055" s="40">
        <v>100.76666699999998</v>
      </c>
      <c r="G6055" s="40">
        <v>20.982234827659468</v>
      </c>
      <c r="H6055" s="40">
        <v>100.76666700000001</v>
      </c>
      <c r="I6055" s="40">
        <v>18.383545323223991</v>
      </c>
      <c r="J6055" s="40">
        <v>100.76663038690501</v>
      </c>
      <c r="K6055" s="40">
        <v>13.07356279626149</v>
      </c>
      <c r="L6055" s="40"/>
      <c r="M6055" s="40"/>
      <c r="N6055" s="40"/>
    </row>
    <row r="6056" spans="4:14" x14ac:dyDescent="0.25">
      <c r="D6056" s="40">
        <v>100.79596900000445</v>
      </c>
      <c r="E6056" s="40">
        <v>20.895324238698535</v>
      </c>
      <c r="F6056" s="40">
        <v>100.783333</v>
      </c>
      <c r="G6056" s="40">
        <v>20.982234827659468</v>
      </c>
      <c r="H6056" s="40">
        <v>100.783334</v>
      </c>
      <c r="I6056" s="40">
        <v>18.383545323223991</v>
      </c>
      <c r="J6056" s="40">
        <v>100.78329704762</v>
      </c>
      <c r="K6056" s="40">
        <v>13.068711752552257</v>
      </c>
      <c r="L6056" s="40"/>
      <c r="M6056" s="40"/>
      <c r="N6056" s="40"/>
    </row>
    <row r="6057" spans="4:14" x14ac:dyDescent="0.25">
      <c r="D6057" s="40">
        <v>100.81263500000445</v>
      </c>
      <c r="E6057" s="40">
        <v>20.900167417288085</v>
      </c>
      <c r="F6057" s="40">
        <v>100.79999999999998</v>
      </c>
      <c r="G6057" s="40">
        <v>20.986990071749688</v>
      </c>
      <c r="H6057" s="40">
        <v>100.80000000000001</v>
      </c>
      <c r="I6057" s="40">
        <v>18.386799449480755</v>
      </c>
      <c r="J6057" s="40">
        <v>100.799963708334</v>
      </c>
      <c r="K6057" s="40">
        <v>13.068711752552257</v>
      </c>
      <c r="L6057" s="40"/>
      <c r="M6057" s="40"/>
      <c r="N6057" s="40"/>
    </row>
    <row r="6058" spans="4:14" x14ac:dyDescent="0.25">
      <c r="D6058" s="40">
        <v>100.82930100000445</v>
      </c>
      <c r="E6058" s="40">
        <v>20.900167417288085</v>
      </c>
      <c r="F6058" s="40">
        <v>100.816667</v>
      </c>
      <c r="G6058" s="40">
        <v>20.986990071749688</v>
      </c>
      <c r="H6058" s="40">
        <v>100.816667</v>
      </c>
      <c r="I6058" s="40">
        <v>18.386799449480755</v>
      </c>
      <c r="J6058" s="40">
        <v>100.816630369048</v>
      </c>
      <c r="K6058" s="40">
        <v>13.068711752552257</v>
      </c>
      <c r="L6058" s="40"/>
      <c r="M6058" s="40"/>
      <c r="N6058" s="40"/>
    </row>
    <row r="6059" spans="4:14" x14ac:dyDescent="0.25">
      <c r="D6059" s="40">
        <v>100.84596700000445</v>
      </c>
      <c r="E6059" s="40">
        <v>20.905010595877631</v>
      </c>
      <c r="F6059" s="40">
        <v>100.83333299999998</v>
      </c>
      <c r="G6059" s="40">
        <v>20.986990071749688</v>
      </c>
      <c r="H6059" s="40">
        <v>100.83333400000001</v>
      </c>
      <c r="I6059" s="40">
        <v>18.390152185624011</v>
      </c>
      <c r="J6059" s="40">
        <v>100.83329702976199</v>
      </c>
      <c r="K6059" s="40">
        <v>13.068711752552257</v>
      </c>
      <c r="L6059" s="40"/>
      <c r="M6059" s="40"/>
      <c r="N6059" s="40"/>
    </row>
    <row r="6060" spans="4:14" x14ac:dyDescent="0.25">
      <c r="D6060" s="40">
        <v>100.86263300000445</v>
      </c>
      <c r="E6060" s="40">
        <v>20.905010595877631</v>
      </c>
      <c r="F6060" s="40">
        <v>100.85</v>
      </c>
      <c r="G6060" s="40">
        <v>20.991745315839907</v>
      </c>
      <c r="H6060" s="40">
        <v>100.85</v>
      </c>
      <c r="I6060" s="40">
        <v>18.390152185624011</v>
      </c>
      <c r="J6060" s="40">
        <v>100.849963690477</v>
      </c>
      <c r="K6060" s="40">
        <v>13.068711752552257</v>
      </c>
      <c r="L6060" s="40"/>
      <c r="M6060" s="40"/>
      <c r="N6060" s="40"/>
    </row>
    <row r="6061" spans="4:14" x14ac:dyDescent="0.25">
      <c r="D6061" s="40">
        <v>100.87929900000445</v>
      </c>
      <c r="E6061" s="40">
        <v>20.905010595877631</v>
      </c>
      <c r="F6061" s="40">
        <v>100.86666700000001</v>
      </c>
      <c r="G6061" s="40">
        <v>20.991745315839907</v>
      </c>
      <c r="H6061" s="40">
        <v>100.86666700000001</v>
      </c>
      <c r="I6061" s="40">
        <v>18.393504921767267</v>
      </c>
      <c r="J6061" s="40">
        <v>100.86663035119101</v>
      </c>
      <c r="K6061" s="40">
        <v>13.068711752552257</v>
      </c>
      <c r="L6061" s="40"/>
      <c r="M6061" s="40"/>
      <c r="N6061" s="40"/>
    </row>
    <row r="6062" spans="4:14" x14ac:dyDescent="0.25">
      <c r="D6062" s="40">
        <v>100.89596500000445</v>
      </c>
      <c r="E6062" s="40">
        <v>20.909711328037933</v>
      </c>
      <c r="F6062" s="40">
        <v>100.88333299999999</v>
      </c>
      <c r="G6062" s="40">
        <v>20.991745315839907</v>
      </c>
      <c r="H6062" s="40">
        <v>100.88333400000002</v>
      </c>
      <c r="I6062" s="40">
        <v>18.39675904802403</v>
      </c>
      <c r="J6062" s="40">
        <v>100.883297011905</v>
      </c>
      <c r="K6062" s="40">
        <v>13.068711752552257</v>
      </c>
      <c r="L6062" s="40"/>
      <c r="M6062" s="40"/>
      <c r="N6062" s="40"/>
    </row>
    <row r="6063" spans="4:14" x14ac:dyDescent="0.25">
      <c r="D6063" s="40">
        <v>100.91263100000445</v>
      </c>
      <c r="E6063" s="40">
        <v>20.909711328037933</v>
      </c>
      <c r="F6063" s="40">
        <v>100.9</v>
      </c>
      <c r="G6063" s="40">
        <v>20.991745315839907</v>
      </c>
      <c r="H6063" s="40">
        <v>100.9</v>
      </c>
      <c r="I6063" s="40">
        <v>18.39675904802403</v>
      </c>
      <c r="J6063" s="40">
        <v>100.89996367262</v>
      </c>
      <c r="K6063" s="40">
        <v>13.068711752552257</v>
      </c>
      <c r="L6063" s="40"/>
      <c r="M6063" s="40"/>
      <c r="N6063" s="40"/>
    </row>
    <row r="6064" spans="4:14" x14ac:dyDescent="0.25">
      <c r="D6064" s="40">
        <v>100.92929700000445</v>
      </c>
      <c r="E6064" s="40">
        <v>20.909711328037933</v>
      </c>
      <c r="F6064" s="40">
        <v>100.91666699999999</v>
      </c>
      <c r="G6064" s="40">
        <v>20.991745315839907</v>
      </c>
      <c r="H6064" s="40">
        <v>100.91666700000002</v>
      </c>
      <c r="I6064" s="40">
        <v>18.39675904802403</v>
      </c>
      <c r="J6064" s="40">
        <v>100.916630333334</v>
      </c>
      <c r="K6064" s="40">
        <v>13.064003386599197</v>
      </c>
      <c r="L6064" s="40"/>
      <c r="M6064" s="40"/>
      <c r="N6064" s="40"/>
    </row>
    <row r="6065" spans="4:14" x14ac:dyDescent="0.25">
      <c r="D6065" s="40">
        <v>100.94596300000445</v>
      </c>
      <c r="E6065" s="40">
        <v>20.909711328037933</v>
      </c>
      <c r="F6065" s="40">
        <v>100.933333</v>
      </c>
      <c r="G6065" s="40">
        <v>20.991745315839907</v>
      </c>
      <c r="H6065" s="40">
        <v>100.933334</v>
      </c>
      <c r="I6065" s="40">
        <v>18.400111784167287</v>
      </c>
      <c r="J6065" s="40">
        <v>100.93329699404801</v>
      </c>
      <c r="K6065" s="40">
        <v>13.064003386599197</v>
      </c>
      <c r="L6065" s="40"/>
      <c r="M6065" s="40"/>
      <c r="N6065" s="40"/>
    </row>
    <row r="6066" spans="4:14" x14ac:dyDescent="0.25">
      <c r="D6066" s="40">
        <v>100.96262900000445</v>
      </c>
      <c r="E6066" s="40">
        <v>20.909711328037933</v>
      </c>
      <c r="F6066" s="40">
        <v>100.94999999999999</v>
      </c>
      <c r="G6066" s="40">
        <v>20.991745315839907</v>
      </c>
      <c r="H6066" s="40">
        <v>100.95000000000002</v>
      </c>
      <c r="I6066" s="40">
        <v>18.400111784167287</v>
      </c>
      <c r="J6066" s="40">
        <v>100.949963654762</v>
      </c>
      <c r="K6066" s="40">
        <v>13.064003386599197</v>
      </c>
      <c r="L6066" s="40"/>
      <c r="M6066" s="40"/>
      <c r="N6066" s="40"/>
    </row>
    <row r="6067" spans="4:14" x14ac:dyDescent="0.25">
      <c r="D6067" s="40">
        <v>100.97929500000446</v>
      </c>
      <c r="E6067" s="40">
        <v>20.909711328037933</v>
      </c>
      <c r="F6067" s="40">
        <v>100.966667</v>
      </c>
      <c r="G6067" s="40">
        <v>20.991745315839907</v>
      </c>
      <c r="H6067" s="40">
        <v>100.966667</v>
      </c>
      <c r="I6067" s="40">
        <v>18.40346452031072</v>
      </c>
      <c r="J6067" s="40">
        <v>100.966630315477</v>
      </c>
      <c r="K6067" s="40">
        <v>13.064003386599197</v>
      </c>
      <c r="L6067" s="40"/>
      <c r="M6067" s="40"/>
      <c r="N6067" s="40"/>
    </row>
    <row r="6068" spans="4:14" x14ac:dyDescent="0.25">
      <c r="D6068" s="40">
        <v>100.99596100000446</v>
      </c>
      <c r="E6068" s="40">
        <v>20.914554506627479</v>
      </c>
      <c r="F6068" s="40">
        <v>100.98333299999999</v>
      </c>
      <c r="G6068" s="40">
        <v>20.996360699809806</v>
      </c>
      <c r="H6068" s="40">
        <v>100.98333400000001</v>
      </c>
      <c r="I6068" s="40">
        <v>18.40346452031072</v>
      </c>
      <c r="J6068" s="40">
        <v>100.983296976191</v>
      </c>
      <c r="K6068" s="40">
        <v>13.064003386599197</v>
      </c>
      <c r="L6068" s="40"/>
      <c r="M6068" s="40"/>
      <c r="N6068" s="40"/>
    </row>
    <row r="6069" spans="4:14" x14ac:dyDescent="0.25">
      <c r="D6069" s="40">
        <v>101.01262700000446</v>
      </c>
      <c r="E6069" s="40">
        <v>20.914554506627479</v>
      </c>
      <c r="F6069" s="40">
        <v>101</v>
      </c>
      <c r="G6069" s="40">
        <v>20.996360699809806</v>
      </c>
      <c r="H6069" s="40">
        <v>101</v>
      </c>
      <c r="I6069" s="40">
        <v>18.406718646567484</v>
      </c>
      <c r="J6069" s="40">
        <v>100.99996363690499</v>
      </c>
      <c r="K6069" s="40">
        <v>13.064003386599197</v>
      </c>
      <c r="L6069" s="40"/>
      <c r="M6069" s="40"/>
      <c r="N6069" s="40"/>
    </row>
    <row r="6070" spans="4:14" x14ac:dyDescent="0.25">
      <c r="D6070" s="40">
        <v>101.02929300000446</v>
      </c>
      <c r="E6070" s="40">
        <v>20.914554506627479</v>
      </c>
      <c r="F6070" s="40">
        <v>101.01666699999998</v>
      </c>
      <c r="G6070" s="40">
        <v>20.996360699809806</v>
      </c>
      <c r="H6070" s="40">
        <v>101.01666700000001</v>
      </c>
      <c r="I6070" s="40">
        <v>18.406718646567484</v>
      </c>
      <c r="J6070" s="40">
        <v>101.01663029762</v>
      </c>
      <c r="K6070" s="40">
        <v>13.064003386599197</v>
      </c>
      <c r="L6070" s="40"/>
      <c r="M6070" s="40"/>
      <c r="N6070" s="40"/>
    </row>
    <row r="6071" spans="4:14" x14ac:dyDescent="0.25">
      <c r="D6071" s="40">
        <v>101.04595900000446</v>
      </c>
      <c r="E6071" s="40">
        <v>20.914554506627479</v>
      </c>
      <c r="F6071" s="40">
        <v>101.033333</v>
      </c>
      <c r="G6071" s="40">
        <v>20.996360699809806</v>
      </c>
      <c r="H6071" s="40">
        <v>101.033334</v>
      </c>
      <c r="I6071" s="40">
        <v>18.410071382710743</v>
      </c>
      <c r="J6071" s="40">
        <v>101.03329695833401</v>
      </c>
      <c r="K6071" s="40">
        <v>13.064003386599197</v>
      </c>
      <c r="L6071" s="40"/>
      <c r="M6071" s="40"/>
      <c r="N6071" s="40"/>
    </row>
    <row r="6072" spans="4:14" x14ac:dyDescent="0.25">
      <c r="D6072" s="40">
        <v>101.06262500000446</v>
      </c>
      <c r="E6072" s="40">
        <v>20.914554506627479</v>
      </c>
      <c r="F6072" s="40">
        <v>101.04999999999998</v>
      </c>
      <c r="G6072" s="40">
        <v>20.996360699809806</v>
      </c>
      <c r="H6072" s="40">
        <v>101.05000000000001</v>
      </c>
      <c r="I6072" s="40">
        <v>18.410071382710743</v>
      </c>
      <c r="J6072" s="40">
        <v>101.049963619048</v>
      </c>
      <c r="K6072" s="40">
        <v>13.064003386599197</v>
      </c>
      <c r="L6072" s="40"/>
      <c r="M6072" s="40"/>
      <c r="N6072" s="40"/>
    </row>
    <row r="6073" spans="4:14" x14ac:dyDescent="0.25">
      <c r="D6073" s="40">
        <v>101.07929100000446</v>
      </c>
      <c r="E6073" s="40">
        <v>20.914554506627479</v>
      </c>
      <c r="F6073" s="40">
        <v>101.066667</v>
      </c>
      <c r="G6073" s="40">
        <v>20.996360699809806</v>
      </c>
      <c r="H6073" s="40">
        <v>101.066667</v>
      </c>
      <c r="I6073" s="40">
        <v>18.413424118853996</v>
      </c>
      <c r="J6073" s="40">
        <v>101.06663027976199</v>
      </c>
      <c r="K6073" s="40">
        <v>13.064003386599197</v>
      </c>
      <c r="L6073" s="40"/>
      <c r="M6073" s="40"/>
      <c r="N6073" s="40"/>
    </row>
    <row r="6074" spans="4:14" x14ac:dyDescent="0.25">
      <c r="D6074" s="40">
        <v>101.09595700000446</v>
      </c>
      <c r="E6074" s="40">
        <v>20.914554506627479</v>
      </c>
      <c r="F6074" s="40">
        <v>101.08333299999998</v>
      </c>
      <c r="G6074" s="40">
        <v>20.996360699809806</v>
      </c>
      <c r="H6074" s="40">
        <v>101.08333400000001</v>
      </c>
      <c r="I6074" s="40">
        <v>18.416678245110759</v>
      </c>
      <c r="J6074" s="40">
        <v>101.083296940477</v>
      </c>
      <c r="K6074" s="40">
        <v>13.064003386599197</v>
      </c>
      <c r="L6074" s="40"/>
      <c r="M6074" s="40"/>
      <c r="N6074" s="40"/>
    </row>
    <row r="6075" spans="4:14" x14ac:dyDescent="0.25">
      <c r="D6075" s="40">
        <v>101.11262300000446</v>
      </c>
      <c r="E6075" s="40">
        <v>20.914554506627479</v>
      </c>
      <c r="F6075" s="40">
        <v>101.1</v>
      </c>
      <c r="G6075" s="40">
        <v>21.001115943899904</v>
      </c>
      <c r="H6075" s="40">
        <v>101.1</v>
      </c>
      <c r="I6075" s="40">
        <v>18.416678245110759</v>
      </c>
      <c r="J6075" s="40">
        <v>101.09996360119101</v>
      </c>
      <c r="K6075" s="40">
        <v>13.068711752552257</v>
      </c>
      <c r="L6075" s="40"/>
      <c r="M6075" s="40"/>
      <c r="N6075" s="40"/>
    </row>
    <row r="6076" spans="4:14" x14ac:dyDescent="0.25">
      <c r="D6076" s="40">
        <v>101.12928900000446</v>
      </c>
      <c r="E6076" s="40">
        <v>20.914554506627479</v>
      </c>
      <c r="F6076" s="40">
        <v>101.11666700000001</v>
      </c>
      <c r="G6076" s="40">
        <v>21.001115943899904</v>
      </c>
      <c r="H6076" s="40">
        <v>101.11666700000001</v>
      </c>
      <c r="I6076" s="40">
        <v>18.420030981254193</v>
      </c>
      <c r="J6076" s="40">
        <v>101.116630261905</v>
      </c>
      <c r="K6076" s="40">
        <v>13.068711752552257</v>
      </c>
      <c r="L6076" s="40"/>
      <c r="M6076" s="40"/>
      <c r="N6076" s="40"/>
    </row>
    <row r="6077" spans="4:14" x14ac:dyDescent="0.25">
      <c r="D6077" s="40">
        <v>101.14595500000446</v>
      </c>
      <c r="E6077" s="40">
        <v>20.909711328037933</v>
      </c>
      <c r="F6077" s="40">
        <v>101.13333299999999</v>
      </c>
      <c r="G6077" s="40">
        <v>21.001115943899904</v>
      </c>
      <c r="H6077" s="40">
        <v>101.13333400000002</v>
      </c>
      <c r="I6077" s="40">
        <v>18.420030981254193</v>
      </c>
      <c r="J6077" s="40">
        <v>101.13329692262</v>
      </c>
      <c r="K6077" s="40">
        <v>13.068711752552257</v>
      </c>
      <c r="L6077" s="40"/>
      <c r="M6077" s="40"/>
      <c r="N6077" s="40"/>
    </row>
    <row r="6078" spans="4:14" x14ac:dyDescent="0.25">
      <c r="D6078" s="40">
        <v>101.16262100000446</v>
      </c>
      <c r="E6078" s="40">
        <v>20.909711328037933</v>
      </c>
      <c r="F6078" s="40">
        <v>101.15</v>
      </c>
      <c r="G6078" s="40">
        <v>21.005871187990124</v>
      </c>
      <c r="H6078" s="40">
        <v>101.15</v>
      </c>
      <c r="I6078" s="40">
        <v>18.423383717397453</v>
      </c>
      <c r="J6078" s="40">
        <v>101.149963583334</v>
      </c>
      <c r="K6078" s="40">
        <v>13.068711752552257</v>
      </c>
      <c r="L6078" s="40"/>
      <c r="M6078" s="40"/>
      <c r="N6078" s="40"/>
    </row>
    <row r="6079" spans="4:14" x14ac:dyDescent="0.25">
      <c r="D6079" s="40">
        <v>101.17928700000446</v>
      </c>
      <c r="E6079" s="40">
        <v>20.905010595877631</v>
      </c>
      <c r="F6079" s="40">
        <v>101.16666699999999</v>
      </c>
      <c r="G6079" s="40">
        <v>21.005871187990124</v>
      </c>
      <c r="H6079" s="40">
        <v>101.16666700000002</v>
      </c>
      <c r="I6079" s="40">
        <v>18.426736453540709</v>
      </c>
      <c r="J6079" s="40">
        <v>101.16663024404799</v>
      </c>
      <c r="K6079" s="40">
        <v>13.068711752552257</v>
      </c>
      <c r="L6079" s="40"/>
      <c r="M6079" s="40"/>
      <c r="N6079" s="40"/>
    </row>
    <row r="6080" spans="4:14" x14ac:dyDescent="0.25">
      <c r="D6080" s="40">
        <v>101.19595300000447</v>
      </c>
      <c r="E6080" s="40">
        <v>20.905010595877631</v>
      </c>
      <c r="F6080" s="40">
        <v>101.183333</v>
      </c>
      <c r="G6080" s="40">
        <v>21.005871187990124</v>
      </c>
      <c r="H6080" s="40">
        <v>101.183334</v>
      </c>
      <c r="I6080" s="40">
        <v>18.426736453540709</v>
      </c>
      <c r="J6080" s="40">
        <v>101.183296904762</v>
      </c>
      <c r="K6080" s="40">
        <v>13.07356279626149</v>
      </c>
      <c r="L6080" s="40"/>
      <c r="M6080" s="40"/>
      <c r="N6080" s="40"/>
    </row>
    <row r="6081" spans="4:14" x14ac:dyDescent="0.25">
      <c r="D6081" s="40">
        <v>101.21261900000447</v>
      </c>
      <c r="E6081" s="40">
        <v>20.905010595877631</v>
      </c>
      <c r="F6081" s="40">
        <v>101.19999999999999</v>
      </c>
      <c r="G6081" s="40">
        <v>21.005871187990124</v>
      </c>
      <c r="H6081" s="40">
        <v>101.20000000000002</v>
      </c>
      <c r="I6081" s="40">
        <v>18.429990579797472</v>
      </c>
      <c r="J6081" s="40">
        <v>101.19996356547701</v>
      </c>
      <c r="K6081" s="40">
        <v>13.07356279626149</v>
      </c>
      <c r="L6081" s="40"/>
      <c r="M6081" s="40"/>
      <c r="N6081" s="40"/>
    </row>
    <row r="6082" spans="4:14" x14ac:dyDescent="0.25">
      <c r="D6082" s="40">
        <v>101.22928500000447</v>
      </c>
      <c r="E6082" s="40">
        <v>20.909711328037933</v>
      </c>
      <c r="F6082" s="40">
        <v>101.216667</v>
      </c>
      <c r="G6082" s="40">
        <v>21.005871187990124</v>
      </c>
      <c r="H6082" s="40">
        <v>101.216667</v>
      </c>
      <c r="I6082" s="40">
        <v>18.433343315940725</v>
      </c>
      <c r="J6082" s="40">
        <v>101.216630226191</v>
      </c>
      <c r="K6082" s="40">
        <v>13.07356279626149</v>
      </c>
      <c r="L6082" s="40"/>
      <c r="M6082" s="40"/>
      <c r="N6082" s="40"/>
    </row>
    <row r="6083" spans="4:14" x14ac:dyDescent="0.25">
      <c r="D6083" s="40">
        <v>101.24595100000447</v>
      </c>
      <c r="E6083" s="40">
        <v>20.909711328037933</v>
      </c>
      <c r="F6083" s="40">
        <v>101.23333299999999</v>
      </c>
      <c r="G6083" s="40">
        <v>21.005871187990124</v>
      </c>
      <c r="H6083" s="40">
        <v>101.23333400000001</v>
      </c>
      <c r="I6083" s="40">
        <v>18.433343315940725</v>
      </c>
      <c r="J6083" s="40">
        <v>101.23329688690499</v>
      </c>
      <c r="K6083" s="40">
        <v>13.07356279626149</v>
      </c>
      <c r="L6083" s="40"/>
      <c r="M6083" s="40"/>
      <c r="N6083" s="40"/>
    </row>
    <row r="6084" spans="4:14" x14ac:dyDescent="0.25">
      <c r="D6084" s="40">
        <v>101.26261700000447</v>
      </c>
      <c r="E6084" s="40">
        <v>20.909711328037933</v>
      </c>
      <c r="F6084" s="40">
        <v>101.25</v>
      </c>
      <c r="G6084" s="40">
        <v>21.010486571960023</v>
      </c>
      <c r="H6084" s="40">
        <v>101.25</v>
      </c>
      <c r="I6084" s="40">
        <v>18.436696052084159</v>
      </c>
      <c r="J6084" s="40">
        <v>101.24996354762</v>
      </c>
      <c r="K6084" s="40">
        <v>13.078413839970596</v>
      </c>
      <c r="L6084" s="40"/>
      <c r="M6084" s="40"/>
      <c r="N6084" s="40"/>
    </row>
    <row r="6085" spans="4:14" x14ac:dyDescent="0.25">
      <c r="D6085" s="40">
        <v>101.27928300000447</v>
      </c>
      <c r="E6085" s="40">
        <v>20.909711328037933</v>
      </c>
      <c r="F6085" s="40">
        <v>101.26666699999998</v>
      </c>
      <c r="G6085" s="40">
        <v>21.010486571960023</v>
      </c>
      <c r="H6085" s="40">
        <v>101.26666700000001</v>
      </c>
      <c r="I6085" s="40">
        <v>18.436696052084159</v>
      </c>
      <c r="J6085" s="40">
        <v>101.26663020833401</v>
      </c>
      <c r="K6085" s="40">
        <v>13.078413839970596</v>
      </c>
      <c r="L6085" s="40"/>
      <c r="M6085" s="40"/>
      <c r="N6085" s="40"/>
    </row>
    <row r="6086" spans="4:14" x14ac:dyDescent="0.25">
      <c r="D6086" s="40">
        <v>101.29594900000447</v>
      </c>
      <c r="E6086" s="40">
        <v>20.909711328037933</v>
      </c>
      <c r="F6086" s="40">
        <v>101.283333</v>
      </c>
      <c r="G6086" s="40">
        <v>21.010486571960023</v>
      </c>
      <c r="H6086" s="40">
        <v>101.283334</v>
      </c>
      <c r="I6086" s="40">
        <v>18.439950178340922</v>
      </c>
      <c r="J6086" s="40">
        <v>101.283296869048</v>
      </c>
      <c r="K6086" s="40">
        <v>13.078413839970596</v>
      </c>
      <c r="L6086" s="40"/>
      <c r="M6086" s="40"/>
      <c r="N6086" s="40"/>
    </row>
    <row r="6087" spans="4:14" x14ac:dyDescent="0.25">
      <c r="D6087" s="40">
        <v>101.31261500000447</v>
      </c>
      <c r="E6087" s="40">
        <v>20.909711328037933</v>
      </c>
      <c r="F6087" s="40">
        <v>101.29999999999998</v>
      </c>
      <c r="G6087" s="40">
        <v>21.010486571960023</v>
      </c>
      <c r="H6087" s="40">
        <v>101.30000000000001</v>
      </c>
      <c r="I6087" s="40">
        <v>18.439950178340922</v>
      </c>
      <c r="J6087" s="40">
        <v>101.299963529762</v>
      </c>
      <c r="K6087" s="40">
        <v>13.078413839970596</v>
      </c>
      <c r="L6087" s="40"/>
      <c r="M6087" s="40"/>
      <c r="N6087" s="40"/>
    </row>
    <row r="6088" spans="4:14" x14ac:dyDescent="0.25">
      <c r="D6088" s="40">
        <v>101.32928100000447</v>
      </c>
      <c r="E6088" s="40">
        <v>20.909711328037933</v>
      </c>
      <c r="F6088" s="40">
        <v>101.316667</v>
      </c>
      <c r="G6088" s="40">
        <v>21.010486571960023</v>
      </c>
      <c r="H6088" s="40">
        <v>101.316667</v>
      </c>
      <c r="I6088" s="40">
        <v>18.443302914484182</v>
      </c>
      <c r="J6088" s="40">
        <v>101.316630190477</v>
      </c>
      <c r="K6088" s="40">
        <v>13.078413839970596</v>
      </c>
      <c r="L6088" s="40"/>
      <c r="M6088" s="40"/>
      <c r="N6088" s="40"/>
    </row>
    <row r="6089" spans="4:14" x14ac:dyDescent="0.25">
      <c r="D6089" s="40">
        <v>101.34594700000447</v>
      </c>
      <c r="E6089" s="40">
        <v>20.909711328037933</v>
      </c>
      <c r="F6089" s="40">
        <v>101.33333299999998</v>
      </c>
      <c r="G6089" s="40">
        <v>21.010486571960023</v>
      </c>
      <c r="H6089" s="40">
        <v>101.33333400000001</v>
      </c>
      <c r="I6089" s="40">
        <v>18.446655650627438</v>
      </c>
      <c r="J6089" s="40">
        <v>101.33329685119099</v>
      </c>
      <c r="K6089" s="40">
        <v>13.078413839970596</v>
      </c>
      <c r="L6089" s="40"/>
      <c r="M6089" s="40"/>
      <c r="N6089" s="40"/>
    </row>
    <row r="6090" spans="4:14" x14ac:dyDescent="0.25">
      <c r="D6090" s="40">
        <v>101.36261300000447</v>
      </c>
      <c r="E6090" s="40">
        <v>20.909711328037933</v>
      </c>
      <c r="F6090" s="40">
        <v>101.35</v>
      </c>
      <c r="G6090" s="40">
        <v>21.010486571960023</v>
      </c>
      <c r="H6090" s="40">
        <v>101.35</v>
      </c>
      <c r="I6090" s="40">
        <v>18.446655650627438</v>
      </c>
      <c r="J6090" s="40">
        <v>101.349963511905</v>
      </c>
      <c r="K6090" s="40">
        <v>13.083122205923654</v>
      </c>
      <c r="L6090" s="40"/>
      <c r="M6090" s="40"/>
      <c r="N6090" s="40"/>
    </row>
    <row r="6091" spans="4:14" x14ac:dyDescent="0.25">
      <c r="D6091" s="40">
        <v>101.37927900000447</v>
      </c>
      <c r="E6091" s="40">
        <v>20.909711328037933</v>
      </c>
      <c r="F6091" s="40">
        <v>101.36666700000001</v>
      </c>
      <c r="G6091" s="40">
        <v>21.010486571960023</v>
      </c>
      <c r="H6091" s="40">
        <v>101.36666700000001</v>
      </c>
      <c r="I6091" s="40">
        <v>18.449909776884201</v>
      </c>
      <c r="J6091" s="40">
        <v>101.36663017262001</v>
      </c>
      <c r="K6091" s="40">
        <v>13.083122205923654</v>
      </c>
      <c r="L6091" s="40"/>
      <c r="M6091" s="40"/>
      <c r="N6091" s="40"/>
    </row>
    <row r="6092" spans="4:14" x14ac:dyDescent="0.25">
      <c r="D6092" s="40">
        <v>101.39594500000447</v>
      </c>
      <c r="E6092" s="40">
        <v>20.914554506627479</v>
      </c>
      <c r="F6092" s="40">
        <v>101.38333299999999</v>
      </c>
      <c r="G6092" s="40">
        <v>21.010486571960023</v>
      </c>
      <c r="H6092" s="40">
        <v>101.38333400000002</v>
      </c>
      <c r="I6092" s="40">
        <v>18.449909776884201</v>
      </c>
      <c r="J6092" s="40">
        <v>101.383296833334</v>
      </c>
      <c r="K6092" s="40">
        <v>13.083122205923654</v>
      </c>
      <c r="L6092" s="40"/>
      <c r="M6092" s="40"/>
      <c r="N6092" s="40"/>
    </row>
    <row r="6093" spans="4:14" x14ac:dyDescent="0.25">
      <c r="D6093" s="40">
        <v>101.41261100000447</v>
      </c>
      <c r="E6093" s="40">
        <v>20.914554506627479</v>
      </c>
      <c r="F6093" s="40">
        <v>101.4</v>
      </c>
      <c r="G6093" s="40">
        <v>21.010486571960023</v>
      </c>
      <c r="H6093" s="40">
        <v>101.4</v>
      </c>
      <c r="I6093" s="40">
        <v>18.449909776884201</v>
      </c>
      <c r="J6093" s="40">
        <v>101.399963494048</v>
      </c>
      <c r="K6093" s="40">
        <v>13.083122205923654</v>
      </c>
      <c r="L6093" s="40"/>
      <c r="M6093" s="40"/>
      <c r="N6093" s="40"/>
    </row>
    <row r="6094" spans="4:14" x14ac:dyDescent="0.25">
      <c r="D6094" s="40">
        <v>101.42927700000448</v>
      </c>
      <c r="E6094" s="40">
        <v>20.914554506627479</v>
      </c>
      <c r="F6094" s="40">
        <v>101.41666699999999</v>
      </c>
      <c r="G6094" s="40">
        <v>21.010486571960023</v>
      </c>
      <c r="H6094" s="40">
        <v>101.41666700000002</v>
      </c>
      <c r="I6094" s="40">
        <v>18.453262513027632</v>
      </c>
      <c r="J6094" s="40">
        <v>101.416630154762</v>
      </c>
      <c r="K6094" s="40">
        <v>13.083122205923654</v>
      </c>
      <c r="L6094" s="40"/>
      <c r="M6094" s="40"/>
      <c r="N6094" s="40"/>
    </row>
    <row r="6095" spans="4:14" x14ac:dyDescent="0.25">
      <c r="D6095" s="40">
        <v>101.44594300000448</v>
      </c>
      <c r="E6095" s="40">
        <v>20.914554506627479</v>
      </c>
      <c r="F6095" s="40">
        <v>101.433333</v>
      </c>
      <c r="G6095" s="40">
        <v>21.010486571960023</v>
      </c>
      <c r="H6095" s="40">
        <v>101.433334</v>
      </c>
      <c r="I6095" s="40">
        <v>18.453262513027632</v>
      </c>
      <c r="J6095" s="40">
        <v>101.43329681547699</v>
      </c>
      <c r="K6095" s="40">
        <v>13.083122205923654</v>
      </c>
      <c r="L6095" s="40"/>
      <c r="M6095" s="40"/>
      <c r="N6095" s="40"/>
    </row>
    <row r="6096" spans="4:14" x14ac:dyDescent="0.25">
      <c r="D6096" s="40">
        <v>101.46260900000448</v>
      </c>
      <c r="E6096" s="40">
        <v>20.914554506627479</v>
      </c>
      <c r="F6096" s="40">
        <v>101.44999999999999</v>
      </c>
      <c r="G6096" s="40">
        <v>21.015241816050118</v>
      </c>
      <c r="H6096" s="40">
        <v>101.45000000000002</v>
      </c>
      <c r="I6096" s="40">
        <v>18.456615249170891</v>
      </c>
      <c r="J6096" s="40">
        <v>101.449963476191</v>
      </c>
      <c r="K6096" s="40">
        <v>13.083122205923654</v>
      </c>
      <c r="L6096" s="40"/>
      <c r="M6096" s="40"/>
      <c r="N6096" s="40"/>
    </row>
    <row r="6097" spans="4:14" x14ac:dyDescent="0.25">
      <c r="D6097" s="40">
        <v>101.47927500000448</v>
      </c>
      <c r="E6097" s="40">
        <v>20.914554506627479</v>
      </c>
      <c r="F6097" s="40">
        <v>101.466667</v>
      </c>
      <c r="G6097" s="40">
        <v>21.015241816050118</v>
      </c>
      <c r="H6097" s="40">
        <v>101.466667</v>
      </c>
      <c r="I6097" s="40">
        <v>18.459869375427655</v>
      </c>
      <c r="J6097" s="40">
        <v>101.466630136905</v>
      </c>
      <c r="K6097" s="40">
        <v>13.083122205923654</v>
      </c>
      <c r="L6097" s="40"/>
      <c r="M6097" s="40"/>
      <c r="N6097" s="40"/>
    </row>
    <row r="6098" spans="4:14" x14ac:dyDescent="0.25">
      <c r="D6098" s="40">
        <v>101.49594100000448</v>
      </c>
      <c r="E6098" s="40">
        <v>20.919397685217028</v>
      </c>
      <c r="F6098" s="40">
        <v>101.48333299999999</v>
      </c>
      <c r="G6098" s="40">
        <v>21.015241816050118</v>
      </c>
      <c r="H6098" s="40">
        <v>101.48333400000001</v>
      </c>
      <c r="I6098" s="40">
        <v>18.459869375427655</v>
      </c>
      <c r="J6098" s="40">
        <v>101.48329679762</v>
      </c>
      <c r="K6098" s="40">
        <v>13.083122205923654</v>
      </c>
      <c r="L6098" s="40"/>
      <c r="M6098" s="40"/>
      <c r="N6098" s="40"/>
    </row>
    <row r="6099" spans="4:14" x14ac:dyDescent="0.25">
      <c r="D6099" s="40">
        <v>101.51260700000448</v>
      </c>
      <c r="E6099" s="40">
        <v>20.919397685217028</v>
      </c>
      <c r="F6099" s="40">
        <v>101.5</v>
      </c>
      <c r="G6099" s="40">
        <v>21.015241816050118</v>
      </c>
      <c r="H6099" s="40">
        <v>101.5</v>
      </c>
      <c r="I6099" s="40">
        <v>18.463222111570911</v>
      </c>
      <c r="J6099" s="40">
        <v>101.49996345833399</v>
      </c>
      <c r="K6099" s="40">
        <v>13.083122205923654</v>
      </c>
      <c r="L6099" s="40"/>
      <c r="M6099" s="40"/>
      <c r="N6099" s="40"/>
    </row>
    <row r="6100" spans="4:14" x14ac:dyDescent="0.25">
      <c r="D6100" s="40">
        <v>101.52927300000448</v>
      </c>
      <c r="E6100" s="40">
        <v>20.919397685217028</v>
      </c>
      <c r="F6100" s="40">
        <v>101.51666699999998</v>
      </c>
      <c r="G6100" s="40">
        <v>21.015241816050118</v>
      </c>
      <c r="H6100" s="40">
        <v>101.51666700000001</v>
      </c>
      <c r="I6100" s="40">
        <v>18.463222111570911</v>
      </c>
      <c r="J6100" s="40">
        <v>101.516630119048</v>
      </c>
      <c r="K6100" s="40">
        <v>13.083122205923654</v>
      </c>
      <c r="L6100" s="40"/>
      <c r="M6100" s="40"/>
      <c r="N6100" s="40"/>
    </row>
    <row r="6101" spans="4:14" x14ac:dyDescent="0.25">
      <c r="D6101" s="40">
        <v>101.54593900000448</v>
      </c>
      <c r="E6101" s="40">
        <v>20.919397685217028</v>
      </c>
      <c r="F6101" s="40">
        <v>101.533333</v>
      </c>
      <c r="G6101" s="40">
        <v>21.019997060140337</v>
      </c>
      <c r="H6101" s="40">
        <v>101.533334</v>
      </c>
      <c r="I6101" s="40">
        <v>18.46657484771417</v>
      </c>
      <c r="J6101" s="40">
        <v>101.533296779762</v>
      </c>
      <c r="K6101" s="40">
        <v>13.083122205923654</v>
      </c>
      <c r="L6101" s="40"/>
      <c r="M6101" s="40"/>
      <c r="N6101" s="40"/>
    </row>
    <row r="6102" spans="4:14" x14ac:dyDescent="0.25">
      <c r="D6102" s="40">
        <v>101.56260500000448</v>
      </c>
      <c r="E6102" s="40">
        <v>20.924098417377454</v>
      </c>
      <c r="F6102" s="40">
        <v>101.54999999999998</v>
      </c>
      <c r="G6102" s="40">
        <v>21.019997060140337</v>
      </c>
      <c r="H6102" s="40">
        <v>101.55000000000001</v>
      </c>
      <c r="I6102" s="40">
        <v>18.46657484771417</v>
      </c>
      <c r="J6102" s="40">
        <v>101.549963440477</v>
      </c>
      <c r="K6102" s="40">
        <v>13.083122205923654</v>
      </c>
      <c r="L6102" s="40"/>
      <c r="M6102" s="40"/>
      <c r="N6102" s="40"/>
    </row>
    <row r="6103" spans="4:14" x14ac:dyDescent="0.25">
      <c r="D6103" s="40">
        <v>101.57927100000448</v>
      </c>
      <c r="E6103" s="40">
        <v>20.924098417377454</v>
      </c>
      <c r="F6103" s="40">
        <v>101.566667</v>
      </c>
      <c r="G6103" s="40">
        <v>21.019997060140337</v>
      </c>
      <c r="H6103" s="40">
        <v>101.566667</v>
      </c>
      <c r="I6103" s="40">
        <v>18.469828973970934</v>
      </c>
      <c r="J6103" s="40">
        <v>101.566630101191</v>
      </c>
      <c r="K6103" s="40">
        <v>13.083122205923654</v>
      </c>
      <c r="L6103" s="40"/>
      <c r="M6103" s="40"/>
      <c r="N6103" s="40"/>
    </row>
    <row r="6104" spans="4:14" x14ac:dyDescent="0.25">
      <c r="D6104" s="40">
        <v>101.59593700000448</v>
      </c>
      <c r="E6104" s="40">
        <v>20.928941595966876</v>
      </c>
      <c r="F6104" s="40">
        <v>101.58333299999998</v>
      </c>
      <c r="G6104" s="40">
        <v>21.019997060140337</v>
      </c>
      <c r="H6104" s="40">
        <v>101.58333400000001</v>
      </c>
      <c r="I6104" s="40">
        <v>18.469828973970934</v>
      </c>
      <c r="J6104" s="40">
        <v>101.583296761905</v>
      </c>
      <c r="K6104" s="40">
        <v>13.078413839970596</v>
      </c>
      <c r="L6104" s="40"/>
      <c r="M6104" s="40"/>
      <c r="N6104" s="40"/>
    </row>
    <row r="6105" spans="4:14" x14ac:dyDescent="0.25">
      <c r="D6105" s="40">
        <v>101.61260300000448</v>
      </c>
      <c r="E6105" s="40">
        <v>20.928941595966876</v>
      </c>
      <c r="F6105" s="40">
        <v>101.6</v>
      </c>
      <c r="G6105" s="40">
        <v>21.019997060140337</v>
      </c>
      <c r="H6105" s="40">
        <v>101.6</v>
      </c>
      <c r="I6105" s="40">
        <v>18.47318171011436</v>
      </c>
      <c r="J6105" s="40">
        <v>101.59996342261999</v>
      </c>
      <c r="K6105" s="40">
        <v>13.083122205923654</v>
      </c>
      <c r="L6105" s="40"/>
      <c r="M6105" s="40"/>
      <c r="N6105" s="40"/>
    </row>
    <row r="6106" spans="4:14" x14ac:dyDescent="0.25">
      <c r="D6106" s="40">
        <v>101.62926900000448</v>
      </c>
      <c r="E6106" s="40">
        <v>20.928941595966876</v>
      </c>
      <c r="F6106" s="40">
        <v>101.61666700000001</v>
      </c>
      <c r="G6106" s="40">
        <v>21.024752304230553</v>
      </c>
      <c r="H6106" s="40">
        <v>101.61666700000001</v>
      </c>
      <c r="I6106" s="40">
        <v>18.47653444625762</v>
      </c>
      <c r="J6106" s="40">
        <v>101.616630083334</v>
      </c>
      <c r="K6106" s="40">
        <v>13.083122205923654</v>
      </c>
      <c r="L6106" s="40"/>
      <c r="M6106" s="40"/>
      <c r="N6106" s="40"/>
    </row>
    <row r="6107" spans="4:14" x14ac:dyDescent="0.25">
      <c r="D6107" s="40">
        <v>101.64593500000449</v>
      </c>
      <c r="E6107" s="40">
        <v>20.928941595966876</v>
      </c>
      <c r="F6107" s="40">
        <v>101.63333299999999</v>
      </c>
      <c r="G6107" s="40">
        <v>21.024752304230553</v>
      </c>
      <c r="H6107" s="40">
        <v>101.63333400000002</v>
      </c>
      <c r="I6107" s="40">
        <v>18.47653444625762</v>
      </c>
      <c r="J6107" s="40">
        <v>101.633296744048</v>
      </c>
      <c r="K6107" s="40">
        <v>13.083122205923654</v>
      </c>
      <c r="L6107" s="40"/>
      <c r="M6107" s="40"/>
      <c r="N6107" s="40"/>
    </row>
    <row r="6108" spans="4:14" x14ac:dyDescent="0.25">
      <c r="D6108" s="40">
        <v>101.66260100000449</v>
      </c>
      <c r="E6108" s="40">
        <v>20.928941595966876</v>
      </c>
      <c r="F6108" s="40">
        <v>101.65</v>
      </c>
      <c r="G6108" s="40">
        <v>21.024752304230553</v>
      </c>
      <c r="H6108" s="40">
        <v>101.65</v>
      </c>
      <c r="I6108" s="40">
        <v>18.47653444625762</v>
      </c>
      <c r="J6108" s="40">
        <v>101.649963404762</v>
      </c>
      <c r="K6108" s="40">
        <v>13.083122205923654</v>
      </c>
      <c r="L6108" s="40"/>
      <c r="M6108" s="40"/>
      <c r="N6108" s="40"/>
    </row>
    <row r="6109" spans="4:14" x14ac:dyDescent="0.25">
      <c r="D6109" s="40">
        <v>101.67926700000449</v>
      </c>
      <c r="E6109" s="40">
        <v>20.933784774556422</v>
      </c>
      <c r="F6109" s="40">
        <v>101.66666699999999</v>
      </c>
      <c r="G6109" s="40">
        <v>21.024752304230553</v>
      </c>
      <c r="H6109" s="40">
        <v>101.66666700000002</v>
      </c>
      <c r="I6109" s="40">
        <v>18.479788572514384</v>
      </c>
      <c r="J6109" s="40">
        <v>101.66663006547699</v>
      </c>
      <c r="K6109" s="40">
        <v>13.083122205923654</v>
      </c>
      <c r="L6109" s="40"/>
      <c r="M6109" s="40"/>
      <c r="N6109" s="40"/>
    </row>
    <row r="6110" spans="4:14" x14ac:dyDescent="0.25">
      <c r="D6110" s="40">
        <v>101.69593300000449</v>
      </c>
      <c r="E6110" s="40">
        <v>20.933784774556422</v>
      </c>
      <c r="F6110" s="40">
        <v>101.683333</v>
      </c>
      <c r="G6110" s="40">
        <v>21.024752304230553</v>
      </c>
      <c r="H6110" s="40">
        <v>101.683334</v>
      </c>
      <c r="I6110" s="40">
        <v>18.479788572514384</v>
      </c>
      <c r="J6110" s="40">
        <v>101.683296726191</v>
      </c>
      <c r="K6110" s="40">
        <v>13.083122205923654</v>
      </c>
      <c r="L6110" s="40"/>
      <c r="M6110" s="40"/>
      <c r="N6110" s="40"/>
    </row>
    <row r="6111" spans="4:14" x14ac:dyDescent="0.25">
      <c r="D6111" s="40">
        <v>101.71259900000449</v>
      </c>
      <c r="E6111" s="40">
        <v>20.933784774556422</v>
      </c>
      <c r="F6111" s="40">
        <v>101.69999999999999</v>
      </c>
      <c r="G6111" s="40">
        <v>21.024752304230553</v>
      </c>
      <c r="H6111" s="40">
        <v>101.70000000000002</v>
      </c>
      <c r="I6111" s="40">
        <v>18.48314130865764</v>
      </c>
      <c r="J6111" s="40">
        <v>101.699963386905</v>
      </c>
      <c r="K6111" s="40">
        <v>13.083122205923654</v>
      </c>
      <c r="L6111" s="40"/>
      <c r="M6111" s="40"/>
      <c r="N6111" s="40"/>
    </row>
    <row r="6112" spans="4:14" x14ac:dyDescent="0.25">
      <c r="D6112" s="40">
        <v>101.72926500000449</v>
      </c>
      <c r="E6112" s="40">
        <v>20.933784774556422</v>
      </c>
      <c r="F6112" s="40">
        <v>101.716667</v>
      </c>
      <c r="G6112" s="40">
        <v>21.029367688200331</v>
      </c>
      <c r="H6112" s="40">
        <v>101.716667</v>
      </c>
      <c r="I6112" s="40">
        <v>18.48314130865764</v>
      </c>
      <c r="J6112" s="40">
        <v>101.71663004762</v>
      </c>
      <c r="K6112" s="40">
        <v>13.083122205923654</v>
      </c>
      <c r="L6112" s="40"/>
      <c r="M6112" s="40"/>
      <c r="N6112" s="40"/>
    </row>
    <row r="6113" spans="4:14" x14ac:dyDescent="0.25">
      <c r="D6113" s="40">
        <v>101.74593100000449</v>
      </c>
      <c r="E6113" s="40">
        <v>20.938627953145975</v>
      </c>
      <c r="F6113" s="40">
        <v>101.73333299999999</v>
      </c>
      <c r="G6113" s="40">
        <v>21.029367688200331</v>
      </c>
      <c r="H6113" s="40">
        <v>101.73333400000001</v>
      </c>
      <c r="I6113" s="40">
        <v>18.48649404480107</v>
      </c>
      <c r="J6113" s="40">
        <v>101.733296708334</v>
      </c>
      <c r="K6113" s="40">
        <v>13.083122205923654</v>
      </c>
      <c r="L6113" s="40"/>
      <c r="M6113" s="40"/>
      <c r="N6113" s="40"/>
    </row>
    <row r="6114" spans="4:14" x14ac:dyDescent="0.25">
      <c r="D6114" s="40">
        <v>101.76259700000449</v>
      </c>
      <c r="E6114" s="40">
        <v>20.938627953145975</v>
      </c>
      <c r="F6114" s="40">
        <v>101.75</v>
      </c>
      <c r="G6114" s="40">
        <v>21.029367688200331</v>
      </c>
      <c r="H6114" s="40">
        <v>101.75</v>
      </c>
      <c r="I6114" s="40">
        <v>18.48649404480107</v>
      </c>
      <c r="J6114" s="40">
        <v>101.749963369048</v>
      </c>
      <c r="K6114" s="40">
        <v>13.083122205923654</v>
      </c>
      <c r="L6114" s="40"/>
      <c r="M6114" s="40"/>
      <c r="N6114" s="40"/>
    </row>
    <row r="6115" spans="4:14" x14ac:dyDescent="0.25">
      <c r="D6115" s="40">
        <v>101.77926300000449</v>
      </c>
      <c r="E6115" s="40">
        <v>20.938627953145975</v>
      </c>
      <c r="F6115" s="40">
        <v>101.76666699999998</v>
      </c>
      <c r="G6115" s="40">
        <v>21.029367688200331</v>
      </c>
      <c r="H6115" s="40">
        <v>101.76666700000001</v>
      </c>
      <c r="I6115" s="40">
        <v>18.489748171057663</v>
      </c>
      <c r="J6115" s="40">
        <v>101.766630029762</v>
      </c>
      <c r="K6115" s="40">
        <v>13.083122205923654</v>
      </c>
      <c r="L6115" s="40"/>
      <c r="M6115" s="40"/>
      <c r="N6115" s="40"/>
    </row>
    <row r="6116" spans="4:14" x14ac:dyDescent="0.25">
      <c r="D6116" s="40">
        <v>101.79592900000449</v>
      </c>
      <c r="E6116" s="40">
        <v>20.938627953145975</v>
      </c>
      <c r="F6116" s="40">
        <v>101.783333</v>
      </c>
      <c r="G6116" s="40">
        <v>21.034122932290551</v>
      </c>
      <c r="H6116" s="40">
        <v>101.783334</v>
      </c>
      <c r="I6116" s="40">
        <v>18.493100907201093</v>
      </c>
      <c r="J6116" s="40">
        <v>101.783296690477</v>
      </c>
      <c r="K6116" s="40">
        <v>13.083122205923654</v>
      </c>
      <c r="L6116" s="40"/>
      <c r="M6116" s="40"/>
      <c r="N6116" s="40"/>
    </row>
    <row r="6117" spans="4:14" x14ac:dyDescent="0.25">
      <c r="D6117" s="40">
        <v>101.81259500000449</v>
      </c>
      <c r="E6117" s="40">
        <v>20.938627953145975</v>
      </c>
      <c r="F6117" s="40">
        <v>101.79999999999998</v>
      </c>
      <c r="G6117" s="40">
        <v>21.034122932290551</v>
      </c>
      <c r="H6117" s="40">
        <v>101.80000000000001</v>
      </c>
      <c r="I6117" s="40">
        <v>18.493100907201093</v>
      </c>
      <c r="J6117" s="40">
        <v>101.799963351191</v>
      </c>
      <c r="K6117" s="40">
        <v>13.083122205923654</v>
      </c>
      <c r="L6117" s="40"/>
      <c r="M6117" s="40"/>
      <c r="N6117" s="40"/>
    </row>
    <row r="6118" spans="4:14" x14ac:dyDescent="0.25">
      <c r="D6118" s="40">
        <v>101.82926100000449</v>
      </c>
      <c r="E6118" s="40">
        <v>20.938627953145975</v>
      </c>
      <c r="F6118" s="40">
        <v>101.816667</v>
      </c>
      <c r="G6118" s="40">
        <v>21.034122932290551</v>
      </c>
      <c r="H6118" s="40">
        <v>101.816667</v>
      </c>
      <c r="I6118" s="40">
        <v>18.496453643344349</v>
      </c>
      <c r="J6118" s="40">
        <v>101.816630011905</v>
      </c>
      <c r="K6118" s="40">
        <v>13.083122205923654</v>
      </c>
      <c r="L6118" s="40"/>
      <c r="M6118" s="40"/>
      <c r="N6118" s="40"/>
    </row>
    <row r="6119" spans="4:14" x14ac:dyDescent="0.25">
      <c r="D6119" s="40">
        <v>101.84592700000449</v>
      </c>
      <c r="E6119" s="40">
        <v>20.938627953145975</v>
      </c>
      <c r="F6119" s="40">
        <v>101.83333299999998</v>
      </c>
      <c r="G6119" s="40">
        <v>21.034122932290551</v>
      </c>
      <c r="H6119" s="40">
        <v>101.83333400000001</v>
      </c>
      <c r="I6119" s="40">
        <v>18.499707769601113</v>
      </c>
      <c r="J6119" s="40">
        <v>101.83329667261999</v>
      </c>
      <c r="K6119" s="40">
        <v>13.083122205923654</v>
      </c>
      <c r="L6119" s="40"/>
      <c r="M6119" s="40"/>
      <c r="N6119" s="40"/>
    </row>
    <row r="6120" spans="4:14" x14ac:dyDescent="0.25">
      <c r="D6120" s="40">
        <v>101.86259300000449</v>
      </c>
      <c r="E6120" s="40">
        <v>20.938627953145975</v>
      </c>
      <c r="F6120" s="40">
        <v>101.85</v>
      </c>
      <c r="G6120" s="40">
        <v>21.03887817638077</v>
      </c>
      <c r="H6120" s="40">
        <v>101.85</v>
      </c>
      <c r="I6120" s="40">
        <v>18.499707769601113</v>
      </c>
      <c r="J6120" s="40">
        <v>101.849963333334</v>
      </c>
      <c r="K6120" s="40">
        <v>13.083122205923654</v>
      </c>
      <c r="L6120" s="40"/>
      <c r="M6120" s="40"/>
      <c r="N6120" s="40"/>
    </row>
    <row r="6121" spans="4:14" x14ac:dyDescent="0.25">
      <c r="D6121" s="40">
        <v>101.8792590000045</v>
      </c>
      <c r="E6121" s="40">
        <v>20.938627953145975</v>
      </c>
      <c r="F6121" s="40">
        <v>101.86666700000001</v>
      </c>
      <c r="G6121" s="40">
        <v>21.03887817638077</v>
      </c>
      <c r="H6121" s="40">
        <v>101.86666700000001</v>
      </c>
      <c r="I6121" s="40">
        <v>18.499707769601113</v>
      </c>
      <c r="J6121" s="40">
        <v>101.866629994048</v>
      </c>
      <c r="K6121" s="40">
        <v>13.083122205923654</v>
      </c>
      <c r="L6121" s="40"/>
      <c r="M6121" s="40"/>
      <c r="N6121" s="40"/>
    </row>
    <row r="6122" spans="4:14" x14ac:dyDescent="0.25">
      <c r="D6122" s="40">
        <v>101.8959250000045</v>
      </c>
      <c r="E6122" s="40">
        <v>20.938627953145975</v>
      </c>
      <c r="F6122" s="40">
        <v>101.88333299999999</v>
      </c>
      <c r="G6122" s="40">
        <v>21.03887817638077</v>
      </c>
      <c r="H6122" s="40">
        <v>101.88333400000002</v>
      </c>
      <c r="I6122" s="40">
        <v>18.503060505744372</v>
      </c>
      <c r="J6122" s="40">
        <v>101.88329665476201</v>
      </c>
      <c r="K6122" s="40">
        <v>13.083122205923654</v>
      </c>
      <c r="L6122" s="40"/>
      <c r="M6122" s="40"/>
      <c r="N6122" s="40"/>
    </row>
    <row r="6123" spans="4:14" x14ac:dyDescent="0.25">
      <c r="D6123" s="40">
        <v>101.9125910000045</v>
      </c>
      <c r="E6123" s="40">
        <v>20.938627953145975</v>
      </c>
      <c r="F6123" s="40">
        <v>101.9</v>
      </c>
      <c r="G6123" s="40">
        <v>21.043493560350548</v>
      </c>
      <c r="H6123" s="40">
        <v>101.9</v>
      </c>
      <c r="I6123" s="40">
        <v>18.506413241887806</v>
      </c>
      <c r="J6123" s="40">
        <v>101.899963315477</v>
      </c>
      <c r="K6123" s="40">
        <v>13.083122205923654</v>
      </c>
      <c r="L6123" s="40"/>
      <c r="M6123" s="40"/>
      <c r="N6123" s="40"/>
    </row>
    <row r="6124" spans="4:14" x14ac:dyDescent="0.25">
      <c r="D6124" s="40">
        <v>101.9292570000045</v>
      </c>
      <c r="E6124" s="40">
        <v>20.938627953145975</v>
      </c>
      <c r="F6124" s="40">
        <v>101.91666699999999</v>
      </c>
      <c r="G6124" s="40">
        <v>21.043493560350548</v>
      </c>
      <c r="H6124" s="40">
        <v>101.91666700000002</v>
      </c>
      <c r="I6124" s="40">
        <v>18.506413241887806</v>
      </c>
      <c r="J6124" s="40">
        <v>101.916629976191</v>
      </c>
      <c r="K6124" s="40">
        <v>13.083122205923654</v>
      </c>
      <c r="L6124" s="40"/>
      <c r="M6124" s="40"/>
      <c r="N6124" s="40"/>
    </row>
    <row r="6125" spans="4:14" x14ac:dyDescent="0.25">
      <c r="D6125" s="40">
        <v>101.9459230000045</v>
      </c>
      <c r="E6125" s="40">
        <v>20.94332868530627</v>
      </c>
      <c r="F6125" s="40">
        <v>101.933333</v>
      </c>
      <c r="G6125" s="40">
        <v>21.043493560350548</v>
      </c>
      <c r="H6125" s="40">
        <v>101.933334</v>
      </c>
      <c r="I6125" s="40">
        <v>18.509667368144566</v>
      </c>
      <c r="J6125" s="40">
        <v>101.933296636905</v>
      </c>
      <c r="K6125" s="40">
        <v>13.083122205923654</v>
      </c>
      <c r="L6125" s="40"/>
      <c r="M6125" s="40"/>
      <c r="N6125" s="40"/>
    </row>
    <row r="6126" spans="4:14" x14ac:dyDescent="0.25">
      <c r="D6126" s="40">
        <v>101.9625890000045</v>
      </c>
      <c r="E6126" s="40">
        <v>20.94332868530627</v>
      </c>
      <c r="F6126" s="40">
        <v>101.94999999999999</v>
      </c>
      <c r="G6126" s="40">
        <v>21.043493560350548</v>
      </c>
      <c r="H6126" s="40">
        <v>101.95000000000002</v>
      </c>
      <c r="I6126" s="40">
        <v>18.509667368144566</v>
      </c>
      <c r="J6126" s="40">
        <v>101.94996329762</v>
      </c>
      <c r="K6126" s="40">
        <v>13.083122205923654</v>
      </c>
      <c r="L6126" s="40"/>
      <c r="M6126" s="40"/>
      <c r="N6126" s="40"/>
    </row>
    <row r="6127" spans="4:14" x14ac:dyDescent="0.25">
      <c r="D6127" s="40">
        <v>101.9792550000045</v>
      </c>
      <c r="E6127" s="40">
        <v>20.94332868530627</v>
      </c>
      <c r="F6127" s="40">
        <v>101.966667</v>
      </c>
      <c r="G6127" s="40">
        <v>21.043493560350548</v>
      </c>
      <c r="H6127" s="40">
        <v>101.966667</v>
      </c>
      <c r="I6127" s="40">
        <v>18.509667368144566</v>
      </c>
      <c r="J6127" s="40">
        <v>101.966629958334</v>
      </c>
      <c r="K6127" s="40">
        <v>13.083122205923654</v>
      </c>
      <c r="L6127" s="40"/>
      <c r="M6127" s="40"/>
      <c r="N6127" s="40"/>
    </row>
    <row r="6128" spans="4:14" x14ac:dyDescent="0.25">
      <c r="D6128" s="40">
        <v>101.9959210000045</v>
      </c>
      <c r="E6128" s="40">
        <v>20.94332868530627</v>
      </c>
      <c r="F6128" s="40">
        <v>101.98333299999999</v>
      </c>
      <c r="G6128" s="40">
        <v>21.043493560350548</v>
      </c>
      <c r="H6128" s="40">
        <v>101.98333400000001</v>
      </c>
      <c r="I6128" s="40">
        <v>18.513020104287822</v>
      </c>
      <c r="J6128" s="40">
        <v>101.98329661904801</v>
      </c>
      <c r="K6128" s="40">
        <v>13.083122205923654</v>
      </c>
      <c r="L6128" s="40"/>
      <c r="M6128" s="40"/>
      <c r="N6128" s="40"/>
    </row>
    <row r="6129" spans="4:14" x14ac:dyDescent="0.25">
      <c r="D6129" s="40">
        <v>102.0125870000045</v>
      </c>
      <c r="E6129" s="40">
        <v>20.94332868530627</v>
      </c>
      <c r="F6129" s="40">
        <v>102</v>
      </c>
      <c r="G6129" s="40">
        <v>21.048248804440767</v>
      </c>
      <c r="H6129" s="40">
        <v>102</v>
      </c>
      <c r="I6129" s="40">
        <v>18.513020104287822</v>
      </c>
      <c r="J6129" s="40">
        <v>101.999963279762</v>
      </c>
      <c r="K6129" s="40">
        <v>13.083122205923654</v>
      </c>
      <c r="L6129" s="40"/>
      <c r="M6129" s="40"/>
      <c r="N6129" s="40"/>
    </row>
    <row r="6130" spans="4:14" x14ac:dyDescent="0.25">
      <c r="D6130" s="40">
        <v>102.0292530000045</v>
      </c>
      <c r="E6130" s="40">
        <v>20.938627953145975</v>
      </c>
      <c r="F6130" s="40">
        <v>102.01666699999998</v>
      </c>
      <c r="G6130" s="40">
        <v>21.048248804440767</v>
      </c>
      <c r="H6130" s="40">
        <v>102.01666700000001</v>
      </c>
      <c r="I6130" s="40">
        <v>18.516372840431078</v>
      </c>
      <c r="J6130" s="40">
        <v>102.016629940477</v>
      </c>
      <c r="K6130" s="40">
        <v>13.083122205923654</v>
      </c>
      <c r="L6130" s="40"/>
      <c r="M6130" s="40"/>
      <c r="N6130" s="40"/>
    </row>
    <row r="6131" spans="4:14" x14ac:dyDescent="0.25">
      <c r="D6131" s="40">
        <v>102.0459190000045</v>
      </c>
      <c r="E6131" s="40">
        <v>20.938627953145975</v>
      </c>
      <c r="F6131" s="40">
        <v>102.033333</v>
      </c>
      <c r="G6131" s="40">
        <v>21.048248804440767</v>
      </c>
      <c r="H6131" s="40">
        <v>102.033334</v>
      </c>
      <c r="I6131" s="40">
        <v>18.516372840431078</v>
      </c>
      <c r="J6131" s="40">
        <v>102.033296601191</v>
      </c>
      <c r="K6131" s="40">
        <v>13.083122205923654</v>
      </c>
      <c r="L6131" s="40"/>
      <c r="M6131" s="40"/>
      <c r="N6131" s="40"/>
    </row>
    <row r="6132" spans="4:14" x14ac:dyDescent="0.25">
      <c r="D6132" s="40">
        <v>102.0625850000045</v>
      </c>
      <c r="E6132" s="40">
        <v>20.938627953145975</v>
      </c>
      <c r="F6132" s="40">
        <v>102.04999999999998</v>
      </c>
      <c r="G6132" s="40">
        <v>21.048248804440767</v>
      </c>
      <c r="H6132" s="40">
        <v>102.05000000000001</v>
      </c>
      <c r="I6132" s="40">
        <v>18.519626966687841</v>
      </c>
      <c r="J6132" s="40">
        <v>102.04996326190501</v>
      </c>
      <c r="K6132" s="40">
        <v>13.078413839970596</v>
      </c>
      <c r="L6132" s="40"/>
      <c r="M6132" s="40"/>
      <c r="N6132" s="40"/>
    </row>
    <row r="6133" spans="4:14" x14ac:dyDescent="0.25">
      <c r="D6133" s="40">
        <v>102.0792510000045</v>
      </c>
      <c r="E6133" s="40">
        <v>20.938627953145975</v>
      </c>
      <c r="F6133" s="40">
        <v>102.066667</v>
      </c>
      <c r="G6133" s="40">
        <v>21.053004048530983</v>
      </c>
      <c r="H6133" s="40">
        <v>102.066667</v>
      </c>
      <c r="I6133" s="40">
        <v>18.519626966687841</v>
      </c>
      <c r="J6133" s="40">
        <v>102.06662992262</v>
      </c>
      <c r="K6133" s="40">
        <v>13.078413839970596</v>
      </c>
      <c r="L6133" s="40"/>
      <c r="M6133" s="40"/>
      <c r="N6133" s="40"/>
    </row>
    <row r="6134" spans="4:14" x14ac:dyDescent="0.25">
      <c r="D6134" s="40">
        <v>102.0959170000045</v>
      </c>
      <c r="E6134" s="40">
        <v>20.933784774556422</v>
      </c>
      <c r="F6134" s="40">
        <v>102.08333299999998</v>
      </c>
      <c r="G6134" s="40">
        <v>21.053004048530983</v>
      </c>
      <c r="H6134" s="40">
        <v>102.08333400000001</v>
      </c>
      <c r="I6134" s="40">
        <v>18.522979702831101</v>
      </c>
      <c r="J6134" s="40">
        <v>102.083296583334</v>
      </c>
      <c r="K6134" s="40">
        <v>13.078413839970596</v>
      </c>
      <c r="L6134" s="40"/>
      <c r="M6134" s="40"/>
      <c r="N6134" s="40"/>
    </row>
    <row r="6135" spans="4:14" x14ac:dyDescent="0.25">
      <c r="D6135" s="40">
        <v>102.11258300000451</v>
      </c>
      <c r="E6135" s="40">
        <v>20.933784774556422</v>
      </c>
      <c r="F6135" s="40">
        <v>102.1</v>
      </c>
      <c r="G6135" s="40">
        <v>21.057619432500886</v>
      </c>
      <c r="H6135" s="40">
        <v>102.1</v>
      </c>
      <c r="I6135" s="40">
        <v>18.526332438974535</v>
      </c>
      <c r="J6135" s="40">
        <v>102.099963244048</v>
      </c>
      <c r="K6135" s="40">
        <v>13.078413839970596</v>
      </c>
      <c r="L6135" s="40"/>
      <c r="M6135" s="40"/>
      <c r="N6135" s="40"/>
    </row>
    <row r="6136" spans="4:14" x14ac:dyDescent="0.25">
      <c r="D6136" s="40">
        <v>102.12924900000451</v>
      </c>
      <c r="E6136" s="40">
        <v>20.933784774556422</v>
      </c>
      <c r="F6136" s="40">
        <v>102.11666700000001</v>
      </c>
      <c r="G6136" s="40">
        <v>21.057619432500886</v>
      </c>
      <c r="H6136" s="40">
        <v>102.11666700000001</v>
      </c>
      <c r="I6136" s="40">
        <v>18.526332438974535</v>
      </c>
      <c r="J6136" s="40">
        <v>102.11662990476199</v>
      </c>
      <c r="K6136" s="40">
        <v>13.078413839970596</v>
      </c>
      <c r="L6136" s="40"/>
      <c r="M6136" s="40"/>
      <c r="N6136" s="40"/>
    </row>
    <row r="6137" spans="4:14" x14ac:dyDescent="0.25">
      <c r="D6137" s="40">
        <v>102.14591500000451</v>
      </c>
      <c r="E6137" s="40">
        <v>20.928941595966876</v>
      </c>
      <c r="F6137" s="40">
        <v>102.13333299999999</v>
      </c>
      <c r="G6137" s="40">
        <v>21.057619432500886</v>
      </c>
      <c r="H6137" s="40">
        <v>102.13333400000002</v>
      </c>
      <c r="I6137" s="40">
        <v>18.529586565231295</v>
      </c>
      <c r="J6137" s="40">
        <v>102.133296565477</v>
      </c>
      <c r="K6137" s="40">
        <v>13.078413839970596</v>
      </c>
      <c r="L6137" s="40"/>
      <c r="M6137" s="40"/>
      <c r="N6137" s="40"/>
    </row>
    <row r="6138" spans="4:14" x14ac:dyDescent="0.25">
      <c r="D6138" s="40">
        <v>102.16258100000451</v>
      </c>
      <c r="E6138" s="40">
        <v>20.928941595966876</v>
      </c>
      <c r="F6138" s="40">
        <v>102.15</v>
      </c>
      <c r="G6138" s="40">
        <v>21.057619432500886</v>
      </c>
      <c r="H6138" s="40">
        <v>102.15</v>
      </c>
      <c r="I6138" s="40">
        <v>18.532939301374551</v>
      </c>
      <c r="J6138" s="40">
        <v>102.14996322619101</v>
      </c>
      <c r="K6138" s="40">
        <v>13.078413839970596</v>
      </c>
      <c r="L6138" s="40"/>
      <c r="M6138" s="40"/>
      <c r="N6138" s="40"/>
    </row>
    <row r="6139" spans="4:14" x14ac:dyDescent="0.25">
      <c r="D6139" s="40">
        <v>102.17924700000451</v>
      </c>
      <c r="E6139" s="40">
        <v>20.928941595966876</v>
      </c>
      <c r="F6139" s="40">
        <v>102.16666699999999</v>
      </c>
      <c r="G6139" s="40">
        <v>21.062374676590981</v>
      </c>
      <c r="H6139" s="40">
        <v>102.16666700000002</v>
      </c>
      <c r="I6139" s="40">
        <v>18.532939301374551</v>
      </c>
      <c r="J6139" s="40">
        <v>102.166629886905</v>
      </c>
      <c r="K6139" s="40">
        <v>13.078413839970596</v>
      </c>
      <c r="L6139" s="40"/>
      <c r="M6139" s="40"/>
      <c r="N6139" s="40"/>
    </row>
    <row r="6140" spans="4:14" x14ac:dyDescent="0.25">
      <c r="D6140" s="40">
        <v>102.19591300000451</v>
      </c>
      <c r="E6140" s="40">
        <v>20.924098417377454</v>
      </c>
      <c r="F6140" s="40">
        <v>102.183333</v>
      </c>
      <c r="G6140" s="40">
        <v>21.062374676590981</v>
      </c>
      <c r="H6140" s="40">
        <v>102.183334</v>
      </c>
      <c r="I6140" s="40">
        <v>18.536292037517811</v>
      </c>
      <c r="J6140" s="40">
        <v>102.18329654762</v>
      </c>
      <c r="K6140" s="40">
        <v>13.078413839970596</v>
      </c>
      <c r="L6140" s="40"/>
      <c r="M6140" s="40"/>
      <c r="N6140" s="40"/>
    </row>
    <row r="6141" spans="4:14" x14ac:dyDescent="0.25">
      <c r="D6141" s="40">
        <v>102.21257900000451</v>
      </c>
      <c r="E6141" s="40">
        <v>20.924098417377454</v>
      </c>
      <c r="F6141" s="40">
        <v>102.19999999999999</v>
      </c>
      <c r="G6141" s="40">
        <v>21.062374676590981</v>
      </c>
      <c r="H6141" s="40">
        <v>102.20000000000002</v>
      </c>
      <c r="I6141" s="40">
        <v>18.536292037517811</v>
      </c>
      <c r="J6141" s="40">
        <v>102.199963208334</v>
      </c>
      <c r="K6141" s="40">
        <v>13.078413839970596</v>
      </c>
      <c r="L6141" s="40"/>
      <c r="M6141" s="40"/>
      <c r="N6141" s="40"/>
    </row>
    <row r="6142" spans="4:14" x14ac:dyDescent="0.25">
      <c r="D6142" s="40">
        <v>102.22924500000451</v>
      </c>
      <c r="E6142" s="40">
        <v>20.924098417377454</v>
      </c>
      <c r="F6142" s="40">
        <v>102.216667</v>
      </c>
      <c r="G6142" s="40">
        <v>21.067129920681197</v>
      </c>
      <c r="H6142" s="40">
        <v>102.216667</v>
      </c>
      <c r="I6142" s="40">
        <v>18.539546163774574</v>
      </c>
      <c r="J6142" s="40">
        <v>102.21662986904801</v>
      </c>
      <c r="K6142" s="40">
        <v>13.078413839970596</v>
      </c>
      <c r="L6142" s="40"/>
      <c r="M6142" s="40"/>
      <c r="N6142" s="40"/>
    </row>
    <row r="6143" spans="4:14" x14ac:dyDescent="0.25">
      <c r="D6143" s="40">
        <v>102.24591100000451</v>
      </c>
      <c r="E6143" s="40">
        <v>20.919397685217028</v>
      </c>
      <c r="F6143" s="40">
        <v>102.23333299999999</v>
      </c>
      <c r="G6143" s="40">
        <v>21.067129920681197</v>
      </c>
      <c r="H6143" s="40">
        <v>102.23333400000001</v>
      </c>
      <c r="I6143" s="40">
        <v>18.539546163774574</v>
      </c>
      <c r="J6143" s="40">
        <v>102.233296529762</v>
      </c>
      <c r="K6143" s="40">
        <v>13.078413839970596</v>
      </c>
      <c r="L6143" s="40"/>
      <c r="M6143" s="40"/>
      <c r="N6143" s="40"/>
    </row>
    <row r="6144" spans="4:14" x14ac:dyDescent="0.25">
      <c r="D6144" s="40">
        <v>102.26257700000451</v>
      </c>
      <c r="E6144" s="40">
        <v>20.919397685217028</v>
      </c>
      <c r="F6144" s="40">
        <v>102.25</v>
      </c>
      <c r="G6144" s="40">
        <v>21.067129920681197</v>
      </c>
      <c r="H6144" s="40">
        <v>102.25</v>
      </c>
      <c r="I6144" s="40">
        <v>18.542898899918008</v>
      </c>
      <c r="J6144" s="40">
        <v>102.249963190477</v>
      </c>
      <c r="K6144" s="40">
        <v>13.078413839970596</v>
      </c>
      <c r="L6144" s="40"/>
      <c r="M6144" s="40"/>
      <c r="N6144" s="40"/>
    </row>
    <row r="6145" spans="4:14" x14ac:dyDescent="0.25">
      <c r="D6145" s="40">
        <v>102.27924300000451</v>
      </c>
      <c r="E6145" s="40">
        <v>20.919397685217028</v>
      </c>
      <c r="F6145" s="40">
        <v>102.26666699999998</v>
      </c>
      <c r="G6145" s="40">
        <v>21.067129920681197</v>
      </c>
      <c r="H6145" s="40">
        <v>102.26666700000001</v>
      </c>
      <c r="I6145" s="40">
        <v>18.542898899918008</v>
      </c>
      <c r="J6145" s="40">
        <v>102.266629851191</v>
      </c>
      <c r="K6145" s="40">
        <v>13.078413839970596</v>
      </c>
      <c r="L6145" s="40"/>
      <c r="M6145" s="40"/>
      <c r="N6145" s="40"/>
    </row>
    <row r="6146" spans="4:14" x14ac:dyDescent="0.25">
      <c r="D6146" s="40">
        <v>102.29590900000451</v>
      </c>
      <c r="E6146" s="40">
        <v>20.919397685217028</v>
      </c>
      <c r="F6146" s="40">
        <v>102.283333</v>
      </c>
      <c r="G6146" s="40">
        <v>21.071745304651099</v>
      </c>
      <c r="H6146" s="40">
        <v>102.283334</v>
      </c>
      <c r="I6146" s="40">
        <v>18.546251636061264</v>
      </c>
      <c r="J6146" s="40">
        <v>102.28329651190499</v>
      </c>
      <c r="K6146" s="40">
        <v>13.078413839970596</v>
      </c>
      <c r="L6146" s="40"/>
      <c r="M6146" s="40"/>
      <c r="N6146" s="40"/>
    </row>
    <row r="6147" spans="4:14" x14ac:dyDescent="0.25">
      <c r="D6147" s="40">
        <v>102.31257500000451</v>
      </c>
      <c r="E6147" s="40">
        <v>20.919397685217028</v>
      </c>
      <c r="F6147" s="40">
        <v>102.29999999999998</v>
      </c>
      <c r="G6147" s="40">
        <v>21.071745304651099</v>
      </c>
      <c r="H6147" s="40">
        <v>102.30000000000001</v>
      </c>
      <c r="I6147" s="40">
        <v>18.546251636061264</v>
      </c>
      <c r="J6147" s="40">
        <v>102.29996317262</v>
      </c>
      <c r="K6147" s="40">
        <v>13.078413839970596</v>
      </c>
      <c r="L6147" s="40"/>
      <c r="M6147" s="40"/>
      <c r="N6147" s="40"/>
    </row>
    <row r="6148" spans="4:14" x14ac:dyDescent="0.25">
      <c r="D6148" s="40">
        <v>102.32924100000452</v>
      </c>
      <c r="E6148" s="40">
        <v>20.919397685217028</v>
      </c>
      <c r="F6148" s="40">
        <v>102.316667</v>
      </c>
      <c r="G6148" s="40">
        <v>21.071745304651099</v>
      </c>
      <c r="H6148" s="40">
        <v>102.316667</v>
      </c>
      <c r="I6148" s="40">
        <v>18.549505762318027</v>
      </c>
      <c r="J6148" s="40">
        <v>102.31662983333401</v>
      </c>
      <c r="K6148" s="40">
        <v>13.078413839970596</v>
      </c>
      <c r="L6148" s="40"/>
      <c r="M6148" s="40"/>
      <c r="N6148" s="40"/>
    </row>
    <row r="6149" spans="4:14" x14ac:dyDescent="0.25">
      <c r="D6149" s="40">
        <v>102.34590700000452</v>
      </c>
      <c r="E6149" s="40">
        <v>20.914554506627479</v>
      </c>
      <c r="F6149" s="40">
        <v>102.33333299999998</v>
      </c>
      <c r="G6149" s="40">
        <v>21.071745304651099</v>
      </c>
      <c r="H6149" s="40">
        <v>102.33333400000001</v>
      </c>
      <c r="I6149" s="40">
        <v>18.549505762318027</v>
      </c>
      <c r="J6149" s="40">
        <v>102.333296494048</v>
      </c>
      <c r="K6149" s="40">
        <v>13.078413839970596</v>
      </c>
      <c r="L6149" s="40"/>
      <c r="M6149" s="40"/>
      <c r="N6149" s="40"/>
    </row>
    <row r="6150" spans="4:14" x14ac:dyDescent="0.25">
      <c r="D6150" s="40">
        <v>102.36257300000452</v>
      </c>
      <c r="E6150" s="40">
        <v>20.914554506627479</v>
      </c>
      <c r="F6150" s="40">
        <v>102.35</v>
      </c>
      <c r="G6150" s="40">
        <v>21.071745304651099</v>
      </c>
      <c r="H6150" s="40">
        <v>102.35</v>
      </c>
      <c r="I6150" s="40">
        <v>18.552858498461283</v>
      </c>
      <c r="J6150" s="40">
        <v>102.34996315476199</v>
      </c>
      <c r="K6150" s="40">
        <v>13.078413839970596</v>
      </c>
      <c r="L6150" s="40"/>
      <c r="M6150" s="40"/>
      <c r="N6150" s="40"/>
    </row>
    <row r="6151" spans="4:14" x14ac:dyDescent="0.25">
      <c r="D6151" s="40">
        <v>102.37923900000452</v>
      </c>
      <c r="E6151" s="40">
        <v>20.914554506627479</v>
      </c>
      <c r="F6151" s="40">
        <v>102.36666700000001</v>
      </c>
      <c r="G6151" s="40">
        <v>21.071745304651099</v>
      </c>
      <c r="H6151" s="40">
        <v>102.36666700000001</v>
      </c>
      <c r="I6151" s="40">
        <v>18.55621123460454</v>
      </c>
      <c r="J6151" s="40">
        <v>102.366629815477</v>
      </c>
      <c r="K6151" s="40">
        <v>13.083122205923654</v>
      </c>
      <c r="L6151" s="40"/>
      <c r="M6151" s="40"/>
      <c r="N6151" s="40"/>
    </row>
    <row r="6152" spans="4:14" x14ac:dyDescent="0.25">
      <c r="D6152" s="40">
        <v>102.39590500000452</v>
      </c>
      <c r="E6152" s="40">
        <v>20.909711328037933</v>
      </c>
      <c r="F6152" s="40">
        <v>102.38333299999999</v>
      </c>
      <c r="G6152" s="40">
        <v>21.076500548741194</v>
      </c>
      <c r="H6152" s="40">
        <v>102.38333400000002</v>
      </c>
      <c r="I6152" s="40">
        <v>18.55621123460454</v>
      </c>
      <c r="J6152" s="40">
        <v>102.38329647619101</v>
      </c>
      <c r="K6152" s="40">
        <v>13.083122205923654</v>
      </c>
      <c r="L6152" s="40"/>
      <c r="M6152" s="40"/>
      <c r="N6152" s="40"/>
    </row>
    <row r="6153" spans="4:14" x14ac:dyDescent="0.25">
      <c r="D6153" s="40">
        <v>102.41257100000452</v>
      </c>
      <c r="E6153" s="40">
        <v>20.914554506627479</v>
      </c>
      <c r="F6153" s="40">
        <v>102.4</v>
      </c>
      <c r="G6153" s="40">
        <v>21.076500548741194</v>
      </c>
      <c r="H6153" s="40">
        <v>102.4</v>
      </c>
      <c r="I6153" s="40">
        <v>18.559563970747973</v>
      </c>
      <c r="J6153" s="40">
        <v>102.399963136905</v>
      </c>
      <c r="K6153" s="40">
        <v>13.083122205923654</v>
      </c>
      <c r="L6153" s="40"/>
      <c r="M6153" s="40"/>
      <c r="N6153" s="40"/>
    </row>
    <row r="6154" spans="4:14" x14ac:dyDescent="0.25">
      <c r="D6154" s="40">
        <v>102.42923700000452</v>
      </c>
      <c r="E6154" s="40">
        <v>20.914554506627479</v>
      </c>
      <c r="F6154" s="40">
        <v>102.41666699999999</v>
      </c>
      <c r="G6154" s="40">
        <v>21.076500548741194</v>
      </c>
      <c r="H6154" s="40">
        <v>102.41666700000002</v>
      </c>
      <c r="I6154" s="40">
        <v>18.559563970747973</v>
      </c>
      <c r="J6154" s="40">
        <v>102.41662979762</v>
      </c>
      <c r="K6154" s="40">
        <v>13.083122205923654</v>
      </c>
      <c r="L6154" s="40"/>
      <c r="M6154" s="40"/>
      <c r="N6154" s="40"/>
    </row>
    <row r="6155" spans="4:14" x14ac:dyDescent="0.25">
      <c r="D6155" s="40">
        <v>102.44590300000452</v>
      </c>
      <c r="E6155" s="40">
        <v>20.914554506627479</v>
      </c>
      <c r="F6155" s="40">
        <v>102.433333</v>
      </c>
      <c r="G6155" s="40">
        <v>21.076500548741194</v>
      </c>
      <c r="H6155" s="40">
        <v>102.433334</v>
      </c>
      <c r="I6155" s="40">
        <v>18.562818097004737</v>
      </c>
      <c r="J6155" s="40">
        <v>102.433296458334</v>
      </c>
      <c r="K6155" s="40">
        <v>13.087973249632887</v>
      </c>
      <c r="L6155" s="40"/>
      <c r="M6155" s="40"/>
      <c r="N6155" s="40"/>
    </row>
    <row r="6156" spans="4:14" x14ac:dyDescent="0.25">
      <c r="D6156" s="40">
        <v>102.46256900000452</v>
      </c>
      <c r="E6156" s="40">
        <v>20.914554506627479</v>
      </c>
      <c r="F6156" s="40">
        <v>102.44999999999999</v>
      </c>
      <c r="G6156" s="40">
        <v>21.076500548741194</v>
      </c>
      <c r="H6156" s="40">
        <v>102.45000000000002</v>
      </c>
      <c r="I6156" s="40">
        <v>18.562818097004737</v>
      </c>
      <c r="J6156" s="40">
        <v>102.44996311904799</v>
      </c>
      <c r="K6156" s="40">
        <v>13.087973249632887</v>
      </c>
      <c r="L6156" s="40"/>
      <c r="M6156" s="40"/>
      <c r="N6156" s="40"/>
    </row>
    <row r="6157" spans="4:14" x14ac:dyDescent="0.25">
      <c r="D6157" s="40">
        <v>102.47923500000452</v>
      </c>
      <c r="E6157" s="40">
        <v>20.914554506627479</v>
      </c>
      <c r="F6157" s="40">
        <v>102.466667</v>
      </c>
      <c r="G6157" s="40">
        <v>21.076500548741194</v>
      </c>
      <c r="H6157" s="40">
        <v>102.466667</v>
      </c>
      <c r="I6157" s="40">
        <v>18.566170833147993</v>
      </c>
      <c r="J6157" s="40">
        <v>102.466629779762</v>
      </c>
      <c r="K6157" s="40">
        <v>13.087973249632887</v>
      </c>
      <c r="L6157" s="40"/>
      <c r="M6157" s="40"/>
      <c r="N6157" s="40"/>
    </row>
    <row r="6158" spans="4:14" x14ac:dyDescent="0.25">
      <c r="D6158" s="40">
        <v>102.49590100000452</v>
      </c>
      <c r="E6158" s="40">
        <v>20.914554506627479</v>
      </c>
      <c r="F6158" s="40">
        <v>102.48333299999999</v>
      </c>
      <c r="G6158" s="40">
        <v>21.076500548741194</v>
      </c>
      <c r="H6158" s="40">
        <v>102.48333400000001</v>
      </c>
      <c r="I6158" s="40">
        <v>18.566170833147993</v>
      </c>
      <c r="J6158" s="40">
        <v>102.48329644047701</v>
      </c>
      <c r="K6158" s="40">
        <v>13.087973249632887</v>
      </c>
      <c r="L6158" s="40"/>
      <c r="M6158" s="40"/>
      <c r="N6158" s="40"/>
    </row>
    <row r="6159" spans="4:14" x14ac:dyDescent="0.25">
      <c r="D6159" s="40">
        <v>102.51256700000452</v>
      </c>
      <c r="E6159" s="40">
        <v>20.914554506627479</v>
      </c>
      <c r="F6159" s="40">
        <v>102.5</v>
      </c>
      <c r="G6159" s="40">
        <v>21.076500548741194</v>
      </c>
      <c r="H6159" s="40">
        <v>102.5</v>
      </c>
      <c r="I6159" s="40">
        <v>18.569523569291249</v>
      </c>
      <c r="J6159" s="40">
        <v>102.499963101191</v>
      </c>
      <c r="K6159" s="40">
        <v>13.092824293341993</v>
      </c>
      <c r="L6159" s="40"/>
      <c r="M6159" s="40"/>
      <c r="N6159" s="40"/>
    </row>
    <row r="6160" spans="4:14" x14ac:dyDescent="0.25">
      <c r="D6160" s="40">
        <v>102.52923300000452</v>
      </c>
      <c r="E6160" s="40">
        <v>20.914554506627479</v>
      </c>
      <c r="F6160" s="40">
        <v>102.51666699999998</v>
      </c>
      <c r="G6160" s="40">
        <v>21.076500548741194</v>
      </c>
      <c r="H6160" s="40">
        <v>102.51666700000001</v>
      </c>
      <c r="I6160" s="40">
        <v>18.569523569291249</v>
      </c>
      <c r="J6160" s="40">
        <v>102.51662976190499</v>
      </c>
      <c r="K6160" s="40">
        <v>13.092824293341993</v>
      </c>
      <c r="L6160" s="40"/>
      <c r="M6160" s="40"/>
      <c r="N6160" s="40"/>
    </row>
    <row r="6161" spans="4:14" x14ac:dyDescent="0.25">
      <c r="D6161" s="40">
        <v>102.54589900000452</v>
      </c>
      <c r="E6161" s="40">
        <v>20.914554506627479</v>
      </c>
      <c r="F6161" s="40">
        <v>102.533333</v>
      </c>
      <c r="G6161" s="40">
        <v>21.081255792831413</v>
      </c>
      <c r="H6161" s="40">
        <v>102.533334</v>
      </c>
      <c r="I6161" s="40">
        <v>18.572777695548012</v>
      </c>
      <c r="J6161" s="40">
        <v>102.53329642262</v>
      </c>
      <c r="K6161" s="40">
        <v>13.092824293341993</v>
      </c>
      <c r="L6161" s="40"/>
      <c r="M6161" s="40"/>
      <c r="N6161" s="40"/>
    </row>
    <row r="6162" spans="4:14" x14ac:dyDescent="0.25">
      <c r="D6162" s="40">
        <v>102.56256500000453</v>
      </c>
      <c r="E6162" s="40">
        <v>20.914554506627479</v>
      </c>
      <c r="F6162" s="40">
        <v>102.54999999999998</v>
      </c>
      <c r="G6162" s="40">
        <v>21.081255792831413</v>
      </c>
      <c r="H6162" s="40">
        <v>102.55000000000001</v>
      </c>
      <c r="I6162" s="40">
        <v>18.572777695548012</v>
      </c>
      <c r="J6162" s="40">
        <v>102.54996308333401</v>
      </c>
      <c r="K6162" s="40">
        <v>13.092824293341993</v>
      </c>
      <c r="L6162" s="40"/>
      <c r="M6162" s="40"/>
      <c r="N6162" s="40"/>
    </row>
    <row r="6163" spans="4:14" x14ac:dyDescent="0.25">
      <c r="D6163" s="40">
        <v>102.57923100000453</v>
      </c>
      <c r="E6163" s="40">
        <v>20.919397685217028</v>
      </c>
      <c r="F6163" s="40">
        <v>102.566667</v>
      </c>
      <c r="G6163" s="40">
        <v>21.081255792831413</v>
      </c>
      <c r="H6163" s="40">
        <v>102.566667</v>
      </c>
      <c r="I6163" s="40">
        <v>18.576130431691446</v>
      </c>
      <c r="J6163" s="40">
        <v>102.566629744048</v>
      </c>
      <c r="K6163" s="40">
        <v>13.092824293341993</v>
      </c>
      <c r="L6163" s="40"/>
      <c r="M6163" s="40"/>
      <c r="N6163" s="40"/>
    </row>
    <row r="6164" spans="4:14" x14ac:dyDescent="0.25">
      <c r="D6164" s="40">
        <v>102.59589700000453</v>
      </c>
      <c r="E6164" s="40">
        <v>20.919397685217028</v>
      </c>
      <c r="F6164" s="40">
        <v>102.58333299999998</v>
      </c>
      <c r="G6164" s="40">
        <v>21.081255792831413</v>
      </c>
      <c r="H6164" s="40">
        <v>102.58333400000001</v>
      </c>
      <c r="I6164" s="40">
        <v>18.576130431691446</v>
      </c>
      <c r="J6164" s="40">
        <v>102.583296404762</v>
      </c>
      <c r="K6164" s="40">
        <v>13.097532659295053</v>
      </c>
      <c r="L6164" s="40"/>
      <c r="M6164" s="40"/>
      <c r="N6164" s="40"/>
    </row>
    <row r="6165" spans="4:14" x14ac:dyDescent="0.25">
      <c r="D6165" s="40">
        <v>102.61256300000453</v>
      </c>
      <c r="E6165" s="40">
        <v>20.919397685217028</v>
      </c>
      <c r="F6165" s="40">
        <v>102.6</v>
      </c>
      <c r="G6165" s="40">
        <v>21.081255792831413</v>
      </c>
      <c r="H6165" s="40">
        <v>102.6</v>
      </c>
      <c r="I6165" s="40">
        <v>18.579483167834702</v>
      </c>
      <c r="J6165" s="40">
        <v>102.599963065477</v>
      </c>
      <c r="K6165" s="40">
        <v>13.097532659295053</v>
      </c>
      <c r="L6165" s="40"/>
      <c r="M6165" s="40"/>
      <c r="N6165" s="40"/>
    </row>
    <row r="6166" spans="4:14" x14ac:dyDescent="0.25">
      <c r="D6166" s="40">
        <v>102.62922900000453</v>
      </c>
      <c r="E6166" s="40">
        <v>20.924098417377454</v>
      </c>
      <c r="F6166" s="40">
        <v>102.61666700000001</v>
      </c>
      <c r="G6166" s="40">
        <v>21.081255792831413</v>
      </c>
      <c r="H6166" s="40">
        <v>102.61666700000001</v>
      </c>
      <c r="I6166" s="40">
        <v>18.579483167834702</v>
      </c>
      <c r="J6166" s="40">
        <v>102.61662972619099</v>
      </c>
      <c r="K6166" s="40">
        <v>13.097532659295053</v>
      </c>
      <c r="L6166" s="40"/>
      <c r="M6166" s="40"/>
      <c r="N6166" s="40"/>
    </row>
    <row r="6167" spans="4:14" x14ac:dyDescent="0.25">
      <c r="D6167" s="40">
        <v>102.64589500000453</v>
      </c>
      <c r="E6167" s="40">
        <v>20.924098417377454</v>
      </c>
      <c r="F6167" s="40">
        <v>102.63333299999999</v>
      </c>
      <c r="G6167" s="40">
        <v>21.081255792831413</v>
      </c>
      <c r="H6167" s="40">
        <v>102.63333400000002</v>
      </c>
      <c r="I6167" s="40">
        <v>18.582737294091466</v>
      </c>
      <c r="J6167" s="40">
        <v>102.633296386905</v>
      </c>
      <c r="K6167" s="40">
        <v>13.102383703004286</v>
      </c>
      <c r="L6167" s="40"/>
      <c r="M6167" s="40"/>
      <c r="N6167" s="40"/>
    </row>
    <row r="6168" spans="4:14" x14ac:dyDescent="0.25">
      <c r="D6168" s="40">
        <v>102.66256100000453</v>
      </c>
      <c r="E6168" s="40">
        <v>20.928941595966876</v>
      </c>
      <c r="F6168" s="40">
        <v>102.65</v>
      </c>
      <c r="G6168" s="40">
        <v>21.085871176801316</v>
      </c>
      <c r="H6168" s="40">
        <v>102.65</v>
      </c>
      <c r="I6168" s="40">
        <v>18.582737294091466</v>
      </c>
      <c r="J6168" s="40">
        <v>102.64996304762001</v>
      </c>
      <c r="K6168" s="40">
        <v>13.102383703004286</v>
      </c>
      <c r="L6168" s="40"/>
      <c r="M6168" s="40"/>
      <c r="N6168" s="40"/>
    </row>
    <row r="6169" spans="4:14" x14ac:dyDescent="0.25">
      <c r="D6169" s="40">
        <v>102.67922700000453</v>
      </c>
      <c r="E6169" s="40">
        <v>20.928941595966876</v>
      </c>
      <c r="F6169" s="40">
        <v>102.66666699999999</v>
      </c>
      <c r="G6169" s="40">
        <v>21.085871176801316</v>
      </c>
      <c r="H6169" s="40">
        <v>102.66666700000002</v>
      </c>
      <c r="I6169" s="40">
        <v>18.586090030234725</v>
      </c>
      <c r="J6169" s="40">
        <v>102.666629708334</v>
      </c>
      <c r="K6169" s="40">
        <v>13.102383703004286</v>
      </c>
      <c r="L6169" s="40"/>
      <c r="M6169" s="40"/>
      <c r="N6169" s="40"/>
    </row>
    <row r="6170" spans="4:14" x14ac:dyDescent="0.25">
      <c r="D6170" s="40">
        <v>102.69589300000453</v>
      </c>
      <c r="E6170" s="40">
        <v>20.928941595966876</v>
      </c>
      <c r="F6170" s="40">
        <v>102.683333</v>
      </c>
      <c r="G6170" s="40">
        <v>21.085871176801316</v>
      </c>
      <c r="H6170" s="40">
        <v>102.683334</v>
      </c>
      <c r="I6170" s="40">
        <v>18.589442766377978</v>
      </c>
      <c r="J6170" s="40">
        <v>102.68329636904799</v>
      </c>
      <c r="K6170" s="40">
        <v>13.102383703004286</v>
      </c>
      <c r="L6170" s="40"/>
      <c r="M6170" s="40"/>
      <c r="N6170" s="40"/>
    </row>
    <row r="6171" spans="4:14" x14ac:dyDescent="0.25">
      <c r="D6171" s="40">
        <v>102.71255900000453</v>
      </c>
      <c r="E6171" s="40">
        <v>20.933784774556422</v>
      </c>
      <c r="F6171" s="40">
        <v>102.69999999999999</v>
      </c>
      <c r="G6171" s="40">
        <v>21.085871176801316</v>
      </c>
      <c r="H6171" s="40">
        <v>102.70000000000002</v>
      </c>
      <c r="I6171" s="40">
        <v>18.589442766377978</v>
      </c>
      <c r="J6171" s="40">
        <v>102.699963029762</v>
      </c>
      <c r="K6171" s="40">
        <v>13.102383703004286</v>
      </c>
      <c r="L6171" s="40"/>
      <c r="M6171" s="40"/>
      <c r="N6171" s="40"/>
    </row>
    <row r="6172" spans="4:14" x14ac:dyDescent="0.25">
      <c r="D6172" s="40">
        <v>102.72922500000453</v>
      </c>
      <c r="E6172" s="40">
        <v>20.933784774556422</v>
      </c>
      <c r="F6172" s="40">
        <v>102.716667</v>
      </c>
      <c r="G6172" s="40">
        <v>21.085871176801316</v>
      </c>
      <c r="H6172" s="40">
        <v>102.716667</v>
      </c>
      <c r="I6172" s="40">
        <v>18.592696892634741</v>
      </c>
      <c r="J6172" s="40">
        <v>102.71662969047701</v>
      </c>
      <c r="K6172" s="40">
        <v>13.102383703004286</v>
      </c>
      <c r="L6172" s="40"/>
      <c r="M6172" s="40"/>
      <c r="N6172" s="40"/>
    </row>
    <row r="6173" spans="4:14" x14ac:dyDescent="0.25">
      <c r="D6173" s="40">
        <v>102.74589100000453</v>
      </c>
      <c r="E6173" s="40">
        <v>20.933784774556422</v>
      </c>
      <c r="F6173" s="40">
        <v>102.73333299999999</v>
      </c>
      <c r="G6173" s="40">
        <v>21.090626420891411</v>
      </c>
      <c r="H6173" s="40">
        <v>102.73333400000001</v>
      </c>
      <c r="I6173" s="40">
        <v>18.592696892634741</v>
      </c>
      <c r="J6173" s="40">
        <v>102.733296351191</v>
      </c>
      <c r="K6173" s="40">
        <v>13.102383703004286</v>
      </c>
      <c r="L6173" s="40"/>
      <c r="M6173" s="40"/>
      <c r="N6173" s="40"/>
    </row>
    <row r="6174" spans="4:14" x14ac:dyDescent="0.25">
      <c r="D6174" s="40">
        <v>102.76255700000453</v>
      </c>
      <c r="E6174" s="40">
        <v>20.938627953145975</v>
      </c>
      <c r="F6174" s="40">
        <v>102.75</v>
      </c>
      <c r="G6174" s="40">
        <v>21.090626420891411</v>
      </c>
      <c r="H6174" s="40">
        <v>102.75</v>
      </c>
      <c r="I6174" s="40">
        <v>18.596049628778175</v>
      </c>
      <c r="J6174" s="40">
        <v>102.749963011905</v>
      </c>
      <c r="K6174" s="40">
        <v>13.102383703004286</v>
      </c>
      <c r="L6174" s="40"/>
      <c r="M6174" s="40"/>
      <c r="N6174" s="40"/>
    </row>
    <row r="6175" spans="4:14" x14ac:dyDescent="0.25">
      <c r="D6175" s="40">
        <v>102.77922300000454</v>
      </c>
      <c r="E6175" s="40">
        <v>20.938627953145975</v>
      </c>
      <c r="F6175" s="40">
        <v>102.76666699999998</v>
      </c>
      <c r="G6175" s="40">
        <v>21.090626420891411</v>
      </c>
      <c r="H6175" s="40">
        <v>102.76666700000001</v>
      </c>
      <c r="I6175" s="40">
        <v>18.596049628778175</v>
      </c>
      <c r="J6175" s="40">
        <v>102.76662967262</v>
      </c>
      <c r="K6175" s="40">
        <v>13.102383703004286</v>
      </c>
      <c r="L6175" s="40"/>
      <c r="M6175" s="40"/>
      <c r="N6175" s="40"/>
    </row>
    <row r="6176" spans="4:14" x14ac:dyDescent="0.25">
      <c r="D6176" s="40">
        <v>102.79588900000454</v>
      </c>
      <c r="E6176" s="40">
        <v>20.94332868530627</v>
      </c>
      <c r="F6176" s="40">
        <v>102.783333</v>
      </c>
      <c r="G6176" s="40">
        <v>21.090626420891411</v>
      </c>
      <c r="H6176" s="40">
        <v>102.783334</v>
      </c>
      <c r="I6176" s="40">
        <v>18.599402364921435</v>
      </c>
      <c r="J6176" s="40">
        <v>102.78329633333399</v>
      </c>
      <c r="K6176" s="40">
        <v>13.102383703004286</v>
      </c>
      <c r="L6176" s="40"/>
      <c r="M6176" s="40"/>
      <c r="N6176" s="40"/>
    </row>
    <row r="6177" spans="4:14" x14ac:dyDescent="0.25">
      <c r="D6177" s="40">
        <v>102.81255500000454</v>
      </c>
      <c r="E6177" s="40">
        <v>20.94332868530627</v>
      </c>
      <c r="F6177" s="40">
        <v>102.79999999999998</v>
      </c>
      <c r="G6177" s="40">
        <v>21.090626420891411</v>
      </c>
      <c r="H6177" s="40">
        <v>102.80000000000001</v>
      </c>
      <c r="I6177" s="40">
        <v>18.602656491178195</v>
      </c>
      <c r="J6177" s="40">
        <v>102.799962994048</v>
      </c>
      <c r="K6177" s="40">
        <v>13.102383703004286</v>
      </c>
      <c r="L6177" s="40"/>
      <c r="M6177" s="40"/>
      <c r="N6177" s="40"/>
    </row>
    <row r="6178" spans="4:14" x14ac:dyDescent="0.25">
      <c r="D6178" s="40">
        <v>102.82922100000454</v>
      </c>
      <c r="E6178" s="40">
        <v>20.94332868530627</v>
      </c>
      <c r="F6178" s="40">
        <v>102.816667</v>
      </c>
      <c r="G6178" s="40">
        <v>21.090626420891411</v>
      </c>
      <c r="H6178" s="40">
        <v>102.816667</v>
      </c>
      <c r="I6178" s="40">
        <v>18.602656491178195</v>
      </c>
      <c r="J6178" s="40">
        <v>102.816629654762</v>
      </c>
      <c r="K6178" s="40">
        <v>13.102383703004286</v>
      </c>
      <c r="L6178" s="40"/>
      <c r="M6178" s="40"/>
      <c r="N6178" s="40"/>
    </row>
    <row r="6179" spans="4:14" x14ac:dyDescent="0.25">
      <c r="D6179" s="40">
        <v>102.84588700000454</v>
      </c>
      <c r="E6179" s="40">
        <v>20.948171863895819</v>
      </c>
      <c r="F6179" s="40">
        <v>102.83333299999998</v>
      </c>
      <c r="G6179" s="40">
        <v>21.090626420891411</v>
      </c>
      <c r="H6179" s="40">
        <v>102.83333400000001</v>
      </c>
      <c r="I6179" s="40">
        <v>18.606009227321454</v>
      </c>
      <c r="J6179" s="40">
        <v>102.833296315477</v>
      </c>
      <c r="K6179" s="40">
        <v>13.097532659295053</v>
      </c>
      <c r="L6179" s="40"/>
      <c r="M6179" s="40"/>
      <c r="N6179" s="40"/>
    </row>
    <row r="6180" spans="4:14" x14ac:dyDescent="0.25">
      <c r="D6180" s="40">
        <v>102.86255300000454</v>
      </c>
      <c r="E6180" s="40">
        <v>20.948171863895819</v>
      </c>
      <c r="F6180" s="40">
        <v>102.85</v>
      </c>
      <c r="G6180" s="40">
        <v>21.090626420891411</v>
      </c>
      <c r="H6180" s="40">
        <v>102.85</v>
      </c>
      <c r="I6180" s="40">
        <v>18.606009227321454</v>
      </c>
      <c r="J6180" s="40">
        <v>102.84996297619099</v>
      </c>
      <c r="K6180" s="40">
        <v>13.097532659295053</v>
      </c>
      <c r="L6180" s="40"/>
      <c r="M6180" s="40"/>
      <c r="N6180" s="40"/>
    </row>
    <row r="6181" spans="4:14" x14ac:dyDescent="0.25">
      <c r="D6181" s="40">
        <v>102.87921900000454</v>
      </c>
      <c r="E6181" s="40">
        <v>20.948171863895819</v>
      </c>
      <c r="F6181" s="40">
        <v>102.86666700000001</v>
      </c>
      <c r="G6181" s="40">
        <v>21.090626420891411</v>
      </c>
      <c r="H6181" s="40">
        <v>102.86666700000001</v>
      </c>
      <c r="I6181" s="40">
        <v>18.609361963464885</v>
      </c>
      <c r="J6181" s="40">
        <v>102.866629636905</v>
      </c>
      <c r="K6181" s="40">
        <v>13.097532659295053</v>
      </c>
      <c r="L6181" s="40"/>
      <c r="M6181" s="40"/>
      <c r="N6181" s="40"/>
    </row>
    <row r="6182" spans="4:14" x14ac:dyDescent="0.25">
      <c r="D6182" s="40">
        <v>102.89588500000454</v>
      </c>
      <c r="E6182" s="40">
        <v>20.953015042485369</v>
      </c>
      <c r="F6182" s="40">
        <v>102.88333299999999</v>
      </c>
      <c r="G6182" s="40">
        <v>21.090626420891411</v>
      </c>
      <c r="H6182" s="40">
        <v>102.88333400000002</v>
      </c>
      <c r="I6182" s="40">
        <v>18.609361963464885</v>
      </c>
      <c r="J6182" s="40">
        <v>102.88329629762001</v>
      </c>
      <c r="K6182" s="40">
        <v>13.097532659295053</v>
      </c>
      <c r="L6182" s="40"/>
      <c r="M6182" s="40"/>
      <c r="N6182" s="40"/>
    </row>
    <row r="6183" spans="4:14" x14ac:dyDescent="0.25">
      <c r="D6183" s="40">
        <v>102.91255100000454</v>
      </c>
      <c r="E6183" s="40">
        <v>20.957715774645667</v>
      </c>
      <c r="F6183" s="40">
        <v>102.9</v>
      </c>
      <c r="G6183" s="40">
        <v>21.090626420891411</v>
      </c>
      <c r="H6183" s="40">
        <v>102.9</v>
      </c>
      <c r="I6183" s="40">
        <v>18.61261608972147</v>
      </c>
      <c r="J6183" s="40">
        <v>102.899962958334</v>
      </c>
      <c r="K6183" s="40">
        <v>13.097532659295053</v>
      </c>
      <c r="L6183" s="40"/>
      <c r="M6183" s="40"/>
      <c r="N6183" s="40"/>
    </row>
    <row r="6184" spans="4:14" x14ac:dyDescent="0.25">
      <c r="D6184" s="40">
        <v>102.92921700000454</v>
      </c>
      <c r="E6184" s="40">
        <v>20.957715774645667</v>
      </c>
      <c r="F6184" s="40">
        <v>102.91666699999999</v>
      </c>
      <c r="G6184" s="40">
        <v>21.090626420891411</v>
      </c>
      <c r="H6184" s="40">
        <v>102.91666700000002</v>
      </c>
      <c r="I6184" s="40">
        <v>18.615968825864904</v>
      </c>
      <c r="J6184" s="40">
        <v>102.916629619048</v>
      </c>
      <c r="K6184" s="40">
        <v>13.097532659295053</v>
      </c>
      <c r="L6184" s="40"/>
      <c r="M6184" s="40"/>
      <c r="N6184" s="40"/>
    </row>
    <row r="6185" spans="4:14" x14ac:dyDescent="0.25">
      <c r="D6185" s="40">
        <v>102.94588300000454</v>
      </c>
      <c r="E6185" s="40">
        <v>20.962558953235217</v>
      </c>
      <c r="F6185" s="40">
        <v>102.933333</v>
      </c>
      <c r="G6185" s="40">
        <v>21.09538166498163</v>
      </c>
      <c r="H6185" s="40">
        <v>102.933334</v>
      </c>
      <c r="I6185" s="40">
        <v>18.615968825864904</v>
      </c>
      <c r="J6185" s="40">
        <v>102.933296279762</v>
      </c>
      <c r="K6185" s="40">
        <v>13.097532659295053</v>
      </c>
      <c r="L6185" s="40"/>
      <c r="M6185" s="40"/>
      <c r="N6185" s="40"/>
    </row>
    <row r="6186" spans="4:14" x14ac:dyDescent="0.25">
      <c r="D6186" s="40">
        <v>102.96254900000454</v>
      </c>
      <c r="E6186" s="40">
        <v>20.962558953235217</v>
      </c>
      <c r="F6186" s="40">
        <v>102.94999999999999</v>
      </c>
      <c r="G6186" s="40">
        <v>21.09538166498163</v>
      </c>
      <c r="H6186" s="40">
        <v>102.95000000000002</v>
      </c>
      <c r="I6186" s="40">
        <v>18.619321562008164</v>
      </c>
      <c r="J6186" s="40">
        <v>102.94996294047699</v>
      </c>
      <c r="K6186" s="40">
        <v>13.097532659295053</v>
      </c>
      <c r="L6186" s="40"/>
      <c r="M6186" s="40"/>
      <c r="N6186" s="40"/>
    </row>
    <row r="6187" spans="4:14" x14ac:dyDescent="0.25">
      <c r="D6187" s="40">
        <v>102.97921500000454</v>
      </c>
      <c r="E6187" s="40">
        <v>20.962558953235217</v>
      </c>
      <c r="F6187" s="40">
        <v>102.966667</v>
      </c>
      <c r="G6187" s="40">
        <v>21.09538166498163</v>
      </c>
      <c r="H6187" s="40">
        <v>102.966667</v>
      </c>
      <c r="I6187" s="40">
        <v>18.619321562008164</v>
      </c>
      <c r="J6187" s="40">
        <v>102.966629601191</v>
      </c>
      <c r="K6187" s="40">
        <v>13.097532659295053</v>
      </c>
      <c r="L6187" s="40"/>
      <c r="M6187" s="40"/>
      <c r="N6187" s="40"/>
    </row>
    <row r="6188" spans="4:14" x14ac:dyDescent="0.25">
      <c r="D6188" s="40">
        <v>102.99588100000454</v>
      </c>
      <c r="E6188" s="40">
        <v>20.962558953235217</v>
      </c>
      <c r="F6188" s="40">
        <v>102.98333299999999</v>
      </c>
      <c r="G6188" s="40">
        <v>21.09538166498163</v>
      </c>
      <c r="H6188" s="40">
        <v>102.98333400000001</v>
      </c>
      <c r="I6188" s="40">
        <v>18.619321562008164</v>
      </c>
      <c r="J6188" s="40">
        <v>102.983296261905</v>
      </c>
      <c r="K6188" s="40">
        <v>13.097532659295053</v>
      </c>
      <c r="L6188" s="40"/>
      <c r="M6188" s="40"/>
      <c r="N6188" s="40"/>
    </row>
    <row r="6189" spans="4:14" x14ac:dyDescent="0.25">
      <c r="D6189" s="40">
        <v>103.01254700000455</v>
      </c>
      <c r="E6189" s="40">
        <v>20.967402131824763</v>
      </c>
      <c r="F6189" s="40">
        <v>103</v>
      </c>
      <c r="G6189" s="40">
        <v>21.09538166498163</v>
      </c>
      <c r="H6189" s="40">
        <v>103</v>
      </c>
      <c r="I6189" s="40">
        <v>18.622575688264927</v>
      </c>
      <c r="J6189" s="40">
        <v>102.99996292262</v>
      </c>
      <c r="K6189" s="40">
        <v>13.097532659295053</v>
      </c>
      <c r="L6189" s="40"/>
      <c r="M6189" s="40"/>
      <c r="N6189" s="40"/>
    </row>
    <row r="6190" spans="4:14" x14ac:dyDescent="0.25">
      <c r="D6190" s="40">
        <v>103.02921300000455</v>
      </c>
      <c r="E6190" s="40">
        <v>20.967402131824763</v>
      </c>
      <c r="F6190" s="40">
        <v>103.01666699999998</v>
      </c>
      <c r="G6190" s="40">
        <v>21.099997048951529</v>
      </c>
      <c r="H6190" s="40">
        <v>103.01666700000001</v>
      </c>
      <c r="I6190" s="40">
        <v>18.625928424408183</v>
      </c>
      <c r="J6190" s="40">
        <v>103.01662958333399</v>
      </c>
      <c r="K6190" s="40">
        <v>13.097532659295053</v>
      </c>
      <c r="L6190" s="40"/>
      <c r="M6190" s="40"/>
      <c r="N6190" s="40"/>
    </row>
    <row r="6191" spans="4:14" x14ac:dyDescent="0.25">
      <c r="D6191" s="40">
        <v>103.04587900000455</v>
      </c>
      <c r="E6191" s="40">
        <v>20.967402131824763</v>
      </c>
      <c r="F6191" s="40">
        <v>103.033333</v>
      </c>
      <c r="G6191" s="40">
        <v>21.099997048951529</v>
      </c>
      <c r="H6191" s="40">
        <v>103.033334</v>
      </c>
      <c r="I6191" s="40">
        <v>18.625928424408183</v>
      </c>
      <c r="J6191" s="40">
        <v>103.033296244048</v>
      </c>
      <c r="K6191" s="40">
        <v>13.097532659295053</v>
      </c>
      <c r="L6191" s="40"/>
      <c r="M6191" s="40"/>
      <c r="N6191" s="40"/>
    </row>
    <row r="6192" spans="4:14" x14ac:dyDescent="0.25">
      <c r="D6192" s="40">
        <v>103.06254500000455</v>
      </c>
      <c r="E6192" s="40">
        <v>20.972102863985189</v>
      </c>
      <c r="F6192" s="40">
        <v>103.04999999999998</v>
      </c>
      <c r="G6192" s="40">
        <v>21.099997048951529</v>
      </c>
      <c r="H6192" s="40">
        <v>103.05000000000001</v>
      </c>
      <c r="I6192" s="40">
        <v>18.629281160551614</v>
      </c>
      <c r="J6192" s="40">
        <v>103.049962904762</v>
      </c>
      <c r="K6192" s="40">
        <v>13.097532659295053</v>
      </c>
      <c r="L6192" s="40"/>
      <c r="M6192" s="40"/>
      <c r="N6192" s="40"/>
    </row>
    <row r="6193" spans="4:14" x14ac:dyDescent="0.25">
      <c r="D6193" s="40">
        <v>103.07921100000455</v>
      </c>
      <c r="E6193" s="40">
        <v>20.972102863985189</v>
      </c>
      <c r="F6193" s="40">
        <v>103.066667</v>
      </c>
      <c r="G6193" s="40">
        <v>21.099997048951529</v>
      </c>
      <c r="H6193" s="40">
        <v>103.066667</v>
      </c>
      <c r="I6193" s="40">
        <v>18.629281160551614</v>
      </c>
      <c r="J6193" s="40">
        <v>103.066629565477</v>
      </c>
      <c r="K6193" s="40">
        <v>13.097532659295053</v>
      </c>
      <c r="L6193" s="40"/>
      <c r="M6193" s="40"/>
      <c r="N6193" s="40"/>
    </row>
    <row r="6194" spans="4:14" x14ac:dyDescent="0.25">
      <c r="D6194" s="40">
        <v>103.09587700000455</v>
      </c>
      <c r="E6194" s="40">
        <v>20.972102863985189</v>
      </c>
      <c r="F6194" s="40">
        <v>103.08333299999998</v>
      </c>
      <c r="G6194" s="40">
        <v>21.099997048951529</v>
      </c>
      <c r="H6194" s="40">
        <v>103.08333400000001</v>
      </c>
      <c r="I6194" s="40">
        <v>18.632535286808377</v>
      </c>
      <c r="J6194" s="40">
        <v>103.083296226191</v>
      </c>
      <c r="K6194" s="40">
        <v>13.097532659295053</v>
      </c>
      <c r="L6194" s="40"/>
      <c r="M6194" s="40"/>
      <c r="N6194" s="40"/>
    </row>
    <row r="6195" spans="4:14" x14ac:dyDescent="0.25">
      <c r="D6195" s="40">
        <v>103.11254300000455</v>
      </c>
      <c r="E6195" s="40">
        <v>20.97694604257461</v>
      </c>
      <c r="F6195" s="40">
        <v>103.1</v>
      </c>
      <c r="G6195" s="40">
        <v>21.099997048951529</v>
      </c>
      <c r="H6195" s="40">
        <v>103.1</v>
      </c>
      <c r="I6195" s="40">
        <v>18.632535286808377</v>
      </c>
      <c r="J6195" s="40">
        <v>103.099962886905</v>
      </c>
      <c r="K6195" s="40">
        <v>13.097532659295053</v>
      </c>
      <c r="L6195" s="40"/>
      <c r="M6195" s="40"/>
      <c r="N6195" s="40"/>
    </row>
    <row r="6196" spans="4:14" x14ac:dyDescent="0.25">
      <c r="D6196" s="40">
        <v>103.12920900000455</v>
      </c>
      <c r="E6196" s="40">
        <v>20.97694604257461</v>
      </c>
      <c r="F6196" s="40">
        <v>103.11666700000001</v>
      </c>
      <c r="G6196" s="40">
        <v>21.099997048951529</v>
      </c>
      <c r="H6196" s="40">
        <v>103.11666700000001</v>
      </c>
      <c r="I6196" s="40">
        <v>18.635888022951637</v>
      </c>
      <c r="J6196" s="40">
        <v>103.11662954761999</v>
      </c>
      <c r="K6196" s="40">
        <v>13.097532659295053</v>
      </c>
      <c r="L6196" s="40"/>
      <c r="M6196" s="40"/>
      <c r="N6196" s="40"/>
    </row>
    <row r="6197" spans="4:14" x14ac:dyDescent="0.25">
      <c r="D6197" s="40">
        <v>103.14587500000455</v>
      </c>
      <c r="E6197" s="40">
        <v>20.97694604257461</v>
      </c>
      <c r="F6197" s="40">
        <v>103.13333299999999</v>
      </c>
      <c r="G6197" s="40">
        <v>21.099997048951529</v>
      </c>
      <c r="H6197" s="40">
        <v>103.13333400000002</v>
      </c>
      <c r="I6197" s="40">
        <v>18.635888022951637</v>
      </c>
      <c r="J6197" s="40">
        <v>103.133296208334</v>
      </c>
      <c r="K6197" s="40">
        <v>13.097532659295053</v>
      </c>
      <c r="L6197" s="40"/>
      <c r="M6197" s="40"/>
      <c r="N6197" s="40"/>
    </row>
    <row r="6198" spans="4:14" x14ac:dyDescent="0.25">
      <c r="D6198" s="40">
        <v>103.16254100000455</v>
      </c>
      <c r="E6198" s="40">
        <v>20.97694604257461</v>
      </c>
      <c r="F6198" s="40">
        <v>103.15</v>
      </c>
      <c r="G6198" s="40">
        <v>21.099997048951529</v>
      </c>
      <c r="H6198" s="40">
        <v>103.15</v>
      </c>
      <c r="I6198" s="40">
        <v>18.639240759094893</v>
      </c>
      <c r="J6198" s="40">
        <v>103.149962869048</v>
      </c>
      <c r="K6198" s="40">
        <v>13.097532659295053</v>
      </c>
      <c r="L6198" s="40"/>
      <c r="M6198" s="40"/>
      <c r="N6198" s="40"/>
    </row>
    <row r="6199" spans="4:14" x14ac:dyDescent="0.25">
      <c r="D6199" s="40">
        <v>103.17920700000455</v>
      </c>
      <c r="E6199" s="40">
        <v>20.97694604257461</v>
      </c>
      <c r="F6199" s="40">
        <v>103.16666699999999</v>
      </c>
      <c r="G6199" s="40">
        <v>21.104752293041749</v>
      </c>
      <c r="H6199" s="40">
        <v>103.16666700000002</v>
      </c>
      <c r="I6199" s="40">
        <v>18.639240759094893</v>
      </c>
      <c r="J6199" s="40">
        <v>103.16662952976201</v>
      </c>
      <c r="K6199" s="40">
        <v>13.097532659295053</v>
      </c>
      <c r="L6199" s="40"/>
      <c r="M6199" s="40"/>
      <c r="N6199" s="40"/>
    </row>
    <row r="6200" spans="4:14" x14ac:dyDescent="0.25">
      <c r="D6200" s="40">
        <v>103.19587300000455</v>
      </c>
      <c r="E6200" s="40">
        <v>20.972102863985189</v>
      </c>
      <c r="F6200" s="40">
        <v>103.183333</v>
      </c>
      <c r="G6200" s="40">
        <v>21.104752293041749</v>
      </c>
      <c r="H6200" s="40">
        <v>103.183334</v>
      </c>
      <c r="I6200" s="40">
        <v>18.642494885351656</v>
      </c>
      <c r="J6200" s="40">
        <v>103.18329619047699</v>
      </c>
      <c r="K6200" s="40">
        <v>13.097532659295053</v>
      </c>
      <c r="L6200" s="40"/>
      <c r="M6200" s="40"/>
      <c r="N6200" s="40"/>
    </row>
    <row r="6201" spans="4:14" x14ac:dyDescent="0.25">
      <c r="D6201" s="40">
        <v>103.21253900000455</v>
      </c>
      <c r="E6201" s="40">
        <v>20.972102863985189</v>
      </c>
      <c r="F6201" s="40">
        <v>103.19999999999999</v>
      </c>
      <c r="G6201" s="40">
        <v>21.104752293041749</v>
      </c>
      <c r="H6201" s="40">
        <v>103.20000000000002</v>
      </c>
      <c r="I6201" s="40">
        <v>18.645847621494912</v>
      </c>
      <c r="J6201" s="40">
        <v>103.199962851191</v>
      </c>
      <c r="K6201" s="40">
        <v>13.102383703004286</v>
      </c>
      <c r="L6201" s="40"/>
      <c r="M6201" s="40"/>
      <c r="N6201" s="40"/>
    </row>
    <row r="6202" spans="4:14" x14ac:dyDescent="0.25">
      <c r="D6202" s="40">
        <v>103.22920500000455</v>
      </c>
      <c r="E6202" s="40">
        <v>20.972102863985189</v>
      </c>
      <c r="F6202" s="40">
        <v>103.216667</v>
      </c>
      <c r="G6202" s="40">
        <v>21.104752293041749</v>
      </c>
      <c r="H6202" s="40">
        <v>103.216667</v>
      </c>
      <c r="I6202" s="40">
        <v>18.645847621494912</v>
      </c>
      <c r="J6202" s="40">
        <v>103.216629511905</v>
      </c>
      <c r="K6202" s="40">
        <v>13.102383703004286</v>
      </c>
      <c r="L6202" s="40"/>
      <c r="M6202" s="40"/>
      <c r="N6202" s="40"/>
    </row>
    <row r="6203" spans="4:14" x14ac:dyDescent="0.25">
      <c r="D6203" s="40">
        <v>103.24587100000456</v>
      </c>
      <c r="E6203" s="40">
        <v>20.972102863985189</v>
      </c>
      <c r="F6203" s="40">
        <v>103.23333299999999</v>
      </c>
      <c r="G6203" s="40">
        <v>21.109507537131844</v>
      </c>
      <c r="H6203" s="40">
        <v>103.23333400000001</v>
      </c>
      <c r="I6203" s="40">
        <v>18.649200357638342</v>
      </c>
      <c r="J6203" s="40">
        <v>103.23329617262</v>
      </c>
      <c r="K6203" s="40">
        <v>13.107234746713392</v>
      </c>
      <c r="L6203" s="40"/>
      <c r="M6203" s="40"/>
      <c r="N6203" s="40"/>
    </row>
    <row r="6204" spans="4:14" x14ac:dyDescent="0.25">
      <c r="D6204" s="40">
        <v>103.26253700000456</v>
      </c>
      <c r="E6204" s="40">
        <v>20.972102863985189</v>
      </c>
      <c r="F6204" s="40">
        <v>103.25</v>
      </c>
      <c r="G6204" s="40">
        <v>21.109507537131844</v>
      </c>
      <c r="H6204" s="40">
        <v>103.25</v>
      </c>
      <c r="I6204" s="40">
        <v>18.649200357638342</v>
      </c>
      <c r="J6204" s="40">
        <v>103.249962833334</v>
      </c>
      <c r="K6204" s="40">
        <v>13.107234746713392</v>
      </c>
      <c r="L6204" s="40"/>
      <c r="M6204" s="40"/>
      <c r="N6204" s="40"/>
    </row>
    <row r="6205" spans="4:14" x14ac:dyDescent="0.25">
      <c r="D6205" s="40">
        <v>103.27920300000456</v>
      </c>
      <c r="E6205" s="40">
        <v>20.972102863985189</v>
      </c>
      <c r="F6205" s="40">
        <v>103.26666699999998</v>
      </c>
      <c r="G6205" s="40">
        <v>21.109507537131844</v>
      </c>
      <c r="H6205" s="40">
        <v>103.26666700000001</v>
      </c>
      <c r="I6205" s="40">
        <v>18.652454483895106</v>
      </c>
      <c r="J6205" s="40">
        <v>103.266629494048</v>
      </c>
      <c r="K6205" s="40">
        <v>13.112085790422622</v>
      </c>
      <c r="L6205" s="40"/>
      <c r="M6205" s="40"/>
      <c r="N6205" s="40"/>
    </row>
    <row r="6206" spans="4:14" x14ac:dyDescent="0.25">
      <c r="D6206" s="40">
        <v>103.29586900000456</v>
      </c>
      <c r="E6206" s="40">
        <v>20.972102863985189</v>
      </c>
      <c r="F6206" s="40">
        <v>103.283333</v>
      </c>
      <c r="G6206" s="40">
        <v>21.109507537131844</v>
      </c>
      <c r="H6206" s="40">
        <v>103.283334</v>
      </c>
      <c r="I6206" s="40">
        <v>18.652454483895106</v>
      </c>
      <c r="J6206" s="40">
        <v>103.283296154762</v>
      </c>
      <c r="K6206" s="40">
        <v>13.112085790422622</v>
      </c>
      <c r="L6206" s="40"/>
      <c r="M6206" s="40"/>
      <c r="N6206" s="40"/>
    </row>
    <row r="6207" spans="4:14" x14ac:dyDescent="0.25">
      <c r="D6207" s="40">
        <v>103.31253500000456</v>
      </c>
      <c r="E6207" s="40">
        <v>20.972102863985189</v>
      </c>
      <c r="F6207" s="40">
        <v>103.29999999999998</v>
      </c>
      <c r="G6207" s="40">
        <v>21.114122921101742</v>
      </c>
      <c r="H6207" s="40">
        <v>103.30000000000001</v>
      </c>
      <c r="I6207" s="40">
        <v>18.655807220038366</v>
      </c>
      <c r="J6207" s="40">
        <v>103.299962815477</v>
      </c>
      <c r="K6207" s="40">
        <v>13.112085790422622</v>
      </c>
      <c r="L6207" s="40"/>
      <c r="M6207" s="40"/>
      <c r="N6207" s="40"/>
    </row>
    <row r="6208" spans="4:14" x14ac:dyDescent="0.25">
      <c r="D6208" s="40">
        <v>103.32920100000456</v>
      </c>
      <c r="E6208" s="40">
        <v>20.967402131824763</v>
      </c>
      <c r="F6208" s="40">
        <v>103.316667</v>
      </c>
      <c r="G6208" s="40">
        <v>21.114122921101742</v>
      </c>
      <c r="H6208" s="40">
        <v>103.316667</v>
      </c>
      <c r="I6208" s="40">
        <v>18.659159956181622</v>
      </c>
      <c r="J6208" s="40">
        <v>103.316629476191</v>
      </c>
      <c r="K6208" s="40">
        <v>13.107234746713392</v>
      </c>
      <c r="L6208" s="40"/>
      <c r="M6208" s="40"/>
      <c r="N6208" s="40"/>
    </row>
    <row r="6209" spans="4:14" x14ac:dyDescent="0.25">
      <c r="D6209" s="40">
        <v>103.34586700000456</v>
      </c>
      <c r="E6209" s="40">
        <v>20.967402131824763</v>
      </c>
      <c r="F6209" s="40">
        <v>103.33333299999998</v>
      </c>
      <c r="G6209" s="40">
        <v>21.114122921101742</v>
      </c>
      <c r="H6209" s="40">
        <v>103.33333400000001</v>
      </c>
      <c r="I6209" s="40">
        <v>18.659159956181622</v>
      </c>
      <c r="J6209" s="40">
        <v>103.33329613690501</v>
      </c>
      <c r="K6209" s="40">
        <v>13.107234746713392</v>
      </c>
      <c r="L6209" s="40"/>
      <c r="M6209" s="40"/>
      <c r="N6209" s="40"/>
    </row>
    <row r="6210" spans="4:14" x14ac:dyDescent="0.25">
      <c r="D6210" s="40">
        <v>103.36253300000456</v>
      </c>
      <c r="E6210" s="40">
        <v>20.967402131824763</v>
      </c>
      <c r="F6210" s="40">
        <v>103.35</v>
      </c>
      <c r="G6210" s="40">
        <v>21.114122921101742</v>
      </c>
      <c r="H6210" s="40">
        <v>103.35</v>
      </c>
      <c r="I6210" s="40">
        <v>18.662414082438385</v>
      </c>
      <c r="J6210" s="40">
        <v>103.34996279761999</v>
      </c>
      <c r="K6210" s="40">
        <v>13.107234746713392</v>
      </c>
      <c r="L6210" s="40"/>
      <c r="M6210" s="40"/>
      <c r="N6210" s="40"/>
    </row>
    <row r="6211" spans="4:14" x14ac:dyDescent="0.25">
      <c r="D6211" s="40">
        <v>103.37919900000456</v>
      </c>
      <c r="E6211" s="40">
        <v>20.967402131824763</v>
      </c>
      <c r="F6211" s="40">
        <v>103.36666700000001</v>
      </c>
      <c r="G6211" s="40">
        <v>21.114122921101742</v>
      </c>
      <c r="H6211" s="40">
        <v>103.36666700000001</v>
      </c>
      <c r="I6211" s="40">
        <v>18.665766818581819</v>
      </c>
      <c r="J6211" s="40">
        <v>103.366629458334</v>
      </c>
      <c r="K6211" s="40">
        <v>13.107234746713392</v>
      </c>
      <c r="L6211" s="40"/>
      <c r="M6211" s="40"/>
      <c r="N6211" s="40"/>
    </row>
    <row r="6212" spans="4:14" x14ac:dyDescent="0.25">
      <c r="D6212" s="40">
        <v>103.39586500000456</v>
      </c>
      <c r="E6212" s="40">
        <v>20.962558953235217</v>
      </c>
      <c r="F6212" s="40">
        <v>103.38333299999999</v>
      </c>
      <c r="G6212" s="40">
        <v>21.114122921101742</v>
      </c>
      <c r="H6212" s="40">
        <v>103.38333400000002</v>
      </c>
      <c r="I6212" s="40">
        <v>18.665766818581819</v>
      </c>
      <c r="J6212" s="40">
        <v>103.383296119048</v>
      </c>
      <c r="K6212" s="40">
        <v>13.107234746713392</v>
      </c>
      <c r="L6212" s="40"/>
      <c r="M6212" s="40"/>
      <c r="N6212" s="40"/>
    </row>
    <row r="6213" spans="4:14" x14ac:dyDescent="0.25">
      <c r="D6213" s="40">
        <v>103.41253100000456</v>
      </c>
      <c r="E6213" s="40">
        <v>20.962558953235217</v>
      </c>
      <c r="F6213" s="40">
        <v>103.4</v>
      </c>
      <c r="G6213" s="40">
        <v>21.114122921101742</v>
      </c>
      <c r="H6213" s="40">
        <v>103.4</v>
      </c>
      <c r="I6213" s="40">
        <v>18.669119554725075</v>
      </c>
      <c r="J6213" s="40">
        <v>103.39996277976201</v>
      </c>
      <c r="K6213" s="40">
        <v>13.107234746713392</v>
      </c>
      <c r="L6213" s="40"/>
      <c r="M6213" s="40"/>
      <c r="N6213" s="40"/>
    </row>
    <row r="6214" spans="4:14" x14ac:dyDescent="0.25">
      <c r="D6214" s="40">
        <v>103.42919700000456</v>
      </c>
      <c r="E6214" s="40">
        <v>20.962558953235217</v>
      </c>
      <c r="F6214" s="40">
        <v>103.41666699999999</v>
      </c>
      <c r="G6214" s="40">
        <v>21.114122921101742</v>
      </c>
      <c r="H6214" s="40">
        <v>103.41666700000002</v>
      </c>
      <c r="I6214" s="40">
        <v>18.669119554725075</v>
      </c>
      <c r="J6214" s="40">
        <v>103.416629440477</v>
      </c>
      <c r="K6214" s="40">
        <v>13.107234746713392</v>
      </c>
      <c r="L6214" s="40"/>
      <c r="M6214" s="40"/>
      <c r="N6214" s="40"/>
    </row>
    <row r="6215" spans="4:14" x14ac:dyDescent="0.25">
      <c r="D6215" s="40">
        <v>103.44586300000456</v>
      </c>
      <c r="E6215" s="40">
        <v>20.962558953235217</v>
      </c>
      <c r="F6215" s="40">
        <v>103.433333</v>
      </c>
      <c r="G6215" s="40">
        <v>21.114122921101742</v>
      </c>
      <c r="H6215" s="40">
        <v>103.433334</v>
      </c>
      <c r="I6215" s="40">
        <v>18.672373680981838</v>
      </c>
      <c r="J6215" s="40">
        <v>103.433296101191</v>
      </c>
      <c r="K6215" s="40">
        <v>13.107234746713392</v>
      </c>
      <c r="L6215" s="40"/>
      <c r="M6215" s="40"/>
      <c r="N6215" s="40"/>
    </row>
    <row r="6216" spans="4:14" x14ac:dyDescent="0.25">
      <c r="D6216" s="40">
        <v>103.46252900000457</v>
      </c>
      <c r="E6216" s="40">
        <v>20.962558953235217</v>
      </c>
      <c r="F6216" s="40">
        <v>103.44999999999999</v>
      </c>
      <c r="G6216" s="40">
        <v>21.114122921101742</v>
      </c>
      <c r="H6216" s="40">
        <v>103.45000000000002</v>
      </c>
      <c r="I6216" s="40">
        <v>18.672373680981838</v>
      </c>
      <c r="J6216" s="40">
        <v>103.449962761905</v>
      </c>
      <c r="K6216" s="40">
        <v>13.107234746713392</v>
      </c>
      <c r="L6216" s="40"/>
      <c r="M6216" s="40"/>
      <c r="N6216" s="40"/>
    </row>
    <row r="6217" spans="4:14" x14ac:dyDescent="0.25">
      <c r="D6217" s="40">
        <v>103.47919500000457</v>
      </c>
      <c r="E6217" s="40">
        <v>20.962558953235217</v>
      </c>
      <c r="F6217" s="40">
        <v>103.466667</v>
      </c>
      <c r="G6217" s="40">
        <v>21.114122921101742</v>
      </c>
      <c r="H6217" s="40">
        <v>103.466667</v>
      </c>
      <c r="I6217" s="40">
        <v>18.675726417125095</v>
      </c>
      <c r="J6217" s="40">
        <v>103.46662942262</v>
      </c>
      <c r="K6217" s="40">
        <v>13.107234746713392</v>
      </c>
      <c r="L6217" s="40"/>
      <c r="M6217" s="40"/>
      <c r="N6217" s="40"/>
    </row>
    <row r="6218" spans="4:14" x14ac:dyDescent="0.25">
      <c r="D6218" s="40">
        <v>103.49586100000457</v>
      </c>
      <c r="E6218" s="40">
        <v>20.957715774645667</v>
      </c>
      <c r="F6218" s="40">
        <v>103.48333299999999</v>
      </c>
      <c r="G6218" s="40">
        <v>21.118878165191962</v>
      </c>
      <c r="H6218" s="40">
        <v>103.48333400000001</v>
      </c>
      <c r="I6218" s="40">
        <v>18.679079153268354</v>
      </c>
      <c r="J6218" s="40">
        <v>103.483296083334</v>
      </c>
      <c r="K6218" s="40">
        <v>13.107234746713392</v>
      </c>
      <c r="L6218" s="40"/>
      <c r="M6218" s="40"/>
      <c r="N6218" s="40"/>
    </row>
    <row r="6219" spans="4:14" x14ac:dyDescent="0.25">
      <c r="D6219" s="40">
        <v>103.51252700000457</v>
      </c>
      <c r="E6219" s="40">
        <v>20.957715774645667</v>
      </c>
      <c r="F6219" s="40">
        <v>103.5</v>
      </c>
      <c r="G6219" s="40">
        <v>21.118878165191962</v>
      </c>
      <c r="H6219" s="40">
        <v>103.5</v>
      </c>
      <c r="I6219" s="40">
        <v>18.679079153268354</v>
      </c>
      <c r="J6219" s="40">
        <v>103.49996274404801</v>
      </c>
      <c r="K6219" s="40">
        <v>13.107234746713392</v>
      </c>
      <c r="L6219" s="40"/>
      <c r="M6219" s="40"/>
      <c r="N6219" s="40"/>
    </row>
    <row r="6220" spans="4:14" x14ac:dyDescent="0.25">
      <c r="D6220" s="40">
        <v>103.52919300000457</v>
      </c>
      <c r="E6220" s="40">
        <v>20.957715774645667</v>
      </c>
      <c r="F6220" s="40">
        <v>103.51666699999998</v>
      </c>
      <c r="G6220" s="40">
        <v>21.118878165191962</v>
      </c>
      <c r="H6220" s="40">
        <v>103.51666700000001</v>
      </c>
      <c r="I6220" s="40">
        <v>18.682431889411788</v>
      </c>
      <c r="J6220" s="40">
        <v>103.516629404762</v>
      </c>
      <c r="K6220" s="40">
        <v>13.107234746713392</v>
      </c>
      <c r="L6220" s="40"/>
      <c r="M6220" s="40"/>
      <c r="N6220" s="40"/>
    </row>
    <row r="6221" spans="4:14" x14ac:dyDescent="0.25">
      <c r="D6221" s="40">
        <v>103.54585900000457</v>
      </c>
      <c r="E6221" s="40">
        <v>20.957715774645667</v>
      </c>
      <c r="F6221" s="40">
        <v>103.533333</v>
      </c>
      <c r="G6221" s="40">
        <v>21.118878165191962</v>
      </c>
      <c r="H6221" s="40">
        <v>103.533334</v>
      </c>
      <c r="I6221" s="40">
        <v>18.682431889411788</v>
      </c>
      <c r="J6221" s="40">
        <v>103.533296065477</v>
      </c>
      <c r="K6221" s="40">
        <v>13.107234746713392</v>
      </c>
      <c r="L6221" s="40"/>
      <c r="M6221" s="40"/>
      <c r="N6221" s="40"/>
    </row>
    <row r="6222" spans="4:14" x14ac:dyDescent="0.25">
      <c r="D6222" s="40">
        <v>103.56252500000457</v>
      </c>
      <c r="E6222" s="40">
        <v>20.953015042485369</v>
      </c>
      <c r="F6222" s="40">
        <v>103.54999999999998</v>
      </c>
      <c r="G6222" s="40">
        <v>21.123633409282061</v>
      </c>
      <c r="H6222" s="40">
        <v>103.55000000000001</v>
      </c>
      <c r="I6222" s="40">
        <v>18.685686015668548</v>
      </c>
      <c r="J6222" s="40">
        <v>103.549962726191</v>
      </c>
      <c r="K6222" s="40">
        <v>13.107234746713392</v>
      </c>
      <c r="L6222" s="40"/>
      <c r="M6222" s="40"/>
      <c r="N6222" s="40"/>
    </row>
    <row r="6223" spans="4:14" x14ac:dyDescent="0.25">
      <c r="D6223" s="40">
        <v>103.57919100000457</v>
      </c>
      <c r="E6223" s="40">
        <v>20.953015042485369</v>
      </c>
      <c r="F6223" s="40">
        <v>103.566667</v>
      </c>
      <c r="G6223" s="40">
        <v>21.123633409282061</v>
      </c>
      <c r="H6223" s="40">
        <v>103.566667</v>
      </c>
      <c r="I6223" s="40">
        <v>18.685686015668548</v>
      </c>
      <c r="J6223" s="40">
        <v>103.56662938690501</v>
      </c>
      <c r="K6223" s="40">
        <v>13.112085790422622</v>
      </c>
      <c r="L6223" s="40"/>
      <c r="M6223" s="40"/>
      <c r="N6223" s="40"/>
    </row>
    <row r="6224" spans="4:14" x14ac:dyDescent="0.25">
      <c r="D6224" s="40">
        <v>103.59585700000457</v>
      </c>
      <c r="E6224" s="40">
        <v>20.953015042485369</v>
      </c>
      <c r="F6224" s="40">
        <v>103.58333299999998</v>
      </c>
      <c r="G6224" s="40">
        <v>21.123633409282061</v>
      </c>
      <c r="H6224" s="40">
        <v>103.58333400000001</v>
      </c>
      <c r="I6224" s="40">
        <v>18.689038751811804</v>
      </c>
      <c r="J6224" s="40">
        <v>103.58329604762</v>
      </c>
      <c r="K6224" s="40">
        <v>13.107234746713392</v>
      </c>
      <c r="L6224" s="40"/>
      <c r="M6224" s="40"/>
      <c r="N6224" s="40"/>
    </row>
    <row r="6225" spans="4:14" x14ac:dyDescent="0.25">
      <c r="D6225" s="40">
        <v>103.61252300000457</v>
      </c>
      <c r="E6225" s="40">
        <v>20.957715774645667</v>
      </c>
      <c r="F6225" s="40">
        <v>103.6</v>
      </c>
      <c r="G6225" s="40">
        <v>21.123633409282061</v>
      </c>
      <c r="H6225" s="40">
        <v>103.6</v>
      </c>
      <c r="I6225" s="40">
        <v>18.69239148795506</v>
      </c>
      <c r="J6225" s="40">
        <v>103.599962708334</v>
      </c>
      <c r="K6225" s="40">
        <v>13.107234746713392</v>
      </c>
      <c r="L6225" s="40"/>
      <c r="M6225" s="40"/>
      <c r="N6225" s="40"/>
    </row>
    <row r="6226" spans="4:14" x14ac:dyDescent="0.25">
      <c r="D6226" s="40">
        <v>103.62918900000457</v>
      </c>
      <c r="E6226" s="40">
        <v>20.957715774645667</v>
      </c>
      <c r="F6226" s="40">
        <v>103.61666700000001</v>
      </c>
      <c r="G6226" s="40">
        <v>21.123633409282061</v>
      </c>
      <c r="H6226" s="40">
        <v>103.61666700000001</v>
      </c>
      <c r="I6226" s="40">
        <v>18.69239148795506</v>
      </c>
      <c r="J6226" s="40">
        <v>103.616629369048</v>
      </c>
      <c r="K6226" s="40">
        <v>13.107234746713392</v>
      </c>
      <c r="L6226" s="40"/>
      <c r="M6226" s="40"/>
      <c r="N6226" s="40"/>
    </row>
    <row r="6227" spans="4:14" x14ac:dyDescent="0.25">
      <c r="D6227" s="40">
        <v>103.64585500000457</v>
      </c>
      <c r="E6227" s="40">
        <v>20.957715774645667</v>
      </c>
      <c r="F6227" s="40">
        <v>103.63333299999999</v>
      </c>
      <c r="G6227" s="40">
        <v>21.123633409282061</v>
      </c>
      <c r="H6227" s="40">
        <v>103.63333400000002</v>
      </c>
      <c r="I6227" s="40">
        <v>18.695645614211823</v>
      </c>
      <c r="J6227" s="40">
        <v>103.63329602976199</v>
      </c>
      <c r="K6227" s="40">
        <v>13.107234746713392</v>
      </c>
      <c r="L6227" s="40"/>
      <c r="M6227" s="40"/>
      <c r="N6227" s="40"/>
    </row>
    <row r="6228" spans="4:14" x14ac:dyDescent="0.25">
      <c r="D6228" s="40">
        <v>103.66252100000457</v>
      </c>
      <c r="E6228" s="40">
        <v>20.957715774645667</v>
      </c>
      <c r="F6228" s="40">
        <v>103.65</v>
      </c>
      <c r="G6228" s="40">
        <v>21.123633409282061</v>
      </c>
      <c r="H6228" s="40">
        <v>103.65</v>
      </c>
      <c r="I6228" s="40">
        <v>18.695645614211823</v>
      </c>
      <c r="J6228" s="40">
        <v>103.649962690477</v>
      </c>
      <c r="K6228" s="40">
        <v>13.102383703004286</v>
      </c>
      <c r="L6228" s="40"/>
      <c r="M6228" s="40"/>
      <c r="N6228" s="40"/>
    </row>
    <row r="6229" spans="4:14" x14ac:dyDescent="0.25">
      <c r="D6229" s="40">
        <v>103.67918700000457</v>
      </c>
      <c r="E6229" s="40">
        <v>20.957715774645667</v>
      </c>
      <c r="F6229" s="40">
        <v>103.66666699999999</v>
      </c>
      <c r="G6229" s="40">
        <v>21.123633409282061</v>
      </c>
      <c r="H6229" s="40">
        <v>103.66666700000002</v>
      </c>
      <c r="I6229" s="40">
        <v>18.698998350355083</v>
      </c>
      <c r="J6229" s="40">
        <v>103.66662935119101</v>
      </c>
      <c r="K6229" s="40">
        <v>13.102383703004286</v>
      </c>
      <c r="L6229" s="40"/>
      <c r="M6229" s="40"/>
      <c r="N6229" s="40"/>
    </row>
    <row r="6230" spans="4:14" x14ac:dyDescent="0.25">
      <c r="D6230" s="40">
        <v>103.69585300000458</v>
      </c>
      <c r="E6230" s="40">
        <v>20.957715774645667</v>
      </c>
      <c r="F6230" s="40">
        <v>103.683333</v>
      </c>
      <c r="G6230" s="40">
        <v>21.128248793251959</v>
      </c>
      <c r="H6230" s="40">
        <v>103.683334</v>
      </c>
      <c r="I6230" s="40">
        <v>18.698998350355083</v>
      </c>
      <c r="J6230" s="40">
        <v>103.683296011905</v>
      </c>
      <c r="K6230" s="40">
        <v>13.102383703004286</v>
      </c>
      <c r="L6230" s="40"/>
      <c r="M6230" s="40"/>
      <c r="N6230" s="40"/>
    </row>
    <row r="6231" spans="4:14" x14ac:dyDescent="0.25">
      <c r="D6231" s="40">
        <v>103.71251900000458</v>
      </c>
      <c r="E6231" s="40">
        <v>20.957715774645667</v>
      </c>
      <c r="F6231" s="40">
        <v>103.69999999999999</v>
      </c>
      <c r="G6231" s="40">
        <v>21.128248793251959</v>
      </c>
      <c r="H6231" s="40">
        <v>103.70000000000002</v>
      </c>
      <c r="I6231" s="40">
        <v>18.702351086498517</v>
      </c>
      <c r="J6231" s="40">
        <v>103.69996267262</v>
      </c>
      <c r="K6231" s="40">
        <v>13.102383703004286</v>
      </c>
      <c r="L6231" s="40"/>
      <c r="M6231" s="40"/>
      <c r="N6231" s="40"/>
    </row>
    <row r="6232" spans="4:14" x14ac:dyDescent="0.25">
      <c r="D6232" s="40">
        <v>103.72918500000458</v>
      </c>
      <c r="E6232" s="40">
        <v>20.957715774645667</v>
      </c>
      <c r="F6232" s="40">
        <v>103.716667</v>
      </c>
      <c r="G6232" s="40">
        <v>21.128248793251959</v>
      </c>
      <c r="H6232" s="40">
        <v>103.716667</v>
      </c>
      <c r="I6232" s="40">
        <v>18.702351086498517</v>
      </c>
      <c r="J6232" s="40">
        <v>103.716629333334</v>
      </c>
      <c r="K6232" s="40">
        <v>13.107234746713392</v>
      </c>
      <c r="L6232" s="40"/>
      <c r="M6232" s="40"/>
      <c r="N6232" s="40"/>
    </row>
    <row r="6233" spans="4:14" x14ac:dyDescent="0.25">
      <c r="D6233" s="40">
        <v>103.74585100000458</v>
      </c>
      <c r="E6233" s="40">
        <v>20.957715774645667</v>
      </c>
      <c r="F6233" s="40">
        <v>103.73333299999999</v>
      </c>
      <c r="G6233" s="40">
        <v>21.133004037342179</v>
      </c>
      <c r="H6233" s="40">
        <v>103.73333400000001</v>
      </c>
      <c r="I6233" s="40">
        <v>18.70560521275528</v>
      </c>
      <c r="J6233" s="40">
        <v>103.73329599404801</v>
      </c>
      <c r="K6233" s="40">
        <v>13.107234746713392</v>
      </c>
      <c r="L6233" s="40"/>
      <c r="M6233" s="40"/>
      <c r="N6233" s="40"/>
    </row>
    <row r="6234" spans="4:14" x14ac:dyDescent="0.25">
      <c r="D6234" s="40">
        <v>103.76251700000458</v>
      </c>
      <c r="E6234" s="40">
        <v>20.957715774645667</v>
      </c>
      <c r="F6234" s="40">
        <v>103.75</v>
      </c>
      <c r="G6234" s="40">
        <v>21.133004037342179</v>
      </c>
      <c r="H6234" s="40">
        <v>103.75</v>
      </c>
      <c r="I6234" s="40">
        <v>18.70560521275528</v>
      </c>
      <c r="J6234" s="40">
        <v>103.749962654762</v>
      </c>
      <c r="K6234" s="40">
        <v>13.107234746713392</v>
      </c>
      <c r="L6234" s="40"/>
      <c r="M6234" s="40"/>
      <c r="N6234" s="40"/>
    </row>
    <row r="6235" spans="4:14" x14ac:dyDescent="0.25">
      <c r="D6235" s="40">
        <v>103.77918300000458</v>
      </c>
      <c r="E6235" s="40">
        <v>20.962558953235217</v>
      </c>
      <c r="F6235" s="40">
        <v>103.76666699999998</v>
      </c>
      <c r="G6235" s="40">
        <v>21.133004037342179</v>
      </c>
      <c r="H6235" s="40">
        <v>103.76666700000001</v>
      </c>
      <c r="I6235" s="40">
        <v>18.708957948898533</v>
      </c>
      <c r="J6235" s="40">
        <v>103.766629315477</v>
      </c>
      <c r="K6235" s="40">
        <v>13.112085790422622</v>
      </c>
      <c r="L6235" s="40"/>
      <c r="M6235" s="40"/>
      <c r="N6235" s="40"/>
    </row>
    <row r="6236" spans="4:14" x14ac:dyDescent="0.25">
      <c r="D6236" s="40">
        <v>103.79584900000458</v>
      </c>
      <c r="E6236" s="40">
        <v>20.962558953235217</v>
      </c>
      <c r="F6236" s="40">
        <v>103.783333</v>
      </c>
      <c r="G6236" s="40">
        <v>21.133004037342179</v>
      </c>
      <c r="H6236" s="40">
        <v>103.783334</v>
      </c>
      <c r="I6236" s="40">
        <v>18.708957948898533</v>
      </c>
      <c r="J6236" s="40">
        <v>103.783295976191</v>
      </c>
      <c r="K6236" s="40">
        <v>13.112085790422622</v>
      </c>
      <c r="L6236" s="40"/>
      <c r="M6236" s="40"/>
      <c r="N6236" s="40"/>
    </row>
    <row r="6237" spans="4:14" x14ac:dyDescent="0.25">
      <c r="D6237" s="40">
        <v>103.81251500000458</v>
      </c>
      <c r="E6237" s="40">
        <v>20.962558953235217</v>
      </c>
      <c r="F6237" s="40">
        <v>103.79999999999998</v>
      </c>
      <c r="G6237" s="40">
        <v>21.133004037342179</v>
      </c>
      <c r="H6237" s="40">
        <v>103.80000000000001</v>
      </c>
      <c r="I6237" s="40">
        <v>18.712310685041793</v>
      </c>
      <c r="J6237" s="40">
        <v>103.79996263690499</v>
      </c>
      <c r="K6237" s="40">
        <v>13.112085790422622</v>
      </c>
      <c r="L6237" s="40"/>
      <c r="M6237" s="40"/>
      <c r="N6237" s="40"/>
    </row>
    <row r="6238" spans="4:14" x14ac:dyDescent="0.25">
      <c r="D6238" s="40">
        <v>103.82918100000458</v>
      </c>
      <c r="E6238" s="40">
        <v>20.962558953235217</v>
      </c>
      <c r="F6238" s="40">
        <v>103.816667</v>
      </c>
      <c r="G6238" s="40">
        <v>21.133004037342179</v>
      </c>
      <c r="H6238" s="40">
        <v>103.816667</v>
      </c>
      <c r="I6238" s="40">
        <v>18.715564811298556</v>
      </c>
      <c r="J6238" s="40">
        <v>103.81662929762</v>
      </c>
      <c r="K6238" s="40">
        <v>13.112085790422622</v>
      </c>
      <c r="L6238" s="40"/>
      <c r="M6238" s="40"/>
      <c r="N6238" s="40"/>
    </row>
    <row r="6239" spans="4:14" x14ac:dyDescent="0.25">
      <c r="D6239" s="40">
        <v>103.84584700000458</v>
      </c>
      <c r="E6239" s="40">
        <v>20.962558953235217</v>
      </c>
      <c r="F6239" s="40">
        <v>103.83333299999998</v>
      </c>
      <c r="G6239" s="40">
        <v>21.137759281432274</v>
      </c>
      <c r="H6239" s="40">
        <v>103.83333400000001</v>
      </c>
      <c r="I6239" s="40">
        <v>18.715564811298556</v>
      </c>
      <c r="J6239" s="40">
        <v>103.83329595833401</v>
      </c>
      <c r="K6239" s="40">
        <v>13.112085790422622</v>
      </c>
      <c r="L6239" s="40"/>
      <c r="M6239" s="40"/>
      <c r="N6239" s="40"/>
    </row>
    <row r="6240" spans="4:14" x14ac:dyDescent="0.25">
      <c r="D6240" s="40">
        <v>103.86251300000458</v>
      </c>
      <c r="E6240" s="40">
        <v>20.962558953235217</v>
      </c>
      <c r="F6240" s="40">
        <v>103.85</v>
      </c>
      <c r="G6240" s="40">
        <v>21.137759281432274</v>
      </c>
      <c r="H6240" s="40">
        <v>103.85</v>
      </c>
      <c r="I6240" s="40">
        <v>18.71891754744199</v>
      </c>
      <c r="J6240" s="40">
        <v>103.849962619048</v>
      </c>
      <c r="K6240" s="40">
        <v>13.112085790422622</v>
      </c>
      <c r="L6240" s="40"/>
      <c r="M6240" s="40"/>
      <c r="N6240" s="40"/>
    </row>
    <row r="6241" spans="4:14" x14ac:dyDescent="0.25">
      <c r="D6241" s="40">
        <v>103.87917900000458</v>
      </c>
      <c r="E6241" s="40">
        <v>20.962558953235217</v>
      </c>
      <c r="F6241" s="40">
        <v>103.86666700000001</v>
      </c>
      <c r="G6241" s="40">
        <v>21.137759281432274</v>
      </c>
      <c r="H6241" s="40">
        <v>103.86666700000001</v>
      </c>
      <c r="I6241" s="40">
        <v>18.71891754744199</v>
      </c>
      <c r="J6241" s="40">
        <v>103.86662927976199</v>
      </c>
      <c r="K6241" s="40">
        <v>13.107234746713392</v>
      </c>
      <c r="L6241" s="40"/>
      <c r="M6241" s="40"/>
      <c r="N6241" s="40"/>
    </row>
    <row r="6242" spans="4:14" x14ac:dyDescent="0.25">
      <c r="D6242" s="40">
        <v>103.89584500000458</v>
      </c>
      <c r="E6242" s="40">
        <v>20.962558953235217</v>
      </c>
      <c r="F6242" s="40">
        <v>103.88333299999999</v>
      </c>
      <c r="G6242" s="40">
        <v>21.137759281432274</v>
      </c>
      <c r="H6242" s="40">
        <v>103.88333400000002</v>
      </c>
      <c r="I6242" s="40">
        <v>18.722270283585246</v>
      </c>
      <c r="J6242" s="40">
        <v>103.883295940477</v>
      </c>
      <c r="K6242" s="40">
        <v>13.107234746713392</v>
      </c>
      <c r="L6242" s="40"/>
      <c r="M6242" s="40"/>
      <c r="N6242" s="40"/>
    </row>
    <row r="6243" spans="4:14" x14ac:dyDescent="0.25">
      <c r="D6243" s="40">
        <v>103.91251100000459</v>
      </c>
      <c r="E6243" s="40">
        <v>20.967402131824763</v>
      </c>
      <c r="F6243" s="40">
        <v>103.9</v>
      </c>
      <c r="G6243" s="40">
        <v>21.137759281432274</v>
      </c>
      <c r="H6243" s="40">
        <v>103.9</v>
      </c>
      <c r="I6243" s="40">
        <v>18.722270283585246</v>
      </c>
      <c r="J6243" s="40">
        <v>103.89996260119101</v>
      </c>
      <c r="K6243" s="40">
        <v>13.107234746713392</v>
      </c>
      <c r="L6243" s="40"/>
      <c r="M6243" s="40"/>
      <c r="N6243" s="40"/>
    </row>
    <row r="6244" spans="4:14" x14ac:dyDescent="0.25">
      <c r="D6244" s="40">
        <v>103.92917700000459</v>
      </c>
      <c r="E6244" s="40">
        <v>20.967402131824763</v>
      </c>
      <c r="F6244" s="40">
        <v>103.91666699999999</v>
      </c>
      <c r="G6244" s="40">
        <v>21.137759281432274</v>
      </c>
      <c r="H6244" s="40">
        <v>103.91666700000002</v>
      </c>
      <c r="I6244" s="40">
        <v>18.725524409842009</v>
      </c>
      <c r="J6244" s="40">
        <v>103.916629261905</v>
      </c>
      <c r="K6244" s="40">
        <v>13.107234746713392</v>
      </c>
      <c r="L6244" s="40"/>
      <c r="M6244" s="40"/>
      <c r="N6244" s="40"/>
    </row>
    <row r="6245" spans="4:14" x14ac:dyDescent="0.25">
      <c r="D6245" s="40">
        <v>103.94584300000459</v>
      </c>
      <c r="E6245" s="40">
        <v>20.967402131824763</v>
      </c>
      <c r="F6245" s="40">
        <v>103.933333</v>
      </c>
      <c r="G6245" s="40">
        <v>21.137759281432274</v>
      </c>
      <c r="H6245" s="40">
        <v>103.933334</v>
      </c>
      <c r="I6245" s="40">
        <v>18.725524409842009</v>
      </c>
      <c r="J6245" s="40">
        <v>103.93329592262</v>
      </c>
      <c r="K6245" s="40">
        <v>13.107234746713392</v>
      </c>
      <c r="L6245" s="40"/>
      <c r="M6245" s="40"/>
      <c r="N6245" s="40"/>
    </row>
    <row r="6246" spans="4:14" x14ac:dyDescent="0.25">
      <c r="D6246" s="40">
        <v>103.96250900000459</v>
      </c>
      <c r="E6246" s="40">
        <v>20.967402131824763</v>
      </c>
      <c r="F6246" s="40">
        <v>103.94999999999999</v>
      </c>
      <c r="G6246" s="40">
        <v>21.142374665402173</v>
      </c>
      <c r="H6246" s="40">
        <v>103.95000000000002</v>
      </c>
      <c r="I6246" s="40">
        <v>18.728877145985262</v>
      </c>
      <c r="J6246" s="40">
        <v>103.949962583334</v>
      </c>
      <c r="K6246" s="40">
        <v>13.107234746713392</v>
      </c>
      <c r="L6246" s="40"/>
      <c r="M6246" s="40"/>
      <c r="N6246" s="40"/>
    </row>
    <row r="6247" spans="4:14" x14ac:dyDescent="0.25">
      <c r="D6247" s="40">
        <v>103.97917500000459</v>
      </c>
      <c r="E6247" s="40">
        <v>20.967402131824763</v>
      </c>
      <c r="F6247" s="40">
        <v>103.966667</v>
      </c>
      <c r="G6247" s="40">
        <v>21.142374665402173</v>
      </c>
      <c r="H6247" s="40">
        <v>103.966667</v>
      </c>
      <c r="I6247" s="40">
        <v>18.728877145985262</v>
      </c>
      <c r="J6247" s="40">
        <v>103.96662924404799</v>
      </c>
      <c r="K6247" s="40">
        <v>13.107234746713392</v>
      </c>
      <c r="L6247" s="40"/>
      <c r="M6247" s="40"/>
      <c r="N6247" s="40"/>
    </row>
    <row r="6248" spans="4:14" x14ac:dyDescent="0.25">
      <c r="D6248" s="40">
        <v>103.99584100000459</v>
      </c>
      <c r="E6248" s="40">
        <v>20.967402131824763</v>
      </c>
      <c r="F6248" s="40">
        <v>103.98333299999999</v>
      </c>
      <c r="G6248" s="40">
        <v>21.142374665402173</v>
      </c>
      <c r="H6248" s="40">
        <v>103.98333400000001</v>
      </c>
      <c r="I6248" s="40">
        <v>18.732229882128522</v>
      </c>
      <c r="J6248" s="40">
        <v>103.983295904762</v>
      </c>
      <c r="K6248" s="40">
        <v>13.107234746713392</v>
      </c>
      <c r="L6248" s="40"/>
      <c r="M6248" s="40"/>
      <c r="N6248" s="40"/>
    </row>
    <row r="6249" spans="4:14" x14ac:dyDescent="0.25">
      <c r="D6249" s="40">
        <v>104.01250700000459</v>
      </c>
      <c r="E6249" s="40">
        <v>20.967402131824763</v>
      </c>
      <c r="F6249" s="40">
        <v>104</v>
      </c>
      <c r="G6249" s="40">
        <v>21.142374665402173</v>
      </c>
      <c r="H6249" s="40">
        <v>104</v>
      </c>
      <c r="I6249" s="40">
        <v>18.732229882128522</v>
      </c>
      <c r="J6249" s="40">
        <v>103.99996256547701</v>
      </c>
      <c r="K6249" s="40">
        <v>13.107234746713392</v>
      </c>
      <c r="L6249" s="40"/>
      <c r="M6249" s="40"/>
      <c r="N6249" s="40"/>
    </row>
    <row r="6250" spans="4:14" x14ac:dyDescent="0.25">
      <c r="D6250" s="40">
        <v>104.02917300000459</v>
      </c>
      <c r="E6250" s="40">
        <v>20.967402131824763</v>
      </c>
      <c r="F6250" s="40">
        <v>104.01666699999998</v>
      </c>
      <c r="G6250" s="40">
        <v>21.142374665402173</v>
      </c>
      <c r="H6250" s="40">
        <v>104.01666700000001</v>
      </c>
      <c r="I6250" s="40">
        <v>18.735484008385285</v>
      </c>
      <c r="J6250" s="40">
        <v>104.016629226191</v>
      </c>
      <c r="K6250" s="40">
        <v>13.107234746713392</v>
      </c>
      <c r="L6250" s="40"/>
      <c r="M6250" s="40"/>
      <c r="N6250" s="40"/>
    </row>
    <row r="6251" spans="4:14" x14ac:dyDescent="0.25">
      <c r="D6251" s="40">
        <v>104.04583900000459</v>
      </c>
      <c r="E6251" s="40">
        <v>20.967402131824763</v>
      </c>
      <c r="F6251" s="40">
        <v>104.033333</v>
      </c>
      <c r="G6251" s="40">
        <v>21.142374665402173</v>
      </c>
      <c r="H6251" s="40">
        <v>104.033334</v>
      </c>
      <c r="I6251" s="40">
        <v>18.735484008385285</v>
      </c>
      <c r="J6251" s="40">
        <v>104.03329588690499</v>
      </c>
      <c r="K6251" s="40">
        <v>13.107234746713392</v>
      </c>
      <c r="L6251" s="40"/>
      <c r="M6251" s="40"/>
      <c r="N6251" s="40"/>
    </row>
    <row r="6252" spans="4:14" x14ac:dyDescent="0.25">
      <c r="D6252" s="40">
        <v>104.06250500000459</v>
      </c>
      <c r="E6252" s="40">
        <v>20.967402131824763</v>
      </c>
      <c r="F6252" s="40">
        <v>104.04999999999998</v>
      </c>
      <c r="G6252" s="40">
        <v>21.142374665402173</v>
      </c>
      <c r="H6252" s="40">
        <v>104.05000000000001</v>
      </c>
      <c r="I6252" s="40">
        <v>18.738836744528719</v>
      </c>
      <c r="J6252" s="40">
        <v>104.04996254762</v>
      </c>
      <c r="K6252" s="40">
        <v>13.107234746713392</v>
      </c>
      <c r="L6252" s="40"/>
      <c r="M6252" s="40"/>
      <c r="N6252" s="40"/>
    </row>
    <row r="6253" spans="4:14" x14ac:dyDescent="0.25">
      <c r="D6253" s="40">
        <v>104.07917100000459</v>
      </c>
      <c r="E6253" s="40">
        <v>20.967402131824763</v>
      </c>
      <c r="F6253" s="40">
        <v>104.066667</v>
      </c>
      <c r="G6253" s="40">
        <v>21.142374665402173</v>
      </c>
      <c r="H6253" s="40">
        <v>104.066667</v>
      </c>
      <c r="I6253" s="40">
        <v>18.738836744528719</v>
      </c>
      <c r="J6253" s="40">
        <v>104.06662920833401</v>
      </c>
      <c r="K6253" s="40">
        <v>13.112085790422622</v>
      </c>
      <c r="L6253" s="40"/>
      <c r="M6253" s="40"/>
      <c r="N6253" s="40"/>
    </row>
    <row r="6254" spans="4:14" x14ac:dyDescent="0.25">
      <c r="D6254" s="40">
        <v>104.09583700000459</v>
      </c>
      <c r="E6254" s="40">
        <v>20.967402131824763</v>
      </c>
      <c r="F6254" s="40">
        <v>104.08333299999998</v>
      </c>
      <c r="G6254" s="40">
        <v>21.142374665402173</v>
      </c>
      <c r="H6254" s="40">
        <v>104.08333400000001</v>
      </c>
      <c r="I6254" s="40">
        <v>18.742189480671975</v>
      </c>
      <c r="J6254" s="40">
        <v>104.083295869048</v>
      </c>
      <c r="K6254" s="40">
        <v>13.112085790422622</v>
      </c>
      <c r="L6254" s="40"/>
      <c r="M6254" s="40"/>
      <c r="N6254" s="40"/>
    </row>
    <row r="6255" spans="4:14" x14ac:dyDescent="0.25">
      <c r="D6255" s="40">
        <v>104.11250300000459</v>
      </c>
      <c r="E6255" s="40">
        <v>20.967402131824763</v>
      </c>
      <c r="F6255" s="40">
        <v>104.1</v>
      </c>
      <c r="G6255" s="40">
        <v>21.142374665402173</v>
      </c>
      <c r="H6255" s="40">
        <v>104.1</v>
      </c>
      <c r="I6255" s="40">
        <v>18.742189480671975</v>
      </c>
      <c r="J6255" s="40">
        <v>104.099962529762</v>
      </c>
      <c r="K6255" s="40">
        <v>13.112085790422622</v>
      </c>
      <c r="L6255" s="40"/>
      <c r="M6255" s="40"/>
      <c r="N6255" s="40"/>
    </row>
    <row r="6256" spans="4:14" x14ac:dyDescent="0.25">
      <c r="D6256" s="40">
        <v>104.12916900000459</v>
      </c>
      <c r="E6256" s="40">
        <v>20.967402131824763</v>
      </c>
      <c r="F6256" s="40">
        <v>104.11666700000001</v>
      </c>
      <c r="G6256" s="40">
        <v>21.142374665402173</v>
      </c>
      <c r="H6256" s="40">
        <v>104.11666700000001</v>
      </c>
      <c r="I6256" s="40">
        <v>18.745443606928738</v>
      </c>
      <c r="J6256" s="40">
        <v>104.116629190477</v>
      </c>
      <c r="K6256" s="40">
        <v>13.112085790422622</v>
      </c>
      <c r="L6256" s="40"/>
      <c r="M6256" s="40"/>
      <c r="N6256" s="40"/>
    </row>
    <row r="6257" spans="4:14" x14ac:dyDescent="0.25">
      <c r="D6257" s="40">
        <v>104.1458350000046</v>
      </c>
      <c r="E6257" s="40">
        <v>20.967402131824763</v>
      </c>
      <c r="F6257" s="40">
        <v>104.13333299999999</v>
      </c>
      <c r="G6257" s="40">
        <v>21.142374665402173</v>
      </c>
      <c r="H6257" s="40">
        <v>104.13333400000002</v>
      </c>
      <c r="I6257" s="40">
        <v>18.748796343071994</v>
      </c>
      <c r="J6257" s="40">
        <v>104.13329585119099</v>
      </c>
      <c r="K6257" s="40">
        <v>13.112085790422622</v>
      </c>
      <c r="L6257" s="40"/>
      <c r="M6257" s="40"/>
      <c r="N6257" s="40"/>
    </row>
    <row r="6258" spans="4:14" x14ac:dyDescent="0.25">
      <c r="D6258" s="40">
        <v>104.1625010000046</v>
      </c>
      <c r="E6258" s="40">
        <v>20.967402131824763</v>
      </c>
      <c r="F6258" s="40">
        <v>104.15</v>
      </c>
      <c r="G6258" s="40">
        <v>21.147129909492392</v>
      </c>
      <c r="H6258" s="40">
        <v>104.15</v>
      </c>
      <c r="I6258" s="40">
        <v>18.748796343071994</v>
      </c>
      <c r="J6258" s="40">
        <v>104.149962511905</v>
      </c>
      <c r="K6258" s="40">
        <v>13.112085790422622</v>
      </c>
      <c r="L6258" s="40"/>
      <c r="M6258" s="40"/>
      <c r="N6258" s="40"/>
    </row>
    <row r="6259" spans="4:14" x14ac:dyDescent="0.25">
      <c r="D6259" s="40">
        <v>104.1791670000046</v>
      </c>
      <c r="E6259" s="40">
        <v>20.967402131824763</v>
      </c>
      <c r="F6259" s="40">
        <v>104.16666699999999</v>
      </c>
      <c r="G6259" s="40">
        <v>21.147129909492392</v>
      </c>
      <c r="H6259" s="40">
        <v>104.16666700000002</v>
      </c>
      <c r="I6259" s="40">
        <v>18.752149079215428</v>
      </c>
      <c r="J6259" s="40">
        <v>104.16662917262001</v>
      </c>
      <c r="K6259" s="40">
        <v>13.112085790422622</v>
      </c>
      <c r="L6259" s="40"/>
      <c r="M6259" s="40"/>
      <c r="N6259" s="40"/>
    </row>
    <row r="6260" spans="4:14" x14ac:dyDescent="0.25">
      <c r="D6260" s="40">
        <v>104.1958330000046</v>
      </c>
      <c r="E6260" s="40">
        <v>20.967402131824763</v>
      </c>
      <c r="F6260" s="40">
        <v>104.183333</v>
      </c>
      <c r="G6260" s="40">
        <v>21.147129909492392</v>
      </c>
      <c r="H6260" s="40">
        <v>104.183334</v>
      </c>
      <c r="I6260" s="40">
        <v>18.752149079215428</v>
      </c>
      <c r="J6260" s="40">
        <v>104.183295833334</v>
      </c>
      <c r="K6260" s="40">
        <v>13.112085790422622</v>
      </c>
      <c r="L6260" s="40"/>
      <c r="M6260" s="40"/>
      <c r="N6260" s="40"/>
    </row>
    <row r="6261" spans="4:14" x14ac:dyDescent="0.25">
      <c r="D6261" s="40">
        <v>104.2124990000046</v>
      </c>
      <c r="E6261" s="40">
        <v>20.967402131824763</v>
      </c>
      <c r="F6261" s="40">
        <v>104.19999999999999</v>
      </c>
      <c r="G6261" s="40">
        <v>21.147129909492392</v>
      </c>
      <c r="H6261" s="40">
        <v>104.20000000000002</v>
      </c>
      <c r="I6261" s="40">
        <v>18.755403205472014</v>
      </c>
      <c r="J6261" s="40">
        <v>104.19996249404799</v>
      </c>
      <c r="K6261" s="40">
        <v>13.112085790422622</v>
      </c>
      <c r="L6261" s="40"/>
      <c r="M6261" s="40"/>
      <c r="N6261" s="40"/>
    </row>
    <row r="6262" spans="4:14" x14ac:dyDescent="0.25">
      <c r="D6262" s="40">
        <v>104.2291650000046</v>
      </c>
      <c r="E6262" s="40">
        <v>20.967402131824763</v>
      </c>
      <c r="F6262" s="40">
        <v>104.216667</v>
      </c>
      <c r="G6262" s="40">
        <v>21.147129909492392</v>
      </c>
      <c r="H6262" s="40">
        <v>104.216667</v>
      </c>
      <c r="I6262" s="40">
        <v>18.758755941615448</v>
      </c>
      <c r="J6262" s="40">
        <v>104.216629154762</v>
      </c>
      <c r="K6262" s="40">
        <v>13.112085790422622</v>
      </c>
      <c r="L6262" s="40"/>
      <c r="M6262" s="40"/>
      <c r="N6262" s="40"/>
    </row>
    <row r="6263" spans="4:14" x14ac:dyDescent="0.25">
      <c r="D6263" s="40">
        <v>104.2458310000046</v>
      </c>
      <c r="E6263" s="40">
        <v>20.967402131824763</v>
      </c>
      <c r="F6263" s="40">
        <v>104.23333299999999</v>
      </c>
      <c r="G6263" s="40">
        <v>21.147129909492392</v>
      </c>
      <c r="H6263" s="40">
        <v>104.23333400000001</v>
      </c>
      <c r="I6263" s="40">
        <v>18.758755941615448</v>
      </c>
      <c r="J6263" s="40">
        <v>104.23329581547701</v>
      </c>
      <c r="K6263" s="40">
        <v>13.112085790422622</v>
      </c>
      <c r="L6263" s="40"/>
      <c r="M6263" s="40"/>
      <c r="N6263" s="40"/>
    </row>
    <row r="6264" spans="4:14" x14ac:dyDescent="0.25">
      <c r="D6264" s="40">
        <v>104.2624970000046</v>
      </c>
      <c r="E6264" s="40">
        <v>20.967402131824763</v>
      </c>
      <c r="F6264" s="40">
        <v>104.25</v>
      </c>
      <c r="G6264" s="40">
        <v>21.147129909492392</v>
      </c>
      <c r="H6264" s="40">
        <v>104.25</v>
      </c>
      <c r="I6264" s="40">
        <v>18.762108677758707</v>
      </c>
      <c r="J6264" s="40">
        <v>104.249962476191</v>
      </c>
      <c r="K6264" s="40">
        <v>13.112085790422622</v>
      </c>
      <c r="L6264" s="40"/>
      <c r="M6264" s="40"/>
      <c r="N6264" s="40"/>
    </row>
    <row r="6265" spans="4:14" x14ac:dyDescent="0.25">
      <c r="D6265" s="40">
        <v>104.2791630000046</v>
      </c>
      <c r="E6265" s="40">
        <v>20.967402131824763</v>
      </c>
      <c r="F6265" s="40">
        <v>104.26666699999998</v>
      </c>
      <c r="G6265" s="40">
        <v>21.147129909492392</v>
      </c>
      <c r="H6265" s="40">
        <v>104.26666700000001</v>
      </c>
      <c r="I6265" s="40">
        <v>18.765362804015471</v>
      </c>
      <c r="J6265" s="40">
        <v>104.266629136905</v>
      </c>
      <c r="K6265" s="40">
        <v>13.112085790422622</v>
      </c>
      <c r="L6265" s="40"/>
      <c r="M6265" s="40"/>
      <c r="N6265" s="40"/>
    </row>
    <row r="6266" spans="4:14" x14ac:dyDescent="0.25">
      <c r="D6266" s="40">
        <v>104.2958290000046</v>
      </c>
      <c r="E6266" s="40">
        <v>20.967402131824763</v>
      </c>
      <c r="F6266" s="40">
        <v>104.283333</v>
      </c>
      <c r="G6266" s="40">
        <v>21.151885153582612</v>
      </c>
      <c r="H6266" s="40">
        <v>104.283334</v>
      </c>
      <c r="I6266" s="40">
        <v>18.765362804015471</v>
      </c>
      <c r="J6266" s="40">
        <v>104.28329579762</v>
      </c>
      <c r="K6266" s="40">
        <v>13.116794156375683</v>
      </c>
      <c r="L6266" s="40"/>
      <c r="M6266" s="40"/>
      <c r="N6266" s="40"/>
    </row>
    <row r="6267" spans="4:14" x14ac:dyDescent="0.25">
      <c r="D6267" s="40">
        <v>104.3124950000046</v>
      </c>
      <c r="E6267" s="40">
        <v>20.967402131824763</v>
      </c>
      <c r="F6267" s="40">
        <v>104.29999999999998</v>
      </c>
      <c r="G6267" s="40">
        <v>21.151885153582612</v>
      </c>
      <c r="H6267" s="40">
        <v>104.30000000000001</v>
      </c>
      <c r="I6267" s="40">
        <v>18.768715540158723</v>
      </c>
      <c r="J6267" s="40">
        <v>104.29996245833399</v>
      </c>
      <c r="K6267" s="40">
        <v>13.116794156375683</v>
      </c>
      <c r="L6267" s="40"/>
      <c r="M6267" s="40"/>
      <c r="N6267" s="40"/>
    </row>
    <row r="6268" spans="4:14" x14ac:dyDescent="0.25">
      <c r="D6268" s="40">
        <v>104.3291610000046</v>
      </c>
      <c r="E6268" s="40">
        <v>20.972102863985189</v>
      </c>
      <c r="F6268" s="40">
        <v>104.316667</v>
      </c>
      <c r="G6268" s="40">
        <v>21.151885153582612</v>
      </c>
      <c r="H6268" s="40">
        <v>104.316667</v>
      </c>
      <c r="I6268" s="40">
        <v>18.768715540158723</v>
      </c>
      <c r="J6268" s="40">
        <v>104.316629119048</v>
      </c>
      <c r="K6268" s="40">
        <v>13.116794156375683</v>
      </c>
      <c r="L6268" s="40"/>
      <c r="M6268" s="40"/>
      <c r="N6268" s="40"/>
    </row>
    <row r="6269" spans="4:14" x14ac:dyDescent="0.25">
      <c r="D6269" s="40">
        <v>104.3458270000046</v>
      </c>
      <c r="E6269" s="40">
        <v>20.972102863985189</v>
      </c>
      <c r="F6269" s="40">
        <v>104.33333299999998</v>
      </c>
      <c r="G6269" s="40">
        <v>21.151885153582612</v>
      </c>
      <c r="H6269" s="40">
        <v>104.33333400000001</v>
      </c>
      <c r="I6269" s="40">
        <v>18.772068276302157</v>
      </c>
      <c r="J6269" s="40">
        <v>104.333295779762</v>
      </c>
      <c r="K6269" s="40">
        <v>13.121645200084915</v>
      </c>
      <c r="L6269" s="40"/>
      <c r="M6269" s="40"/>
      <c r="N6269" s="40"/>
    </row>
    <row r="6270" spans="4:14" x14ac:dyDescent="0.25">
      <c r="D6270" s="40">
        <v>104.3624930000046</v>
      </c>
      <c r="E6270" s="40">
        <v>20.972102863985189</v>
      </c>
      <c r="F6270" s="40">
        <v>104.35</v>
      </c>
      <c r="G6270" s="40">
        <v>21.156500537552386</v>
      </c>
      <c r="H6270" s="40">
        <v>104.35</v>
      </c>
      <c r="I6270" s="40">
        <v>18.77532240255892</v>
      </c>
      <c r="J6270" s="40">
        <v>104.349962440477</v>
      </c>
      <c r="K6270" s="40">
        <v>13.121645200084915</v>
      </c>
      <c r="L6270" s="40"/>
      <c r="M6270" s="40"/>
      <c r="N6270" s="40"/>
    </row>
    <row r="6271" spans="4:14" x14ac:dyDescent="0.25">
      <c r="D6271" s="40">
        <v>104.37915900000461</v>
      </c>
      <c r="E6271" s="40">
        <v>20.972102863985189</v>
      </c>
      <c r="F6271" s="40">
        <v>104.36666700000001</v>
      </c>
      <c r="G6271" s="40">
        <v>21.156500537552386</v>
      </c>
      <c r="H6271" s="40">
        <v>104.36666700000001</v>
      </c>
      <c r="I6271" s="40">
        <v>18.77532240255892</v>
      </c>
      <c r="J6271" s="40">
        <v>104.36662910119099</v>
      </c>
      <c r="K6271" s="40">
        <v>13.121645200084915</v>
      </c>
      <c r="L6271" s="40"/>
      <c r="M6271" s="40"/>
      <c r="N6271" s="40"/>
    </row>
    <row r="6272" spans="4:14" x14ac:dyDescent="0.25">
      <c r="D6272" s="40">
        <v>104.39582500000461</v>
      </c>
      <c r="E6272" s="40">
        <v>20.97694604257461</v>
      </c>
      <c r="F6272" s="40">
        <v>104.38333299999999</v>
      </c>
      <c r="G6272" s="40">
        <v>21.156500537552386</v>
      </c>
      <c r="H6272" s="40">
        <v>104.38333400000002</v>
      </c>
      <c r="I6272" s="40">
        <v>18.778675138702177</v>
      </c>
      <c r="J6272" s="40">
        <v>104.383295761905</v>
      </c>
      <c r="K6272" s="40">
        <v>13.121645200084915</v>
      </c>
      <c r="L6272" s="40"/>
      <c r="M6272" s="40"/>
      <c r="N6272" s="40"/>
    </row>
    <row r="6273" spans="4:14" x14ac:dyDescent="0.25">
      <c r="D6273" s="40">
        <v>104.41249100000461</v>
      </c>
      <c r="E6273" s="40">
        <v>20.97694604257461</v>
      </c>
      <c r="F6273" s="40">
        <v>104.4</v>
      </c>
      <c r="G6273" s="40">
        <v>21.156500537552386</v>
      </c>
      <c r="H6273" s="40">
        <v>104.4</v>
      </c>
      <c r="I6273" s="40">
        <v>18.778675138702177</v>
      </c>
      <c r="J6273" s="40">
        <v>104.39996242262001</v>
      </c>
      <c r="K6273" s="40">
        <v>13.121645200084915</v>
      </c>
      <c r="L6273" s="40"/>
      <c r="M6273" s="40"/>
      <c r="N6273" s="40"/>
    </row>
    <row r="6274" spans="4:14" x14ac:dyDescent="0.25">
      <c r="D6274" s="40">
        <v>104.42915700000461</v>
      </c>
      <c r="E6274" s="40">
        <v>20.97694604257461</v>
      </c>
      <c r="F6274" s="40">
        <v>104.41666699999999</v>
      </c>
      <c r="G6274" s="40">
        <v>21.156500537552386</v>
      </c>
      <c r="H6274" s="40">
        <v>104.41666700000002</v>
      </c>
      <c r="I6274" s="40">
        <v>18.778675138702177</v>
      </c>
      <c r="J6274" s="40">
        <v>104.416629083334</v>
      </c>
      <c r="K6274" s="40">
        <v>13.116794156375683</v>
      </c>
      <c r="L6274" s="40"/>
      <c r="M6274" s="40"/>
      <c r="N6274" s="40"/>
    </row>
    <row r="6275" spans="4:14" x14ac:dyDescent="0.25">
      <c r="D6275" s="40">
        <v>104.44582300000461</v>
      </c>
      <c r="E6275" s="40">
        <v>20.97694604257461</v>
      </c>
      <c r="F6275" s="40">
        <v>104.433333</v>
      </c>
      <c r="G6275" s="40">
        <v>21.156500537552386</v>
      </c>
      <c r="H6275" s="40">
        <v>104.433334</v>
      </c>
      <c r="I6275" s="40">
        <v>18.782027874845436</v>
      </c>
      <c r="J6275" s="40">
        <v>104.433295744048</v>
      </c>
      <c r="K6275" s="40">
        <v>13.121645200084915</v>
      </c>
      <c r="L6275" s="40"/>
      <c r="M6275" s="40"/>
      <c r="N6275" s="40"/>
    </row>
    <row r="6276" spans="4:14" x14ac:dyDescent="0.25">
      <c r="D6276" s="40">
        <v>104.46248900000461</v>
      </c>
      <c r="E6276" s="40">
        <v>20.97694604257461</v>
      </c>
      <c r="F6276" s="40">
        <v>104.44999999999999</v>
      </c>
      <c r="G6276" s="40">
        <v>21.156500537552386</v>
      </c>
      <c r="H6276" s="40">
        <v>104.45000000000002</v>
      </c>
      <c r="I6276" s="40">
        <v>18.7852820011022</v>
      </c>
      <c r="J6276" s="40">
        <v>104.449962404762</v>
      </c>
      <c r="K6276" s="40">
        <v>13.121645200084915</v>
      </c>
      <c r="L6276" s="40"/>
      <c r="M6276" s="40"/>
      <c r="N6276" s="40"/>
    </row>
    <row r="6277" spans="4:14" x14ac:dyDescent="0.25">
      <c r="D6277" s="40">
        <v>104.47915500000461</v>
      </c>
      <c r="E6277" s="40">
        <v>20.981789221164156</v>
      </c>
      <c r="F6277" s="40">
        <v>104.466667</v>
      </c>
      <c r="G6277" s="40">
        <v>21.161255781642605</v>
      </c>
      <c r="H6277" s="40">
        <v>104.466667</v>
      </c>
      <c r="I6277" s="40">
        <v>18.7852820011022</v>
      </c>
      <c r="J6277" s="40">
        <v>104.46662906547699</v>
      </c>
      <c r="K6277" s="40">
        <v>13.121645200084915</v>
      </c>
      <c r="L6277" s="40"/>
      <c r="M6277" s="40"/>
      <c r="N6277" s="40"/>
    </row>
    <row r="6278" spans="4:14" x14ac:dyDescent="0.25">
      <c r="D6278" s="40">
        <v>104.49582100000461</v>
      </c>
      <c r="E6278" s="40">
        <v>20.981789221164156</v>
      </c>
      <c r="F6278" s="40">
        <v>104.48333299999999</v>
      </c>
      <c r="G6278" s="40">
        <v>21.161255781642605</v>
      </c>
      <c r="H6278" s="40">
        <v>104.48333400000001</v>
      </c>
      <c r="I6278" s="40">
        <v>18.788634737245456</v>
      </c>
      <c r="J6278" s="40">
        <v>104.483295726191</v>
      </c>
      <c r="K6278" s="40">
        <v>13.121645200084915</v>
      </c>
      <c r="L6278" s="40"/>
      <c r="M6278" s="40"/>
      <c r="N6278" s="40"/>
    </row>
    <row r="6279" spans="4:14" x14ac:dyDescent="0.25">
      <c r="D6279" s="40">
        <v>104.51248700000461</v>
      </c>
      <c r="E6279" s="40">
        <v>20.981789221164156</v>
      </c>
      <c r="F6279" s="40">
        <v>104.5</v>
      </c>
      <c r="G6279" s="40">
        <v>21.161255781642605</v>
      </c>
      <c r="H6279" s="40">
        <v>104.5</v>
      </c>
      <c r="I6279" s="40">
        <v>18.788634737245456</v>
      </c>
      <c r="J6279" s="40">
        <v>104.499962386905</v>
      </c>
      <c r="K6279" s="40">
        <v>13.121645200084915</v>
      </c>
      <c r="L6279" s="40"/>
      <c r="M6279" s="40"/>
      <c r="N6279" s="40"/>
    </row>
    <row r="6280" spans="4:14" x14ac:dyDescent="0.25">
      <c r="D6280" s="40">
        <v>104.52915300000461</v>
      </c>
      <c r="E6280" s="40">
        <v>20.981789221164156</v>
      </c>
      <c r="F6280" s="40">
        <v>104.51666699999998</v>
      </c>
      <c r="G6280" s="40">
        <v>21.161255781642605</v>
      </c>
      <c r="H6280" s="40">
        <v>104.51666700000001</v>
      </c>
      <c r="I6280" s="40">
        <v>18.791987473388886</v>
      </c>
      <c r="J6280" s="40">
        <v>104.51662904762</v>
      </c>
      <c r="K6280" s="40">
        <v>13.121645200084915</v>
      </c>
      <c r="L6280" s="40"/>
      <c r="M6280" s="40"/>
      <c r="N6280" s="40"/>
    </row>
    <row r="6281" spans="4:14" x14ac:dyDescent="0.25">
      <c r="D6281" s="40">
        <v>104.54581900000461</v>
      </c>
      <c r="E6281" s="40">
        <v>20.981789221164156</v>
      </c>
      <c r="F6281" s="40">
        <v>104.533333</v>
      </c>
      <c r="G6281" s="40">
        <v>21.161255781642605</v>
      </c>
      <c r="H6281" s="40">
        <v>104.533334</v>
      </c>
      <c r="I6281" s="40">
        <v>18.791987473388886</v>
      </c>
      <c r="J6281" s="40">
        <v>104.53329570833399</v>
      </c>
      <c r="K6281" s="40">
        <v>13.121645200084915</v>
      </c>
      <c r="L6281" s="40"/>
      <c r="M6281" s="40"/>
      <c r="N6281" s="40"/>
    </row>
    <row r="6282" spans="4:14" x14ac:dyDescent="0.25">
      <c r="D6282" s="40">
        <v>104.56248500000461</v>
      </c>
      <c r="E6282" s="40">
        <v>20.981789221164156</v>
      </c>
      <c r="F6282" s="40">
        <v>104.54999999999998</v>
      </c>
      <c r="G6282" s="40">
        <v>21.161255781642605</v>
      </c>
      <c r="H6282" s="40">
        <v>104.55000000000001</v>
      </c>
      <c r="I6282" s="40">
        <v>18.791987473388886</v>
      </c>
      <c r="J6282" s="40">
        <v>104.549962369048</v>
      </c>
      <c r="K6282" s="40">
        <v>13.126496243794021</v>
      </c>
      <c r="L6282" s="40"/>
      <c r="M6282" s="40"/>
      <c r="N6282" s="40"/>
    </row>
    <row r="6283" spans="4:14" x14ac:dyDescent="0.25">
      <c r="D6283" s="40">
        <v>104.57915100000461</v>
      </c>
      <c r="E6283" s="40">
        <v>20.981789221164156</v>
      </c>
      <c r="F6283" s="40">
        <v>104.566667</v>
      </c>
      <c r="G6283" s="40">
        <v>21.166011025732825</v>
      </c>
      <c r="H6283" s="40">
        <v>104.566667</v>
      </c>
      <c r="I6283" s="40">
        <v>18.795241599645649</v>
      </c>
      <c r="J6283" s="40">
        <v>104.566629029762</v>
      </c>
      <c r="K6283" s="40">
        <v>13.126496243794021</v>
      </c>
      <c r="L6283" s="40"/>
      <c r="M6283" s="40"/>
      <c r="N6283" s="40"/>
    </row>
    <row r="6284" spans="4:14" x14ac:dyDescent="0.25">
      <c r="D6284" s="40">
        <v>104.59581700000462</v>
      </c>
      <c r="E6284" s="40">
        <v>20.981789221164156</v>
      </c>
      <c r="F6284" s="40">
        <v>104.58333299999998</v>
      </c>
      <c r="G6284" s="40">
        <v>21.166011025732825</v>
      </c>
      <c r="H6284" s="40">
        <v>104.58333400000001</v>
      </c>
      <c r="I6284" s="40">
        <v>18.795241599645649</v>
      </c>
      <c r="J6284" s="40">
        <v>104.583295690477</v>
      </c>
      <c r="K6284" s="40">
        <v>13.126496243794021</v>
      </c>
      <c r="L6284" s="40"/>
      <c r="M6284" s="40"/>
      <c r="N6284" s="40"/>
    </row>
    <row r="6285" spans="4:14" x14ac:dyDescent="0.25">
      <c r="D6285" s="40">
        <v>104.61248300000462</v>
      </c>
      <c r="E6285" s="40">
        <v>20.981789221164156</v>
      </c>
      <c r="F6285" s="40">
        <v>104.6</v>
      </c>
      <c r="G6285" s="40">
        <v>21.166011025732825</v>
      </c>
      <c r="H6285" s="40">
        <v>104.6</v>
      </c>
      <c r="I6285" s="40">
        <v>18.798594335788909</v>
      </c>
      <c r="J6285" s="40">
        <v>104.599962351191</v>
      </c>
      <c r="K6285" s="40">
        <v>13.126496243794021</v>
      </c>
      <c r="L6285" s="40"/>
      <c r="M6285" s="40"/>
      <c r="N6285" s="40"/>
    </row>
    <row r="6286" spans="4:14" x14ac:dyDescent="0.25">
      <c r="D6286" s="40">
        <v>104.62914900000462</v>
      </c>
      <c r="E6286" s="40">
        <v>20.981789221164156</v>
      </c>
      <c r="F6286" s="40">
        <v>104.61666700000001</v>
      </c>
      <c r="G6286" s="40">
        <v>21.166011025732825</v>
      </c>
      <c r="H6286" s="40">
        <v>104.61666700000001</v>
      </c>
      <c r="I6286" s="40">
        <v>18.798594335788909</v>
      </c>
      <c r="J6286" s="40">
        <v>104.616629011905</v>
      </c>
      <c r="K6286" s="40">
        <v>13.126496243794021</v>
      </c>
      <c r="L6286" s="40"/>
      <c r="M6286" s="40"/>
      <c r="N6286" s="40"/>
    </row>
    <row r="6287" spans="4:14" x14ac:dyDescent="0.25">
      <c r="D6287" s="40">
        <v>104.64581500000462</v>
      </c>
      <c r="E6287" s="40">
        <v>20.986489953324583</v>
      </c>
      <c r="F6287" s="40">
        <v>104.63333299999999</v>
      </c>
      <c r="G6287" s="40">
        <v>21.166011025732825</v>
      </c>
      <c r="H6287" s="40">
        <v>104.63333400000002</v>
      </c>
      <c r="I6287" s="40">
        <v>18.801947071932165</v>
      </c>
      <c r="J6287" s="40">
        <v>104.63329567261999</v>
      </c>
      <c r="K6287" s="40">
        <v>13.126496243794021</v>
      </c>
      <c r="L6287" s="40"/>
      <c r="M6287" s="40"/>
      <c r="N6287" s="40"/>
    </row>
    <row r="6288" spans="4:14" x14ac:dyDescent="0.25">
      <c r="D6288" s="40">
        <v>104.66248100000462</v>
      </c>
      <c r="E6288" s="40">
        <v>20.986489953324583</v>
      </c>
      <c r="F6288" s="40">
        <v>104.65</v>
      </c>
      <c r="G6288" s="40">
        <v>21.166011025732825</v>
      </c>
      <c r="H6288" s="40">
        <v>104.65</v>
      </c>
      <c r="I6288" s="40">
        <v>18.801947071932165</v>
      </c>
      <c r="J6288" s="40">
        <v>104.649962333334</v>
      </c>
      <c r="K6288" s="40">
        <v>13.126496243794021</v>
      </c>
      <c r="L6288" s="40"/>
      <c r="M6288" s="40"/>
      <c r="N6288" s="40"/>
    </row>
    <row r="6289" spans="4:14" x14ac:dyDescent="0.25">
      <c r="D6289" s="40">
        <v>104.67914700000462</v>
      </c>
      <c r="E6289" s="40">
        <v>20.986489953324583</v>
      </c>
      <c r="F6289" s="40">
        <v>104.66666699999999</v>
      </c>
      <c r="G6289" s="40">
        <v>21.166011025732825</v>
      </c>
      <c r="H6289" s="40">
        <v>104.66666700000002</v>
      </c>
      <c r="I6289" s="40">
        <v>18.805201198188929</v>
      </c>
      <c r="J6289" s="40">
        <v>104.666628994048</v>
      </c>
      <c r="K6289" s="40">
        <v>13.126496243794021</v>
      </c>
      <c r="L6289" s="40"/>
      <c r="M6289" s="40"/>
      <c r="N6289" s="40"/>
    </row>
    <row r="6290" spans="4:14" x14ac:dyDescent="0.25">
      <c r="D6290" s="40">
        <v>104.69581300000462</v>
      </c>
      <c r="E6290" s="40">
        <v>20.986489953324583</v>
      </c>
      <c r="F6290" s="40">
        <v>104.683333</v>
      </c>
      <c r="G6290" s="40">
        <v>21.166011025732825</v>
      </c>
      <c r="H6290" s="40">
        <v>104.683334</v>
      </c>
      <c r="I6290" s="40">
        <v>18.805201198188929</v>
      </c>
      <c r="J6290" s="40">
        <v>104.68329565476201</v>
      </c>
      <c r="K6290" s="40">
        <v>13.126496243794021</v>
      </c>
      <c r="L6290" s="40"/>
      <c r="M6290" s="40"/>
      <c r="N6290" s="40"/>
    </row>
    <row r="6291" spans="4:14" x14ac:dyDescent="0.25">
      <c r="D6291" s="40">
        <v>104.71247900000462</v>
      </c>
      <c r="E6291" s="40">
        <v>20.986489953324583</v>
      </c>
      <c r="F6291" s="40">
        <v>104.69999999999999</v>
      </c>
      <c r="G6291" s="40">
        <v>21.170626409702603</v>
      </c>
      <c r="H6291" s="40">
        <v>104.70000000000002</v>
      </c>
      <c r="I6291" s="40">
        <v>18.805201198188929</v>
      </c>
      <c r="J6291" s="40">
        <v>104.69996231547699</v>
      </c>
      <c r="K6291" s="40">
        <v>13.126496243794021</v>
      </c>
      <c r="L6291" s="40"/>
      <c r="M6291" s="40"/>
      <c r="N6291" s="40"/>
    </row>
    <row r="6292" spans="4:14" x14ac:dyDescent="0.25">
      <c r="D6292" s="40">
        <v>104.72914500000462</v>
      </c>
      <c r="E6292" s="40">
        <v>20.986489953324583</v>
      </c>
      <c r="F6292" s="40">
        <v>104.716667</v>
      </c>
      <c r="G6292" s="40">
        <v>21.170626409702603</v>
      </c>
      <c r="H6292" s="40">
        <v>104.716667</v>
      </c>
      <c r="I6292" s="40">
        <v>18.808553934332359</v>
      </c>
      <c r="J6292" s="40">
        <v>104.716628976191</v>
      </c>
      <c r="K6292" s="40">
        <v>13.126496243794021</v>
      </c>
      <c r="L6292" s="40"/>
      <c r="M6292" s="40"/>
      <c r="N6292" s="40"/>
    </row>
    <row r="6293" spans="4:14" x14ac:dyDescent="0.25">
      <c r="D6293" s="40">
        <v>104.74581100000462</v>
      </c>
      <c r="E6293" s="40">
        <v>20.986489953324583</v>
      </c>
      <c r="F6293" s="40">
        <v>104.73333299999999</v>
      </c>
      <c r="G6293" s="40">
        <v>21.170626409702603</v>
      </c>
      <c r="H6293" s="40">
        <v>104.73333400000001</v>
      </c>
      <c r="I6293" s="40">
        <v>18.811906670475619</v>
      </c>
      <c r="J6293" s="40">
        <v>104.733295636905</v>
      </c>
      <c r="K6293" s="40">
        <v>13.126496243794021</v>
      </c>
      <c r="L6293" s="40"/>
      <c r="M6293" s="40"/>
      <c r="N6293" s="40"/>
    </row>
    <row r="6294" spans="4:14" x14ac:dyDescent="0.25">
      <c r="D6294" s="40">
        <v>104.76247700000462</v>
      </c>
      <c r="E6294" s="40">
        <v>20.986489953324583</v>
      </c>
      <c r="F6294" s="40">
        <v>104.75</v>
      </c>
      <c r="G6294" s="40">
        <v>21.170626409702603</v>
      </c>
      <c r="H6294" s="40">
        <v>104.75</v>
      </c>
      <c r="I6294" s="40">
        <v>18.811906670475619</v>
      </c>
      <c r="J6294" s="40">
        <v>104.74996229762</v>
      </c>
      <c r="K6294" s="40">
        <v>13.126496243794021</v>
      </c>
      <c r="L6294" s="40"/>
      <c r="M6294" s="40"/>
      <c r="N6294" s="40"/>
    </row>
    <row r="6295" spans="4:14" x14ac:dyDescent="0.25">
      <c r="D6295" s="40">
        <v>104.77914300000462</v>
      </c>
      <c r="E6295" s="40">
        <v>20.981789221164156</v>
      </c>
      <c r="F6295" s="40">
        <v>104.76666699999998</v>
      </c>
      <c r="G6295" s="40">
        <v>21.170626409702603</v>
      </c>
      <c r="H6295" s="40">
        <v>104.76666700000001</v>
      </c>
      <c r="I6295" s="40">
        <v>18.815259406618875</v>
      </c>
      <c r="J6295" s="40">
        <v>104.766628958334</v>
      </c>
      <c r="K6295" s="40">
        <v>13.126496243794021</v>
      </c>
      <c r="L6295" s="40"/>
      <c r="M6295" s="40"/>
      <c r="N6295" s="40"/>
    </row>
    <row r="6296" spans="4:14" x14ac:dyDescent="0.25">
      <c r="D6296" s="40">
        <v>104.79580900000462</v>
      </c>
      <c r="E6296" s="40">
        <v>20.981789221164156</v>
      </c>
      <c r="F6296" s="40">
        <v>104.783333</v>
      </c>
      <c r="G6296" s="40">
        <v>21.170626409702603</v>
      </c>
      <c r="H6296" s="40">
        <v>104.783334</v>
      </c>
      <c r="I6296" s="40">
        <v>18.818513532875638</v>
      </c>
      <c r="J6296" s="40">
        <v>104.783295619048</v>
      </c>
      <c r="K6296" s="40">
        <v>13.126496243794021</v>
      </c>
      <c r="L6296" s="40"/>
      <c r="M6296" s="40"/>
      <c r="N6296" s="40"/>
    </row>
    <row r="6297" spans="4:14" x14ac:dyDescent="0.25">
      <c r="D6297" s="40">
        <v>104.81247500000462</v>
      </c>
      <c r="E6297" s="40">
        <v>20.981789221164156</v>
      </c>
      <c r="F6297" s="40">
        <v>104.79999999999998</v>
      </c>
      <c r="G6297" s="40">
        <v>21.170626409702603</v>
      </c>
      <c r="H6297" s="40">
        <v>104.80000000000001</v>
      </c>
      <c r="I6297" s="40">
        <v>18.818513532875638</v>
      </c>
      <c r="J6297" s="40">
        <v>104.799962279762</v>
      </c>
      <c r="K6297" s="40">
        <v>13.126496243794021</v>
      </c>
      <c r="L6297" s="40"/>
      <c r="M6297" s="40"/>
      <c r="N6297" s="40"/>
    </row>
    <row r="6298" spans="4:14" x14ac:dyDescent="0.25">
      <c r="D6298" s="40">
        <v>104.82914100000463</v>
      </c>
      <c r="E6298" s="40">
        <v>20.981789221164156</v>
      </c>
      <c r="F6298" s="40">
        <v>104.816667</v>
      </c>
      <c r="G6298" s="40">
        <v>21.175381653792822</v>
      </c>
      <c r="H6298" s="40">
        <v>104.816667</v>
      </c>
      <c r="I6298" s="40">
        <v>18.821866269018894</v>
      </c>
      <c r="J6298" s="40">
        <v>104.816628940477</v>
      </c>
      <c r="K6298" s="40">
        <v>13.126496243794021</v>
      </c>
      <c r="L6298" s="40"/>
      <c r="M6298" s="40"/>
      <c r="N6298" s="40"/>
    </row>
    <row r="6299" spans="4:14" x14ac:dyDescent="0.25">
      <c r="D6299" s="40">
        <v>104.84580700000463</v>
      </c>
      <c r="E6299" s="40">
        <v>20.981789221164156</v>
      </c>
      <c r="F6299" s="40">
        <v>104.83333299999998</v>
      </c>
      <c r="G6299" s="40">
        <v>21.175381653792822</v>
      </c>
      <c r="H6299" s="40">
        <v>104.83333400000001</v>
      </c>
      <c r="I6299" s="40">
        <v>18.825219005162324</v>
      </c>
      <c r="J6299" s="40">
        <v>104.833295601191</v>
      </c>
      <c r="K6299" s="40">
        <v>13.126496243794021</v>
      </c>
      <c r="L6299" s="40"/>
      <c r="M6299" s="40"/>
      <c r="N6299" s="40"/>
    </row>
    <row r="6300" spans="4:14" x14ac:dyDescent="0.25">
      <c r="D6300" s="40">
        <v>104.86247300000463</v>
      </c>
      <c r="E6300" s="40">
        <v>20.981789221164156</v>
      </c>
      <c r="F6300" s="40">
        <v>104.85</v>
      </c>
      <c r="G6300" s="40">
        <v>21.175381653792822</v>
      </c>
      <c r="H6300" s="40">
        <v>104.85</v>
      </c>
      <c r="I6300" s="40">
        <v>18.825219005162324</v>
      </c>
      <c r="J6300" s="40">
        <v>104.84996226190501</v>
      </c>
      <c r="K6300" s="40">
        <v>13.126496243794021</v>
      </c>
      <c r="L6300" s="40"/>
      <c r="M6300" s="40"/>
      <c r="N6300" s="40"/>
    </row>
    <row r="6301" spans="4:14" x14ac:dyDescent="0.25">
      <c r="D6301" s="40">
        <v>104.87913900000463</v>
      </c>
      <c r="E6301" s="40">
        <v>20.981789221164156</v>
      </c>
      <c r="F6301" s="40">
        <v>104.86666700000001</v>
      </c>
      <c r="G6301" s="40">
        <v>21.175381653792822</v>
      </c>
      <c r="H6301" s="40">
        <v>104.86666700000001</v>
      </c>
      <c r="I6301" s="40">
        <v>18.828473131419088</v>
      </c>
      <c r="J6301" s="40">
        <v>104.86662892262</v>
      </c>
      <c r="K6301" s="40">
        <v>13.126496243794021</v>
      </c>
      <c r="L6301" s="40"/>
      <c r="M6301" s="40"/>
      <c r="N6301" s="40"/>
    </row>
    <row r="6302" spans="4:14" x14ac:dyDescent="0.25">
      <c r="D6302" s="40">
        <v>104.89580500000463</v>
      </c>
      <c r="E6302" s="40">
        <v>20.97694604257461</v>
      </c>
      <c r="F6302" s="40">
        <v>104.88333299999999</v>
      </c>
      <c r="G6302" s="40">
        <v>21.175381653792822</v>
      </c>
      <c r="H6302" s="40">
        <v>104.88333400000002</v>
      </c>
      <c r="I6302" s="40">
        <v>18.828473131419088</v>
      </c>
      <c r="J6302" s="40">
        <v>104.883295583334</v>
      </c>
      <c r="K6302" s="40">
        <v>13.126496243794021</v>
      </c>
      <c r="L6302" s="40"/>
      <c r="M6302" s="40"/>
      <c r="N6302" s="40"/>
    </row>
    <row r="6303" spans="4:14" x14ac:dyDescent="0.25">
      <c r="D6303" s="40">
        <v>104.91247100000463</v>
      </c>
      <c r="E6303" s="40">
        <v>20.97694604257461</v>
      </c>
      <c r="F6303" s="40">
        <v>104.9</v>
      </c>
      <c r="G6303" s="40">
        <v>21.175381653792822</v>
      </c>
      <c r="H6303" s="40">
        <v>104.9</v>
      </c>
      <c r="I6303" s="40">
        <v>18.831825867562348</v>
      </c>
      <c r="J6303" s="40">
        <v>104.899962244048</v>
      </c>
      <c r="K6303" s="40">
        <v>13.126496243794021</v>
      </c>
      <c r="L6303" s="40"/>
      <c r="M6303" s="40"/>
      <c r="N6303" s="40"/>
    </row>
    <row r="6304" spans="4:14" x14ac:dyDescent="0.25">
      <c r="D6304" s="40">
        <v>104.92913700000463</v>
      </c>
      <c r="E6304" s="40">
        <v>20.97694604257461</v>
      </c>
      <c r="F6304" s="40">
        <v>104.91666699999999</v>
      </c>
      <c r="G6304" s="40">
        <v>21.180136897883042</v>
      </c>
      <c r="H6304" s="40">
        <v>104.91666700000002</v>
      </c>
      <c r="I6304" s="40">
        <v>18.831825867562348</v>
      </c>
      <c r="J6304" s="40">
        <v>104.91662890476201</v>
      </c>
      <c r="K6304" s="40">
        <v>13.126496243794021</v>
      </c>
      <c r="L6304" s="40"/>
      <c r="M6304" s="40"/>
      <c r="N6304" s="40"/>
    </row>
    <row r="6305" spans="4:14" x14ac:dyDescent="0.25">
      <c r="D6305" s="40">
        <v>104.94580300000463</v>
      </c>
      <c r="E6305" s="40">
        <v>20.97694604257461</v>
      </c>
      <c r="F6305" s="40">
        <v>104.933333</v>
      </c>
      <c r="G6305" s="40">
        <v>21.180136897883042</v>
      </c>
      <c r="H6305" s="40">
        <v>104.933334</v>
      </c>
      <c r="I6305" s="40">
        <v>18.835178603705604</v>
      </c>
      <c r="J6305" s="40">
        <v>104.933295565477</v>
      </c>
      <c r="K6305" s="40">
        <v>13.126496243794021</v>
      </c>
      <c r="L6305" s="40"/>
      <c r="M6305" s="40"/>
      <c r="N6305" s="40"/>
    </row>
    <row r="6306" spans="4:14" x14ac:dyDescent="0.25">
      <c r="D6306" s="40">
        <v>104.96246900000463</v>
      </c>
      <c r="E6306" s="40">
        <v>20.97694604257461</v>
      </c>
      <c r="F6306" s="40">
        <v>104.94999999999999</v>
      </c>
      <c r="G6306" s="40">
        <v>21.180136897883042</v>
      </c>
      <c r="H6306" s="40">
        <v>104.95000000000002</v>
      </c>
      <c r="I6306" s="40">
        <v>18.838432729962367</v>
      </c>
      <c r="J6306" s="40">
        <v>104.949962226191</v>
      </c>
      <c r="K6306" s="40">
        <v>13.126496243794021</v>
      </c>
      <c r="L6306" s="40"/>
      <c r="M6306" s="40"/>
      <c r="N6306" s="40"/>
    </row>
    <row r="6307" spans="4:14" x14ac:dyDescent="0.25">
      <c r="D6307" s="40">
        <v>104.97913500000463</v>
      </c>
      <c r="E6307" s="40">
        <v>20.97694604257461</v>
      </c>
      <c r="F6307" s="40">
        <v>104.966667</v>
      </c>
      <c r="G6307" s="40">
        <v>21.180136897883042</v>
      </c>
      <c r="H6307" s="40">
        <v>104.966667</v>
      </c>
      <c r="I6307" s="40">
        <v>18.838432729962367</v>
      </c>
      <c r="J6307" s="40">
        <v>104.966628886905</v>
      </c>
      <c r="K6307" s="40">
        <v>13.126496243794021</v>
      </c>
      <c r="L6307" s="40"/>
      <c r="M6307" s="40"/>
      <c r="N6307" s="40"/>
    </row>
    <row r="6308" spans="4:14" x14ac:dyDescent="0.25">
      <c r="D6308" s="40">
        <v>104.99580100000463</v>
      </c>
      <c r="E6308" s="40">
        <v>20.97694604257461</v>
      </c>
      <c r="F6308" s="40">
        <v>104.98333299999999</v>
      </c>
      <c r="G6308" s="40">
        <v>21.180136897883042</v>
      </c>
      <c r="H6308" s="40">
        <v>104.98333400000001</v>
      </c>
      <c r="I6308" s="40">
        <v>18.841785466105801</v>
      </c>
      <c r="J6308" s="40">
        <v>104.98329554762</v>
      </c>
      <c r="K6308" s="40">
        <v>13.126496243794021</v>
      </c>
      <c r="L6308" s="40"/>
      <c r="M6308" s="40"/>
      <c r="N6308" s="40"/>
    </row>
    <row r="6309" spans="4:14" x14ac:dyDescent="0.25">
      <c r="D6309" s="40">
        <v>105.01246700000463</v>
      </c>
      <c r="E6309" s="40">
        <v>20.97694604257461</v>
      </c>
      <c r="F6309" s="40">
        <v>105</v>
      </c>
      <c r="G6309" s="40">
        <v>21.180136897883042</v>
      </c>
      <c r="H6309" s="40">
        <v>105</v>
      </c>
      <c r="I6309" s="40">
        <v>18.841785466105801</v>
      </c>
      <c r="J6309" s="40">
        <v>104.999962208334</v>
      </c>
      <c r="K6309" s="40">
        <v>13.126496243794021</v>
      </c>
      <c r="L6309" s="40"/>
      <c r="M6309" s="40"/>
      <c r="N6309" s="40"/>
    </row>
    <row r="6310" spans="4:14" x14ac:dyDescent="0.25">
      <c r="D6310" s="40">
        <v>105.02913300000463</v>
      </c>
      <c r="E6310" s="40">
        <v>20.972102863985189</v>
      </c>
      <c r="F6310" s="40">
        <v>105.01666699999998</v>
      </c>
      <c r="G6310" s="40">
        <v>21.180136897883042</v>
      </c>
      <c r="H6310" s="40">
        <v>105.01666700000001</v>
      </c>
      <c r="I6310" s="40">
        <v>18.845138202249057</v>
      </c>
      <c r="J6310" s="40">
        <v>105.01662886904801</v>
      </c>
      <c r="K6310" s="40">
        <v>13.126496243794021</v>
      </c>
      <c r="L6310" s="40"/>
      <c r="M6310" s="40"/>
      <c r="N6310" s="40"/>
    </row>
    <row r="6311" spans="4:14" x14ac:dyDescent="0.25">
      <c r="D6311" s="40">
        <v>105.04579900000464</v>
      </c>
      <c r="E6311" s="40">
        <v>20.972102863985189</v>
      </c>
      <c r="F6311" s="40">
        <v>105.033333</v>
      </c>
      <c r="G6311" s="40">
        <v>21.180136897883042</v>
      </c>
      <c r="H6311" s="40">
        <v>105.033334</v>
      </c>
      <c r="I6311" s="40">
        <v>18.845138202249057</v>
      </c>
      <c r="J6311" s="40">
        <v>105.033295529762</v>
      </c>
      <c r="K6311" s="40">
        <v>13.126496243794021</v>
      </c>
      <c r="L6311" s="40"/>
      <c r="M6311" s="40"/>
      <c r="N6311" s="40"/>
    </row>
    <row r="6312" spans="4:14" x14ac:dyDescent="0.25">
      <c r="D6312" s="40">
        <v>105.06246500000464</v>
      </c>
      <c r="E6312" s="40">
        <v>20.972102863985189</v>
      </c>
      <c r="F6312" s="40">
        <v>105.04999999999998</v>
      </c>
      <c r="G6312" s="40">
        <v>21.180136897883042</v>
      </c>
      <c r="H6312" s="40">
        <v>105.05000000000001</v>
      </c>
      <c r="I6312" s="40">
        <v>18.84839232850582</v>
      </c>
      <c r="J6312" s="40">
        <v>105.049962190477</v>
      </c>
      <c r="K6312" s="40">
        <v>13.126496243794021</v>
      </c>
      <c r="L6312" s="40"/>
      <c r="M6312" s="40"/>
      <c r="N6312" s="40"/>
    </row>
    <row r="6313" spans="4:14" x14ac:dyDescent="0.25">
      <c r="D6313" s="40">
        <v>105.07913100000464</v>
      </c>
      <c r="E6313" s="40">
        <v>20.972102863985189</v>
      </c>
      <c r="F6313" s="40">
        <v>105.066667</v>
      </c>
      <c r="G6313" s="40">
        <v>21.180136897883042</v>
      </c>
      <c r="H6313" s="40">
        <v>105.066667</v>
      </c>
      <c r="I6313" s="40">
        <v>18.84839232850582</v>
      </c>
      <c r="J6313" s="40">
        <v>105.066628851191</v>
      </c>
      <c r="K6313" s="40">
        <v>13.126496243794021</v>
      </c>
      <c r="L6313" s="40"/>
      <c r="M6313" s="40"/>
      <c r="N6313" s="40"/>
    </row>
    <row r="6314" spans="4:14" x14ac:dyDescent="0.25">
      <c r="D6314" s="40">
        <v>105.09579700000464</v>
      </c>
      <c r="E6314" s="40">
        <v>20.972102863985189</v>
      </c>
      <c r="F6314" s="40">
        <v>105.08333299999998</v>
      </c>
      <c r="G6314" s="40">
        <v>21.180136897883042</v>
      </c>
      <c r="H6314" s="40">
        <v>105.08333400000001</v>
      </c>
      <c r="I6314" s="40">
        <v>18.851745064649077</v>
      </c>
      <c r="J6314" s="40">
        <v>105.08329551190501</v>
      </c>
      <c r="K6314" s="40">
        <v>13.126496243794021</v>
      </c>
      <c r="L6314" s="40"/>
      <c r="M6314" s="40"/>
      <c r="N6314" s="40"/>
    </row>
    <row r="6315" spans="4:14" x14ac:dyDescent="0.25">
      <c r="D6315" s="40">
        <v>105.11246300000464</v>
      </c>
      <c r="E6315" s="40">
        <v>20.972102863985189</v>
      </c>
      <c r="F6315" s="40">
        <v>105.1</v>
      </c>
      <c r="G6315" s="40">
        <v>21.180136897883042</v>
      </c>
      <c r="H6315" s="40">
        <v>105.1</v>
      </c>
      <c r="I6315" s="40">
        <v>18.851745064649077</v>
      </c>
      <c r="J6315" s="40">
        <v>105.09996217262</v>
      </c>
      <c r="K6315" s="40">
        <v>13.126496243794021</v>
      </c>
      <c r="L6315" s="40"/>
      <c r="M6315" s="40"/>
      <c r="N6315" s="40"/>
    </row>
    <row r="6316" spans="4:14" x14ac:dyDescent="0.25">
      <c r="D6316" s="40">
        <v>105.12912900000464</v>
      </c>
      <c r="E6316" s="40">
        <v>20.972102863985189</v>
      </c>
      <c r="F6316" s="40">
        <v>105.11666700000001</v>
      </c>
      <c r="G6316" s="40">
        <v>21.184752281852941</v>
      </c>
      <c r="H6316" s="40">
        <v>105.11666700000001</v>
      </c>
      <c r="I6316" s="40">
        <v>18.855097800792336</v>
      </c>
      <c r="J6316" s="40">
        <v>105.116628833334</v>
      </c>
      <c r="K6316" s="40">
        <v>13.126496243794021</v>
      </c>
      <c r="L6316" s="40"/>
      <c r="M6316" s="40"/>
      <c r="N6316" s="40"/>
    </row>
    <row r="6317" spans="4:14" x14ac:dyDescent="0.25">
      <c r="D6317" s="40">
        <v>105.14579500000464</v>
      </c>
      <c r="E6317" s="40">
        <v>20.972102863985189</v>
      </c>
      <c r="F6317" s="40">
        <v>105.13333299999999</v>
      </c>
      <c r="G6317" s="40">
        <v>21.184752281852941</v>
      </c>
      <c r="H6317" s="40">
        <v>105.13333400000002</v>
      </c>
      <c r="I6317" s="40">
        <v>18.855097800792336</v>
      </c>
      <c r="J6317" s="40">
        <v>105.133295494048</v>
      </c>
      <c r="K6317" s="40">
        <v>13.131204609747082</v>
      </c>
      <c r="L6317" s="40"/>
      <c r="M6317" s="40"/>
      <c r="N6317" s="40"/>
    </row>
    <row r="6318" spans="4:14" x14ac:dyDescent="0.25">
      <c r="D6318" s="40">
        <v>105.16246100000464</v>
      </c>
      <c r="E6318" s="40">
        <v>20.972102863985189</v>
      </c>
      <c r="F6318" s="40">
        <v>105.15</v>
      </c>
      <c r="G6318" s="40">
        <v>21.184752281852941</v>
      </c>
      <c r="H6318" s="40">
        <v>105.15</v>
      </c>
      <c r="I6318" s="40">
        <v>18.858351927049096</v>
      </c>
      <c r="J6318" s="40">
        <v>105.14996215476199</v>
      </c>
      <c r="K6318" s="40">
        <v>13.131204609747082</v>
      </c>
      <c r="L6318" s="40"/>
      <c r="M6318" s="40"/>
      <c r="N6318" s="40"/>
    </row>
    <row r="6319" spans="4:14" x14ac:dyDescent="0.25">
      <c r="D6319" s="40">
        <v>105.17912700000464</v>
      </c>
      <c r="E6319" s="40">
        <v>20.972102863985189</v>
      </c>
      <c r="F6319" s="40">
        <v>105.16666699999999</v>
      </c>
      <c r="G6319" s="40">
        <v>21.184752281852941</v>
      </c>
      <c r="H6319" s="40">
        <v>105.16666700000002</v>
      </c>
      <c r="I6319" s="40">
        <v>18.858351927049096</v>
      </c>
      <c r="J6319" s="40">
        <v>105.166628815477</v>
      </c>
      <c r="K6319" s="40">
        <v>13.131204609747082</v>
      </c>
      <c r="L6319" s="40"/>
      <c r="M6319" s="40"/>
      <c r="N6319" s="40"/>
    </row>
    <row r="6320" spans="4:14" x14ac:dyDescent="0.25">
      <c r="D6320" s="40">
        <v>105.19579300000464</v>
      </c>
      <c r="E6320" s="40">
        <v>20.972102863985189</v>
      </c>
      <c r="F6320" s="40">
        <v>105.183333</v>
      </c>
      <c r="G6320" s="40">
        <v>21.184752281852941</v>
      </c>
      <c r="H6320" s="40">
        <v>105.183334</v>
      </c>
      <c r="I6320" s="40">
        <v>18.858351927049096</v>
      </c>
      <c r="J6320" s="40">
        <v>105.18329547619101</v>
      </c>
      <c r="K6320" s="40">
        <v>13.131204609747082</v>
      </c>
      <c r="L6320" s="40"/>
      <c r="M6320" s="40"/>
      <c r="N6320" s="40"/>
    </row>
    <row r="6321" spans="4:14" x14ac:dyDescent="0.25">
      <c r="D6321" s="40">
        <v>105.21245900000464</v>
      </c>
      <c r="E6321" s="40">
        <v>20.972102863985189</v>
      </c>
      <c r="F6321" s="40">
        <v>105.19999999999999</v>
      </c>
      <c r="G6321" s="40">
        <v>21.184752281852941</v>
      </c>
      <c r="H6321" s="40">
        <v>105.20000000000002</v>
      </c>
      <c r="I6321" s="40">
        <v>18.86170466319253</v>
      </c>
      <c r="J6321" s="40">
        <v>105.199962136905</v>
      </c>
      <c r="K6321" s="40">
        <v>13.131204609747082</v>
      </c>
      <c r="L6321" s="40"/>
      <c r="M6321" s="40"/>
      <c r="N6321" s="40"/>
    </row>
    <row r="6322" spans="4:14" x14ac:dyDescent="0.25">
      <c r="D6322" s="40">
        <v>105.22912500000464</v>
      </c>
      <c r="E6322" s="40">
        <v>20.967402131824763</v>
      </c>
      <c r="F6322" s="40">
        <v>105.216667</v>
      </c>
      <c r="G6322" s="40">
        <v>21.184752281852941</v>
      </c>
      <c r="H6322" s="40">
        <v>105.216667</v>
      </c>
      <c r="I6322" s="40">
        <v>18.86170466319253</v>
      </c>
      <c r="J6322" s="40">
        <v>105.21662879762</v>
      </c>
      <c r="K6322" s="40">
        <v>13.131204609747082</v>
      </c>
      <c r="L6322" s="40"/>
      <c r="M6322" s="40"/>
      <c r="N6322" s="40"/>
    </row>
    <row r="6323" spans="4:14" x14ac:dyDescent="0.25">
      <c r="D6323" s="40">
        <v>105.24579100000464</v>
      </c>
      <c r="E6323" s="40">
        <v>20.967402131824763</v>
      </c>
      <c r="F6323" s="40">
        <v>105.23333299999999</v>
      </c>
      <c r="G6323" s="40">
        <v>21.184752281852941</v>
      </c>
      <c r="H6323" s="40">
        <v>105.23333400000001</v>
      </c>
      <c r="I6323" s="40">
        <v>18.865057399335786</v>
      </c>
      <c r="J6323" s="40">
        <v>105.233295458334</v>
      </c>
      <c r="K6323" s="40">
        <v>13.131204609747082</v>
      </c>
      <c r="L6323" s="40"/>
      <c r="M6323" s="40"/>
      <c r="N6323" s="40"/>
    </row>
    <row r="6324" spans="4:14" x14ac:dyDescent="0.25">
      <c r="D6324" s="40">
        <v>105.26245700000464</v>
      </c>
      <c r="E6324" s="40">
        <v>20.967402131824763</v>
      </c>
      <c r="F6324" s="40">
        <v>105.25</v>
      </c>
      <c r="G6324" s="40">
        <v>21.184752281852941</v>
      </c>
      <c r="H6324" s="40">
        <v>105.25</v>
      </c>
      <c r="I6324" s="40">
        <v>18.865057399335786</v>
      </c>
      <c r="J6324" s="40">
        <v>105.24996211904801</v>
      </c>
      <c r="K6324" s="40">
        <v>13.136055653456312</v>
      </c>
      <c r="L6324" s="40"/>
      <c r="M6324" s="40"/>
      <c r="N6324" s="40"/>
    </row>
    <row r="6325" spans="4:14" x14ac:dyDescent="0.25">
      <c r="D6325" s="40">
        <v>105.27912300000465</v>
      </c>
      <c r="E6325" s="40">
        <v>20.967402131824763</v>
      </c>
      <c r="F6325" s="40">
        <v>105.26666699999998</v>
      </c>
      <c r="G6325" s="40">
        <v>21.184752281852941</v>
      </c>
      <c r="H6325" s="40">
        <v>105.26666700000001</v>
      </c>
      <c r="I6325" s="40">
        <v>18.868311525592549</v>
      </c>
      <c r="J6325" s="40">
        <v>105.266628779762</v>
      </c>
      <c r="K6325" s="40">
        <v>13.136055653456312</v>
      </c>
      <c r="L6325" s="40"/>
      <c r="M6325" s="40"/>
      <c r="N6325" s="40"/>
    </row>
    <row r="6326" spans="4:14" x14ac:dyDescent="0.25">
      <c r="D6326" s="40">
        <v>105.29578900000465</v>
      </c>
      <c r="E6326" s="40">
        <v>20.967402131824763</v>
      </c>
      <c r="F6326" s="40">
        <v>105.283333</v>
      </c>
      <c r="G6326" s="40">
        <v>21.184752281852941</v>
      </c>
      <c r="H6326" s="40">
        <v>105.283334</v>
      </c>
      <c r="I6326" s="40">
        <v>18.868311525592549</v>
      </c>
      <c r="J6326" s="40">
        <v>105.283295440477</v>
      </c>
      <c r="K6326" s="40">
        <v>13.136055653456312</v>
      </c>
      <c r="L6326" s="40"/>
      <c r="M6326" s="40"/>
      <c r="N6326" s="40"/>
    </row>
    <row r="6327" spans="4:14" x14ac:dyDescent="0.25">
      <c r="D6327" s="40">
        <v>105.31245500000465</v>
      </c>
      <c r="E6327" s="40">
        <v>20.967402131824763</v>
      </c>
      <c r="F6327" s="40">
        <v>105.29999999999998</v>
      </c>
      <c r="G6327" s="40">
        <v>21.184752281852941</v>
      </c>
      <c r="H6327" s="40">
        <v>105.30000000000001</v>
      </c>
      <c r="I6327" s="40">
        <v>18.868311525592549</v>
      </c>
      <c r="J6327" s="40">
        <v>105.299962101191</v>
      </c>
      <c r="K6327" s="40">
        <v>13.136055653456312</v>
      </c>
      <c r="L6327" s="40"/>
      <c r="M6327" s="40"/>
      <c r="N6327" s="40"/>
    </row>
    <row r="6328" spans="4:14" x14ac:dyDescent="0.25">
      <c r="D6328" s="40">
        <v>105.32912100000465</v>
      </c>
      <c r="E6328" s="40">
        <v>20.967402131824763</v>
      </c>
      <c r="F6328" s="40">
        <v>105.316667</v>
      </c>
      <c r="G6328" s="40">
        <v>21.189507525943036</v>
      </c>
      <c r="H6328" s="40">
        <v>105.316667</v>
      </c>
      <c r="I6328" s="40">
        <v>18.871664261735805</v>
      </c>
      <c r="J6328" s="40">
        <v>105.31662876190499</v>
      </c>
      <c r="K6328" s="40">
        <v>13.136055653456312</v>
      </c>
      <c r="L6328" s="40"/>
      <c r="M6328" s="40"/>
      <c r="N6328" s="40"/>
    </row>
    <row r="6329" spans="4:14" x14ac:dyDescent="0.25">
      <c r="D6329" s="40">
        <v>105.34578700000465</v>
      </c>
      <c r="E6329" s="40">
        <v>20.967402131824763</v>
      </c>
      <c r="F6329" s="40">
        <v>105.33333299999998</v>
      </c>
      <c r="G6329" s="40">
        <v>21.189507525943036</v>
      </c>
      <c r="H6329" s="40">
        <v>105.33333400000001</v>
      </c>
      <c r="I6329" s="40">
        <v>18.871664261735805</v>
      </c>
      <c r="J6329" s="40">
        <v>105.33329542262</v>
      </c>
      <c r="K6329" s="40">
        <v>13.136055653456312</v>
      </c>
      <c r="L6329" s="40"/>
      <c r="M6329" s="40"/>
      <c r="N6329" s="40"/>
    </row>
    <row r="6330" spans="4:14" x14ac:dyDescent="0.25">
      <c r="D6330" s="40">
        <v>105.36245300000465</v>
      </c>
      <c r="E6330" s="40">
        <v>20.967402131824763</v>
      </c>
      <c r="F6330" s="40">
        <v>105.35</v>
      </c>
      <c r="G6330" s="40">
        <v>21.189507525943036</v>
      </c>
      <c r="H6330" s="40">
        <v>105.35</v>
      </c>
      <c r="I6330" s="40">
        <v>18.875016997879239</v>
      </c>
      <c r="J6330" s="40">
        <v>105.34996208333401</v>
      </c>
      <c r="K6330" s="40">
        <v>13.136055653456312</v>
      </c>
      <c r="L6330" s="40"/>
      <c r="M6330" s="40"/>
      <c r="N6330" s="40"/>
    </row>
    <row r="6331" spans="4:14" x14ac:dyDescent="0.25">
      <c r="D6331" s="40">
        <v>105.37911900000465</v>
      </c>
      <c r="E6331" s="40">
        <v>20.967402131824763</v>
      </c>
      <c r="F6331" s="40">
        <v>105.36666700000001</v>
      </c>
      <c r="G6331" s="40">
        <v>21.189507525943036</v>
      </c>
      <c r="H6331" s="40">
        <v>105.36666700000001</v>
      </c>
      <c r="I6331" s="40">
        <v>18.878271124135829</v>
      </c>
      <c r="J6331" s="40">
        <v>105.366628744048</v>
      </c>
      <c r="K6331" s="40">
        <v>13.140906697165418</v>
      </c>
      <c r="L6331" s="40"/>
      <c r="M6331" s="40"/>
      <c r="N6331" s="40"/>
    </row>
    <row r="6332" spans="4:14" x14ac:dyDescent="0.25">
      <c r="D6332" s="40">
        <v>105.39578500000465</v>
      </c>
      <c r="E6332" s="40">
        <v>20.967402131824763</v>
      </c>
      <c r="F6332" s="40">
        <v>105.38333299999999</v>
      </c>
      <c r="G6332" s="40">
        <v>21.189507525943036</v>
      </c>
      <c r="H6332" s="40">
        <v>105.38333400000002</v>
      </c>
      <c r="I6332" s="40">
        <v>18.878271124135829</v>
      </c>
      <c r="J6332" s="40">
        <v>105.38329540476199</v>
      </c>
      <c r="K6332" s="40">
        <v>13.140906697165418</v>
      </c>
      <c r="L6332" s="40"/>
      <c r="M6332" s="40"/>
      <c r="N6332" s="40"/>
    </row>
    <row r="6333" spans="4:14" x14ac:dyDescent="0.25">
      <c r="D6333" s="40">
        <v>105.41245100000465</v>
      </c>
      <c r="E6333" s="40">
        <v>20.967402131824763</v>
      </c>
      <c r="F6333" s="40">
        <v>105.4</v>
      </c>
      <c r="G6333" s="40">
        <v>21.194262770033255</v>
      </c>
      <c r="H6333" s="40">
        <v>105.4</v>
      </c>
      <c r="I6333" s="40">
        <v>18.881623860279262</v>
      </c>
      <c r="J6333" s="40">
        <v>105.399962065477</v>
      </c>
      <c r="K6333" s="40">
        <v>13.140906697165418</v>
      </c>
      <c r="L6333" s="40"/>
      <c r="M6333" s="40"/>
      <c r="N6333" s="40"/>
    </row>
    <row r="6334" spans="4:14" x14ac:dyDescent="0.25">
      <c r="D6334" s="40">
        <v>105.42911700000465</v>
      </c>
      <c r="E6334" s="40">
        <v>20.967402131824763</v>
      </c>
      <c r="F6334" s="40">
        <v>105.41666699999999</v>
      </c>
      <c r="G6334" s="40">
        <v>21.194262770033255</v>
      </c>
      <c r="H6334" s="40">
        <v>105.41666700000002</v>
      </c>
      <c r="I6334" s="40">
        <v>18.884976596422518</v>
      </c>
      <c r="J6334" s="40">
        <v>105.41662872619099</v>
      </c>
      <c r="K6334" s="40">
        <v>13.140906697165418</v>
      </c>
      <c r="L6334" s="40"/>
      <c r="M6334" s="40"/>
      <c r="N6334" s="40"/>
    </row>
    <row r="6335" spans="4:14" x14ac:dyDescent="0.25">
      <c r="D6335" s="40">
        <v>105.44578300000465</v>
      </c>
      <c r="E6335" s="40">
        <v>20.972102863985189</v>
      </c>
      <c r="F6335" s="40">
        <v>105.433333</v>
      </c>
      <c r="G6335" s="40">
        <v>21.194262770033255</v>
      </c>
      <c r="H6335" s="40">
        <v>105.433334</v>
      </c>
      <c r="I6335" s="40">
        <v>18.884976596422518</v>
      </c>
      <c r="J6335" s="40">
        <v>105.433295386905</v>
      </c>
      <c r="K6335" s="40">
        <v>13.140906697165418</v>
      </c>
      <c r="L6335" s="40"/>
      <c r="M6335" s="40"/>
      <c r="N6335" s="40"/>
    </row>
    <row r="6336" spans="4:14" x14ac:dyDescent="0.25">
      <c r="D6336" s="40">
        <v>105.46244900000465</v>
      </c>
      <c r="E6336" s="40">
        <v>20.972102863985189</v>
      </c>
      <c r="F6336" s="40">
        <v>105.44999999999999</v>
      </c>
      <c r="G6336" s="40">
        <v>21.194262770033255</v>
      </c>
      <c r="H6336" s="40">
        <v>105.45000000000002</v>
      </c>
      <c r="I6336" s="40">
        <v>18.888230722679278</v>
      </c>
      <c r="J6336" s="40">
        <v>105.44996204762001</v>
      </c>
      <c r="K6336" s="40">
        <v>13.145615063118479</v>
      </c>
      <c r="L6336" s="40"/>
      <c r="M6336" s="40"/>
      <c r="N6336" s="40"/>
    </row>
    <row r="6337" spans="4:14" x14ac:dyDescent="0.25">
      <c r="D6337" s="40">
        <v>105.47911500000465</v>
      </c>
      <c r="E6337" s="40">
        <v>20.972102863985189</v>
      </c>
      <c r="F6337" s="40">
        <v>105.466667</v>
      </c>
      <c r="G6337" s="40">
        <v>21.199018014123347</v>
      </c>
      <c r="H6337" s="40">
        <v>105.466667</v>
      </c>
      <c r="I6337" s="40">
        <v>18.891583458822538</v>
      </c>
      <c r="J6337" s="40">
        <v>105.466628708334</v>
      </c>
      <c r="K6337" s="40">
        <v>13.145615063118479</v>
      </c>
      <c r="L6337" s="40"/>
      <c r="M6337" s="40"/>
      <c r="N6337" s="40"/>
    </row>
    <row r="6338" spans="4:14" x14ac:dyDescent="0.25">
      <c r="D6338" s="40">
        <v>105.49578100000465</v>
      </c>
      <c r="E6338" s="40">
        <v>20.972102863985189</v>
      </c>
      <c r="F6338" s="40">
        <v>105.48333299999999</v>
      </c>
      <c r="G6338" s="40">
        <v>21.199018014123347</v>
      </c>
      <c r="H6338" s="40">
        <v>105.48333400000001</v>
      </c>
      <c r="I6338" s="40">
        <v>18.891583458822538</v>
      </c>
      <c r="J6338" s="40">
        <v>105.48329536904799</v>
      </c>
      <c r="K6338" s="40">
        <v>13.145615063118479</v>
      </c>
      <c r="L6338" s="40"/>
      <c r="M6338" s="40"/>
      <c r="N6338" s="40"/>
    </row>
    <row r="6339" spans="4:14" x14ac:dyDescent="0.25">
      <c r="D6339" s="40">
        <v>105.51244700000466</v>
      </c>
      <c r="E6339" s="40">
        <v>20.972102863985189</v>
      </c>
      <c r="F6339" s="40">
        <v>105.5</v>
      </c>
      <c r="G6339" s="40">
        <v>21.199018014123347</v>
      </c>
      <c r="H6339" s="40">
        <v>105.5</v>
      </c>
      <c r="I6339" s="40">
        <v>18.894936194965972</v>
      </c>
      <c r="J6339" s="40">
        <v>105.499962029762</v>
      </c>
      <c r="K6339" s="40">
        <v>13.150466106827711</v>
      </c>
      <c r="L6339" s="40"/>
      <c r="M6339" s="40"/>
      <c r="N6339" s="40"/>
    </row>
    <row r="6340" spans="4:14" x14ac:dyDescent="0.25">
      <c r="D6340" s="40">
        <v>105.52911300000466</v>
      </c>
      <c r="E6340" s="40">
        <v>20.967402131824763</v>
      </c>
      <c r="F6340" s="40">
        <v>105.51666699999998</v>
      </c>
      <c r="G6340" s="40">
        <v>21.199018014123347</v>
      </c>
      <c r="H6340" s="40">
        <v>105.51666700000001</v>
      </c>
      <c r="I6340" s="40">
        <v>18.894936194965972</v>
      </c>
      <c r="J6340" s="40">
        <v>105.51662869047701</v>
      </c>
      <c r="K6340" s="40">
        <v>13.150466106827711</v>
      </c>
      <c r="L6340" s="40"/>
      <c r="M6340" s="40"/>
      <c r="N6340" s="40"/>
    </row>
    <row r="6341" spans="4:14" x14ac:dyDescent="0.25">
      <c r="D6341" s="40">
        <v>105.54577900000466</v>
      </c>
      <c r="E6341" s="40">
        <v>20.967402131824763</v>
      </c>
      <c r="F6341" s="40">
        <v>105.533333</v>
      </c>
      <c r="G6341" s="40">
        <v>21.199018014123347</v>
      </c>
      <c r="H6341" s="40">
        <v>105.533334</v>
      </c>
      <c r="I6341" s="40">
        <v>18.898190321222735</v>
      </c>
      <c r="J6341" s="40">
        <v>105.533295351191</v>
      </c>
      <c r="K6341" s="40">
        <v>13.150466106827711</v>
      </c>
      <c r="L6341" s="40"/>
      <c r="M6341" s="40"/>
      <c r="N6341" s="40"/>
    </row>
    <row r="6342" spans="4:14" x14ac:dyDescent="0.25">
      <c r="D6342" s="40">
        <v>105.56244500000466</v>
      </c>
      <c r="E6342" s="40">
        <v>20.967402131824763</v>
      </c>
      <c r="F6342" s="40">
        <v>105.54999999999998</v>
      </c>
      <c r="G6342" s="40">
        <v>21.199018014123347</v>
      </c>
      <c r="H6342" s="40">
        <v>105.55000000000001</v>
      </c>
      <c r="I6342" s="40">
        <v>18.901543057365991</v>
      </c>
      <c r="J6342" s="40">
        <v>105.549962011905</v>
      </c>
      <c r="K6342" s="40">
        <v>13.150466106827711</v>
      </c>
      <c r="L6342" s="40"/>
      <c r="M6342" s="40"/>
      <c r="N6342" s="40"/>
    </row>
    <row r="6343" spans="4:14" x14ac:dyDescent="0.25">
      <c r="D6343" s="40">
        <v>105.57911100000466</v>
      </c>
      <c r="E6343" s="40">
        <v>20.967402131824763</v>
      </c>
      <c r="F6343" s="40">
        <v>105.566667</v>
      </c>
      <c r="G6343" s="40">
        <v>21.199018014123347</v>
      </c>
      <c r="H6343" s="40">
        <v>105.566667</v>
      </c>
      <c r="I6343" s="40">
        <v>18.901543057365991</v>
      </c>
      <c r="J6343" s="40">
        <v>105.56662867262</v>
      </c>
      <c r="K6343" s="40">
        <v>13.150466106827711</v>
      </c>
      <c r="L6343" s="40"/>
      <c r="M6343" s="40"/>
      <c r="N6343" s="40"/>
    </row>
    <row r="6344" spans="4:14" x14ac:dyDescent="0.25">
      <c r="D6344" s="40">
        <v>105.59577700000466</v>
      </c>
      <c r="E6344" s="40">
        <v>20.967402131824763</v>
      </c>
      <c r="F6344" s="40">
        <v>105.58333299999998</v>
      </c>
      <c r="G6344" s="40">
        <v>21.203633398093249</v>
      </c>
      <c r="H6344" s="40">
        <v>105.58333400000001</v>
      </c>
      <c r="I6344" s="40">
        <v>18.904895793509247</v>
      </c>
      <c r="J6344" s="40">
        <v>105.58329533333399</v>
      </c>
      <c r="K6344" s="40">
        <v>13.150466106827711</v>
      </c>
      <c r="L6344" s="40"/>
      <c r="M6344" s="40"/>
      <c r="N6344" s="40"/>
    </row>
    <row r="6345" spans="4:14" x14ac:dyDescent="0.25">
      <c r="D6345" s="40">
        <v>105.61244300000466</v>
      </c>
      <c r="E6345" s="40">
        <v>20.967402131824763</v>
      </c>
      <c r="F6345" s="40">
        <v>105.6</v>
      </c>
      <c r="G6345" s="40">
        <v>21.203633398093249</v>
      </c>
      <c r="H6345" s="40">
        <v>105.6</v>
      </c>
      <c r="I6345" s="40">
        <v>18.904895793509247</v>
      </c>
      <c r="J6345" s="40">
        <v>105.599961994048</v>
      </c>
      <c r="K6345" s="40">
        <v>13.150466106827711</v>
      </c>
      <c r="L6345" s="40"/>
      <c r="M6345" s="40"/>
      <c r="N6345" s="40"/>
    </row>
    <row r="6346" spans="4:14" x14ac:dyDescent="0.25">
      <c r="D6346" s="40">
        <v>105.62910900000466</v>
      </c>
      <c r="E6346" s="40">
        <v>20.967402131824763</v>
      </c>
      <c r="F6346" s="40">
        <v>105.61666700000001</v>
      </c>
      <c r="G6346" s="40">
        <v>21.203633398093249</v>
      </c>
      <c r="H6346" s="40">
        <v>105.61666700000001</v>
      </c>
      <c r="I6346" s="40">
        <v>18.908149919766007</v>
      </c>
      <c r="J6346" s="40">
        <v>105.616628654762</v>
      </c>
      <c r="K6346" s="40">
        <v>13.150466106827711</v>
      </c>
      <c r="L6346" s="40"/>
      <c r="M6346" s="40"/>
      <c r="N6346" s="40"/>
    </row>
    <row r="6347" spans="4:14" x14ac:dyDescent="0.25">
      <c r="D6347" s="40">
        <v>105.64577500000466</v>
      </c>
      <c r="E6347" s="40">
        <v>20.972102863985189</v>
      </c>
      <c r="F6347" s="40">
        <v>105.63333299999999</v>
      </c>
      <c r="G6347" s="40">
        <v>21.203633398093249</v>
      </c>
      <c r="H6347" s="40">
        <v>105.63333400000002</v>
      </c>
      <c r="I6347" s="40">
        <v>18.911502655909267</v>
      </c>
      <c r="J6347" s="40">
        <v>105.633295315477</v>
      </c>
      <c r="K6347" s="40">
        <v>13.150466106827711</v>
      </c>
      <c r="L6347" s="40"/>
      <c r="M6347" s="40"/>
      <c r="N6347" s="40"/>
    </row>
    <row r="6348" spans="4:14" x14ac:dyDescent="0.25">
      <c r="D6348" s="40">
        <v>105.66244100000466</v>
      </c>
      <c r="E6348" s="40">
        <v>20.972102863985189</v>
      </c>
      <c r="F6348" s="40">
        <v>105.65</v>
      </c>
      <c r="G6348" s="40">
        <v>21.203633398093249</v>
      </c>
      <c r="H6348" s="40">
        <v>105.65</v>
      </c>
      <c r="I6348" s="40">
        <v>18.911502655909267</v>
      </c>
      <c r="J6348" s="40">
        <v>105.64996197619099</v>
      </c>
      <c r="K6348" s="40">
        <v>13.150466106827711</v>
      </c>
      <c r="L6348" s="40"/>
      <c r="M6348" s="40"/>
      <c r="N6348" s="40"/>
    </row>
    <row r="6349" spans="4:14" x14ac:dyDescent="0.25">
      <c r="D6349" s="40">
        <v>105.67910700000466</v>
      </c>
      <c r="E6349" s="40">
        <v>20.972102863985189</v>
      </c>
      <c r="F6349" s="40">
        <v>105.66666699999999</v>
      </c>
      <c r="G6349" s="40">
        <v>21.203633398093249</v>
      </c>
      <c r="H6349" s="40">
        <v>105.66666700000002</v>
      </c>
      <c r="I6349" s="40">
        <v>18.914855392052701</v>
      </c>
      <c r="J6349" s="40">
        <v>105.666628636905</v>
      </c>
      <c r="K6349" s="40">
        <v>13.155317150536817</v>
      </c>
      <c r="L6349" s="40"/>
      <c r="M6349" s="40"/>
      <c r="N6349" s="40"/>
    </row>
    <row r="6350" spans="4:14" x14ac:dyDescent="0.25">
      <c r="D6350" s="40">
        <v>105.69577300000466</v>
      </c>
      <c r="E6350" s="40">
        <v>20.972102863985189</v>
      </c>
      <c r="F6350" s="40">
        <v>105.683333</v>
      </c>
      <c r="G6350" s="40">
        <v>21.203633398093249</v>
      </c>
      <c r="H6350" s="40">
        <v>105.683334</v>
      </c>
      <c r="I6350" s="40">
        <v>18.914855392052701</v>
      </c>
      <c r="J6350" s="40">
        <v>105.68329529762001</v>
      </c>
      <c r="K6350" s="40">
        <v>13.155317150536817</v>
      </c>
      <c r="L6350" s="40"/>
      <c r="M6350" s="40"/>
      <c r="N6350" s="40"/>
    </row>
    <row r="6351" spans="4:14" x14ac:dyDescent="0.25">
      <c r="D6351" s="40">
        <v>105.71243900000466</v>
      </c>
      <c r="E6351" s="40">
        <v>20.972102863985189</v>
      </c>
      <c r="F6351" s="40">
        <v>105.69999999999999</v>
      </c>
      <c r="G6351" s="40">
        <v>21.208388642183472</v>
      </c>
      <c r="H6351" s="40">
        <v>105.70000000000002</v>
      </c>
      <c r="I6351" s="40">
        <v>18.918109518309464</v>
      </c>
      <c r="J6351" s="40">
        <v>105.699961958334</v>
      </c>
      <c r="K6351" s="40">
        <v>13.155317150536817</v>
      </c>
      <c r="L6351" s="40"/>
      <c r="M6351" s="40"/>
      <c r="N6351" s="40"/>
    </row>
    <row r="6352" spans="4:14" x14ac:dyDescent="0.25">
      <c r="D6352" s="40">
        <v>105.72910500000467</v>
      </c>
      <c r="E6352" s="40">
        <v>20.972102863985189</v>
      </c>
      <c r="F6352" s="40">
        <v>105.716667</v>
      </c>
      <c r="G6352" s="40">
        <v>21.208388642183472</v>
      </c>
      <c r="H6352" s="40">
        <v>105.716667</v>
      </c>
      <c r="I6352" s="40">
        <v>18.92146225445272</v>
      </c>
      <c r="J6352" s="40">
        <v>105.716628619048</v>
      </c>
      <c r="K6352" s="40">
        <v>13.155317150536817</v>
      </c>
      <c r="L6352" s="40"/>
      <c r="M6352" s="40"/>
      <c r="N6352" s="40"/>
    </row>
    <row r="6353" spans="4:14" x14ac:dyDescent="0.25">
      <c r="D6353" s="40">
        <v>105.74577100000467</v>
      </c>
      <c r="E6353" s="40">
        <v>20.97694604257461</v>
      </c>
      <c r="F6353" s="40">
        <v>105.73333299999999</v>
      </c>
      <c r="G6353" s="40">
        <v>21.208388642183472</v>
      </c>
      <c r="H6353" s="40">
        <v>105.73333400000001</v>
      </c>
      <c r="I6353" s="40">
        <v>18.92146225445272</v>
      </c>
      <c r="J6353" s="40">
        <v>105.733295279762</v>
      </c>
      <c r="K6353" s="40">
        <v>13.160025516489876</v>
      </c>
      <c r="L6353" s="40"/>
      <c r="M6353" s="40"/>
      <c r="N6353" s="40"/>
    </row>
    <row r="6354" spans="4:14" x14ac:dyDescent="0.25">
      <c r="D6354" s="40">
        <v>105.76243700000467</v>
      </c>
      <c r="E6354" s="40">
        <v>20.97694604257461</v>
      </c>
      <c r="F6354" s="40">
        <v>105.75</v>
      </c>
      <c r="G6354" s="40">
        <v>21.208388642183472</v>
      </c>
      <c r="H6354" s="40">
        <v>105.75</v>
      </c>
      <c r="I6354" s="40">
        <v>18.92481499059598</v>
      </c>
      <c r="J6354" s="40">
        <v>105.74996194047699</v>
      </c>
      <c r="K6354" s="40">
        <v>13.160025516489876</v>
      </c>
      <c r="L6354" s="40"/>
      <c r="M6354" s="40"/>
      <c r="N6354" s="40"/>
    </row>
    <row r="6355" spans="4:14" x14ac:dyDescent="0.25">
      <c r="D6355" s="40">
        <v>105.77910300000467</v>
      </c>
      <c r="E6355" s="40">
        <v>20.97694604257461</v>
      </c>
      <c r="F6355" s="40">
        <v>105.76666699999998</v>
      </c>
      <c r="G6355" s="40">
        <v>21.208388642183472</v>
      </c>
      <c r="H6355" s="40">
        <v>105.76666700000001</v>
      </c>
      <c r="I6355" s="40">
        <v>18.92806911685274</v>
      </c>
      <c r="J6355" s="40">
        <v>105.766628601191</v>
      </c>
      <c r="K6355" s="40">
        <v>13.160025516489876</v>
      </c>
      <c r="L6355" s="40"/>
      <c r="M6355" s="40"/>
      <c r="N6355" s="40"/>
    </row>
    <row r="6356" spans="4:14" x14ac:dyDescent="0.25">
      <c r="D6356" s="40">
        <v>105.79576900000467</v>
      </c>
      <c r="E6356" s="40">
        <v>20.97694604257461</v>
      </c>
      <c r="F6356" s="40">
        <v>105.783333</v>
      </c>
      <c r="G6356" s="40">
        <v>21.208388642183472</v>
      </c>
      <c r="H6356" s="40">
        <v>105.783334</v>
      </c>
      <c r="I6356" s="40">
        <v>18.92806911685274</v>
      </c>
      <c r="J6356" s="40">
        <v>105.783295261905</v>
      </c>
      <c r="K6356" s="40">
        <v>13.160025516489876</v>
      </c>
      <c r="L6356" s="40"/>
      <c r="M6356" s="40"/>
      <c r="N6356" s="40"/>
    </row>
    <row r="6357" spans="4:14" x14ac:dyDescent="0.25">
      <c r="D6357" s="40">
        <v>105.81243500000467</v>
      </c>
      <c r="E6357" s="40">
        <v>20.97694604257461</v>
      </c>
      <c r="F6357" s="40">
        <v>105.79999999999998</v>
      </c>
      <c r="G6357" s="40">
        <v>21.208388642183472</v>
      </c>
      <c r="H6357" s="40">
        <v>105.80000000000001</v>
      </c>
      <c r="I6357" s="40">
        <v>18.931421852996174</v>
      </c>
      <c r="J6357" s="40">
        <v>105.79996192262</v>
      </c>
      <c r="K6357" s="40">
        <v>13.164876560199108</v>
      </c>
      <c r="L6357" s="40"/>
      <c r="M6357" s="40"/>
      <c r="N6357" s="40"/>
    </row>
    <row r="6358" spans="4:14" x14ac:dyDescent="0.25">
      <c r="D6358" s="40">
        <v>105.82910100000467</v>
      </c>
      <c r="E6358" s="40">
        <v>20.97694604257461</v>
      </c>
      <c r="F6358" s="40">
        <v>105.816667</v>
      </c>
      <c r="G6358" s="40">
        <v>21.208388642183472</v>
      </c>
      <c r="H6358" s="40">
        <v>105.816667</v>
      </c>
      <c r="I6358" s="40">
        <v>18.931421852996174</v>
      </c>
      <c r="J6358" s="40">
        <v>105.81662858333399</v>
      </c>
      <c r="K6358" s="40">
        <v>13.164876560199108</v>
      </c>
      <c r="L6358" s="40"/>
      <c r="M6358" s="40"/>
      <c r="N6358" s="40"/>
    </row>
    <row r="6359" spans="4:14" x14ac:dyDescent="0.25">
      <c r="D6359" s="40">
        <v>105.84576700000467</v>
      </c>
      <c r="E6359" s="40">
        <v>20.97694604257461</v>
      </c>
      <c r="F6359" s="40">
        <v>105.83333299999998</v>
      </c>
      <c r="G6359" s="40">
        <v>21.208388642183472</v>
      </c>
      <c r="H6359" s="40">
        <v>105.83333400000001</v>
      </c>
      <c r="I6359" s="40">
        <v>18.93477458913943</v>
      </c>
      <c r="J6359" s="40">
        <v>105.833295244048</v>
      </c>
      <c r="K6359" s="40">
        <v>13.164876560199108</v>
      </c>
      <c r="L6359" s="40"/>
      <c r="M6359" s="40"/>
      <c r="N6359" s="40"/>
    </row>
    <row r="6360" spans="4:14" x14ac:dyDescent="0.25">
      <c r="D6360" s="40">
        <v>105.86243300000467</v>
      </c>
      <c r="E6360" s="40">
        <v>20.972102863985189</v>
      </c>
      <c r="F6360" s="40">
        <v>105.85</v>
      </c>
      <c r="G6360" s="40">
        <v>21.208388642183472</v>
      </c>
      <c r="H6360" s="40">
        <v>105.85</v>
      </c>
      <c r="I6360" s="40">
        <v>18.93477458913943</v>
      </c>
      <c r="J6360" s="40">
        <v>105.849961904762</v>
      </c>
      <c r="K6360" s="40">
        <v>13.164876560199108</v>
      </c>
      <c r="L6360" s="40"/>
      <c r="M6360" s="40"/>
      <c r="N6360" s="40"/>
    </row>
    <row r="6361" spans="4:14" x14ac:dyDescent="0.25">
      <c r="D6361" s="40">
        <v>105.87909900000467</v>
      </c>
      <c r="E6361" s="40">
        <v>20.972102863985189</v>
      </c>
      <c r="F6361" s="40">
        <v>105.86666700000001</v>
      </c>
      <c r="G6361" s="40">
        <v>21.208388642183472</v>
      </c>
      <c r="H6361" s="40">
        <v>105.86666700000001</v>
      </c>
      <c r="I6361" s="40">
        <v>18.938127325282689</v>
      </c>
      <c r="J6361" s="40">
        <v>105.866628565477</v>
      </c>
      <c r="K6361" s="40">
        <v>13.164876560199108</v>
      </c>
      <c r="L6361" s="40"/>
      <c r="M6361" s="40"/>
      <c r="N6361" s="40"/>
    </row>
    <row r="6362" spans="4:14" x14ac:dyDescent="0.25">
      <c r="D6362" s="40">
        <v>105.89576500000467</v>
      </c>
      <c r="E6362" s="40">
        <v>20.972102863985189</v>
      </c>
      <c r="F6362" s="40">
        <v>105.88333299999999</v>
      </c>
      <c r="G6362" s="40">
        <v>21.213143886273691</v>
      </c>
      <c r="H6362" s="40">
        <v>105.88333400000002</v>
      </c>
      <c r="I6362" s="40">
        <v>18.938127325282689</v>
      </c>
      <c r="J6362" s="40">
        <v>105.883295226191</v>
      </c>
      <c r="K6362" s="40">
        <v>13.164876560199108</v>
      </c>
      <c r="L6362" s="40"/>
      <c r="M6362" s="40"/>
      <c r="N6362" s="40"/>
    </row>
    <row r="6363" spans="4:14" x14ac:dyDescent="0.25">
      <c r="D6363" s="40">
        <v>105.91243100000467</v>
      </c>
      <c r="E6363" s="40">
        <v>20.972102863985189</v>
      </c>
      <c r="F6363" s="40">
        <v>105.9</v>
      </c>
      <c r="G6363" s="40">
        <v>21.213143886273691</v>
      </c>
      <c r="H6363" s="40">
        <v>105.9</v>
      </c>
      <c r="I6363" s="40">
        <v>18.941381451539453</v>
      </c>
      <c r="J6363" s="40">
        <v>105.899961886905</v>
      </c>
      <c r="K6363" s="40">
        <v>13.164876560199108</v>
      </c>
      <c r="L6363" s="40"/>
      <c r="M6363" s="40"/>
      <c r="N6363" s="40"/>
    </row>
    <row r="6364" spans="4:14" x14ac:dyDescent="0.25">
      <c r="D6364" s="40">
        <v>105.92909700000467</v>
      </c>
      <c r="E6364" s="40">
        <v>20.972102863985189</v>
      </c>
      <c r="F6364" s="40">
        <v>105.91666699999999</v>
      </c>
      <c r="G6364" s="40">
        <v>21.213143886273691</v>
      </c>
      <c r="H6364" s="40">
        <v>105.91666700000002</v>
      </c>
      <c r="I6364" s="40">
        <v>18.941381451539453</v>
      </c>
      <c r="J6364" s="40">
        <v>105.91662854761999</v>
      </c>
      <c r="K6364" s="40">
        <v>13.164876560199108</v>
      </c>
      <c r="L6364" s="40"/>
      <c r="M6364" s="40"/>
      <c r="N6364" s="40"/>
    </row>
    <row r="6365" spans="4:14" x14ac:dyDescent="0.25">
      <c r="D6365" s="40">
        <v>105.94576300000467</v>
      </c>
      <c r="E6365" s="40">
        <v>20.972102863985189</v>
      </c>
      <c r="F6365" s="40">
        <v>105.933333</v>
      </c>
      <c r="G6365" s="40">
        <v>21.213143886273691</v>
      </c>
      <c r="H6365" s="40">
        <v>105.933334</v>
      </c>
      <c r="I6365" s="40">
        <v>18.944734187682709</v>
      </c>
      <c r="J6365" s="40">
        <v>105.933295208334</v>
      </c>
      <c r="K6365" s="40">
        <v>13.164876560199108</v>
      </c>
      <c r="L6365" s="40"/>
      <c r="M6365" s="40"/>
      <c r="N6365" s="40"/>
    </row>
    <row r="6366" spans="4:14" x14ac:dyDescent="0.25">
      <c r="D6366" s="40">
        <v>105.96242900000468</v>
      </c>
      <c r="E6366" s="40">
        <v>20.972102863985189</v>
      </c>
      <c r="F6366" s="40">
        <v>105.94999999999999</v>
      </c>
      <c r="G6366" s="40">
        <v>21.213143886273691</v>
      </c>
      <c r="H6366" s="40">
        <v>105.95000000000002</v>
      </c>
      <c r="I6366" s="40">
        <v>18.944734187682709</v>
      </c>
      <c r="J6366" s="40">
        <v>105.949961869048</v>
      </c>
      <c r="K6366" s="40">
        <v>13.164876560199108</v>
      </c>
      <c r="L6366" s="40"/>
      <c r="M6366" s="40"/>
      <c r="N6366" s="40"/>
    </row>
    <row r="6367" spans="4:14" x14ac:dyDescent="0.25">
      <c r="D6367" s="40">
        <v>105.97909500000468</v>
      </c>
      <c r="E6367" s="40">
        <v>20.97694604257461</v>
      </c>
      <c r="F6367" s="40">
        <v>105.966667</v>
      </c>
      <c r="G6367" s="40">
        <v>21.213143886273691</v>
      </c>
      <c r="H6367" s="40">
        <v>105.966667</v>
      </c>
      <c r="I6367" s="40">
        <v>18.948086923826139</v>
      </c>
      <c r="J6367" s="40">
        <v>105.966628529762</v>
      </c>
      <c r="K6367" s="40">
        <v>13.164876560199108</v>
      </c>
      <c r="L6367" s="40"/>
      <c r="M6367" s="40"/>
      <c r="N6367" s="40"/>
    </row>
    <row r="6368" spans="4:14" x14ac:dyDescent="0.25">
      <c r="D6368" s="40">
        <v>105.99576100000468</v>
      </c>
      <c r="E6368" s="40">
        <v>20.97694604257461</v>
      </c>
      <c r="F6368" s="40">
        <v>105.98333299999999</v>
      </c>
      <c r="G6368" s="40">
        <v>21.213143886273691</v>
      </c>
      <c r="H6368" s="40">
        <v>105.98333400000001</v>
      </c>
      <c r="I6368" s="40">
        <v>18.951341050082902</v>
      </c>
      <c r="J6368" s="40">
        <v>105.98329519047699</v>
      </c>
      <c r="K6368" s="40">
        <v>13.164876560199108</v>
      </c>
      <c r="L6368" s="40"/>
      <c r="M6368" s="40"/>
      <c r="N6368" s="40"/>
    </row>
    <row r="6369" spans="4:14" x14ac:dyDescent="0.25">
      <c r="D6369" s="40">
        <v>106.01242700000468</v>
      </c>
      <c r="E6369" s="40">
        <v>20.97694604257461</v>
      </c>
      <c r="F6369" s="40">
        <v>106</v>
      </c>
      <c r="G6369" s="40">
        <v>21.213143886273691</v>
      </c>
      <c r="H6369" s="40">
        <v>106</v>
      </c>
      <c r="I6369" s="40">
        <v>18.951341050082902</v>
      </c>
      <c r="J6369" s="40">
        <v>105.999961851191</v>
      </c>
      <c r="K6369" s="40">
        <v>13.164876560199108</v>
      </c>
      <c r="L6369" s="40"/>
      <c r="M6369" s="40"/>
      <c r="N6369" s="40"/>
    </row>
    <row r="6370" spans="4:14" x14ac:dyDescent="0.25">
      <c r="D6370" s="40">
        <v>106.02909300000468</v>
      </c>
      <c r="E6370" s="40">
        <v>20.981789221164156</v>
      </c>
      <c r="F6370" s="40">
        <v>106.01666699999998</v>
      </c>
      <c r="G6370" s="40">
        <v>21.217759270243466</v>
      </c>
      <c r="H6370" s="40">
        <v>106.01666700000001</v>
      </c>
      <c r="I6370" s="40">
        <v>18.954693786226159</v>
      </c>
      <c r="J6370" s="40">
        <v>106.016628511905</v>
      </c>
      <c r="K6370" s="40">
        <v>13.164876560199108</v>
      </c>
      <c r="L6370" s="40"/>
      <c r="M6370" s="40"/>
      <c r="N6370" s="40"/>
    </row>
    <row r="6371" spans="4:14" x14ac:dyDescent="0.25">
      <c r="D6371" s="40">
        <v>106.04575900000468</v>
      </c>
      <c r="E6371" s="40">
        <v>20.981789221164156</v>
      </c>
      <c r="F6371" s="40">
        <v>106.033333</v>
      </c>
      <c r="G6371" s="40">
        <v>21.217759270243466</v>
      </c>
      <c r="H6371" s="40">
        <v>106.033334</v>
      </c>
      <c r="I6371" s="40">
        <v>18.954693786226159</v>
      </c>
      <c r="J6371" s="40">
        <v>106.03329517262</v>
      </c>
      <c r="K6371" s="40">
        <v>13.164876560199108</v>
      </c>
      <c r="L6371" s="40"/>
      <c r="M6371" s="40"/>
      <c r="N6371" s="40"/>
    </row>
    <row r="6372" spans="4:14" x14ac:dyDescent="0.25">
      <c r="D6372" s="40">
        <v>106.06242500000468</v>
      </c>
      <c r="E6372" s="40">
        <v>20.981789221164156</v>
      </c>
      <c r="F6372" s="40">
        <v>106.04999999999998</v>
      </c>
      <c r="G6372" s="40">
        <v>21.217759270243466</v>
      </c>
      <c r="H6372" s="40">
        <v>106.05000000000001</v>
      </c>
      <c r="I6372" s="40">
        <v>18.958046522369418</v>
      </c>
      <c r="J6372" s="40">
        <v>106.049961833334</v>
      </c>
      <c r="K6372" s="40">
        <v>13.164876560199108</v>
      </c>
      <c r="L6372" s="40"/>
      <c r="M6372" s="40"/>
      <c r="N6372" s="40"/>
    </row>
    <row r="6373" spans="4:14" x14ac:dyDescent="0.25">
      <c r="D6373" s="40">
        <v>106.07909100000468</v>
      </c>
      <c r="E6373" s="40">
        <v>20.981789221164156</v>
      </c>
      <c r="F6373" s="40">
        <v>106.066667</v>
      </c>
      <c r="G6373" s="40">
        <v>21.217759270243466</v>
      </c>
      <c r="H6373" s="40">
        <v>106.066667</v>
      </c>
      <c r="I6373" s="40">
        <v>18.958046522369418</v>
      </c>
      <c r="J6373" s="40">
        <v>106.066628494048</v>
      </c>
      <c r="K6373" s="40">
        <v>13.164876560199108</v>
      </c>
      <c r="L6373" s="40"/>
      <c r="M6373" s="40"/>
      <c r="N6373" s="40"/>
    </row>
    <row r="6374" spans="4:14" x14ac:dyDescent="0.25">
      <c r="D6374" s="40">
        <v>106.09575700000468</v>
      </c>
      <c r="E6374" s="40">
        <v>20.981789221164156</v>
      </c>
      <c r="F6374" s="40">
        <v>106.08333299999998</v>
      </c>
      <c r="G6374" s="40">
        <v>21.217759270243466</v>
      </c>
      <c r="H6374" s="40">
        <v>106.08333400000001</v>
      </c>
      <c r="I6374" s="40">
        <v>18.961300648626182</v>
      </c>
      <c r="J6374" s="40">
        <v>106.083295154762</v>
      </c>
      <c r="K6374" s="40">
        <v>13.164876560199108</v>
      </c>
      <c r="L6374" s="40"/>
      <c r="M6374" s="40"/>
      <c r="N6374" s="40"/>
    </row>
    <row r="6375" spans="4:14" x14ac:dyDescent="0.25">
      <c r="D6375" s="40">
        <v>106.11242300000468</v>
      </c>
      <c r="E6375" s="40">
        <v>20.981789221164156</v>
      </c>
      <c r="F6375" s="40">
        <v>106.1</v>
      </c>
      <c r="G6375" s="40">
        <v>21.217759270243466</v>
      </c>
      <c r="H6375" s="40">
        <v>106.1</v>
      </c>
      <c r="I6375" s="40">
        <v>18.961300648626182</v>
      </c>
      <c r="J6375" s="40">
        <v>106.099961815477</v>
      </c>
      <c r="K6375" s="40">
        <v>13.164876560199108</v>
      </c>
      <c r="L6375" s="40"/>
      <c r="M6375" s="40"/>
      <c r="N6375" s="40"/>
    </row>
    <row r="6376" spans="4:14" x14ac:dyDescent="0.25">
      <c r="D6376" s="40">
        <v>106.12908900000468</v>
      </c>
      <c r="E6376" s="40">
        <v>20.981789221164156</v>
      </c>
      <c r="F6376" s="40">
        <v>106.11666700000001</v>
      </c>
      <c r="G6376" s="40">
        <v>21.217759270243466</v>
      </c>
      <c r="H6376" s="40">
        <v>106.11666700000001</v>
      </c>
      <c r="I6376" s="40">
        <v>18.964653384769438</v>
      </c>
      <c r="J6376" s="40">
        <v>106.116628476191</v>
      </c>
      <c r="K6376" s="40">
        <v>13.16972760390834</v>
      </c>
      <c r="L6376" s="40"/>
      <c r="M6376" s="40"/>
      <c r="N6376" s="40"/>
    </row>
    <row r="6377" spans="4:14" x14ac:dyDescent="0.25">
      <c r="D6377" s="40">
        <v>106.14575500000468</v>
      </c>
      <c r="E6377" s="40">
        <v>20.986489953324583</v>
      </c>
      <c r="F6377" s="40">
        <v>106.13333299999999</v>
      </c>
      <c r="G6377" s="40">
        <v>21.217759270243466</v>
      </c>
      <c r="H6377" s="40">
        <v>106.13333400000002</v>
      </c>
      <c r="I6377" s="40">
        <v>18.968006120912868</v>
      </c>
      <c r="J6377" s="40">
        <v>106.13329513690501</v>
      </c>
      <c r="K6377" s="40">
        <v>13.16972760390834</v>
      </c>
      <c r="L6377" s="40"/>
      <c r="M6377" s="40"/>
      <c r="N6377" s="40"/>
    </row>
    <row r="6378" spans="4:14" x14ac:dyDescent="0.25">
      <c r="D6378" s="40">
        <v>106.16242100000468</v>
      </c>
      <c r="E6378" s="40">
        <v>20.986489953324583</v>
      </c>
      <c r="F6378" s="40">
        <v>106.15</v>
      </c>
      <c r="G6378" s="40">
        <v>21.217759270243466</v>
      </c>
      <c r="H6378" s="40">
        <v>106.15</v>
      </c>
      <c r="I6378" s="40">
        <v>18.968006120912868</v>
      </c>
      <c r="J6378" s="40">
        <v>106.14996179761999</v>
      </c>
      <c r="K6378" s="40">
        <v>13.16972760390834</v>
      </c>
      <c r="L6378" s="40"/>
      <c r="M6378" s="40"/>
      <c r="N6378" s="40"/>
    </row>
    <row r="6379" spans="4:14" x14ac:dyDescent="0.25">
      <c r="D6379" s="40">
        <v>106.17908700000469</v>
      </c>
      <c r="E6379" s="40">
        <v>20.986489953324583</v>
      </c>
      <c r="F6379" s="40">
        <v>106.16666699999999</v>
      </c>
      <c r="G6379" s="40">
        <v>21.217759270243466</v>
      </c>
      <c r="H6379" s="40">
        <v>106.16666700000002</v>
      </c>
      <c r="I6379" s="40">
        <v>18.968006120912868</v>
      </c>
      <c r="J6379" s="40">
        <v>106.166628458334</v>
      </c>
      <c r="K6379" s="40">
        <v>13.164876560199108</v>
      </c>
      <c r="L6379" s="40"/>
      <c r="M6379" s="40"/>
      <c r="N6379" s="40"/>
    </row>
    <row r="6380" spans="4:14" x14ac:dyDescent="0.25">
      <c r="D6380" s="40">
        <v>106.19575300000469</v>
      </c>
      <c r="E6380" s="40">
        <v>20.986489953324583</v>
      </c>
      <c r="F6380" s="40">
        <v>106.183333</v>
      </c>
      <c r="G6380" s="40">
        <v>21.217759270243466</v>
      </c>
      <c r="H6380" s="40">
        <v>106.183334</v>
      </c>
      <c r="I6380" s="40">
        <v>18.971260247169631</v>
      </c>
      <c r="J6380" s="40">
        <v>106.183295119048</v>
      </c>
      <c r="K6380" s="40">
        <v>13.16972760390834</v>
      </c>
      <c r="L6380" s="40"/>
      <c r="M6380" s="40"/>
      <c r="N6380" s="40"/>
    </row>
    <row r="6381" spans="4:14" x14ac:dyDescent="0.25">
      <c r="D6381" s="40">
        <v>106.21241900000469</v>
      </c>
      <c r="E6381" s="40">
        <v>20.991333131914004</v>
      </c>
      <c r="F6381" s="40">
        <v>106.19999999999999</v>
      </c>
      <c r="G6381" s="40">
        <v>21.217759270243466</v>
      </c>
      <c r="H6381" s="40">
        <v>106.20000000000002</v>
      </c>
      <c r="I6381" s="40">
        <v>18.971260247169631</v>
      </c>
      <c r="J6381" s="40">
        <v>106.19996177976201</v>
      </c>
      <c r="K6381" s="40">
        <v>13.16972760390834</v>
      </c>
      <c r="L6381" s="40"/>
      <c r="M6381" s="40"/>
      <c r="N6381" s="40"/>
    </row>
    <row r="6382" spans="4:14" x14ac:dyDescent="0.25">
      <c r="D6382" s="40">
        <v>106.22908500000469</v>
      </c>
      <c r="E6382" s="40">
        <v>20.991333131914004</v>
      </c>
      <c r="F6382" s="40">
        <v>106.216667</v>
      </c>
      <c r="G6382" s="40">
        <v>21.217759270243466</v>
      </c>
      <c r="H6382" s="40">
        <v>106.216667</v>
      </c>
      <c r="I6382" s="40">
        <v>18.974612983312891</v>
      </c>
      <c r="J6382" s="40">
        <v>106.216628440477</v>
      </c>
      <c r="K6382" s="40">
        <v>13.164876560199108</v>
      </c>
      <c r="L6382" s="40"/>
      <c r="M6382" s="40"/>
      <c r="N6382" s="40"/>
    </row>
    <row r="6383" spans="4:14" x14ac:dyDescent="0.25">
      <c r="D6383" s="40">
        <v>106.24575100000469</v>
      </c>
      <c r="E6383" s="40">
        <v>20.996176310503554</v>
      </c>
      <c r="F6383" s="40">
        <v>106.23333299999999</v>
      </c>
      <c r="G6383" s="40">
        <v>21.217759270243466</v>
      </c>
      <c r="H6383" s="40">
        <v>106.23333400000001</v>
      </c>
      <c r="I6383" s="40">
        <v>18.974612983312891</v>
      </c>
      <c r="J6383" s="40">
        <v>106.233295101191</v>
      </c>
      <c r="K6383" s="40">
        <v>13.164876560199108</v>
      </c>
      <c r="L6383" s="40"/>
      <c r="M6383" s="40"/>
      <c r="N6383" s="40"/>
    </row>
    <row r="6384" spans="4:14" x14ac:dyDescent="0.25">
      <c r="D6384" s="40">
        <v>106.26241700000469</v>
      </c>
      <c r="E6384" s="40">
        <v>20.996176310503554</v>
      </c>
      <c r="F6384" s="40">
        <v>106.25</v>
      </c>
      <c r="G6384" s="40">
        <v>21.222514514333685</v>
      </c>
      <c r="H6384" s="40">
        <v>106.25</v>
      </c>
      <c r="I6384" s="40">
        <v>18.977965719456147</v>
      </c>
      <c r="J6384" s="40">
        <v>106.249961761905</v>
      </c>
      <c r="K6384" s="40">
        <v>13.164876560199108</v>
      </c>
      <c r="L6384" s="40"/>
      <c r="M6384" s="40"/>
      <c r="N6384" s="40"/>
    </row>
    <row r="6385" spans="4:14" x14ac:dyDescent="0.25">
      <c r="D6385" s="40">
        <v>106.27908300000469</v>
      </c>
      <c r="E6385" s="40">
        <v>21.00087704266398</v>
      </c>
      <c r="F6385" s="40">
        <v>106.26666699999998</v>
      </c>
      <c r="G6385" s="40">
        <v>21.222514514333685</v>
      </c>
      <c r="H6385" s="40">
        <v>106.26666700000001</v>
      </c>
      <c r="I6385" s="40">
        <v>18.977965719456147</v>
      </c>
      <c r="J6385" s="40">
        <v>106.26662842262</v>
      </c>
      <c r="K6385" s="40">
        <v>13.16972760390834</v>
      </c>
      <c r="L6385" s="40"/>
      <c r="M6385" s="40"/>
      <c r="N6385" s="40"/>
    </row>
    <row r="6386" spans="4:14" x14ac:dyDescent="0.25">
      <c r="D6386" s="40">
        <v>106.29574900000469</v>
      </c>
      <c r="E6386" s="40">
        <v>21.00087704266398</v>
      </c>
      <c r="F6386" s="40">
        <v>106.283333</v>
      </c>
      <c r="G6386" s="40">
        <v>21.222514514333685</v>
      </c>
      <c r="H6386" s="40">
        <v>106.283334</v>
      </c>
      <c r="I6386" s="40">
        <v>18.981219845712911</v>
      </c>
      <c r="J6386" s="40">
        <v>106.283295083334</v>
      </c>
      <c r="K6386" s="40">
        <v>13.16972760390834</v>
      </c>
      <c r="L6386" s="40"/>
      <c r="M6386" s="40"/>
      <c r="N6386" s="40"/>
    </row>
    <row r="6387" spans="4:14" x14ac:dyDescent="0.25">
      <c r="D6387" s="40">
        <v>106.31241500000469</v>
      </c>
      <c r="E6387" s="40">
        <v>21.005720221253402</v>
      </c>
      <c r="F6387" s="40">
        <v>106.29999999999998</v>
      </c>
      <c r="G6387" s="40">
        <v>21.222514514333685</v>
      </c>
      <c r="H6387" s="40">
        <v>106.30000000000001</v>
      </c>
      <c r="I6387" s="40">
        <v>18.981219845712911</v>
      </c>
      <c r="J6387" s="40">
        <v>106.29996174404801</v>
      </c>
      <c r="K6387" s="40">
        <v>13.16972760390834</v>
      </c>
      <c r="L6387" s="40"/>
      <c r="M6387" s="40"/>
      <c r="N6387" s="40"/>
    </row>
    <row r="6388" spans="4:14" x14ac:dyDescent="0.25">
      <c r="D6388" s="40">
        <v>106.32908100000469</v>
      </c>
      <c r="E6388" s="40">
        <v>21.010563399842951</v>
      </c>
      <c r="F6388" s="40">
        <v>106.316667</v>
      </c>
      <c r="G6388" s="40">
        <v>21.222514514333685</v>
      </c>
      <c r="H6388" s="40">
        <v>106.316667</v>
      </c>
      <c r="I6388" s="40">
        <v>18.984572581856341</v>
      </c>
      <c r="J6388" s="40">
        <v>106.316628404762</v>
      </c>
      <c r="K6388" s="40">
        <v>13.16972760390834</v>
      </c>
      <c r="L6388" s="40"/>
      <c r="M6388" s="40"/>
      <c r="N6388" s="40"/>
    </row>
    <row r="6389" spans="4:14" x14ac:dyDescent="0.25">
      <c r="D6389" s="40">
        <v>106.34574700000469</v>
      </c>
      <c r="E6389" s="40">
        <v>21.010563399842951</v>
      </c>
      <c r="F6389" s="40">
        <v>106.33333299999998</v>
      </c>
      <c r="G6389" s="40">
        <v>21.222514514333685</v>
      </c>
      <c r="H6389" s="40">
        <v>106.33333400000001</v>
      </c>
      <c r="I6389" s="40">
        <v>18.984572581856341</v>
      </c>
      <c r="J6389" s="40">
        <v>106.333295065477</v>
      </c>
      <c r="K6389" s="40">
        <v>13.16972760390834</v>
      </c>
      <c r="L6389" s="40"/>
      <c r="M6389" s="40"/>
      <c r="N6389" s="40"/>
    </row>
    <row r="6390" spans="4:14" x14ac:dyDescent="0.25">
      <c r="D6390" s="40">
        <v>106.36241300000469</v>
      </c>
      <c r="E6390" s="40">
        <v>21.010563399842951</v>
      </c>
      <c r="F6390" s="40">
        <v>106.35</v>
      </c>
      <c r="G6390" s="40">
        <v>21.222514514333685</v>
      </c>
      <c r="H6390" s="40">
        <v>106.35</v>
      </c>
      <c r="I6390" s="40">
        <v>18.987925317999597</v>
      </c>
      <c r="J6390" s="40">
        <v>106.349961726191</v>
      </c>
      <c r="K6390" s="40">
        <v>13.16972760390834</v>
      </c>
      <c r="L6390" s="40"/>
      <c r="M6390" s="40"/>
      <c r="N6390" s="40"/>
    </row>
    <row r="6391" spans="4:14" x14ac:dyDescent="0.25">
      <c r="D6391" s="40">
        <v>106.37907900000469</v>
      </c>
      <c r="E6391" s="40">
        <v>21.015264132003377</v>
      </c>
      <c r="F6391" s="40">
        <v>106.36666700000001</v>
      </c>
      <c r="G6391" s="40">
        <v>21.227269758423905</v>
      </c>
      <c r="H6391" s="40">
        <v>106.36666700000001</v>
      </c>
      <c r="I6391" s="40">
        <v>18.987925317999597</v>
      </c>
      <c r="J6391" s="40">
        <v>106.36662838690501</v>
      </c>
      <c r="K6391" s="40">
        <v>13.16972760390834</v>
      </c>
      <c r="L6391" s="40"/>
      <c r="M6391" s="40"/>
      <c r="N6391" s="40"/>
    </row>
    <row r="6392" spans="4:14" x14ac:dyDescent="0.25">
      <c r="D6392" s="40">
        <v>106.39574500000469</v>
      </c>
      <c r="E6392" s="40">
        <v>21.015264132003377</v>
      </c>
      <c r="F6392" s="40">
        <v>106.38333299999999</v>
      </c>
      <c r="G6392" s="40">
        <v>21.227269758423905</v>
      </c>
      <c r="H6392" s="40">
        <v>106.38333400000002</v>
      </c>
      <c r="I6392" s="40">
        <v>18.99117944425636</v>
      </c>
      <c r="J6392" s="40">
        <v>106.38329504762</v>
      </c>
      <c r="K6392" s="40">
        <v>13.16972760390834</v>
      </c>
      <c r="L6392" s="40"/>
      <c r="M6392" s="40"/>
      <c r="N6392" s="40"/>
    </row>
    <row r="6393" spans="4:14" x14ac:dyDescent="0.25">
      <c r="D6393" s="40">
        <v>106.4124110000047</v>
      </c>
      <c r="E6393" s="40">
        <v>21.015264132003377</v>
      </c>
      <c r="F6393" s="40">
        <v>106.4</v>
      </c>
      <c r="G6393" s="40">
        <v>21.227269758423905</v>
      </c>
      <c r="H6393" s="40">
        <v>106.4</v>
      </c>
      <c r="I6393" s="40">
        <v>18.99117944425636</v>
      </c>
      <c r="J6393" s="40">
        <v>106.399961708334</v>
      </c>
      <c r="K6393" s="40">
        <v>13.16972760390834</v>
      </c>
      <c r="L6393" s="40"/>
      <c r="M6393" s="40"/>
      <c r="N6393" s="40"/>
    </row>
    <row r="6394" spans="4:14" x14ac:dyDescent="0.25">
      <c r="D6394" s="40">
        <v>106.4290770000047</v>
      </c>
      <c r="E6394" s="40">
        <v>21.015264132003377</v>
      </c>
      <c r="F6394" s="40">
        <v>106.41666699999999</v>
      </c>
      <c r="G6394" s="40">
        <v>21.231885142393804</v>
      </c>
      <c r="H6394" s="40">
        <v>106.41666700000002</v>
      </c>
      <c r="I6394" s="40">
        <v>18.99453218039962</v>
      </c>
      <c r="J6394" s="40">
        <v>106.416628369048</v>
      </c>
      <c r="K6394" s="40">
        <v>13.16972760390834</v>
      </c>
      <c r="L6394" s="40"/>
      <c r="M6394" s="40"/>
      <c r="N6394" s="40"/>
    </row>
    <row r="6395" spans="4:14" x14ac:dyDescent="0.25">
      <c r="D6395" s="40">
        <v>106.4457430000047</v>
      </c>
      <c r="E6395" s="40">
        <v>21.015264132003377</v>
      </c>
      <c r="F6395" s="40">
        <v>106.433333</v>
      </c>
      <c r="G6395" s="40">
        <v>21.231885142393804</v>
      </c>
      <c r="H6395" s="40">
        <v>106.433334</v>
      </c>
      <c r="I6395" s="40">
        <v>18.99453218039962</v>
      </c>
      <c r="J6395" s="40">
        <v>106.43329502976199</v>
      </c>
      <c r="K6395" s="40">
        <v>13.174435969861275</v>
      </c>
      <c r="L6395" s="40"/>
      <c r="M6395" s="40"/>
      <c r="N6395" s="40"/>
    </row>
    <row r="6396" spans="4:14" x14ac:dyDescent="0.25">
      <c r="D6396" s="40">
        <v>106.4624090000047</v>
      </c>
      <c r="E6396" s="40">
        <v>21.015264132003377</v>
      </c>
      <c r="F6396" s="40">
        <v>106.44999999999999</v>
      </c>
      <c r="G6396" s="40">
        <v>21.231885142393804</v>
      </c>
      <c r="H6396" s="40">
        <v>106.45000000000002</v>
      </c>
      <c r="I6396" s="40">
        <v>18.997884916542876</v>
      </c>
      <c r="J6396" s="40">
        <v>106.449961690477</v>
      </c>
      <c r="K6396" s="40">
        <v>13.174435969861275</v>
      </c>
      <c r="L6396" s="40"/>
      <c r="M6396" s="40"/>
      <c r="N6396" s="40"/>
    </row>
    <row r="6397" spans="4:14" x14ac:dyDescent="0.25">
      <c r="D6397" s="40">
        <v>106.4790750000047</v>
      </c>
      <c r="E6397" s="40">
        <v>21.015264132003377</v>
      </c>
      <c r="F6397" s="40">
        <v>106.466667</v>
      </c>
      <c r="G6397" s="40">
        <v>21.231885142393804</v>
      </c>
      <c r="H6397" s="40">
        <v>106.466667</v>
      </c>
      <c r="I6397" s="40">
        <v>19.00113904279964</v>
      </c>
      <c r="J6397" s="40">
        <v>106.46662835119101</v>
      </c>
      <c r="K6397" s="40">
        <v>13.174435969861275</v>
      </c>
      <c r="L6397" s="40"/>
      <c r="M6397" s="40"/>
      <c r="N6397" s="40"/>
    </row>
    <row r="6398" spans="4:14" x14ac:dyDescent="0.25">
      <c r="D6398" s="40">
        <v>106.4957410000047</v>
      </c>
      <c r="E6398" s="40">
        <v>21.015264132003377</v>
      </c>
      <c r="F6398" s="40">
        <v>106.48333299999999</v>
      </c>
      <c r="G6398" s="40">
        <v>21.236640386483899</v>
      </c>
      <c r="H6398" s="40">
        <v>106.48333400000001</v>
      </c>
      <c r="I6398" s="40">
        <v>19.00113904279964</v>
      </c>
      <c r="J6398" s="40">
        <v>106.483295011905</v>
      </c>
      <c r="K6398" s="40">
        <v>13.179287013570507</v>
      </c>
      <c r="L6398" s="40"/>
      <c r="M6398" s="40"/>
      <c r="N6398" s="40"/>
    </row>
    <row r="6399" spans="4:14" x14ac:dyDescent="0.25">
      <c r="D6399" s="40">
        <v>106.5124070000047</v>
      </c>
      <c r="E6399" s="40">
        <v>21.015264132003377</v>
      </c>
      <c r="F6399" s="40">
        <v>106.5</v>
      </c>
      <c r="G6399" s="40">
        <v>21.236640386483899</v>
      </c>
      <c r="H6399" s="40">
        <v>106.5</v>
      </c>
      <c r="I6399" s="40">
        <v>19.00449177894307</v>
      </c>
      <c r="J6399" s="40">
        <v>106.49996167262</v>
      </c>
      <c r="K6399" s="40">
        <v>13.179287013570507</v>
      </c>
      <c r="L6399" s="40"/>
      <c r="M6399" s="40"/>
      <c r="N6399" s="40"/>
    </row>
    <row r="6400" spans="4:14" x14ac:dyDescent="0.25">
      <c r="D6400" s="40">
        <v>106.5290730000047</v>
      </c>
      <c r="E6400" s="40">
        <v>21.015264132003377</v>
      </c>
      <c r="F6400" s="40">
        <v>106.51666699999998</v>
      </c>
      <c r="G6400" s="40">
        <v>21.236640386483899</v>
      </c>
      <c r="H6400" s="40">
        <v>106.51666700000001</v>
      </c>
      <c r="I6400" s="40">
        <v>19.00784451508633</v>
      </c>
      <c r="J6400" s="40">
        <v>106.516628333334</v>
      </c>
      <c r="K6400" s="40">
        <v>13.179287013570507</v>
      </c>
      <c r="L6400" s="40"/>
      <c r="M6400" s="40"/>
      <c r="N6400" s="40"/>
    </row>
    <row r="6401" spans="4:14" x14ac:dyDescent="0.25">
      <c r="D6401" s="40">
        <v>106.5457390000047</v>
      </c>
      <c r="E6401" s="40">
        <v>21.015264132003377</v>
      </c>
      <c r="F6401" s="40">
        <v>106.533333</v>
      </c>
      <c r="G6401" s="40">
        <v>21.236640386483899</v>
      </c>
      <c r="H6401" s="40">
        <v>106.533334</v>
      </c>
      <c r="I6401" s="40">
        <v>19.00784451508633</v>
      </c>
      <c r="J6401" s="40">
        <v>106.53329499404801</v>
      </c>
      <c r="K6401" s="40">
        <v>13.179287013570507</v>
      </c>
      <c r="L6401" s="40"/>
      <c r="M6401" s="40"/>
      <c r="N6401" s="40"/>
    </row>
    <row r="6402" spans="4:14" x14ac:dyDescent="0.25">
      <c r="D6402" s="40">
        <v>106.5624050000047</v>
      </c>
      <c r="E6402" s="40">
        <v>21.015264132003377</v>
      </c>
      <c r="F6402" s="40">
        <v>106.54999999999998</v>
      </c>
      <c r="G6402" s="40">
        <v>21.236640386483899</v>
      </c>
      <c r="H6402" s="40">
        <v>106.55000000000001</v>
      </c>
      <c r="I6402" s="40">
        <v>19.011098641343093</v>
      </c>
      <c r="J6402" s="40">
        <v>106.549961654762</v>
      </c>
      <c r="K6402" s="40">
        <v>13.174435969861275</v>
      </c>
      <c r="L6402" s="40"/>
      <c r="M6402" s="40"/>
      <c r="N6402" s="40"/>
    </row>
    <row r="6403" spans="4:14" x14ac:dyDescent="0.25">
      <c r="D6403" s="40">
        <v>106.5790710000047</v>
      </c>
      <c r="E6403" s="40">
        <v>21.015264132003377</v>
      </c>
      <c r="F6403" s="40">
        <v>106.566667</v>
      </c>
      <c r="G6403" s="40">
        <v>21.241395630574118</v>
      </c>
      <c r="H6403" s="40">
        <v>106.566667</v>
      </c>
      <c r="I6403" s="40">
        <v>19.011098641343093</v>
      </c>
      <c r="J6403" s="40">
        <v>106.566628315477</v>
      </c>
      <c r="K6403" s="40">
        <v>13.174435969861275</v>
      </c>
      <c r="L6403" s="40"/>
      <c r="M6403" s="40"/>
      <c r="N6403" s="40"/>
    </row>
    <row r="6404" spans="4:14" x14ac:dyDescent="0.25">
      <c r="D6404" s="40">
        <v>106.5957370000047</v>
      </c>
      <c r="E6404" s="40">
        <v>21.015264132003377</v>
      </c>
      <c r="F6404" s="40">
        <v>106.58333299999998</v>
      </c>
      <c r="G6404" s="40">
        <v>21.241395630574118</v>
      </c>
      <c r="H6404" s="40">
        <v>106.58333400000001</v>
      </c>
      <c r="I6404" s="40">
        <v>19.014451377486349</v>
      </c>
      <c r="J6404" s="40">
        <v>106.583294976191</v>
      </c>
      <c r="K6404" s="40">
        <v>13.174435969861275</v>
      </c>
      <c r="L6404" s="40"/>
      <c r="M6404" s="40"/>
      <c r="N6404" s="40"/>
    </row>
    <row r="6405" spans="4:14" x14ac:dyDescent="0.25">
      <c r="D6405" s="40">
        <v>106.6124030000047</v>
      </c>
      <c r="E6405" s="40">
        <v>21.015264132003377</v>
      </c>
      <c r="F6405" s="40">
        <v>106.6</v>
      </c>
      <c r="G6405" s="40">
        <v>21.241395630574118</v>
      </c>
      <c r="H6405" s="40">
        <v>106.6</v>
      </c>
      <c r="I6405" s="40">
        <v>19.017804113629783</v>
      </c>
      <c r="J6405" s="40">
        <v>106.59996163690499</v>
      </c>
      <c r="K6405" s="40">
        <v>13.174435969861275</v>
      </c>
      <c r="L6405" s="40"/>
      <c r="M6405" s="40"/>
      <c r="N6405" s="40"/>
    </row>
    <row r="6406" spans="4:14" x14ac:dyDescent="0.25">
      <c r="D6406" s="40">
        <v>106.62906900000471</v>
      </c>
      <c r="E6406" s="40">
        <v>21.015264132003377</v>
      </c>
      <c r="F6406" s="40">
        <v>106.61666700000001</v>
      </c>
      <c r="G6406" s="40">
        <v>21.241395630574118</v>
      </c>
      <c r="H6406" s="40">
        <v>106.61666700000001</v>
      </c>
      <c r="I6406" s="40">
        <v>19.021058239886372</v>
      </c>
      <c r="J6406" s="40">
        <v>106.61662829762</v>
      </c>
      <c r="K6406" s="40">
        <v>13.174435969861275</v>
      </c>
      <c r="L6406" s="40"/>
      <c r="M6406" s="40"/>
      <c r="N6406" s="40"/>
    </row>
    <row r="6407" spans="4:14" x14ac:dyDescent="0.25">
      <c r="D6407" s="40">
        <v>106.64573500000471</v>
      </c>
      <c r="E6407" s="40">
        <v>21.010563399842951</v>
      </c>
      <c r="F6407" s="40">
        <v>106.63333299999999</v>
      </c>
      <c r="G6407" s="40">
        <v>21.241395630574118</v>
      </c>
      <c r="H6407" s="40">
        <v>106.63333400000002</v>
      </c>
      <c r="I6407" s="40">
        <v>19.021058239886372</v>
      </c>
      <c r="J6407" s="40">
        <v>106.63329495833401</v>
      </c>
      <c r="K6407" s="40">
        <v>13.174435969861275</v>
      </c>
      <c r="L6407" s="40"/>
      <c r="M6407" s="40"/>
      <c r="N6407" s="40"/>
    </row>
    <row r="6408" spans="4:14" x14ac:dyDescent="0.25">
      <c r="D6408" s="40">
        <v>106.66240100000471</v>
      </c>
      <c r="E6408" s="40">
        <v>21.010563399842951</v>
      </c>
      <c r="F6408" s="40">
        <v>106.65</v>
      </c>
      <c r="G6408" s="40">
        <v>21.246011014544017</v>
      </c>
      <c r="H6408" s="40">
        <v>106.65</v>
      </c>
      <c r="I6408" s="40">
        <v>19.024410976029806</v>
      </c>
      <c r="J6408" s="40">
        <v>106.649961619048</v>
      </c>
      <c r="K6408" s="40">
        <v>13.174435969861275</v>
      </c>
      <c r="L6408" s="40"/>
      <c r="M6408" s="40"/>
      <c r="N6408" s="40"/>
    </row>
    <row r="6409" spans="4:14" x14ac:dyDescent="0.25">
      <c r="D6409" s="40">
        <v>106.67906700000471</v>
      </c>
      <c r="E6409" s="40">
        <v>21.010563399842951</v>
      </c>
      <c r="F6409" s="40">
        <v>106.66666699999999</v>
      </c>
      <c r="G6409" s="40">
        <v>21.246011014544017</v>
      </c>
      <c r="H6409" s="40">
        <v>106.66666700000002</v>
      </c>
      <c r="I6409" s="40">
        <v>19.024410976029806</v>
      </c>
      <c r="J6409" s="40">
        <v>106.66662827976199</v>
      </c>
      <c r="K6409" s="40">
        <v>13.174435969861275</v>
      </c>
      <c r="L6409" s="40"/>
      <c r="M6409" s="40"/>
      <c r="N6409" s="40"/>
    </row>
    <row r="6410" spans="4:14" x14ac:dyDescent="0.25">
      <c r="D6410" s="40">
        <v>106.69573300000471</v>
      </c>
      <c r="E6410" s="40">
        <v>21.010563399842951</v>
      </c>
      <c r="F6410" s="40">
        <v>106.683333</v>
      </c>
      <c r="G6410" s="40">
        <v>21.246011014544017</v>
      </c>
      <c r="H6410" s="40">
        <v>106.683334</v>
      </c>
      <c r="I6410" s="40">
        <v>19.027763712173059</v>
      </c>
      <c r="J6410" s="40">
        <v>106.683294940477</v>
      </c>
      <c r="K6410" s="40">
        <v>13.179287013570507</v>
      </c>
      <c r="L6410" s="40"/>
      <c r="M6410" s="40"/>
      <c r="N6410" s="40"/>
    </row>
    <row r="6411" spans="4:14" x14ac:dyDescent="0.25">
      <c r="D6411" s="40">
        <v>106.71239900000471</v>
      </c>
      <c r="E6411" s="40">
        <v>21.010563399842951</v>
      </c>
      <c r="F6411" s="40">
        <v>106.69999999999999</v>
      </c>
      <c r="G6411" s="40">
        <v>21.246011014544017</v>
      </c>
      <c r="H6411" s="40">
        <v>106.70000000000002</v>
      </c>
      <c r="I6411" s="40">
        <v>19.027763712173059</v>
      </c>
      <c r="J6411" s="40">
        <v>106.69996160119101</v>
      </c>
      <c r="K6411" s="40">
        <v>13.179287013570507</v>
      </c>
      <c r="L6411" s="40"/>
      <c r="M6411" s="40"/>
      <c r="N6411" s="40"/>
    </row>
    <row r="6412" spans="4:14" x14ac:dyDescent="0.25">
      <c r="D6412" s="40">
        <v>106.72906500000471</v>
      </c>
      <c r="E6412" s="40">
        <v>21.010563399842951</v>
      </c>
      <c r="F6412" s="40">
        <v>106.716667</v>
      </c>
      <c r="G6412" s="40">
        <v>21.250766258634116</v>
      </c>
      <c r="H6412" s="40">
        <v>106.716667</v>
      </c>
      <c r="I6412" s="40">
        <v>19.031017838429822</v>
      </c>
      <c r="J6412" s="40">
        <v>106.716628261905</v>
      </c>
      <c r="K6412" s="40">
        <v>13.179287013570507</v>
      </c>
      <c r="L6412" s="40"/>
      <c r="M6412" s="40"/>
      <c r="N6412" s="40"/>
    </row>
    <row r="6413" spans="4:14" x14ac:dyDescent="0.25">
      <c r="D6413" s="40">
        <v>106.74573100000471</v>
      </c>
      <c r="E6413" s="40">
        <v>21.005720221253402</v>
      </c>
      <c r="F6413" s="40">
        <v>106.73333299999999</v>
      </c>
      <c r="G6413" s="40">
        <v>21.250766258634116</v>
      </c>
      <c r="H6413" s="40">
        <v>106.73333400000001</v>
      </c>
      <c r="I6413" s="40">
        <v>19.031017838429822</v>
      </c>
      <c r="J6413" s="40">
        <v>106.73329492262</v>
      </c>
      <c r="K6413" s="40">
        <v>13.179287013570507</v>
      </c>
      <c r="L6413" s="40"/>
      <c r="M6413" s="40"/>
      <c r="N6413" s="40"/>
    </row>
    <row r="6414" spans="4:14" x14ac:dyDescent="0.25">
      <c r="D6414" s="40">
        <v>106.76239700000471</v>
      </c>
      <c r="E6414" s="40">
        <v>21.005720221253402</v>
      </c>
      <c r="F6414" s="40">
        <v>106.75</v>
      </c>
      <c r="G6414" s="40">
        <v>21.250766258634116</v>
      </c>
      <c r="H6414" s="40">
        <v>106.75</v>
      </c>
      <c r="I6414" s="40">
        <v>19.034370574573078</v>
      </c>
      <c r="J6414" s="40">
        <v>106.749961583334</v>
      </c>
      <c r="K6414" s="40">
        <v>13.179287013570507</v>
      </c>
      <c r="L6414" s="40"/>
      <c r="M6414" s="40"/>
      <c r="N6414" s="40"/>
    </row>
    <row r="6415" spans="4:14" x14ac:dyDescent="0.25">
      <c r="D6415" s="40">
        <v>106.77906300000471</v>
      </c>
      <c r="E6415" s="40">
        <v>21.005720221253402</v>
      </c>
      <c r="F6415" s="40">
        <v>106.76666699999998</v>
      </c>
      <c r="G6415" s="40">
        <v>21.250766258634116</v>
      </c>
      <c r="H6415" s="40">
        <v>106.76666700000001</v>
      </c>
      <c r="I6415" s="40">
        <v>19.037723310716512</v>
      </c>
      <c r="J6415" s="40">
        <v>106.76662824404799</v>
      </c>
      <c r="K6415" s="40">
        <v>13.179287013570507</v>
      </c>
      <c r="L6415" s="40"/>
      <c r="M6415" s="40"/>
      <c r="N6415" s="40"/>
    </row>
    <row r="6416" spans="4:14" x14ac:dyDescent="0.25">
      <c r="D6416" s="40">
        <v>106.79572900000471</v>
      </c>
      <c r="E6416" s="40">
        <v>21.005720221253402</v>
      </c>
      <c r="F6416" s="40">
        <v>106.783333</v>
      </c>
      <c r="G6416" s="40">
        <v>21.250766258634116</v>
      </c>
      <c r="H6416" s="40">
        <v>106.783334</v>
      </c>
      <c r="I6416" s="40">
        <v>19.037723310716512</v>
      </c>
      <c r="J6416" s="40">
        <v>106.783294904762</v>
      </c>
      <c r="K6416" s="40">
        <v>13.179287013570507</v>
      </c>
      <c r="L6416" s="40"/>
      <c r="M6416" s="40"/>
      <c r="N6416" s="40"/>
    </row>
    <row r="6417" spans="4:14" x14ac:dyDescent="0.25">
      <c r="D6417" s="40">
        <v>106.81239500000471</v>
      </c>
      <c r="E6417" s="40">
        <v>21.005720221253402</v>
      </c>
      <c r="F6417" s="40">
        <v>106.79999999999998</v>
      </c>
      <c r="G6417" s="40">
        <v>21.250766258634116</v>
      </c>
      <c r="H6417" s="40">
        <v>106.80000000000001</v>
      </c>
      <c r="I6417" s="40">
        <v>19.040977436973275</v>
      </c>
      <c r="J6417" s="40">
        <v>106.79996156547701</v>
      </c>
      <c r="K6417" s="40">
        <v>13.179287013570507</v>
      </c>
      <c r="L6417" s="40"/>
      <c r="M6417" s="40"/>
      <c r="N6417" s="40"/>
    </row>
    <row r="6418" spans="4:14" x14ac:dyDescent="0.25">
      <c r="D6418" s="40">
        <v>106.82906100000471</v>
      </c>
      <c r="E6418" s="40">
        <v>21.005720221253402</v>
      </c>
      <c r="F6418" s="40">
        <v>106.816667</v>
      </c>
      <c r="G6418" s="40">
        <v>21.250766258634116</v>
      </c>
      <c r="H6418" s="40">
        <v>106.816667</v>
      </c>
      <c r="I6418" s="40">
        <v>19.040977436973275</v>
      </c>
      <c r="J6418" s="40">
        <v>106.816628226191</v>
      </c>
      <c r="K6418" s="40">
        <v>13.179287013570507</v>
      </c>
      <c r="L6418" s="40"/>
      <c r="M6418" s="40"/>
      <c r="N6418" s="40"/>
    </row>
    <row r="6419" spans="4:14" x14ac:dyDescent="0.25">
      <c r="D6419" s="40">
        <v>106.84572700000471</v>
      </c>
      <c r="E6419" s="40">
        <v>21.005720221253402</v>
      </c>
      <c r="F6419" s="40">
        <v>106.83333299999998</v>
      </c>
      <c r="G6419" s="40">
        <v>21.250766258634116</v>
      </c>
      <c r="H6419" s="40">
        <v>106.83333400000001</v>
      </c>
      <c r="I6419" s="40">
        <v>19.044330173116535</v>
      </c>
      <c r="J6419" s="40">
        <v>106.83329488690499</v>
      </c>
      <c r="K6419" s="40">
        <v>13.179287013570507</v>
      </c>
      <c r="L6419" s="40"/>
      <c r="M6419" s="40"/>
      <c r="N6419" s="40"/>
    </row>
    <row r="6420" spans="4:14" x14ac:dyDescent="0.25">
      <c r="D6420" s="40">
        <v>106.86239300000472</v>
      </c>
      <c r="E6420" s="40">
        <v>21.005720221253402</v>
      </c>
      <c r="F6420" s="40">
        <v>106.85</v>
      </c>
      <c r="G6420" s="40">
        <v>21.250766258634116</v>
      </c>
      <c r="H6420" s="40">
        <v>106.85</v>
      </c>
      <c r="I6420" s="40">
        <v>19.047682909259787</v>
      </c>
      <c r="J6420" s="40">
        <v>106.84996154762</v>
      </c>
      <c r="K6420" s="40">
        <v>13.179287013570507</v>
      </c>
      <c r="L6420" s="40"/>
      <c r="M6420" s="40"/>
      <c r="N6420" s="40"/>
    </row>
    <row r="6421" spans="4:14" x14ac:dyDescent="0.25">
      <c r="D6421" s="40">
        <v>106.87905900000472</v>
      </c>
      <c r="E6421" s="40">
        <v>21.005720221253402</v>
      </c>
      <c r="F6421" s="40">
        <v>106.86666700000001</v>
      </c>
      <c r="G6421" s="40">
        <v>21.255521502724335</v>
      </c>
      <c r="H6421" s="40">
        <v>106.86666700000001</v>
      </c>
      <c r="I6421" s="40">
        <v>19.047682909259787</v>
      </c>
      <c r="J6421" s="40">
        <v>106.86662820833401</v>
      </c>
      <c r="K6421" s="40">
        <v>13.179287013570507</v>
      </c>
      <c r="L6421" s="40"/>
      <c r="M6421" s="40"/>
      <c r="N6421" s="40"/>
    </row>
    <row r="6422" spans="4:14" x14ac:dyDescent="0.25">
      <c r="D6422" s="40">
        <v>106.89572500000472</v>
      </c>
      <c r="E6422" s="40">
        <v>21.005720221253402</v>
      </c>
      <c r="F6422" s="40">
        <v>106.88333299999999</v>
      </c>
      <c r="G6422" s="40">
        <v>21.255521502724335</v>
      </c>
      <c r="H6422" s="40">
        <v>106.88333400000002</v>
      </c>
      <c r="I6422" s="40">
        <v>19.050937035516551</v>
      </c>
      <c r="J6422" s="40">
        <v>106.883294869048</v>
      </c>
      <c r="K6422" s="40">
        <v>13.174435969861275</v>
      </c>
      <c r="L6422" s="40"/>
      <c r="M6422" s="40"/>
      <c r="N6422" s="40"/>
    </row>
    <row r="6423" spans="4:14" x14ac:dyDescent="0.25">
      <c r="D6423" s="40">
        <v>106.91239100000472</v>
      </c>
      <c r="E6423" s="40">
        <v>21.005720221253402</v>
      </c>
      <c r="F6423" s="40">
        <v>106.9</v>
      </c>
      <c r="G6423" s="40">
        <v>21.255521502724335</v>
      </c>
      <c r="H6423" s="40">
        <v>106.9</v>
      </c>
      <c r="I6423" s="40">
        <v>19.050937035516551</v>
      </c>
      <c r="J6423" s="40">
        <v>106.899961529762</v>
      </c>
      <c r="K6423" s="40">
        <v>13.174435969861275</v>
      </c>
      <c r="L6423" s="40"/>
      <c r="M6423" s="40"/>
      <c r="N6423" s="40"/>
    </row>
    <row r="6424" spans="4:14" x14ac:dyDescent="0.25">
      <c r="D6424" s="40">
        <v>106.92905700000472</v>
      </c>
      <c r="E6424" s="40">
        <v>21.005720221253402</v>
      </c>
      <c r="F6424" s="40">
        <v>106.91666699999999</v>
      </c>
      <c r="G6424" s="40">
        <v>21.255521502724335</v>
      </c>
      <c r="H6424" s="40">
        <v>106.91666700000002</v>
      </c>
      <c r="I6424" s="40">
        <v>19.054289771659811</v>
      </c>
      <c r="J6424" s="40">
        <v>106.916628190477</v>
      </c>
      <c r="K6424" s="40">
        <v>13.179287013570507</v>
      </c>
      <c r="L6424" s="40"/>
      <c r="M6424" s="40"/>
      <c r="N6424" s="40"/>
    </row>
    <row r="6425" spans="4:14" x14ac:dyDescent="0.25">
      <c r="D6425" s="40">
        <v>106.94572300000472</v>
      </c>
      <c r="E6425" s="40">
        <v>21.005720221253402</v>
      </c>
      <c r="F6425" s="40">
        <v>106.933333</v>
      </c>
      <c r="G6425" s="40">
        <v>21.255521502724335</v>
      </c>
      <c r="H6425" s="40">
        <v>106.933334</v>
      </c>
      <c r="I6425" s="40">
        <v>19.054289771659811</v>
      </c>
      <c r="J6425" s="40">
        <v>106.93329485119099</v>
      </c>
      <c r="K6425" s="40">
        <v>13.174435969861275</v>
      </c>
      <c r="L6425" s="40"/>
      <c r="M6425" s="40"/>
      <c r="N6425" s="40"/>
    </row>
    <row r="6426" spans="4:14" x14ac:dyDescent="0.25">
      <c r="D6426" s="40">
        <v>106.96238900000472</v>
      </c>
      <c r="E6426" s="40">
        <v>21.00087704266398</v>
      </c>
      <c r="F6426" s="40">
        <v>106.94999999999999</v>
      </c>
      <c r="G6426" s="40">
        <v>21.255521502724335</v>
      </c>
      <c r="H6426" s="40">
        <v>106.95000000000002</v>
      </c>
      <c r="I6426" s="40">
        <v>19.057642507803244</v>
      </c>
      <c r="J6426" s="40">
        <v>106.949961511905</v>
      </c>
      <c r="K6426" s="40">
        <v>13.174435969861275</v>
      </c>
      <c r="L6426" s="40"/>
      <c r="M6426" s="40"/>
      <c r="N6426" s="40"/>
    </row>
    <row r="6427" spans="4:14" x14ac:dyDescent="0.25">
      <c r="D6427" s="40">
        <v>106.97905500000472</v>
      </c>
      <c r="E6427" s="40">
        <v>21.00087704266398</v>
      </c>
      <c r="F6427" s="40">
        <v>106.966667</v>
      </c>
      <c r="G6427" s="40">
        <v>21.255521502724335</v>
      </c>
      <c r="H6427" s="40">
        <v>106.966667</v>
      </c>
      <c r="I6427" s="40">
        <v>19.057642507803244</v>
      </c>
      <c r="J6427" s="40">
        <v>106.96662817262001</v>
      </c>
      <c r="K6427" s="40">
        <v>13.179287013570507</v>
      </c>
      <c r="L6427" s="40"/>
      <c r="M6427" s="40"/>
      <c r="N6427" s="40"/>
    </row>
    <row r="6428" spans="4:14" x14ac:dyDescent="0.25">
      <c r="D6428" s="40">
        <v>106.99572100000472</v>
      </c>
      <c r="E6428" s="40">
        <v>21.00087704266398</v>
      </c>
      <c r="F6428" s="40">
        <v>106.98333299999999</v>
      </c>
      <c r="G6428" s="40">
        <v>21.255521502724335</v>
      </c>
      <c r="H6428" s="40">
        <v>106.98333400000001</v>
      </c>
      <c r="I6428" s="40">
        <v>19.060896634060008</v>
      </c>
      <c r="J6428" s="40">
        <v>106.983294833334</v>
      </c>
      <c r="K6428" s="40">
        <v>13.179287013570507</v>
      </c>
      <c r="L6428" s="40"/>
      <c r="M6428" s="40"/>
      <c r="N6428" s="40"/>
    </row>
    <row r="6429" spans="4:14" x14ac:dyDescent="0.25">
      <c r="D6429" s="40">
        <v>107.01238700000472</v>
      </c>
      <c r="E6429" s="40">
        <v>21.00087704266398</v>
      </c>
      <c r="F6429" s="40">
        <v>107</v>
      </c>
      <c r="G6429" s="40">
        <v>21.260136886694234</v>
      </c>
      <c r="H6429" s="40">
        <v>107</v>
      </c>
      <c r="I6429" s="40">
        <v>19.060896634060008</v>
      </c>
      <c r="J6429" s="40">
        <v>106.99996149404799</v>
      </c>
      <c r="K6429" s="40">
        <v>13.179287013570507</v>
      </c>
      <c r="L6429" s="40"/>
      <c r="M6429" s="40"/>
      <c r="N6429" s="40"/>
    </row>
    <row r="6430" spans="4:14" x14ac:dyDescent="0.25">
      <c r="D6430" s="40">
        <v>107.02905300000472</v>
      </c>
      <c r="E6430" s="40">
        <v>21.00087704266398</v>
      </c>
      <c r="F6430" s="40">
        <v>107.01666699999998</v>
      </c>
      <c r="G6430" s="40">
        <v>21.260136886694234</v>
      </c>
      <c r="H6430" s="40">
        <v>107.01666700000001</v>
      </c>
      <c r="I6430" s="40">
        <v>19.064249370203264</v>
      </c>
      <c r="J6430" s="40">
        <v>107.016628154762</v>
      </c>
      <c r="K6430" s="40">
        <v>13.179287013570507</v>
      </c>
      <c r="L6430" s="40"/>
      <c r="M6430" s="40"/>
      <c r="N6430" s="40"/>
    </row>
    <row r="6431" spans="4:14" x14ac:dyDescent="0.25">
      <c r="D6431" s="40">
        <v>107.04571900000472</v>
      </c>
      <c r="E6431" s="40">
        <v>20.996176310503554</v>
      </c>
      <c r="F6431" s="40">
        <v>107.033333</v>
      </c>
      <c r="G6431" s="40">
        <v>21.260136886694234</v>
      </c>
      <c r="H6431" s="40">
        <v>107.033334</v>
      </c>
      <c r="I6431" s="40">
        <v>19.064249370203264</v>
      </c>
      <c r="J6431" s="40">
        <v>107.03329481547701</v>
      </c>
      <c r="K6431" s="40">
        <v>13.179287013570507</v>
      </c>
      <c r="L6431" s="40"/>
      <c r="M6431" s="40"/>
      <c r="N6431" s="40"/>
    </row>
    <row r="6432" spans="4:14" x14ac:dyDescent="0.25">
      <c r="D6432" s="40">
        <v>107.06238500000472</v>
      </c>
      <c r="E6432" s="40">
        <v>21.00087704266398</v>
      </c>
      <c r="F6432" s="40">
        <v>107.04999999999998</v>
      </c>
      <c r="G6432" s="40">
        <v>21.260136886694234</v>
      </c>
      <c r="H6432" s="40">
        <v>107.05000000000001</v>
      </c>
      <c r="I6432" s="40">
        <v>19.06760210634652</v>
      </c>
      <c r="J6432" s="40">
        <v>107.049961476191</v>
      </c>
      <c r="K6432" s="40">
        <v>13.179287013570507</v>
      </c>
      <c r="L6432" s="40"/>
      <c r="M6432" s="40"/>
      <c r="N6432" s="40"/>
    </row>
    <row r="6433" spans="4:14" x14ac:dyDescent="0.25">
      <c r="D6433" s="40">
        <v>107.07905100000472</v>
      </c>
      <c r="E6433" s="40">
        <v>21.00087704266398</v>
      </c>
      <c r="F6433" s="40">
        <v>107.066667</v>
      </c>
      <c r="G6433" s="40">
        <v>21.260136886694234</v>
      </c>
      <c r="H6433" s="40">
        <v>107.066667</v>
      </c>
      <c r="I6433" s="40">
        <v>19.06760210634652</v>
      </c>
      <c r="J6433" s="40">
        <v>107.066628136905</v>
      </c>
      <c r="K6433" s="40">
        <v>13.179287013570507</v>
      </c>
      <c r="L6433" s="40"/>
      <c r="M6433" s="40"/>
      <c r="N6433" s="40"/>
    </row>
    <row r="6434" spans="4:14" x14ac:dyDescent="0.25">
      <c r="D6434" s="40">
        <v>107.09571700000473</v>
      </c>
      <c r="E6434" s="40">
        <v>21.00087704266398</v>
      </c>
      <c r="F6434" s="40">
        <v>107.08333299999998</v>
      </c>
      <c r="G6434" s="40">
        <v>21.260136886694234</v>
      </c>
      <c r="H6434" s="40">
        <v>107.08333400000001</v>
      </c>
      <c r="I6434" s="40">
        <v>19.070954842489954</v>
      </c>
      <c r="J6434" s="40">
        <v>107.08329479762</v>
      </c>
      <c r="K6434" s="40">
        <v>13.179287013570507</v>
      </c>
      <c r="L6434" s="40"/>
      <c r="M6434" s="40"/>
      <c r="N6434" s="40"/>
    </row>
    <row r="6435" spans="4:14" x14ac:dyDescent="0.25">
      <c r="D6435" s="40">
        <v>107.11238300000473</v>
      </c>
      <c r="E6435" s="40">
        <v>21.00087704266398</v>
      </c>
      <c r="F6435" s="40">
        <v>107.1</v>
      </c>
      <c r="G6435" s="40">
        <v>21.260136886694234</v>
      </c>
      <c r="H6435" s="40">
        <v>107.1</v>
      </c>
      <c r="I6435" s="40">
        <v>19.074208968746714</v>
      </c>
      <c r="J6435" s="40">
        <v>107.09996145833399</v>
      </c>
      <c r="K6435" s="40">
        <v>13.179287013570507</v>
      </c>
      <c r="L6435" s="40"/>
      <c r="M6435" s="40"/>
      <c r="N6435" s="40"/>
    </row>
    <row r="6436" spans="4:14" x14ac:dyDescent="0.25">
      <c r="D6436" s="40">
        <v>107.12904900000473</v>
      </c>
      <c r="E6436" s="40">
        <v>21.00087704266398</v>
      </c>
      <c r="F6436" s="40">
        <v>107.11666700000001</v>
      </c>
      <c r="G6436" s="40">
        <v>21.260136886694234</v>
      </c>
      <c r="H6436" s="40">
        <v>107.11666700000001</v>
      </c>
      <c r="I6436" s="40">
        <v>19.074208968746714</v>
      </c>
      <c r="J6436" s="40">
        <v>107.116628119048</v>
      </c>
      <c r="K6436" s="40">
        <v>13.179287013570507</v>
      </c>
      <c r="L6436" s="40"/>
      <c r="M6436" s="40"/>
      <c r="N6436" s="40"/>
    </row>
    <row r="6437" spans="4:14" x14ac:dyDescent="0.25">
      <c r="D6437" s="40">
        <v>107.14571500000473</v>
      </c>
      <c r="E6437" s="40">
        <v>21.00087704266398</v>
      </c>
      <c r="F6437" s="40">
        <v>107.13333299999999</v>
      </c>
      <c r="G6437" s="40">
        <v>21.260136886694234</v>
      </c>
      <c r="H6437" s="40">
        <v>107.13333400000002</v>
      </c>
      <c r="I6437" s="40">
        <v>19.077561704889973</v>
      </c>
      <c r="J6437" s="40">
        <v>107.133294779762</v>
      </c>
      <c r="K6437" s="40">
        <v>13.179287013570507</v>
      </c>
      <c r="L6437" s="40"/>
      <c r="M6437" s="40"/>
      <c r="N6437" s="40"/>
    </row>
    <row r="6438" spans="4:14" x14ac:dyDescent="0.25">
      <c r="D6438" s="40">
        <v>107.16238100000473</v>
      </c>
      <c r="E6438" s="40">
        <v>21.00087704266398</v>
      </c>
      <c r="F6438" s="40">
        <v>107.15</v>
      </c>
      <c r="G6438" s="40">
        <v>21.260136886694234</v>
      </c>
      <c r="H6438" s="40">
        <v>107.15</v>
      </c>
      <c r="I6438" s="40">
        <v>19.077561704889973</v>
      </c>
      <c r="J6438" s="40">
        <v>107.149961440477</v>
      </c>
      <c r="K6438" s="40">
        <v>13.179287013570507</v>
      </c>
      <c r="L6438" s="40"/>
      <c r="M6438" s="40"/>
      <c r="N6438" s="40"/>
    </row>
    <row r="6439" spans="4:14" x14ac:dyDescent="0.25">
      <c r="D6439" s="40">
        <v>107.17904700000473</v>
      </c>
      <c r="E6439" s="40">
        <v>21.00087704266398</v>
      </c>
      <c r="F6439" s="40">
        <v>107.16666699999999</v>
      </c>
      <c r="G6439" s="40">
        <v>21.260136886694234</v>
      </c>
      <c r="H6439" s="40">
        <v>107.16666700000002</v>
      </c>
      <c r="I6439" s="40">
        <v>19.080914441033229</v>
      </c>
      <c r="J6439" s="40">
        <v>107.16662810119099</v>
      </c>
      <c r="K6439" s="40">
        <v>13.179287013570507</v>
      </c>
      <c r="L6439" s="40"/>
      <c r="M6439" s="40"/>
      <c r="N6439" s="40"/>
    </row>
    <row r="6440" spans="4:14" x14ac:dyDescent="0.25">
      <c r="D6440" s="40">
        <v>107.19571300000473</v>
      </c>
      <c r="E6440" s="40">
        <v>21.00087704266398</v>
      </c>
      <c r="F6440" s="40">
        <v>107.183333</v>
      </c>
      <c r="G6440" s="40">
        <v>21.260136886694234</v>
      </c>
      <c r="H6440" s="40">
        <v>107.183334</v>
      </c>
      <c r="I6440" s="40">
        <v>19.080914441033229</v>
      </c>
      <c r="J6440" s="40">
        <v>107.183294761905</v>
      </c>
      <c r="K6440" s="40">
        <v>13.179287013570507</v>
      </c>
      <c r="L6440" s="40"/>
      <c r="M6440" s="40"/>
      <c r="N6440" s="40"/>
    </row>
    <row r="6441" spans="4:14" x14ac:dyDescent="0.25">
      <c r="D6441" s="40">
        <v>107.21237900000473</v>
      </c>
      <c r="E6441" s="40">
        <v>21.005720221253402</v>
      </c>
      <c r="F6441" s="40">
        <v>107.19999999999999</v>
      </c>
      <c r="G6441" s="40">
        <v>21.260136886694234</v>
      </c>
      <c r="H6441" s="40">
        <v>107.20000000000002</v>
      </c>
      <c r="I6441" s="40">
        <v>19.084168567289993</v>
      </c>
      <c r="J6441" s="40">
        <v>107.19996142262001</v>
      </c>
      <c r="K6441" s="40">
        <v>13.184138057279739</v>
      </c>
      <c r="L6441" s="40"/>
      <c r="M6441" s="40"/>
      <c r="N6441" s="40"/>
    </row>
    <row r="6442" spans="4:14" x14ac:dyDescent="0.25">
      <c r="D6442" s="40">
        <v>107.22904500000473</v>
      </c>
      <c r="E6442" s="40">
        <v>21.00087704266398</v>
      </c>
      <c r="F6442" s="40">
        <v>107.216667</v>
      </c>
      <c r="G6442" s="40">
        <v>21.260136886694234</v>
      </c>
      <c r="H6442" s="40">
        <v>107.216667</v>
      </c>
      <c r="I6442" s="40">
        <v>19.084168567289993</v>
      </c>
      <c r="J6442" s="40">
        <v>107.216628083334</v>
      </c>
      <c r="K6442" s="40">
        <v>13.184138057279739</v>
      </c>
      <c r="L6442" s="40"/>
      <c r="M6442" s="40"/>
      <c r="N6442" s="40"/>
    </row>
    <row r="6443" spans="4:14" x14ac:dyDescent="0.25">
      <c r="D6443" s="40">
        <v>107.24571100000473</v>
      </c>
      <c r="E6443" s="40">
        <v>21.00087704266398</v>
      </c>
      <c r="F6443" s="40">
        <v>107.23333299999999</v>
      </c>
      <c r="G6443" s="40">
        <v>21.260136886694234</v>
      </c>
      <c r="H6443" s="40">
        <v>107.23333400000001</v>
      </c>
      <c r="I6443" s="40">
        <v>19.087521303433249</v>
      </c>
      <c r="J6443" s="40">
        <v>107.233294744048</v>
      </c>
      <c r="K6443" s="40">
        <v>13.184138057279739</v>
      </c>
      <c r="L6443" s="40"/>
      <c r="M6443" s="40"/>
      <c r="N6443" s="40"/>
    </row>
    <row r="6444" spans="4:14" x14ac:dyDescent="0.25">
      <c r="D6444" s="40">
        <v>107.26237700000473</v>
      </c>
      <c r="E6444" s="40">
        <v>21.00087704266398</v>
      </c>
      <c r="F6444" s="40">
        <v>107.25</v>
      </c>
      <c r="G6444" s="40">
        <v>21.260136886694234</v>
      </c>
      <c r="H6444" s="40">
        <v>107.25</v>
      </c>
      <c r="I6444" s="40">
        <v>19.087521303433249</v>
      </c>
      <c r="J6444" s="40">
        <v>107.249961404762</v>
      </c>
      <c r="K6444" s="40">
        <v>13.184138057279739</v>
      </c>
      <c r="L6444" s="40"/>
      <c r="M6444" s="40"/>
      <c r="N6444" s="40"/>
    </row>
    <row r="6445" spans="4:14" x14ac:dyDescent="0.25">
      <c r="D6445" s="40">
        <v>107.27904300000473</v>
      </c>
      <c r="E6445" s="40">
        <v>21.00087704266398</v>
      </c>
      <c r="F6445" s="40">
        <v>107.26666699999998</v>
      </c>
      <c r="G6445" s="40">
        <v>21.260136886694234</v>
      </c>
      <c r="H6445" s="40">
        <v>107.26666700000001</v>
      </c>
      <c r="I6445" s="40">
        <v>19.090874039576683</v>
      </c>
      <c r="J6445" s="40">
        <v>107.26662806547699</v>
      </c>
      <c r="K6445" s="40">
        <v>13.184138057279739</v>
      </c>
      <c r="L6445" s="40"/>
      <c r="M6445" s="40"/>
      <c r="N6445" s="40"/>
    </row>
    <row r="6446" spans="4:14" x14ac:dyDescent="0.25">
      <c r="D6446" s="40">
        <v>107.29570900000473</v>
      </c>
      <c r="E6446" s="40">
        <v>21.00087704266398</v>
      </c>
      <c r="F6446" s="40">
        <v>107.283333</v>
      </c>
      <c r="G6446" s="40">
        <v>21.260136886694234</v>
      </c>
      <c r="H6446" s="40">
        <v>107.283334</v>
      </c>
      <c r="I6446" s="40">
        <v>19.090874039576683</v>
      </c>
      <c r="J6446" s="40">
        <v>107.283294726191</v>
      </c>
      <c r="K6446" s="40">
        <v>13.184138057279739</v>
      </c>
      <c r="L6446" s="40"/>
      <c r="M6446" s="40"/>
      <c r="N6446" s="40"/>
    </row>
    <row r="6447" spans="4:14" x14ac:dyDescent="0.25">
      <c r="D6447" s="40">
        <v>107.31237500000474</v>
      </c>
      <c r="E6447" s="40">
        <v>21.00087704266398</v>
      </c>
      <c r="F6447" s="40">
        <v>107.29999999999998</v>
      </c>
      <c r="G6447" s="40">
        <v>21.260136886694234</v>
      </c>
      <c r="H6447" s="40">
        <v>107.30000000000001</v>
      </c>
      <c r="I6447" s="40">
        <v>19.094128165833446</v>
      </c>
      <c r="J6447" s="40">
        <v>107.299961386905</v>
      </c>
      <c r="K6447" s="40">
        <v>13.184138057279739</v>
      </c>
      <c r="L6447" s="40"/>
      <c r="M6447" s="40"/>
      <c r="N6447" s="40"/>
    </row>
    <row r="6448" spans="4:14" x14ac:dyDescent="0.25">
      <c r="D6448" s="40">
        <v>107.32904100000474</v>
      </c>
      <c r="E6448" s="40">
        <v>21.00087704266398</v>
      </c>
      <c r="F6448" s="40">
        <v>107.316667</v>
      </c>
      <c r="G6448" s="40">
        <v>21.260136886694234</v>
      </c>
      <c r="H6448" s="40">
        <v>107.316667</v>
      </c>
      <c r="I6448" s="40">
        <v>19.097480901976702</v>
      </c>
      <c r="J6448" s="40">
        <v>107.31662804762</v>
      </c>
      <c r="K6448" s="40">
        <v>13.179287013570507</v>
      </c>
      <c r="L6448" s="40"/>
      <c r="M6448" s="40"/>
      <c r="N6448" s="40"/>
    </row>
    <row r="6449" spans="4:14" x14ac:dyDescent="0.25">
      <c r="D6449" s="40">
        <v>107.34570700000474</v>
      </c>
      <c r="E6449" s="40">
        <v>21.00087704266398</v>
      </c>
      <c r="F6449" s="40">
        <v>107.33333299999998</v>
      </c>
      <c r="G6449" s="40">
        <v>21.260136886694234</v>
      </c>
      <c r="H6449" s="40">
        <v>107.33333400000001</v>
      </c>
      <c r="I6449" s="40">
        <v>19.097480901976702</v>
      </c>
      <c r="J6449" s="40">
        <v>107.33329470833399</v>
      </c>
      <c r="K6449" s="40">
        <v>13.179287013570507</v>
      </c>
      <c r="L6449" s="40"/>
      <c r="M6449" s="40"/>
      <c r="N6449" s="40"/>
    </row>
    <row r="6450" spans="4:14" x14ac:dyDescent="0.25">
      <c r="D6450" s="40">
        <v>107.36237300000474</v>
      </c>
      <c r="E6450" s="40">
        <v>21.005720221253402</v>
      </c>
      <c r="F6450" s="40">
        <v>107.35</v>
      </c>
      <c r="G6450" s="40">
        <v>21.260136886694234</v>
      </c>
      <c r="H6450" s="40">
        <v>107.35</v>
      </c>
      <c r="I6450" s="40">
        <v>19.100833638119962</v>
      </c>
      <c r="J6450" s="40">
        <v>107.349961369048</v>
      </c>
      <c r="K6450" s="40">
        <v>13.179287013570507</v>
      </c>
      <c r="L6450" s="40"/>
      <c r="M6450" s="40"/>
      <c r="N6450" s="40"/>
    </row>
    <row r="6451" spans="4:14" x14ac:dyDescent="0.25">
      <c r="D6451" s="40">
        <v>107.37903900000474</v>
      </c>
      <c r="E6451" s="40">
        <v>21.005720221253402</v>
      </c>
      <c r="F6451" s="40">
        <v>107.36666700000001</v>
      </c>
      <c r="G6451" s="40">
        <v>21.260136886694234</v>
      </c>
      <c r="H6451" s="40">
        <v>107.36666700000001</v>
      </c>
      <c r="I6451" s="40">
        <v>19.100833638119962</v>
      </c>
      <c r="J6451" s="40">
        <v>107.366628029762</v>
      </c>
      <c r="K6451" s="40">
        <v>13.179287013570507</v>
      </c>
      <c r="L6451" s="40"/>
      <c r="M6451" s="40"/>
      <c r="N6451" s="40"/>
    </row>
    <row r="6452" spans="4:14" x14ac:dyDescent="0.25">
      <c r="D6452" s="40">
        <v>107.39570500000474</v>
      </c>
      <c r="E6452" s="40">
        <v>21.005720221253402</v>
      </c>
      <c r="F6452" s="40">
        <v>107.38333299999999</v>
      </c>
      <c r="G6452" s="40">
        <v>21.260136886694234</v>
      </c>
      <c r="H6452" s="40">
        <v>107.38333400000002</v>
      </c>
      <c r="I6452" s="40">
        <v>19.104087764376725</v>
      </c>
      <c r="J6452" s="40">
        <v>107.383294690477</v>
      </c>
      <c r="K6452" s="40">
        <v>13.179287013570507</v>
      </c>
      <c r="L6452" s="40"/>
      <c r="M6452" s="40"/>
      <c r="N6452" s="40"/>
    </row>
    <row r="6453" spans="4:14" x14ac:dyDescent="0.25">
      <c r="D6453" s="40">
        <v>107.41237100000474</v>
      </c>
      <c r="E6453" s="40">
        <v>21.005720221253402</v>
      </c>
      <c r="F6453" s="40">
        <v>107.4</v>
      </c>
      <c r="G6453" s="40">
        <v>21.260136886694234</v>
      </c>
      <c r="H6453" s="40">
        <v>107.4</v>
      </c>
      <c r="I6453" s="40">
        <v>19.104087764376725</v>
      </c>
      <c r="J6453" s="40">
        <v>107.399961351191</v>
      </c>
      <c r="K6453" s="40">
        <v>13.179287013570507</v>
      </c>
      <c r="L6453" s="40"/>
      <c r="M6453" s="40"/>
      <c r="N6453" s="40"/>
    </row>
    <row r="6454" spans="4:14" x14ac:dyDescent="0.25">
      <c r="D6454" s="40">
        <v>107.42903700000474</v>
      </c>
      <c r="E6454" s="40">
        <v>21.005720221253402</v>
      </c>
      <c r="F6454" s="40">
        <v>107.41666699999999</v>
      </c>
      <c r="G6454" s="40">
        <v>21.264892130784329</v>
      </c>
      <c r="H6454" s="40">
        <v>107.41666700000002</v>
      </c>
      <c r="I6454" s="40">
        <v>19.107440500520156</v>
      </c>
      <c r="J6454" s="40">
        <v>107.416628011905</v>
      </c>
      <c r="K6454" s="40">
        <v>13.179287013570507</v>
      </c>
      <c r="L6454" s="40"/>
      <c r="M6454" s="40"/>
      <c r="N6454" s="40"/>
    </row>
    <row r="6455" spans="4:14" x14ac:dyDescent="0.25">
      <c r="D6455" s="40">
        <v>107.44570300000474</v>
      </c>
      <c r="E6455" s="40">
        <v>21.005720221253402</v>
      </c>
      <c r="F6455" s="40">
        <v>107.433333</v>
      </c>
      <c r="G6455" s="40">
        <v>21.264892130784329</v>
      </c>
      <c r="H6455" s="40">
        <v>107.433334</v>
      </c>
      <c r="I6455" s="40">
        <v>19.110793236663412</v>
      </c>
      <c r="J6455" s="40">
        <v>107.43329467261999</v>
      </c>
      <c r="K6455" s="40">
        <v>13.179287013570507</v>
      </c>
      <c r="L6455" s="40"/>
      <c r="M6455" s="40"/>
      <c r="N6455" s="40"/>
    </row>
    <row r="6456" spans="4:14" x14ac:dyDescent="0.25">
      <c r="D6456" s="40">
        <v>107.46236900000474</v>
      </c>
      <c r="E6456" s="40">
        <v>21.005720221253402</v>
      </c>
      <c r="F6456" s="40">
        <v>107.44999999999999</v>
      </c>
      <c r="G6456" s="40">
        <v>21.264892130784329</v>
      </c>
      <c r="H6456" s="40">
        <v>107.45000000000002</v>
      </c>
      <c r="I6456" s="40">
        <v>19.110793236663412</v>
      </c>
      <c r="J6456" s="40">
        <v>107.449961333334</v>
      </c>
      <c r="K6456" s="40">
        <v>13.179287013570507</v>
      </c>
      <c r="L6456" s="40"/>
      <c r="M6456" s="40"/>
      <c r="N6456" s="40"/>
    </row>
    <row r="6457" spans="4:14" x14ac:dyDescent="0.25">
      <c r="D6457" s="40">
        <v>107.47903500000474</v>
      </c>
      <c r="E6457" s="40">
        <v>21.005720221253402</v>
      </c>
      <c r="F6457" s="40">
        <v>107.466667</v>
      </c>
      <c r="G6457" s="40">
        <v>21.264892130784329</v>
      </c>
      <c r="H6457" s="40">
        <v>107.466667</v>
      </c>
      <c r="I6457" s="40">
        <v>19.114047362920175</v>
      </c>
      <c r="J6457" s="40">
        <v>107.466627994048</v>
      </c>
      <c r="K6457" s="40">
        <v>13.179287013570507</v>
      </c>
      <c r="L6457" s="40"/>
      <c r="M6457" s="40"/>
      <c r="N6457" s="40"/>
    </row>
    <row r="6458" spans="4:14" x14ac:dyDescent="0.25">
      <c r="D6458" s="40">
        <v>107.49570100000474</v>
      </c>
      <c r="E6458" s="40">
        <v>21.010563399842951</v>
      </c>
      <c r="F6458" s="40">
        <v>107.48333299999999</v>
      </c>
      <c r="G6458" s="40">
        <v>21.264892130784329</v>
      </c>
      <c r="H6458" s="40">
        <v>107.48333400000001</v>
      </c>
      <c r="I6458" s="40">
        <v>19.114047362920175</v>
      </c>
      <c r="J6458" s="40">
        <v>107.48329465476201</v>
      </c>
      <c r="K6458" s="40">
        <v>13.179287013570507</v>
      </c>
      <c r="L6458" s="40"/>
      <c r="M6458" s="40"/>
      <c r="N6458" s="40"/>
    </row>
    <row r="6459" spans="4:14" x14ac:dyDescent="0.25">
      <c r="D6459" s="40">
        <v>107.51236700000474</v>
      </c>
      <c r="E6459" s="40">
        <v>21.010563399842951</v>
      </c>
      <c r="F6459" s="40">
        <v>107.5</v>
      </c>
      <c r="G6459" s="40">
        <v>21.269647374874548</v>
      </c>
      <c r="H6459" s="40">
        <v>107.5</v>
      </c>
      <c r="I6459" s="40">
        <v>19.117400099063431</v>
      </c>
      <c r="J6459" s="40">
        <v>107.49996131547699</v>
      </c>
      <c r="K6459" s="40">
        <v>13.179287013570507</v>
      </c>
      <c r="L6459" s="40"/>
      <c r="M6459" s="40"/>
      <c r="N6459" s="40"/>
    </row>
    <row r="6460" spans="4:14" x14ac:dyDescent="0.25">
      <c r="D6460" s="40">
        <v>107.52903300000474</v>
      </c>
      <c r="E6460" s="40">
        <v>21.010563399842951</v>
      </c>
      <c r="F6460" s="40">
        <v>107.51666699999998</v>
      </c>
      <c r="G6460" s="40">
        <v>21.269647374874548</v>
      </c>
      <c r="H6460" s="40">
        <v>107.51666700000001</v>
      </c>
      <c r="I6460" s="40">
        <v>19.117400099063431</v>
      </c>
      <c r="J6460" s="40">
        <v>107.516627976191</v>
      </c>
      <c r="K6460" s="40">
        <v>13.179287013570507</v>
      </c>
      <c r="L6460" s="40"/>
      <c r="M6460" s="40"/>
      <c r="N6460" s="40"/>
    </row>
    <row r="6461" spans="4:14" x14ac:dyDescent="0.25">
      <c r="D6461" s="40">
        <v>107.54569900000475</v>
      </c>
      <c r="E6461" s="40">
        <v>21.010563399842951</v>
      </c>
      <c r="F6461" s="40">
        <v>107.533333</v>
      </c>
      <c r="G6461" s="40">
        <v>21.269647374874548</v>
      </c>
      <c r="H6461" s="40">
        <v>107.533334</v>
      </c>
      <c r="I6461" s="40">
        <v>19.120752835206691</v>
      </c>
      <c r="J6461" s="40">
        <v>107.533294636905</v>
      </c>
      <c r="K6461" s="40">
        <v>13.179287013570507</v>
      </c>
      <c r="L6461" s="40"/>
      <c r="M6461" s="40"/>
      <c r="N6461" s="40"/>
    </row>
    <row r="6462" spans="4:14" x14ac:dyDescent="0.25">
      <c r="D6462" s="40">
        <v>107.56236500000475</v>
      </c>
      <c r="E6462" s="40">
        <v>21.010563399842951</v>
      </c>
      <c r="F6462" s="40">
        <v>107.54999999999998</v>
      </c>
      <c r="G6462" s="40">
        <v>21.269647374874548</v>
      </c>
      <c r="H6462" s="40">
        <v>107.55000000000001</v>
      </c>
      <c r="I6462" s="40">
        <v>19.120752835206691</v>
      </c>
      <c r="J6462" s="40">
        <v>107.54996129762</v>
      </c>
      <c r="K6462" s="40">
        <v>13.184138057279739</v>
      </c>
      <c r="L6462" s="40"/>
      <c r="M6462" s="40"/>
      <c r="N6462" s="40"/>
    </row>
    <row r="6463" spans="4:14" x14ac:dyDescent="0.25">
      <c r="D6463" s="40">
        <v>107.57903100000475</v>
      </c>
      <c r="E6463" s="40">
        <v>21.010563399842951</v>
      </c>
      <c r="F6463" s="40">
        <v>107.566667</v>
      </c>
      <c r="G6463" s="40">
        <v>21.274262758844447</v>
      </c>
      <c r="H6463" s="40">
        <v>107.566667</v>
      </c>
      <c r="I6463" s="40">
        <v>19.124006961463454</v>
      </c>
      <c r="J6463" s="40">
        <v>107.566627958334</v>
      </c>
      <c r="K6463" s="40">
        <v>13.184138057279739</v>
      </c>
      <c r="L6463" s="40"/>
      <c r="M6463" s="40"/>
      <c r="N6463" s="40"/>
    </row>
    <row r="6464" spans="4:14" x14ac:dyDescent="0.25">
      <c r="D6464" s="40">
        <v>107.59569700000475</v>
      </c>
      <c r="E6464" s="40">
        <v>21.015264132003377</v>
      </c>
      <c r="F6464" s="40">
        <v>107.58333299999998</v>
      </c>
      <c r="G6464" s="40">
        <v>21.274262758844447</v>
      </c>
      <c r="H6464" s="40">
        <v>107.58333400000001</v>
      </c>
      <c r="I6464" s="40">
        <v>19.124006961463454</v>
      </c>
      <c r="J6464" s="40">
        <v>107.583294619048</v>
      </c>
      <c r="K6464" s="40">
        <v>13.184138057279739</v>
      </c>
      <c r="L6464" s="40"/>
      <c r="M6464" s="40"/>
      <c r="N6464" s="40"/>
    </row>
    <row r="6465" spans="4:14" x14ac:dyDescent="0.25">
      <c r="D6465" s="40">
        <v>107.61236300000475</v>
      </c>
      <c r="E6465" s="40">
        <v>21.015264132003377</v>
      </c>
      <c r="F6465" s="40">
        <v>107.6</v>
      </c>
      <c r="G6465" s="40">
        <v>21.279018002934542</v>
      </c>
      <c r="H6465" s="40">
        <v>107.6</v>
      </c>
      <c r="I6465" s="40">
        <v>19.127359697606884</v>
      </c>
      <c r="J6465" s="40">
        <v>107.599961279762</v>
      </c>
      <c r="K6465" s="40">
        <v>13.179287013570507</v>
      </c>
      <c r="L6465" s="40"/>
      <c r="M6465" s="40"/>
      <c r="N6465" s="40"/>
    </row>
    <row r="6466" spans="4:14" x14ac:dyDescent="0.25">
      <c r="D6466" s="40">
        <v>107.62902900000475</v>
      </c>
      <c r="E6466" s="40">
        <v>21.015264132003377</v>
      </c>
      <c r="F6466" s="40">
        <v>107.61666700000001</v>
      </c>
      <c r="G6466" s="40">
        <v>21.279018002934542</v>
      </c>
      <c r="H6466" s="40">
        <v>107.61666700000001</v>
      </c>
      <c r="I6466" s="40">
        <v>19.127359697606884</v>
      </c>
      <c r="J6466" s="40">
        <v>107.616627940477</v>
      </c>
      <c r="K6466" s="40">
        <v>13.179287013570507</v>
      </c>
      <c r="L6466" s="40"/>
      <c r="M6466" s="40"/>
      <c r="N6466" s="40"/>
    </row>
    <row r="6467" spans="4:14" x14ac:dyDescent="0.25">
      <c r="D6467" s="40">
        <v>107.64569500000475</v>
      </c>
      <c r="E6467" s="40">
        <v>21.015264132003377</v>
      </c>
      <c r="F6467" s="40">
        <v>107.63333299999999</v>
      </c>
      <c r="G6467" s="40">
        <v>21.279018002934542</v>
      </c>
      <c r="H6467" s="40">
        <v>107.63333400000002</v>
      </c>
      <c r="I6467" s="40">
        <v>19.130712433750141</v>
      </c>
      <c r="J6467" s="40">
        <v>107.633294601191</v>
      </c>
      <c r="K6467" s="40">
        <v>13.184138057279739</v>
      </c>
      <c r="L6467" s="40"/>
      <c r="M6467" s="40"/>
      <c r="N6467" s="40"/>
    </row>
    <row r="6468" spans="4:14" x14ac:dyDescent="0.25">
      <c r="D6468" s="40">
        <v>107.66236100000475</v>
      </c>
      <c r="E6468" s="40">
        <v>21.015264132003377</v>
      </c>
      <c r="F6468" s="40">
        <v>107.65</v>
      </c>
      <c r="G6468" s="40">
        <v>21.283773247024762</v>
      </c>
      <c r="H6468" s="40">
        <v>107.65</v>
      </c>
      <c r="I6468" s="40">
        <v>19.130712433750141</v>
      </c>
      <c r="J6468" s="40">
        <v>107.64996126190501</v>
      </c>
      <c r="K6468" s="40">
        <v>13.184138057279739</v>
      </c>
      <c r="L6468" s="40"/>
      <c r="M6468" s="40"/>
      <c r="N6468" s="40"/>
    </row>
    <row r="6469" spans="4:14" x14ac:dyDescent="0.25">
      <c r="D6469" s="40">
        <v>107.67902700000475</v>
      </c>
      <c r="E6469" s="40">
        <v>21.015264132003377</v>
      </c>
      <c r="F6469" s="40">
        <v>107.66666699999999</v>
      </c>
      <c r="G6469" s="40">
        <v>21.283773247024762</v>
      </c>
      <c r="H6469" s="40">
        <v>107.66666700000002</v>
      </c>
      <c r="I6469" s="40">
        <v>19.133966560006904</v>
      </c>
      <c r="J6469" s="40">
        <v>107.66662792261999</v>
      </c>
      <c r="K6469" s="40">
        <v>13.184138057279739</v>
      </c>
      <c r="L6469" s="40"/>
      <c r="M6469" s="40"/>
      <c r="N6469" s="40"/>
    </row>
    <row r="6470" spans="4:14" x14ac:dyDescent="0.25">
      <c r="D6470" s="40">
        <v>107.69569300000475</v>
      </c>
      <c r="E6470" s="40">
        <v>21.015264132003377</v>
      </c>
      <c r="F6470" s="40">
        <v>107.683333</v>
      </c>
      <c r="G6470" s="40">
        <v>21.283773247024762</v>
      </c>
      <c r="H6470" s="40">
        <v>107.683334</v>
      </c>
      <c r="I6470" s="40">
        <v>19.133966560006904</v>
      </c>
      <c r="J6470" s="40">
        <v>107.683294583334</v>
      </c>
      <c r="K6470" s="40">
        <v>13.184138057279739</v>
      </c>
      <c r="L6470" s="40"/>
      <c r="M6470" s="40"/>
      <c r="N6470" s="40"/>
    </row>
    <row r="6471" spans="4:14" x14ac:dyDescent="0.25">
      <c r="D6471" s="40">
        <v>107.71235900000475</v>
      </c>
      <c r="E6471" s="40">
        <v>21.015264132003377</v>
      </c>
      <c r="F6471" s="40">
        <v>107.69999999999999</v>
      </c>
      <c r="G6471" s="40">
        <v>21.283773247024762</v>
      </c>
      <c r="H6471" s="40">
        <v>107.70000000000002</v>
      </c>
      <c r="I6471" s="40">
        <v>19.133966560006904</v>
      </c>
      <c r="J6471" s="40">
        <v>107.699961244048</v>
      </c>
      <c r="K6471" s="40">
        <v>13.184138057279739</v>
      </c>
      <c r="L6471" s="40"/>
      <c r="M6471" s="40"/>
      <c r="N6471" s="40"/>
    </row>
    <row r="6472" spans="4:14" x14ac:dyDescent="0.25">
      <c r="D6472" s="40">
        <v>107.72902500000475</v>
      </c>
      <c r="E6472" s="40">
        <v>21.015264132003377</v>
      </c>
      <c r="F6472" s="40">
        <v>107.716667</v>
      </c>
      <c r="G6472" s="40">
        <v>21.283773247024762</v>
      </c>
      <c r="H6472" s="40">
        <v>107.716667</v>
      </c>
      <c r="I6472" s="40">
        <v>19.137319296150164</v>
      </c>
      <c r="J6472" s="40">
        <v>107.71662790476201</v>
      </c>
      <c r="K6472" s="40">
        <v>13.188846423232672</v>
      </c>
      <c r="L6472" s="40"/>
      <c r="M6472" s="40"/>
      <c r="N6472" s="40"/>
    </row>
    <row r="6473" spans="4:14" x14ac:dyDescent="0.25">
      <c r="D6473" s="40">
        <v>107.74569100000475</v>
      </c>
      <c r="E6473" s="40">
        <v>21.015264132003377</v>
      </c>
      <c r="F6473" s="40">
        <v>107.73333299999999</v>
      </c>
      <c r="G6473" s="40">
        <v>21.28838863099466</v>
      </c>
      <c r="H6473" s="40">
        <v>107.73333400000001</v>
      </c>
      <c r="I6473" s="40">
        <v>19.137319296150164</v>
      </c>
      <c r="J6473" s="40">
        <v>107.733294565477</v>
      </c>
      <c r="K6473" s="40">
        <v>13.188846423232672</v>
      </c>
      <c r="L6473" s="40"/>
      <c r="M6473" s="40"/>
      <c r="N6473" s="40"/>
    </row>
    <row r="6474" spans="4:14" x14ac:dyDescent="0.25">
      <c r="D6474" s="40">
        <v>107.76235700000476</v>
      </c>
      <c r="E6474" s="40">
        <v>21.015264132003377</v>
      </c>
      <c r="F6474" s="40">
        <v>107.75</v>
      </c>
      <c r="G6474" s="40">
        <v>21.28838863099466</v>
      </c>
      <c r="H6474" s="40">
        <v>107.75</v>
      </c>
      <c r="I6474" s="40">
        <v>19.140672032293597</v>
      </c>
      <c r="J6474" s="40">
        <v>107.749961226191</v>
      </c>
      <c r="K6474" s="40">
        <v>13.188846423232672</v>
      </c>
      <c r="L6474" s="40"/>
      <c r="M6474" s="40"/>
      <c r="N6474" s="40"/>
    </row>
    <row r="6475" spans="4:14" x14ac:dyDescent="0.25">
      <c r="D6475" s="40">
        <v>107.77902300000476</v>
      </c>
      <c r="E6475" s="40">
        <v>21.015264132003377</v>
      </c>
      <c r="F6475" s="40">
        <v>107.76666699999998</v>
      </c>
      <c r="G6475" s="40">
        <v>21.28838863099466</v>
      </c>
      <c r="H6475" s="40">
        <v>107.76666700000001</v>
      </c>
      <c r="I6475" s="40">
        <v>19.143926158550183</v>
      </c>
      <c r="J6475" s="40">
        <v>107.766627886905</v>
      </c>
      <c r="K6475" s="40">
        <v>13.188846423232672</v>
      </c>
      <c r="L6475" s="40"/>
      <c r="M6475" s="40"/>
      <c r="N6475" s="40"/>
    </row>
    <row r="6476" spans="4:14" x14ac:dyDescent="0.25">
      <c r="D6476" s="40">
        <v>107.79568900000476</v>
      </c>
      <c r="E6476" s="40">
        <v>21.015264132003377</v>
      </c>
      <c r="F6476" s="40">
        <v>107.783333</v>
      </c>
      <c r="G6476" s="40">
        <v>21.29314387508488</v>
      </c>
      <c r="H6476" s="40">
        <v>107.783334</v>
      </c>
      <c r="I6476" s="40">
        <v>19.143926158550183</v>
      </c>
      <c r="J6476" s="40">
        <v>107.78329454762</v>
      </c>
      <c r="K6476" s="40">
        <v>13.193697466941904</v>
      </c>
      <c r="L6476" s="40"/>
      <c r="M6476" s="40"/>
      <c r="N6476" s="40"/>
    </row>
    <row r="6477" spans="4:14" x14ac:dyDescent="0.25">
      <c r="D6477" s="40">
        <v>107.81235500000476</v>
      </c>
      <c r="E6477" s="40">
        <v>21.015264132003377</v>
      </c>
      <c r="F6477" s="40">
        <v>107.79999999999998</v>
      </c>
      <c r="G6477" s="40">
        <v>21.29314387508488</v>
      </c>
      <c r="H6477" s="40">
        <v>107.80000000000001</v>
      </c>
      <c r="I6477" s="40">
        <v>19.147278894693613</v>
      </c>
      <c r="J6477" s="40">
        <v>107.799961208334</v>
      </c>
      <c r="K6477" s="40">
        <v>13.193697466941904</v>
      </c>
      <c r="L6477" s="40"/>
      <c r="M6477" s="40"/>
      <c r="N6477" s="40"/>
    </row>
    <row r="6478" spans="4:14" x14ac:dyDescent="0.25">
      <c r="D6478" s="40">
        <v>107.82902100000476</v>
      </c>
      <c r="E6478" s="40">
        <v>21.015264132003377</v>
      </c>
      <c r="F6478" s="40">
        <v>107.816667</v>
      </c>
      <c r="G6478" s="40">
        <v>21.29314387508488</v>
      </c>
      <c r="H6478" s="40">
        <v>107.816667</v>
      </c>
      <c r="I6478" s="40">
        <v>19.147278894693613</v>
      </c>
      <c r="J6478" s="40">
        <v>107.81662786904801</v>
      </c>
      <c r="K6478" s="40">
        <v>13.193697466941904</v>
      </c>
      <c r="L6478" s="40"/>
      <c r="M6478" s="40"/>
      <c r="N6478" s="40"/>
    </row>
    <row r="6479" spans="4:14" x14ac:dyDescent="0.25">
      <c r="D6479" s="40">
        <v>107.84568700000476</v>
      </c>
      <c r="E6479" s="40">
        <v>21.015264132003377</v>
      </c>
      <c r="F6479" s="40">
        <v>107.83333299999998</v>
      </c>
      <c r="G6479" s="40">
        <v>21.29314387508488</v>
      </c>
      <c r="H6479" s="40">
        <v>107.83333400000001</v>
      </c>
      <c r="I6479" s="40">
        <v>19.150631630836873</v>
      </c>
      <c r="J6479" s="40">
        <v>107.833294529762</v>
      </c>
      <c r="K6479" s="40">
        <v>13.193697466941904</v>
      </c>
      <c r="L6479" s="40"/>
      <c r="M6479" s="40"/>
      <c r="N6479" s="40"/>
    </row>
    <row r="6480" spans="4:14" x14ac:dyDescent="0.25">
      <c r="D6480" s="40">
        <v>107.86235300000476</v>
      </c>
      <c r="E6480" s="40">
        <v>21.020107310592799</v>
      </c>
      <c r="F6480" s="40">
        <v>107.85</v>
      </c>
      <c r="G6480" s="40">
        <v>21.29314387508488</v>
      </c>
      <c r="H6480" s="40">
        <v>107.85</v>
      </c>
      <c r="I6480" s="40">
        <v>19.150631630836873</v>
      </c>
      <c r="J6480" s="40">
        <v>107.849961190477</v>
      </c>
      <c r="K6480" s="40">
        <v>13.193697466941904</v>
      </c>
      <c r="L6480" s="40"/>
      <c r="M6480" s="40"/>
      <c r="N6480" s="40"/>
    </row>
    <row r="6481" spans="4:14" x14ac:dyDescent="0.25">
      <c r="D6481" s="40">
        <v>107.87901900000476</v>
      </c>
      <c r="E6481" s="40">
        <v>21.020107310592799</v>
      </c>
      <c r="F6481" s="40">
        <v>107.86666700000001</v>
      </c>
      <c r="G6481" s="40">
        <v>21.297899119174978</v>
      </c>
      <c r="H6481" s="40">
        <v>107.86666700000001</v>
      </c>
      <c r="I6481" s="40">
        <v>19.153885757093636</v>
      </c>
      <c r="J6481" s="40">
        <v>107.866627851191</v>
      </c>
      <c r="K6481" s="40">
        <v>13.193697466941904</v>
      </c>
      <c r="L6481" s="40"/>
      <c r="M6481" s="40"/>
      <c r="N6481" s="40"/>
    </row>
    <row r="6482" spans="4:14" x14ac:dyDescent="0.25">
      <c r="D6482" s="40">
        <v>107.89568500000476</v>
      </c>
      <c r="E6482" s="40">
        <v>21.020107310592799</v>
      </c>
      <c r="F6482" s="40">
        <v>107.88333299999999</v>
      </c>
      <c r="G6482" s="40">
        <v>21.297899119174978</v>
      </c>
      <c r="H6482" s="40">
        <v>107.88333400000002</v>
      </c>
      <c r="I6482" s="40">
        <v>19.153885757093636</v>
      </c>
      <c r="J6482" s="40">
        <v>107.88329451190501</v>
      </c>
      <c r="K6482" s="40">
        <v>13.193697466941904</v>
      </c>
      <c r="L6482" s="40"/>
      <c r="M6482" s="40"/>
      <c r="N6482" s="40"/>
    </row>
    <row r="6483" spans="4:14" x14ac:dyDescent="0.25">
      <c r="D6483" s="40">
        <v>107.91235100000476</v>
      </c>
      <c r="E6483" s="40">
        <v>21.020107310592799</v>
      </c>
      <c r="F6483" s="40">
        <v>107.9</v>
      </c>
      <c r="G6483" s="40">
        <v>21.297899119174978</v>
      </c>
      <c r="H6483" s="40">
        <v>107.9</v>
      </c>
      <c r="I6483" s="40">
        <v>19.157238493236893</v>
      </c>
      <c r="J6483" s="40">
        <v>107.89996117262</v>
      </c>
      <c r="K6483" s="40">
        <v>13.198548510651136</v>
      </c>
      <c r="L6483" s="40"/>
      <c r="M6483" s="40"/>
      <c r="N6483" s="40"/>
    </row>
    <row r="6484" spans="4:14" x14ac:dyDescent="0.25">
      <c r="D6484" s="40">
        <v>107.92901700000476</v>
      </c>
      <c r="E6484" s="40">
        <v>21.020107310592799</v>
      </c>
      <c r="F6484" s="40">
        <v>107.91666699999999</v>
      </c>
      <c r="G6484" s="40">
        <v>21.297899119174978</v>
      </c>
      <c r="H6484" s="40">
        <v>107.91666700000002</v>
      </c>
      <c r="I6484" s="40">
        <v>19.160591229380326</v>
      </c>
      <c r="J6484" s="40">
        <v>107.916627833334</v>
      </c>
      <c r="K6484" s="40">
        <v>13.198548510651136</v>
      </c>
      <c r="L6484" s="40"/>
      <c r="M6484" s="40"/>
      <c r="N6484" s="40"/>
    </row>
    <row r="6485" spans="4:14" x14ac:dyDescent="0.25">
      <c r="D6485" s="40">
        <v>107.94568300000476</v>
      </c>
      <c r="E6485" s="40">
        <v>21.020107310592799</v>
      </c>
      <c r="F6485" s="40">
        <v>107.933333</v>
      </c>
      <c r="G6485" s="40">
        <v>21.297899119174978</v>
      </c>
      <c r="H6485" s="40">
        <v>107.933334</v>
      </c>
      <c r="I6485" s="40">
        <v>19.160591229380326</v>
      </c>
      <c r="J6485" s="40">
        <v>107.933294494048</v>
      </c>
      <c r="K6485" s="40">
        <v>13.198548510651136</v>
      </c>
      <c r="L6485" s="40"/>
      <c r="M6485" s="40"/>
      <c r="N6485" s="40"/>
    </row>
    <row r="6486" spans="4:14" x14ac:dyDescent="0.25">
      <c r="D6486" s="40">
        <v>107.96234900000476</v>
      </c>
      <c r="E6486" s="40">
        <v>21.020107310592799</v>
      </c>
      <c r="F6486" s="40">
        <v>107.94999999999999</v>
      </c>
      <c r="G6486" s="40">
        <v>21.297899119174978</v>
      </c>
      <c r="H6486" s="40">
        <v>107.95000000000002</v>
      </c>
      <c r="I6486" s="40">
        <v>19.163845355637086</v>
      </c>
      <c r="J6486" s="40">
        <v>107.94996115476199</v>
      </c>
      <c r="K6486" s="40">
        <v>13.198548510651136</v>
      </c>
      <c r="L6486" s="40"/>
      <c r="M6486" s="40"/>
      <c r="N6486" s="40"/>
    </row>
    <row r="6487" spans="4:14" x14ac:dyDescent="0.25">
      <c r="D6487" s="40">
        <v>107.97901500000476</v>
      </c>
      <c r="E6487" s="40">
        <v>21.020107310592799</v>
      </c>
      <c r="F6487" s="40">
        <v>107.966667</v>
      </c>
      <c r="G6487" s="40">
        <v>21.297899119174978</v>
      </c>
      <c r="H6487" s="40">
        <v>107.966667</v>
      </c>
      <c r="I6487" s="40">
        <v>19.167198091780342</v>
      </c>
      <c r="J6487" s="40">
        <v>107.966627815477</v>
      </c>
      <c r="K6487" s="40">
        <v>13.198548510651136</v>
      </c>
      <c r="L6487" s="40"/>
      <c r="M6487" s="40"/>
      <c r="N6487" s="40"/>
    </row>
    <row r="6488" spans="4:14" x14ac:dyDescent="0.25">
      <c r="D6488" s="40">
        <v>107.99568100000477</v>
      </c>
      <c r="E6488" s="40">
        <v>21.020107310592799</v>
      </c>
      <c r="F6488" s="40">
        <v>107.98333299999999</v>
      </c>
      <c r="G6488" s="40">
        <v>21.297899119174978</v>
      </c>
      <c r="H6488" s="40">
        <v>107.98333400000001</v>
      </c>
      <c r="I6488" s="40">
        <v>19.170550827923602</v>
      </c>
      <c r="J6488" s="40">
        <v>107.98329447619101</v>
      </c>
      <c r="K6488" s="40">
        <v>13.198548510651136</v>
      </c>
      <c r="L6488" s="40"/>
      <c r="M6488" s="40"/>
      <c r="N6488" s="40"/>
    </row>
    <row r="6489" spans="4:14" x14ac:dyDescent="0.25">
      <c r="D6489" s="40">
        <v>108.01234700000477</v>
      </c>
      <c r="E6489" s="40">
        <v>21.020107310592799</v>
      </c>
      <c r="F6489" s="40">
        <v>108</v>
      </c>
      <c r="G6489" s="40">
        <v>21.297899119174978</v>
      </c>
      <c r="H6489" s="40">
        <v>108</v>
      </c>
      <c r="I6489" s="40">
        <v>19.170550827923602</v>
      </c>
      <c r="J6489" s="40">
        <v>107.999961136905</v>
      </c>
      <c r="K6489" s="40">
        <v>13.198548510651136</v>
      </c>
      <c r="L6489" s="40"/>
      <c r="M6489" s="40"/>
      <c r="N6489" s="40"/>
    </row>
    <row r="6490" spans="4:14" x14ac:dyDescent="0.25">
      <c r="D6490" s="40">
        <v>108.02901300000477</v>
      </c>
      <c r="E6490" s="40">
        <v>21.020107310592799</v>
      </c>
      <c r="F6490" s="40">
        <v>108.01666699999998</v>
      </c>
      <c r="G6490" s="40">
        <v>21.297899119174978</v>
      </c>
      <c r="H6490" s="40">
        <v>108.01666700000001</v>
      </c>
      <c r="I6490" s="40">
        <v>19.173804954180365</v>
      </c>
      <c r="J6490" s="40">
        <v>108.01662779762</v>
      </c>
      <c r="K6490" s="40">
        <v>13.198548510651136</v>
      </c>
      <c r="L6490" s="40"/>
      <c r="M6490" s="40"/>
      <c r="N6490" s="40"/>
    </row>
    <row r="6491" spans="4:14" x14ac:dyDescent="0.25">
      <c r="D6491" s="40">
        <v>108.04567900000477</v>
      </c>
      <c r="E6491" s="40">
        <v>21.024950489182345</v>
      </c>
      <c r="F6491" s="40">
        <v>108.033333</v>
      </c>
      <c r="G6491" s="40">
        <v>21.297899119174978</v>
      </c>
      <c r="H6491" s="40">
        <v>108.033334</v>
      </c>
      <c r="I6491" s="40">
        <v>19.177157690323622</v>
      </c>
      <c r="J6491" s="40">
        <v>108.033294458334</v>
      </c>
      <c r="K6491" s="40">
        <v>13.198548510651136</v>
      </c>
      <c r="L6491" s="40"/>
      <c r="M6491" s="40"/>
      <c r="N6491" s="40"/>
    </row>
    <row r="6492" spans="4:14" x14ac:dyDescent="0.25">
      <c r="D6492" s="40">
        <v>108.06234500000477</v>
      </c>
      <c r="E6492" s="40">
        <v>21.024950489182345</v>
      </c>
      <c r="F6492" s="40">
        <v>108.04999999999998</v>
      </c>
      <c r="G6492" s="40">
        <v>21.297899119174978</v>
      </c>
      <c r="H6492" s="40">
        <v>108.05000000000001</v>
      </c>
      <c r="I6492" s="40">
        <v>19.177157690323622</v>
      </c>
      <c r="J6492" s="40">
        <v>108.04996111904801</v>
      </c>
      <c r="K6492" s="40">
        <v>13.198548510651136</v>
      </c>
      <c r="L6492" s="40"/>
      <c r="M6492" s="40"/>
      <c r="N6492" s="40"/>
    </row>
    <row r="6493" spans="4:14" x14ac:dyDescent="0.25">
      <c r="D6493" s="40">
        <v>108.07901100000477</v>
      </c>
      <c r="E6493" s="40">
        <v>21.024950489182345</v>
      </c>
      <c r="F6493" s="40">
        <v>108.066667</v>
      </c>
      <c r="G6493" s="40">
        <v>21.297899119174978</v>
      </c>
      <c r="H6493" s="40">
        <v>108.066667</v>
      </c>
      <c r="I6493" s="40">
        <v>19.180510426467055</v>
      </c>
      <c r="J6493" s="40">
        <v>108.066627779762</v>
      </c>
      <c r="K6493" s="40">
        <v>13.198548510651136</v>
      </c>
      <c r="L6493" s="40"/>
      <c r="M6493" s="40"/>
      <c r="N6493" s="40"/>
    </row>
    <row r="6494" spans="4:14" x14ac:dyDescent="0.25">
      <c r="D6494" s="40">
        <v>108.09567700000477</v>
      </c>
      <c r="E6494" s="40">
        <v>21.029651221342771</v>
      </c>
      <c r="F6494" s="40">
        <v>108.08333299999998</v>
      </c>
      <c r="G6494" s="40">
        <v>21.297899119174978</v>
      </c>
      <c r="H6494" s="40">
        <v>108.08333400000001</v>
      </c>
      <c r="I6494" s="40">
        <v>19.180510426467055</v>
      </c>
      <c r="J6494" s="40">
        <v>108.083294440477</v>
      </c>
      <c r="K6494" s="40">
        <v>13.198548510651136</v>
      </c>
      <c r="L6494" s="40"/>
      <c r="M6494" s="40"/>
      <c r="N6494" s="40"/>
    </row>
    <row r="6495" spans="4:14" x14ac:dyDescent="0.25">
      <c r="D6495" s="40">
        <v>108.11234300000477</v>
      </c>
      <c r="E6495" s="40">
        <v>21.029651221342771</v>
      </c>
      <c r="F6495" s="40">
        <v>108.1</v>
      </c>
      <c r="G6495" s="40">
        <v>21.297899119174978</v>
      </c>
      <c r="H6495" s="40">
        <v>108.1</v>
      </c>
      <c r="I6495" s="40">
        <v>19.183764552723819</v>
      </c>
      <c r="J6495" s="40">
        <v>108.099961101191</v>
      </c>
      <c r="K6495" s="40">
        <v>13.198548510651136</v>
      </c>
      <c r="L6495" s="40"/>
      <c r="M6495" s="40"/>
      <c r="N6495" s="40"/>
    </row>
    <row r="6496" spans="4:14" x14ac:dyDescent="0.25">
      <c r="D6496" s="40">
        <v>108.12900900000477</v>
      </c>
      <c r="E6496" s="40">
        <v>21.029651221342771</v>
      </c>
      <c r="F6496" s="40">
        <v>108.11666700000001</v>
      </c>
      <c r="G6496" s="40">
        <v>21.297899119174978</v>
      </c>
      <c r="H6496" s="40">
        <v>108.11666700000001</v>
      </c>
      <c r="I6496" s="40">
        <v>19.187117288867075</v>
      </c>
      <c r="J6496" s="40">
        <v>108.11662776190499</v>
      </c>
      <c r="K6496" s="40">
        <v>13.198548510651136</v>
      </c>
      <c r="L6496" s="40"/>
      <c r="M6496" s="40"/>
      <c r="N6496" s="40"/>
    </row>
    <row r="6497" spans="4:14" x14ac:dyDescent="0.25">
      <c r="D6497" s="40">
        <v>108.14567500000477</v>
      </c>
      <c r="E6497" s="40">
        <v>21.029651221342771</v>
      </c>
      <c r="F6497" s="40">
        <v>108.13333299999999</v>
      </c>
      <c r="G6497" s="40">
        <v>21.302514503144877</v>
      </c>
      <c r="H6497" s="40">
        <v>108.13333400000002</v>
      </c>
      <c r="I6497" s="40">
        <v>19.187117288867075</v>
      </c>
      <c r="J6497" s="40">
        <v>108.13329442262</v>
      </c>
      <c r="K6497" s="40">
        <v>13.198548510651136</v>
      </c>
      <c r="L6497" s="40"/>
      <c r="M6497" s="40"/>
      <c r="N6497" s="40"/>
    </row>
    <row r="6498" spans="4:14" x14ac:dyDescent="0.25">
      <c r="D6498" s="40">
        <v>108.16234100000477</v>
      </c>
      <c r="E6498" s="40">
        <v>21.029651221342771</v>
      </c>
      <c r="F6498" s="40">
        <v>108.15</v>
      </c>
      <c r="G6498" s="40">
        <v>21.302514503144877</v>
      </c>
      <c r="H6498" s="40">
        <v>108.15</v>
      </c>
      <c r="I6498" s="40">
        <v>19.190470025010331</v>
      </c>
      <c r="J6498" s="40">
        <v>108.14996108333401</v>
      </c>
      <c r="K6498" s="40">
        <v>13.198548510651136</v>
      </c>
      <c r="L6498" s="40"/>
      <c r="M6498" s="40"/>
      <c r="N6498" s="40"/>
    </row>
    <row r="6499" spans="4:14" x14ac:dyDescent="0.25">
      <c r="D6499" s="40">
        <v>108.17900700000477</v>
      </c>
      <c r="E6499" s="40">
        <v>21.034494399932321</v>
      </c>
      <c r="F6499" s="40">
        <v>108.16666699999999</v>
      </c>
      <c r="G6499" s="40">
        <v>21.302514503144877</v>
      </c>
      <c r="H6499" s="40">
        <v>108.16666700000002</v>
      </c>
      <c r="I6499" s="40">
        <v>19.193724151267094</v>
      </c>
      <c r="J6499" s="40">
        <v>108.166627744048</v>
      </c>
      <c r="K6499" s="40">
        <v>13.198548510651136</v>
      </c>
      <c r="L6499" s="40"/>
      <c r="M6499" s="40"/>
      <c r="N6499" s="40"/>
    </row>
    <row r="6500" spans="4:14" x14ac:dyDescent="0.25">
      <c r="D6500" s="40">
        <v>108.19567300000477</v>
      </c>
      <c r="E6500" s="40">
        <v>21.034494399932321</v>
      </c>
      <c r="F6500" s="40">
        <v>108.183333</v>
      </c>
      <c r="G6500" s="40">
        <v>21.302514503144877</v>
      </c>
      <c r="H6500" s="40">
        <v>108.183334</v>
      </c>
      <c r="I6500" s="40">
        <v>19.193724151267094</v>
      </c>
      <c r="J6500" s="40">
        <v>108.18329440476199</v>
      </c>
      <c r="K6500" s="40">
        <v>13.198548510651136</v>
      </c>
      <c r="L6500" s="40"/>
      <c r="M6500" s="40"/>
      <c r="N6500" s="40"/>
    </row>
    <row r="6501" spans="4:14" x14ac:dyDescent="0.25">
      <c r="D6501" s="40">
        <v>108.21233900000477</v>
      </c>
      <c r="E6501" s="40">
        <v>21.034494399932321</v>
      </c>
      <c r="F6501" s="40">
        <v>108.19999999999999</v>
      </c>
      <c r="G6501" s="40">
        <v>21.302514503144877</v>
      </c>
      <c r="H6501" s="40">
        <v>108.20000000000002</v>
      </c>
      <c r="I6501" s="40">
        <v>19.197076887410528</v>
      </c>
      <c r="J6501" s="40">
        <v>108.199961065477</v>
      </c>
      <c r="K6501" s="40">
        <v>13.198548510651136</v>
      </c>
      <c r="L6501" s="40"/>
      <c r="M6501" s="40"/>
      <c r="N6501" s="40"/>
    </row>
    <row r="6502" spans="4:14" x14ac:dyDescent="0.25">
      <c r="D6502" s="40">
        <v>108.22900500000478</v>
      </c>
      <c r="E6502" s="40">
        <v>21.039337578521742</v>
      </c>
      <c r="F6502" s="40">
        <v>108.216667</v>
      </c>
      <c r="G6502" s="40">
        <v>21.302514503144877</v>
      </c>
      <c r="H6502" s="40">
        <v>108.216667</v>
      </c>
      <c r="I6502" s="40">
        <v>19.197076887410528</v>
      </c>
      <c r="J6502" s="40">
        <v>108.21662772619101</v>
      </c>
      <c r="K6502" s="40">
        <v>13.198548510651136</v>
      </c>
      <c r="L6502" s="40"/>
      <c r="M6502" s="40"/>
      <c r="N6502" s="40"/>
    </row>
    <row r="6503" spans="4:14" x14ac:dyDescent="0.25">
      <c r="D6503" s="40">
        <v>108.24567100000478</v>
      </c>
      <c r="E6503" s="40">
        <v>21.039337578521742</v>
      </c>
      <c r="F6503" s="40">
        <v>108.23333299999999</v>
      </c>
      <c r="G6503" s="40">
        <v>21.302514503144877</v>
      </c>
      <c r="H6503" s="40">
        <v>108.23333400000001</v>
      </c>
      <c r="I6503" s="40">
        <v>19.200429623553788</v>
      </c>
      <c r="J6503" s="40">
        <v>108.233294386905</v>
      </c>
      <c r="K6503" s="40">
        <v>13.198548510651136</v>
      </c>
      <c r="L6503" s="40"/>
      <c r="M6503" s="40"/>
      <c r="N6503" s="40"/>
    </row>
    <row r="6504" spans="4:14" x14ac:dyDescent="0.25">
      <c r="D6504" s="40">
        <v>108.26233700000478</v>
      </c>
      <c r="E6504" s="40">
        <v>21.039337578521742</v>
      </c>
      <c r="F6504" s="40">
        <v>108.25</v>
      </c>
      <c r="G6504" s="40">
        <v>21.307269747235097</v>
      </c>
      <c r="H6504" s="40">
        <v>108.25</v>
      </c>
      <c r="I6504" s="40">
        <v>19.203782359697041</v>
      </c>
      <c r="J6504" s="40">
        <v>108.24996104762</v>
      </c>
      <c r="K6504" s="40">
        <v>13.198548510651136</v>
      </c>
      <c r="L6504" s="40"/>
      <c r="M6504" s="40"/>
      <c r="N6504" s="40"/>
    </row>
    <row r="6505" spans="4:14" x14ac:dyDescent="0.25">
      <c r="D6505" s="40">
        <v>108.27900300000478</v>
      </c>
      <c r="E6505" s="40">
        <v>21.039337578521742</v>
      </c>
      <c r="F6505" s="40">
        <v>108.26666699999998</v>
      </c>
      <c r="G6505" s="40">
        <v>21.307269747235097</v>
      </c>
      <c r="H6505" s="40">
        <v>108.26666700000001</v>
      </c>
      <c r="I6505" s="40">
        <v>19.203782359697041</v>
      </c>
      <c r="J6505" s="40">
        <v>108.266627708334</v>
      </c>
      <c r="K6505" s="40">
        <v>13.198548510651136</v>
      </c>
      <c r="L6505" s="40"/>
      <c r="M6505" s="40"/>
      <c r="N6505" s="40"/>
    </row>
    <row r="6506" spans="4:14" x14ac:dyDescent="0.25">
      <c r="D6506" s="40">
        <v>108.29566900000478</v>
      </c>
      <c r="E6506" s="40">
        <v>21.044038310682165</v>
      </c>
      <c r="F6506" s="40">
        <v>108.283333</v>
      </c>
      <c r="G6506" s="40">
        <v>21.307269747235097</v>
      </c>
      <c r="H6506" s="40">
        <v>108.283334</v>
      </c>
      <c r="I6506" s="40">
        <v>19.207036485953804</v>
      </c>
      <c r="J6506" s="40">
        <v>108.28329436904799</v>
      </c>
      <c r="K6506" s="40">
        <v>13.203256876604197</v>
      </c>
      <c r="L6506" s="40"/>
      <c r="M6506" s="40"/>
      <c r="N6506" s="40"/>
    </row>
    <row r="6507" spans="4:14" x14ac:dyDescent="0.25">
      <c r="D6507" s="40">
        <v>108.31233500000478</v>
      </c>
      <c r="E6507" s="40">
        <v>21.044038310682165</v>
      </c>
      <c r="F6507" s="40">
        <v>108.29999999999998</v>
      </c>
      <c r="G6507" s="40">
        <v>21.307269747235097</v>
      </c>
      <c r="H6507" s="40">
        <v>108.30000000000001</v>
      </c>
      <c r="I6507" s="40">
        <v>19.207036485953804</v>
      </c>
      <c r="J6507" s="40">
        <v>108.299961029762</v>
      </c>
      <c r="K6507" s="40">
        <v>13.203256876604197</v>
      </c>
      <c r="L6507" s="40"/>
      <c r="M6507" s="40"/>
      <c r="N6507" s="40"/>
    </row>
    <row r="6508" spans="4:14" x14ac:dyDescent="0.25">
      <c r="D6508" s="40">
        <v>108.32900100000478</v>
      </c>
      <c r="E6508" s="40">
        <v>21.044038310682165</v>
      </c>
      <c r="F6508" s="40">
        <v>108.316667</v>
      </c>
      <c r="G6508" s="40">
        <v>21.307269747235097</v>
      </c>
      <c r="H6508" s="40">
        <v>108.316667</v>
      </c>
      <c r="I6508" s="40">
        <v>19.21038922209706</v>
      </c>
      <c r="J6508" s="40">
        <v>108.31662769047701</v>
      </c>
      <c r="K6508" s="40">
        <v>13.203256876604197</v>
      </c>
      <c r="L6508" s="40"/>
      <c r="M6508" s="40"/>
      <c r="N6508" s="40"/>
    </row>
    <row r="6509" spans="4:14" x14ac:dyDescent="0.25">
      <c r="D6509" s="40">
        <v>108.34566700000478</v>
      </c>
      <c r="E6509" s="40">
        <v>21.044038310682165</v>
      </c>
      <c r="F6509" s="40">
        <v>108.33333299999998</v>
      </c>
      <c r="G6509" s="40">
        <v>21.307269747235097</v>
      </c>
      <c r="H6509" s="40">
        <v>108.33333400000001</v>
      </c>
      <c r="I6509" s="40">
        <v>19.21038922209706</v>
      </c>
      <c r="J6509" s="40">
        <v>108.333294351191</v>
      </c>
      <c r="K6509" s="40">
        <v>13.203256876604197</v>
      </c>
      <c r="L6509" s="40"/>
      <c r="M6509" s="40"/>
      <c r="N6509" s="40"/>
    </row>
    <row r="6510" spans="4:14" x14ac:dyDescent="0.25">
      <c r="D6510" s="40">
        <v>108.36233300000478</v>
      </c>
      <c r="E6510" s="40">
        <v>21.039337578521742</v>
      </c>
      <c r="F6510" s="40">
        <v>108.35</v>
      </c>
      <c r="G6510" s="40">
        <v>21.307269747235097</v>
      </c>
      <c r="H6510" s="40">
        <v>108.35</v>
      </c>
      <c r="I6510" s="40">
        <v>19.213741958240494</v>
      </c>
      <c r="J6510" s="40">
        <v>108.34996101190499</v>
      </c>
      <c r="K6510" s="40">
        <v>13.203256876604197</v>
      </c>
      <c r="L6510" s="40"/>
      <c r="M6510" s="40"/>
      <c r="N6510" s="40"/>
    </row>
    <row r="6511" spans="4:14" x14ac:dyDescent="0.25">
      <c r="D6511" s="40">
        <v>108.37899900000478</v>
      </c>
      <c r="E6511" s="40">
        <v>21.039337578521742</v>
      </c>
      <c r="F6511" s="40">
        <v>108.36666700000001</v>
      </c>
      <c r="G6511" s="40">
        <v>21.307269747235097</v>
      </c>
      <c r="H6511" s="40">
        <v>108.36666700000001</v>
      </c>
      <c r="I6511" s="40">
        <v>19.213741958240494</v>
      </c>
      <c r="J6511" s="40">
        <v>108.36662767262</v>
      </c>
      <c r="K6511" s="40">
        <v>13.203256876604197</v>
      </c>
      <c r="L6511" s="40"/>
      <c r="M6511" s="40"/>
      <c r="N6511" s="40"/>
    </row>
    <row r="6512" spans="4:14" x14ac:dyDescent="0.25">
      <c r="D6512" s="40">
        <v>108.39566500000478</v>
      </c>
      <c r="E6512" s="40">
        <v>21.039337578521742</v>
      </c>
      <c r="F6512" s="40">
        <v>108.38333299999999</v>
      </c>
      <c r="G6512" s="40">
        <v>21.312024991325192</v>
      </c>
      <c r="H6512" s="40">
        <v>108.38333400000002</v>
      </c>
      <c r="I6512" s="40">
        <v>19.213741958240494</v>
      </c>
      <c r="J6512" s="40">
        <v>108.38329433333401</v>
      </c>
      <c r="K6512" s="40">
        <v>13.203256876604197</v>
      </c>
      <c r="L6512" s="40"/>
      <c r="M6512" s="40"/>
      <c r="N6512" s="40"/>
    </row>
    <row r="6513" spans="4:14" x14ac:dyDescent="0.25">
      <c r="D6513" s="40">
        <v>108.41233100000478</v>
      </c>
      <c r="E6513" s="40">
        <v>21.039337578521742</v>
      </c>
      <c r="F6513" s="40">
        <v>108.4</v>
      </c>
      <c r="G6513" s="40">
        <v>21.312024991325192</v>
      </c>
      <c r="H6513" s="40">
        <v>108.4</v>
      </c>
      <c r="I6513" s="40">
        <v>19.216996084497257</v>
      </c>
      <c r="J6513" s="40">
        <v>108.399960994048</v>
      </c>
      <c r="K6513" s="40">
        <v>13.203256876604197</v>
      </c>
      <c r="L6513" s="40"/>
      <c r="M6513" s="40"/>
      <c r="N6513" s="40"/>
    </row>
    <row r="6514" spans="4:14" x14ac:dyDescent="0.25">
      <c r="D6514" s="40">
        <v>108.42899700000478</v>
      </c>
      <c r="E6514" s="40">
        <v>21.039337578521742</v>
      </c>
      <c r="F6514" s="40">
        <v>108.41666699999999</v>
      </c>
      <c r="G6514" s="40">
        <v>21.312024991325192</v>
      </c>
      <c r="H6514" s="40">
        <v>108.41666700000002</v>
      </c>
      <c r="I6514" s="40">
        <v>19.216996084497257</v>
      </c>
      <c r="J6514" s="40">
        <v>108.416627654762</v>
      </c>
      <c r="K6514" s="40">
        <v>13.203256876604197</v>
      </c>
      <c r="L6514" s="40"/>
      <c r="M6514" s="40"/>
      <c r="N6514" s="40"/>
    </row>
    <row r="6515" spans="4:14" x14ac:dyDescent="0.25">
      <c r="D6515" s="40">
        <v>108.44566300000479</v>
      </c>
      <c r="E6515" s="40">
        <v>21.034494399932321</v>
      </c>
      <c r="F6515" s="40">
        <v>108.433333</v>
      </c>
      <c r="G6515" s="40">
        <v>21.312024991325192</v>
      </c>
      <c r="H6515" s="40">
        <v>108.433334</v>
      </c>
      <c r="I6515" s="40">
        <v>19.220348820640517</v>
      </c>
      <c r="J6515" s="40">
        <v>108.433294315477</v>
      </c>
      <c r="K6515" s="40">
        <v>13.203256876604197</v>
      </c>
      <c r="L6515" s="40"/>
      <c r="M6515" s="40"/>
      <c r="N6515" s="40"/>
    </row>
    <row r="6516" spans="4:14" x14ac:dyDescent="0.25">
      <c r="D6516" s="40">
        <v>108.46232900000479</v>
      </c>
      <c r="E6516" s="40">
        <v>21.034494399932321</v>
      </c>
      <c r="F6516" s="40">
        <v>108.44999999999999</v>
      </c>
      <c r="G6516" s="40">
        <v>21.316640375295091</v>
      </c>
      <c r="H6516" s="40">
        <v>108.45000000000002</v>
      </c>
      <c r="I6516" s="40">
        <v>19.220348820640517</v>
      </c>
      <c r="J6516" s="40">
        <v>108.44996097619099</v>
      </c>
      <c r="K6516" s="40">
        <v>13.203256876604197</v>
      </c>
      <c r="L6516" s="40"/>
      <c r="M6516" s="40"/>
      <c r="N6516" s="40"/>
    </row>
    <row r="6517" spans="4:14" x14ac:dyDescent="0.25">
      <c r="D6517" s="40">
        <v>108.47899500000479</v>
      </c>
      <c r="E6517" s="40">
        <v>21.034494399932321</v>
      </c>
      <c r="F6517" s="40">
        <v>108.466667</v>
      </c>
      <c r="G6517" s="40">
        <v>21.316640375295091</v>
      </c>
      <c r="H6517" s="40">
        <v>108.466667</v>
      </c>
      <c r="I6517" s="40">
        <v>19.223701556783769</v>
      </c>
      <c r="J6517" s="40">
        <v>108.466627636905</v>
      </c>
      <c r="K6517" s="40">
        <v>13.203256876604197</v>
      </c>
      <c r="L6517" s="40"/>
      <c r="M6517" s="40"/>
      <c r="N6517" s="40"/>
    </row>
    <row r="6518" spans="4:14" x14ac:dyDescent="0.25">
      <c r="D6518" s="40">
        <v>108.49566100000479</v>
      </c>
      <c r="E6518" s="40">
        <v>21.034494399932321</v>
      </c>
      <c r="F6518" s="40">
        <v>108.48333299999999</v>
      </c>
      <c r="G6518" s="40">
        <v>21.316640375295091</v>
      </c>
      <c r="H6518" s="40">
        <v>108.48333400000001</v>
      </c>
      <c r="I6518" s="40">
        <v>19.223701556783769</v>
      </c>
      <c r="J6518" s="40">
        <v>108.48329429762001</v>
      </c>
      <c r="K6518" s="40">
        <v>13.203256876604197</v>
      </c>
      <c r="L6518" s="40"/>
      <c r="M6518" s="40"/>
      <c r="N6518" s="40"/>
    </row>
    <row r="6519" spans="4:14" x14ac:dyDescent="0.25">
      <c r="D6519" s="40">
        <v>108.51232700000479</v>
      </c>
      <c r="E6519" s="40">
        <v>21.034494399932321</v>
      </c>
      <c r="F6519" s="40">
        <v>108.5</v>
      </c>
      <c r="G6519" s="40">
        <v>21.316640375295091</v>
      </c>
      <c r="H6519" s="40">
        <v>108.5</v>
      </c>
      <c r="I6519" s="40">
        <v>19.226955683040533</v>
      </c>
      <c r="J6519" s="40">
        <v>108.499960958334</v>
      </c>
      <c r="K6519" s="40">
        <v>13.203256876604197</v>
      </c>
      <c r="L6519" s="40"/>
      <c r="M6519" s="40"/>
      <c r="N6519" s="40"/>
    </row>
    <row r="6520" spans="4:14" x14ac:dyDescent="0.25">
      <c r="D6520" s="40">
        <v>108.52899300000479</v>
      </c>
      <c r="E6520" s="40">
        <v>21.034494399932321</v>
      </c>
      <c r="F6520" s="40">
        <v>108.51666699999998</v>
      </c>
      <c r="G6520" s="40">
        <v>21.32139561938531</v>
      </c>
      <c r="H6520" s="40">
        <v>108.51666700000001</v>
      </c>
      <c r="I6520" s="40">
        <v>19.230308419183967</v>
      </c>
      <c r="J6520" s="40">
        <v>108.51662761904799</v>
      </c>
      <c r="K6520" s="40">
        <v>13.203256876604197</v>
      </c>
      <c r="L6520" s="40"/>
      <c r="M6520" s="40"/>
      <c r="N6520" s="40"/>
    </row>
    <row r="6521" spans="4:14" x14ac:dyDescent="0.25">
      <c r="D6521" s="40">
        <v>108.54565900000479</v>
      </c>
      <c r="E6521" s="40">
        <v>21.034494399932321</v>
      </c>
      <c r="F6521" s="40">
        <v>108.533333</v>
      </c>
      <c r="G6521" s="40">
        <v>21.32139561938531</v>
      </c>
      <c r="H6521" s="40">
        <v>108.533334</v>
      </c>
      <c r="I6521" s="40">
        <v>19.230308419183967</v>
      </c>
      <c r="J6521" s="40">
        <v>108.533294279762</v>
      </c>
      <c r="K6521" s="40">
        <v>13.203256876604197</v>
      </c>
      <c r="L6521" s="40"/>
      <c r="M6521" s="40"/>
      <c r="N6521" s="40"/>
    </row>
    <row r="6522" spans="4:14" x14ac:dyDescent="0.25">
      <c r="D6522" s="40">
        <v>108.56232500000479</v>
      </c>
      <c r="E6522" s="40">
        <v>21.034494399932321</v>
      </c>
      <c r="F6522" s="40">
        <v>108.54999999999998</v>
      </c>
      <c r="G6522" s="40">
        <v>21.32139561938531</v>
      </c>
      <c r="H6522" s="40">
        <v>108.55000000000001</v>
      </c>
      <c r="I6522" s="40">
        <v>19.233661155327226</v>
      </c>
      <c r="J6522" s="40">
        <v>108.54996094047701</v>
      </c>
      <c r="K6522" s="40">
        <v>13.208107920313303</v>
      </c>
      <c r="L6522" s="40"/>
      <c r="M6522" s="40"/>
      <c r="N6522" s="40"/>
    </row>
    <row r="6523" spans="4:14" x14ac:dyDescent="0.25">
      <c r="D6523" s="40">
        <v>108.57899100000479</v>
      </c>
      <c r="E6523" s="40">
        <v>21.034494399932321</v>
      </c>
      <c r="F6523" s="40">
        <v>108.566667</v>
      </c>
      <c r="G6523" s="40">
        <v>21.32139561938531</v>
      </c>
      <c r="H6523" s="40">
        <v>108.566667</v>
      </c>
      <c r="I6523" s="40">
        <v>19.233661155327226</v>
      </c>
      <c r="J6523" s="40">
        <v>108.566627601191</v>
      </c>
      <c r="K6523" s="40">
        <v>13.208107920313303</v>
      </c>
      <c r="L6523" s="40"/>
      <c r="M6523" s="40"/>
      <c r="N6523" s="40"/>
    </row>
    <row r="6524" spans="4:14" x14ac:dyDescent="0.25">
      <c r="D6524" s="40">
        <v>108.59565700000479</v>
      </c>
      <c r="E6524" s="40">
        <v>21.034494399932321</v>
      </c>
      <c r="F6524" s="40">
        <v>108.58333299999998</v>
      </c>
      <c r="G6524" s="40">
        <v>21.32139561938531</v>
      </c>
      <c r="H6524" s="40">
        <v>108.58333400000001</v>
      </c>
      <c r="I6524" s="40">
        <v>19.23691528158399</v>
      </c>
      <c r="J6524" s="40">
        <v>108.583294261905</v>
      </c>
      <c r="K6524" s="40">
        <v>13.208107920313303</v>
      </c>
      <c r="L6524" s="40"/>
      <c r="M6524" s="40"/>
      <c r="N6524" s="40"/>
    </row>
    <row r="6525" spans="4:14" x14ac:dyDescent="0.25">
      <c r="D6525" s="40">
        <v>108.61232300000479</v>
      </c>
      <c r="E6525" s="40">
        <v>21.034494399932321</v>
      </c>
      <c r="F6525" s="40">
        <v>108.6</v>
      </c>
      <c r="G6525" s="40">
        <v>21.32139561938531</v>
      </c>
      <c r="H6525" s="40">
        <v>108.6</v>
      </c>
      <c r="I6525" s="40">
        <v>19.23691528158399</v>
      </c>
      <c r="J6525" s="40">
        <v>108.59996092262</v>
      </c>
      <c r="K6525" s="40">
        <v>13.208107920313303</v>
      </c>
      <c r="L6525" s="40"/>
      <c r="M6525" s="40"/>
      <c r="N6525" s="40"/>
    </row>
    <row r="6526" spans="4:14" x14ac:dyDescent="0.25">
      <c r="D6526" s="40">
        <v>108.62898900000479</v>
      </c>
      <c r="E6526" s="40">
        <v>21.034494399932321</v>
      </c>
      <c r="F6526" s="40">
        <v>108.61666700000001</v>
      </c>
      <c r="G6526" s="40">
        <v>21.32139561938531</v>
      </c>
      <c r="H6526" s="40">
        <v>108.61666700000001</v>
      </c>
      <c r="I6526" s="40">
        <v>19.240268017727246</v>
      </c>
      <c r="J6526" s="40">
        <v>108.61662758333399</v>
      </c>
      <c r="K6526" s="40">
        <v>13.208107920313303</v>
      </c>
      <c r="L6526" s="40"/>
      <c r="M6526" s="40"/>
      <c r="N6526" s="40"/>
    </row>
    <row r="6527" spans="4:14" x14ac:dyDescent="0.25">
      <c r="D6527" s="40">
        <v>108.64565500000479</v>
      </c>
      <c r="E6527" s="40">
        <v>21.034494399932321</v>
      </c>
      <c r="F6527" s="40">
        <v>108.63333299999999</v>
      </c>
      <c r="G6527" s="40">
        <v>21.326150863475405</v>
      </c>
      <c r="H6527" s="40">
        <v>108.63333400000002</v>
      </c>
      <c r="I6527" s="40">
        <v>19.240268017727246</v>
      </c>
      <c r="J6527" s="40">
        <v>108.633294244048</v>
      </c>
      <c r="K6527" s="40">
        <v>13.208107920313303</v>
      </c>
      <c r="L6527" s="40"/>
      <c r="M6527" s="40"/>
      <c r="N6527" s="40"/>
    </row>
    <row r="6528" spans="4:14" x14ac:dyDescent="0.25">
      <c r="D6528" s="40">
        <v>108.66232100000479</v>
      </c>
      <c r="E6528" s="40">
        <v>21.034494399932321</v>
      </c>
      <c r="F6528" s="40">
        <v>108.65</v>
      </c>
      <c r="G6528" s="40">
        <v>21.326150863475405</v>
      </c>
      <c r="H6528" s="40">
        <v>108.65</v>
      </c>
      <c r="I6528" s="40">
        <v>19.243620753870502</v>
      </c>
      <c r="J6528" s="40">
        <v>108.649960904762</v>
      </c>
      <c r="K6528" s="40">
        <v>13.212958964022533</v>
      </c>
      <c r="L6528" s="40"/>
      <c r="M6528" s="40"/>
      <c r="N6528" s="40"/>
    </row>
    <row r="6529" spans="4:14" x14ac:dyDescent="0.25">
      <c r="D6529" s="40">
        <v>108.6789870000048</v>
      </c>
      <c r="E6529" s="40">
        <v>21.034494399932321</v>
      </c>
      <c r="F6529" s="40">
        <v>108.66666699999999</v>
      </c>
      <c r="G6529" s="40">
        <v>21.326150863475405</v>
      </c>
      <c r="H6529" s="40">
        <v>108.66666700000002</v>
      </c>
      <c r="I6529" s="40">
        <v>19.243620753870502</v>
      </c>
      <c r="J6529" s="40">
        <v>108.666627565477</v>
      </c>
      <c r="K6529" s="40">
        <v>13.212958964022533</v>
      </c>
      <c r="L6529" s="40"/>
      <c r="M6529" s="40"/>
      <c r="N6529" s="40"/>
    </row>
    <row r="6530" spans="4:14" x14ac:dyDescent="0.25">
      <c r="D6530" s="40">
        <v>108.6956530000048</v>
      </c>
      <c r="E6530" s="40">
        <v>21.034494399932321</v>
      </c>
      <c r="F6530" s="40">
        <v>108.683333</v>
      </c>
      <c r="G6530" s="40">
        <v>21.326150863475405</v>
      </c>
      <c r="H6530" s="40">
        <v>108.683334</v>
      </c>
      <c r="I6530" s="40">
        <v>19.246874880127262</v>
      </c>
      <c r="J6530" s="40">
        <v>108.68329422619099</v>
      </c>
      <c r="K6530" s="40">
        <v>13.212958964022533</v>
      </c>
      <c r="L6530" s="40"/>
      <c r="M6530" s="40"/>
      <c r="N6530" s="40"/>
    </row>
    <row r="6531" spans="4:14" x14ac:dyDescent="0.25">
      <c r="D6531" s="40">
        <v>108.7123190000048</v>
      </c>
      <c r="E6531" s="40">
        <v>21.034494399932321</v>
      </c>
      <c r="F6531" s="40">
        <v>108.69999999999999</v>
      </c>
      <c r="G6531" s="40">
        <v>21.326150863475405</v>
      </c>
      <c r="H6531" s="40">
        <v>108.70000000000002</v>
      </c>
      <c r="I6531" s="40">
        <v>19.246874880127262</v>
      </c>
      <c r="J6531" s="40">
        <v>108.699960886905</v>
      </c>
      <c r="K6531" s="40">
        <v>13.212958964022533</v>
      </c>
      <c r="L6531" s="40"/>
      <c r="M6531" s="40"/>
      <c r="N6531" s="40"/>
    </row>
    <row r="6532" spans="4:14" x14ac:dyDescent="0.25">
      <c r="D6532" s="40">
        <v>108.7289850000048</v>
      </c>
      <c r="E6532" s="40">
        <v>21.034494399932321</v>
      </c>
      <c r="F6532" s="40">
        <v>108.716667</v>
      </c>
      <c r="G6532" s="40">
        <v>21.326150863475405</v>
      </c>
      <c r="H6532" s="40">
        <v>108.716667</v>
      </c>
      <c r="I6532" s="40">
        <v>19.250227616270696</v>
      </c>
      <c r="J6532" s="40">
        <v>108.71662754762001</v>
      </c>
      <c r="K6532" s="40">
        <v>13.212958964022533</v>
      </c>
      <c r="L6532" s="40"/>
      <c r="M6532" s="40"/>
      <c r="N6532" s="40"/>
    </row>
    <row r="6533" spans="4:14" x14ac:dyDescent="0.25">
      <c r="D6533" s="40">
        <v>108.7456510000048</v>
      </c>
      <c r="E6533" s="40">
        <v>21.034494399932321</v>
      </c>
      <c r="F6533" s="40">
        <v>108.73333299999999</v>
      </c>
      <c r="G6533" s="40">
        <v>21.330766247445304</v>
      </c>
      <c r="H6533" s="40">
        <v>108.73333400000001</v>
      </c>
      <c r="I6533" s="40">
        <v>19.250227616270696</v>
      </c>
      <c r="J6533" s="40">
        <v>108.733294208334</v>
      </c>
      <c r="K6533" s="40">
        <v>13.212958964022533</v>
      </c>
      <c r="L6533" s="40"/>
      <c r="M6533" s="40"/>
      <c r="N6533" s="40"/>
    </row>
    <row r="6534" spans="4:14" x14ac:dyDescent="0.25">
      <c r="D6534" s="40">
        <v>108.7623170000048</v>
      </c>
      <c r="E6534" s="40">
        <v>21.039337578521742</v>
      </c>
      <c r="F6534" s="40">
        <v>108.75</v>
      </c>
      <c r="G6534" s="40">
        <v>21.330766247445304</v>
      </c>
      <c r="H6534" s="40">
        <v>108.75</v>
      </c>
      <c r="I6534" s="40">
        <v>19.253580352413955</v>
      </c>
      <c r="J6534" s="40">
        <v>108.749960869048</v>
      </c>
      <c r="K6534" s="40">
        <v>13.212958964022533</v>
      </c>
      <c r="L6534" s="40"/>
      <c r="M6534" s="40"/>
      <c r="N6534" s="40"/>
    </row>
    <row r="6535" spans="4:14" x14ac:dyDescent="0.25">
      <c r="D6535" s="40">
        <v>108.7789830000048</v>
      </c>
      <c r="E6535" s="40">
        <v>21.039337578521742</v>
      </c>
      <c r="F6535" s="40">
        <v>108.76666699999998</v>
      </c>
      <c r="G6535" s="40">
        <v>21.330766247445304</v>
      </c>
      <c r="H6535" s="40">
        <v>108.76666700000001</v>
      </c>
      <c r="I6535" s="40">
        <v>19.256834478670719</v>
      </c>
      <c r="J6535" s="40">
        <v>108.766627529762</v>
      </c>
      <c r="K6535" s="40">
        <v>13.212958964022533</v>
      </c>
      <c r="L6535" s="40"/>
      <c r="M6535" s="40"/>
      <c r="N6535" s="40"/>
    </row>
    <row r="6536" spans="4:14" x14ac:dyDescent="0.25">
      <c r="D6536" s="40">
        <v>108.7956490000048</v>
      </c>
      <c r="E6536" s="40">
        <v>21.039337578521742</v>
      </c>
      <c r="F6536" s="40">
        <v>108.783333</v>
      </c>
      <c r="G6536" s="40">
        <v>21.330766247445304</v>
      </c>
      <c r="H6536" s="40">
        <v>108.783334</v>
      </c>
      <c r="I6536" s="40">
        <v>19.256834478670719</v>
      </c>
      <c r="J6536" s="40">
        <v>108.78329419047699</v>
      </c>
      <c r="K6536" s="40">
        <v>13.212958964022533</v>
      </c>
      <c r="L6536" s="40"/>
      <c r="M6536" s="40"/>
      <c r="N6536" s="40"/>
    </row>
    <row r="6537" spans="4:14" x14ac:dyDescent="0.25">
      <c r="D6537" s="40">
        <v>108.8123150000048</v>
      </c>
      <c r="E6537" s="40">
        <v>21.044038310682165</v>
      </c>
      <c r="F6537" s="40">
        <v>108.79999999999998</v>
      </c>
      <c r="G6537" s="40">
        <v>21.330766247445304</v>
      </c>
      <c r="H6537" s="40">
        <v>108.80000000000001</v>
      </c>
      <c r="I6537" s="40">
        <v>19.260187214813975</v>
      </c>
      <c r="J6537" s="40">
        <v>108.799960851191</v>
      </c>
      <c r="K6537" s="40">
        <v>13.208107920313303</v>
      </c>
      <c r="L6537" s="40"/>
      <c r="M6537" s="40"/>
      <c r="N6537" s="40"/>
    </row>
    <row r="6538" spans="4:14" x14ac:dyDescent="0.25">
      <c r="D6538" s="40">
        <v>108.8289810000048</v>
      </c>
      <c r="E6538" s="40">
        <v>21.044038310682165</v>
      </c>
      <c r="F6538" s="40">
        <v>108.816667</v>
      </c>
      <c r="G6538" s="40">
        <v>21.330766247445304</v>
      </c>
      <c r="H6538" s="40">
        <v>108.816667</v>
      </c>
      <c r="I6538" s="40">
        <v>19.260187214813975</v>
      </c>
      <c r="J6538" s="40">
        <v>108.816627511905</v>
      </c>
      <c r="K6538" s="40">
        <v>13.208107920313303</v>
      </c>
      <c r="L6538" s="40"/>
      <c r="M6538" s="40"/>
      <c r="N6538" s="40"/>
    </row>
    <row r="6539" spans="4:14" x14ac:dyDescent="0.25">
      <c r="D6539" s="40">
        <v>108.8456470000048</v>
      </c>
      <c r="E6539" s="40">
        <v>21.044038310682165</v>
      </c>
      <c r="F6539" s="40">
        <v>108.83333299999998</v>
      </c>
      <c r="G6539" s="40">
        <v>21.335521491535523</v>
      </c>
      <c r="H6539" s="40">
        <v>108.83333400000001</v>
      </c>
      <c r="I6539" s="40">
        <v>19.263539950957234</v>
      </c>
      <c r="J6539" s="40">
        <v>108.83329417262</v>
      </c>
      <c r="K6539" s="40">
        <v>13.208107920313303</v>
      </c>
      <c r="L6539" s="40"/>
      <c r="M6539" s="40"/>
      <c r="N6539" s="40"/>
    </row>
    <row r="6540" spans="4:14" x14ac:dyDescent="0.25">
      <c r="D6540" s="40">
        <v>108.8623130000048</v>
      </c>
      <c r="E6540" s="40">
        <v>21.048881489271714</v>
      </c>
      <c r="F6540" s="40">
        <v>108.85</v>
      </c>
      <c r="G6540" s="40">
        <v>21.335521491535523</v>
      </c>
      <c r="H6540" s="40">
        <v>108.85</v>
      </c>
      <c r="I6540" s="40">
        <v>19.266794077213994</v>
      </c>
      <c r="J6540" s="40">
        <v>108.84996083333399</v>
      </c>
      <c r="K6540" s="40">
        <v>13.208107920313303</v>
      </c>
      <c r="L6540" s="40"/>
      <c r="M6540" s="40"/>
      <c r="N6540" s="40"/>
    </row>
    <row r="6541" spans="4:14" x14ac:dyDescent="0.25">
      <c r="D6541" s="40">
        <v>108.8789790000048</v>
      </c>
      <c r="E6541" s="40">
        <v>21.048881489271714</v>
      </c>
      <c r="F6541" s="40">
        <v>108.86666700000001</v>
      </c>
      <c r="G6541" s="40">
        <v>21.335521491535523</v>
      </c>
      <c r="H6541" s="40">
        <v>108.86666700000001</v>
      </c>
      <c r="I6541" s="40">
        <v>19.266794077213994</v>
      </c>
      <c r="J6541" s="40">
        <v>108.866627494048</v>
      </c>
      <c r="K6541" s="40">
        <v>13.208107920313303</v>
      </c>
      <c r="L6541" s="40"/>
      <c r="M6541" s="40"/>
      <c r="N6541" s="40"/>
    </row>
    <row r="6542" spans="4:14" x14ac:dyDescent="0.25">
      <c r="D6542" s="40">
        <v>108.89564500000481</v>
      </c>
      <c r="E6542" s="40">
        <v>21.048881489271714</v>
      </c>
      <c r="F6542" s="40">
        <v>108.88333299999999</v>
      </c>
      <c r="G6542" s="40">
        <v>21.335521491535523</v>
      </c>
      <c r="H6542" s="40">
        <v>108.88333400000002</v>
      </c>
      <c r="I6542" s="40">
        <v>19.270146813357428</v>
      </c>
      <c r="J6542" s="40">
        <v>108.883294154762</v>
      </c>
      <c r="K6542" s="40">
        <v>13.208107920313303</v>
      </c>
      <c r="L6542" s="40"/>
      <c r="M6542" s="40"/>
      <c r="N6542" s="40"/>
    </row>
    <row r="6543" spans="4:14" x14ac:dyDescent="0.25">
      <c r="D6543" s="40">
        <v>108.91231100000481</v>
      </c>
      <c r="E6543" s="40">
        <v>21.053724667861136</v>
      </c>
      <c r="F6543" s="40">
        <v>108.9</v>
      </c>
      <c r="G6543" s="40">
        <v>21.335521491535523</v>
      </c>
      <c r="H6543" s="40">
        <v>108.9</v>
      </c>
      <c r="I6543" s="40">
        <v>19.270146813357428</v>
      </c>
      <c r="J6543" s="40">
        <v>108.899960815477</v>
      </c>
      <c r="K6543" s="40">
        <v>13.208107920313303</v>
      </c>
      <c r="L6543" s="40"/>
      <c r="M6543" s="40"/>
      <c r="N6543" s="40"/>
    </row>
    <row r="6544" spans="4:14" x14ac:dyDescent="0.25">
      <c r="D6544" s="40">
        <v>108.92897700000481</v>
      </c>
      <c r="E6544" s="40">
        <v>21.053724667861136</v>
      </c>
      <c r="F6544" s="40">
        <v>108.91666699999999</v>
      </c>
      <c r="G6544" s="40">
        <v>21.335521491535523</v>
      </c>
      <c r="H6544" s="40">
        <v>108.91666700000002</v>
      </c>
      <c r="I6544" s="40">
        <v>19.270146813357428</v>
      </c>
      <c r="J6544" s="40">
        <v>108.916627476191</v>
      </c>
      <c r="K6544" s="40">
        <v>13.212958964022533</v>
      </c>
      <c r="L6544" s="40"/>
      <c r="M6544" s="40"/>
      <c r="N6544" s="40"/>
    </row>
    <row r="6545" spans="4:14" x14ac:dyDescent="0.25">
      <c r="D6545" s="40">
        <v>108.94564300000481</v>
      </c>
      <c r="E6545" s="40">
        <v>21.053724667861136</v>
      </c>
      <c r="F6545" s="40">
        <v>108.933333</v>
      </c>
      <c r="G6545" s="40">
        <v>21.335521491535523</v>
      </c>
      <c r="H6545" s="40">
        <v>108.933334</v>
      </c>
      <c r="I6545" s="40">
        <v>19.273499549500684</v>
      </c>
      <c r="J6545" s="40">
        <v>108.933294136905</v>
      </c>
      <c r="K6545" s="40">
        <v>13.212958964022533</v>
      </c>
      <c r="L6545" s="40"/>
      <c r="M6545" s="40"/>
      <c r="N6545" s="40"/>
    </row>
    <row r="6546" spans="4:14" x14ac:dyDescent="0.25">
      <c r="D6546" s="40">
        <v>108.96230900000481</v>
      </c>
      <c r="E6546" s="40">
        <v>21.058425400021562</v>
      </c>
      <c r="F6546" s="40">
        <v>108.94999999999999</v>
      </c>
      <c r="G6546" s="40">
        <v>21.335521491535523</v>
      </c>
      <c r="H6546" s="40">
        <v>108.95000000000002</v>
      </c>
      <c r="I6546" s="40">
        <v>19.273499549500684</v>
      </c>
      <c r="J6546" s="40">
        <v>108.94996079761999</v>
      </c>
      <c r="K6546" s="40">
        <v>13.208107920313303</v>
      </c>
      <c r="L6546" s="40"/>
      <c r="M6546" s="40"/>
      <c r="N6546" s="40"/>
    </row>
    <row r="6547" spans="4:14" x14ac:dyDescent="0.25">
      <c r="D6547" s="40">
        <v>108.97897500000481</v>
      </c>
      <c r="E6547" s="40">
        <v>21.058425400021562</v>
      </c>
      <c r="F6547" s="40">
        <v>108.966667</v>
      </c>
      <c r="G6547" s="40">
        <v>21.340276735625746</v>
      </c>
      <c r="H6547" s="40">
        <v>108.966667</v>
      </c>
      <c r="I6547" s="40">
        <v>19.276753675757448</v>
      </c>
      <c r="J6547" s="40">
        <v>108.966627458334</v>
      </c>
      <c r="K6547" s="40">
        <v>13.208107920313303</v>
      </c>
      <c r="L6547" s="40"/>
      <c r="M6547" s="40"/>
      <c r="N6547" s="40"/>
    </row>
    <row r="6548" spans="4:14" x14ac:dyDescent="0.25">
      <c r="D6548" s="40">
        <v>108.99564100000481</v>
      </c>
      <c r="E6548" s="40">
        <v>21.063268578611108</v>
      </c>
      <c r="F6548" s="40">
        <v>108.98333299999999</v>
      </c>
      <c r="G6548" s="40">
        <v>21.340276735625746</v>
      </c>
      <c r="H6548" s="40">
        <v>108.98333400000001</v>
      </c>
      <c r="I6548" s="40">
        <v>19.280106411900707</v>
      </c>
      <c r="J6548" s="40">
        <v>108.983294119048</v>
      </c>
      <c r="K6548" s="40">
        <v>13.208107920313303</v>
      </c>
      <c r="L6548" s="40"/>
      <c r="M6548" s="40"/>
      <c r="N6548" s="40"/>
    </row>
    <row r="6549" spans="4:14" x14ac:dyDescent="0.25">
      <c r="D6549" s="40">
        <v>109.01230700000481</v>
      </c>
      <c r="E6549" s="40">
        <v>21.063268578611108</v>
      </c>
      <c r="F6549" s="40">
        <v>109</v>
      </c>
      <c r="G6549" s="40">
        <v>21.340276735625746</v>
      </c>
      <c r="H6549" s="40">
        <v>109</v>
      </c>
      <c r="I6549" s="40">
        <v>19.280106411900707</v>
      </c>
      <c r="J6549" s="40">
        <v>108.99996077976201</v>
      </c>
      <c r="K6549" s="40">
        <v>13.208107920313303</v>
      </c>
      <c r="L6549" s="40"/>
      <c r="M6549" s="40"/>
      <c r="N6549" s="40"/>
    </row>
    <row r="6550" spans="4:14" x14ac:dyDescent="0.25">
      <c r="D6550" s="40">
        <v>109.02897300000481</v>
      </c>
      <c r="E6550" s="40">
        <v>21.063268578611108</v>
      </c>
      <c r="F6550" s="40">
        <v>109.01666699999998</v>
      </c>
      <c r="G6550" s="40">
        <v>21.340276735625746</v>
      </c>
      <c r="H6550" s="40">
        <v>109.01666700000001</v>
      </c>
      <c r="I6550" s="40">
        <v>19.283459148044138</v>
      </c>
      <c r="J6550" s="40">
        <v>109.016627440477</v>
      </c>
      <c r="K6550" s="40">
        <v>13.208107920313303</v>
      </c>
      <c r="L6550" s="40"/>
      <c r="M6550" s="40"/>
      <c r="N6550" s="40"/>
    </row>
    <row r="6551" spans="4:14" x14ac:dyDescent="0.25">
      <c r="D6551" s="40">
        <v>109.04563900000481</v>
      </c>
      <c r="E6551" s="40">
        <v>21.063268578611108</v>
      </c>
      <c r="F6551" s="40">
        <v>109.033333</v>
      </c>
      <c r="G6551" s="40">
        <v>21.340276735625746</v>
      </c>
      <c r="H6551" s="40">
        <v>109.033334</v>
      </c>
      <c r="I6551" s="40">
        <v>19.283459148044138</v>
      </c>
      <c r="J6551" s="40">
        <v>109.033294101191</v>
      </c>
      <c r="K6551" s="40">
        <v>13.208107920313303</v>
      </c>
      <c r="L6551" s="40"/>
      <c r="M6551" s="40"/>
      <c r="N6551" s="40"/>
    </row>
    <row r="6552" spans="4:14" x14ac:dyDescent="0.25">
      <c r="D6552" s="40">
        <v>109.06230500000481</v>
      </c>
      <c r="E6552" s="40">
        <v>21.068111757200533</v>
      </c>
      <c r="F6552" s="40">
        <v>109.04999999999998</v>
      </c>
      <c r="G6552" s="40">
        <v>21.340276735625746</v>
      </c>
      <c r="H6552" s="40">
        <v>109.05000000000001</v>
      </c>
      <c r="I6552" s="40">
        <v>19.286713274300901</v>
      </c>
      <c r="J6552" s="40">
        <v>109.049960761905</v>
      </c>
      <c r="K6552" s="40">
        <v>13.208107920313303</v>
      </c>
      <c r="L6552" s="40"/>
      <c r="M6552" s="40"/>
      <c r="N6552" s="40"/>
    </row>
    <row r="6553" spans="4:14" x14ac:dyDescent="0.25">
      <c r="D6553" s="40">
        <v>109.07897100000481</v>
      </c>
      <c r="E6553" s="40">
        <v>21.068111757200533</v>
      </c>
      <c r="F6553" s="40">
        <v>109.066667</v>
      </c>
      <c r="G6553" s="40">
        <v>21.340276735625746</v>
      </c>
      <c r="H6553" s="40">
        <v>109.066667</v>
      </c>
      <c r="I6553" s="40">
        <v>19.286713274300901</v>
      </c>
      <c r="J6553" s="40">
        <v>109.06662742262</v>
      </c>
      <c r="K6553" s="40">
        <v>13.208107920313303</v>
      </c>
      <c r="L6553" s="40"/>
      <c r="M6553" s="40"/>
      <c r="N6553" s="40"/>
    </row>
    <row r="6554" spans="4:14" x14ac:dyDescent="0.25">
      <c r="D6554" s="40">
        <v>109.09563700000481</v>
      </c>
      <c r="E6554" s="40">
        <v>21.068111757200533</v>
      </c>
      <c r="F6554" s="40">
        <v>109.08333299999998</v>
      </c>
      <c r="G6554" s="40">
        <v>21.340276735625746</v>
      </c>
      <c r="H6554" s="40">
        <v>109.08333400000001</v>
      </c>
      <c r="I6554" s="40">
        <v>19.290066010444157</v>
      </c>
      <c r="J6554" s="40">
        <v>109.083294083334</v>
      </c>
      <c r="K6554" s="40">
        <v>13.208107920313303</v>
      </c>
      <c r="L6554" s="40"/>
      <c r="M6554" s="40"/>
      <c r="N6554" s="40"/>
    </row>
    <row r="6555" spans="4:14" x14ac:dyDescent="0.25">
      <c r="D6555" s="40">
        <v>109.11230300000481</v>
      </c>
      <c r="E6555" s="40">
        <v>21.068111757200533</v>
      </c>
      <c r="F6555" s="40">
        <v>109.1</v>
      </c>
      <c r="G6555" s="40">
        <v>21.340276735625746</v>
      </c>
      <c r="H6555" s="40">
        <v>109.1</v>
      </c>
      <c r="I6555" s="40">
        <v>19.290066010444157</v>
      </c>
      <c r="J6555" s="40">
        <v>109.099960744048</v>
      </c>
      <c r="K6555" s="40">
        <v>13.203256876604197</v>
      </c>
      <c r="L6555" s="40"/>
      <c r="M6555" s="40"/>
      <c r="N6555" s="40"/>
    </row>
    <row r="6556" spans="4:14" x14ac:dyDescent="0.25">
      <c r="D6556" s="40">
        <v>109.12896900000482</v>
      </c>
      <c r="E6556" s="40">
        <v>21.068111757200533</v>
      </c>
      <c r="F6556" s="40">
        <v>109.11666700000001</v>
      </c>
      <c r="G6556" s="40">
        <v>21.344892119595521</v>
      </c>
      <c r="H6556" s="40">
        <v>109.11666700000001</v>
      </c>
      <c r="I6556" s="40">
        <v>19.293418746587413</v>
      </c>
      <c r="J6556" s="40">
        <v>109.116627404762</v>
      </c>
      <c r="K6556" s="40">
        <v>13.203256876604197</v>
      </c>
      <c r="L6556" s="40"/>
      <c r="M6556" s="40"/>
      <c r="N6556" s="40"/>
    </row>
    <row r="6557" spans="4:14" x14ac:dyDescent="0.25">
      <c r="D6557" s="40">
        <v>109.14563500000482</v>
      </c>
      <c r="E6557" s="40">
        <v>21.068111757200533</v>
      </c>
      <c r="F6557" s="40">
        <v>109.13333299999999</v>
      </c>
      <c r="G6557" s="40">
        <v>21.344892119595521</v>
      </c>
      <c r="H6557" s="40">
        <v>109.13333400000002</v>
      </c>
      <c r="I6557" s="40">
        <v>19.293418746587413</v>
      </c>
      <c r="J6557" s="40">
        <v>109.133294065477</v>
      </c>
      <c r="K6557" s="40">
        <v>13.203256876604197</v>
      </c>
      <c r="L6557" s="40"/>
      <c r="M6557" s="40"/>
      <c r="N6557" s="40"/>
    </row>
    <row r="6558" spans="4:14" x14ac:dyDescent="0.25">
      <c r="D6558" s="40">
        <v>109.16230100000482</v>
      </c>
      <c r="E6558" s="40">
        <v>21.068111757200533</v>
      </c>
      <c r="F6558" s="40">
        <v>109.15</v>
      </c>
      <c r="G6558" s="40">
        <v>21.344892119595521</v>
      </c>
      <c r="H6558" s="40">
        <v>109.15</v>
      </c>
      <c r="I6558" s="40">
        <v>19.296672872844177</v>
      </c>
      <c r="J6558" s="40">
        <v>109.149960726191</v>
      </c>
      <c r="K6558" s="40">
        <v>13.203256876604197</v>
      </c>
      <c r="L6558" s="40"/>
      <c r="M6558" s="40"/>
      <c r="N6558" s="40"/>
    </row>
    <row r="6559" spans="4:14" x14ac:dyDescent="0.25">
      <c r="D6559" s="40">
        <v>109.17896700000482</v>
      </c>
      <c r="E6559" s="40">
        <v>21.068111757200533</v>
      </c>
      <c r="F6559" s="40">
        <v>109.16666699999999</v>
      </c>
      <c r="G6559" s="40">
        <v>21.344892119595521</v>
      </c>
      <c r="H6559" s="40">
        <v>109.16666700000002</v>
      </c>
      <c r="I6559" s="40">
        <v>19.296672872844177</v>
      </c>
      <c r="J6559" s="40">
        <v>109.16662738690501</v>
      </c>
      <c r="K6559" s="40">
        <v>13.198548510651136</v>
      </c>
      <c r="L6559" s="40"/>
      <c r="M6559" s="40"/>
      <c r="N6559" s="40"/>
    </row>
    <row r="6560" spans="4:14" x14ac:dyDescent="0.25">
      <c r="D6560" s="40">
        <v>109.19563300000482</v>
      </c>
      <c r="E6560" s="40">
        <v>21.068111757200533</v>
      </c>
      <c r="F6560" s="40">
        <v>109.183333</v>
      </c>
      <c r="G6560" s="40">
        <v>21.344892119595521</v>
      </c>
      <c r="H6560" s="40">
        <v>109.183334</v>
      </c>
      <c r="I6560" s="40">
        <v>19.300025608987436</v>
      </c>
      <c r="J6560" s="40">
        <v>109.18329404762</v>
      </c>
      <c r="K6560" s="40">
        <v>13.198548510651136</v>
      </c>
      <c r="L6560" s="40"/>
      <c r="M6560" s="40"/>
      <c r="N6560" s="40"/>
    </row>
    <row r="6561" spans="4:14" x14ac:dyDescent="0.25">
      <c r="D6561" s="40">
        <v>109.21229900000482</v>
      </c>
      <c r="E6561" s="40">
        <v>21.068111757200533</v>
      </c>
      <c r="F6561" s="40">
        <v>109.19999999999999</v>
      </c>
      <c r="G6561" s="40">
        <v>21.344892119595521</v>
      </c>
      <c r="H6561" s="40">
        <v>109.20000000000002</v>
      </c>
      <c r="I6561" s="40">
        <v>19.300025608987436</v>
      </c>
      <c r="J6561" s="40">
        <v>109.199960708334</v>
      </c>
      <c r="K6561" s="40">
        <v>13.198548510651136</v>
      </c>
      <c r="L6561" s="40"/>
      <c r="M6561" s="40"/>
      <c r="N6561" s="40"/>
    </row>
    <row r="6562" spans="4:14" x14ac:dyDescent="0.25">
      <c r="D6562" s="40">
        <v>109.22896500000482</v>
      </c>
      <c r="E6562" s="40">
        <v>21.068111757200533</v>
      </c>
      <c r="F6562" s="40">
        <v>109.216667</v>
      </c>
      <c r="G6562" s="40">
        <v>21.344892119595521</v>
      </c>
      <c r="H6562" s="40">
        <v>109.216667</v>
      </c>
      <c r="I6562" s="40">
        <v>19.303378345130866</v>
      </c>
      <c r="J6562" s="40">
        <v>109.216627369048</v>
      </c>
      <c r="K6562" s="40">
        <v>13.198548510651136</v>
      </c>
      <c r="L6562" s="40"/>
      <c r="M6562" s="40"/>
      <c r="N6562" s="40"/>
    </row>
    <row r="6563" spans="4:14" x14ac:dyDescent="0.25">
      <c r="D6563" s="40">
        <v>109.24563100000482</v>
      </c>
      <c r="E6563" s="40">
        <v>21.068111757200533</v>
      </c>
      <c r="F6563" s="40">
        <v>109.23333299999999</v>
      </c>
      <c r="G6563" s="40">
        <v>21.344892119595521</v>
      </c>
      <c r="H6563" s="40">
        <v>109.23333400000001</v>
      </c>
      <c r="I6563" s="40">
        <v>19.30663247138763</v>
      </c>
      <c r="J6563" s="40">
        <v>109.23329402976201</v>
      </c>
      <c r="K6563" s="40">
        <v>13.203256876604197</v>
      </c>
      <c r="L6563" s="40"/>
      <c r="M6563" s="40"/>
      <c r="N6563" s="40"/>
    </row>
    <row r="6564" spans="4:14" x14ac:dyDescent="0.25">
      <c r="D6564" s="40">
        <v>109.26229700000482</v>
      </c>
      <c r="E6564" s="40">
        <v>21.068111757200533</v>
      </c>
      <c r="F6564" s="40">
        <v>109.25</v>
      </c>
      <c r="G6564" s="40">
        <v>21.344892119595521</v>
      </c>
      <c r="H6564" s="40">
        <v>109.25</v>
      </c>
      <c r="I6564" s="40">
        <v>19.30663247138763</v>
      </c>
      <c r="J6564" s="40">
        <v>109.249960690477</v>
      </c>
      <c r="K6564" s="40">
        <v>13.203256876604197</v>
      </c>
      <c r="L6564" s="40"/>
      <c r="M6564" s="40"/>
      <c r="N6564" s="40"/>
    </row>
    <row r="6565" spans="4:14" x14ac:dyDescent="0.25">
      <c r="D6565" s="40">
        <v>109.27896300000482</v>
      </c>
      <c r="E6565" s="40">
        <v>21.063268578611108</v>
      </c>
      <c r="F6565" s="40">
        <v>109.26666699999998</v>
      </c>
      <c r="G6565" s="40">
        <v>21.344892119595521</v>
      </c>
      <c r="H6565" s="40">
        <v>109.26666700000001</v>
      </c>
      <c r="I6565" s="40">
        <v>19.309985207530886</v>
      </c>
      <c r="J6565" s="40">
        <v>109.266627351191</v>
      </c>
      <c r="K6565" s="40">
        <v>13.203256876604197</v>
      </c>
      <c r="L6565" s="40"/>
      <c r="M6565" s="40"/>
      <c r="N6565" s="40"/>
    </row>
    <row r="6566" spans="4:14" x14ac:dyDescent="0.25">
      <c r="D6566" s="40">
        <v>109.29562900000482</v>
      </c>
      <c r="E6566" s="40">
        <v>21.063268578611108</v>
      </c>
      <c r="F6566" s="40">
        <v>109.283333</v>
      </c>
      <c r="G6566" s="40">
        <v>21.344892119595521</v>
      </c>
      <c r="H6566" s="40">
        <v>109.283334</v>
      </c>
      <c r="I6566" s="40">
        <v>19.309985207530886</v>
      </c>
      <c r="J6566" s="40">
        <v>109.283294011905</v>
      </c>
      <c r="K6566" s="40">
        <v>13.203256876604197</v>
      </c>
      <c r="L6566" s="40"/>
      <c r="M6566" s="40"/>
      <c r="N6566" s="40"/>
    </row>
    <row r="6567" spans="4:14" x14ac:dyDescent="0.25">
      <c r="D6567" s="40">
        <v>109.31229500000482</v>
      </c>
      <c r="E6567" s="40">
        <v>21.063268578611108</v>
      </c>
      <c r="F6567" s="40">
        <v>109.29999999999998</v>
      </c>
      <c r="G6567" s="40">
        <v>21.34964736368574</v>
      </c>
      <c r="H6567" s="40">
        <v>109.30000000000001</v>
      </c>
      <c r="I6567" s="40">
        <v>19.313337943674146</v>
      </c>
      <c r="J6567" s="40">
        <v>109.29996067262</v>
      </c>
      <c r="K6567" s="40">
        <v>13.203256876604197</v>
      </c>
      <c r="L6567" s="40"/>
      <c r="M6567" s="40"/>
      <c r="N6567" s="40"/>
    </row>
    <row r="6568" spans="4:14" x14ac:dyDescent="0.25">
      <c r="D6568" s="40">
        <v>109.32896100000482</v>
      </c>
      <c r="E6568" s="40">
        <v>21.058425400021562</v>
      </c>
      <c r="F6568" s="40">
        <v>109.316667</v>
      </c>
      <c r="G6568" s="40">
        <v>21.34964736368574</v>
      </c>
      <c r="H6568" s="40">
        <v>109.316667</v>
      </c>
      <c r="I6568" s="40">
        <v>19.313337943674146</v>
      </c>
      <c r="J6568" s="40">
        <v>109.316627333334</v>
      </c>
      <c r="K6568" s="40">
        <v>13.203256876604197</v>
      </c>
      <c r="L6568" s="40"/>
      <c r="M6568" s="40"/>
      <c r="N6568" s="40"/>
    </row>
    <row r="6569" spans="4:14" x14ac:dyDescent="0.25">
      <c r="D6569" s="40">
        <v>109.34562700000482</v>
      </c>
      <c r="E6569" s="40">
        <v>21.058425400021562</v>
      </c>
      <c r="F6569" s="40">
        <v>109.33333299999998</v>
      </c>
      <c r="G6569" s="40">
        <v>21.34964736368574</v>
      </c>
      <c r="H6569" s="40">
        <v>109.33333400000001</v>
      </c>
      <c r="I6569" s="40">
        <v>19.316592069930909</v>
      </c>
      <c r="J6569" s="40">
        <v>109.33329399404801</v>
      </c>
      <c r="K6569" s="40">
        <v>13.203256876604197</v>
      </c>
      <c r="L6569" s="40"/>
      <c r="M6569" s="40"/>
      <c r="N6569" s="40"/>
    </row>
    <row r="6570" spans="4:14" x14ac:dyDescent="0.25">
      <c r="D6570" s="40">
        <v>109.36229300000483</v>
      </c>
      <c r="E6570" s="40">
        <v>21.058425400021562</v>
      </c>
      <c r="F6570" s="40">
        <v>109.35</v>
      </c>
      <c r="G6570" s="40">
        <v>21.34964736368574</v>
      </c>
      <c r="H6570" s="40">
        <v>109.35</v>
      </c>
      <c r="I6570" s="40">
        <v>19.316592069930909</v>
      </c>
      <c r="J6570" s="40">
        <v>109.349960654762</v>
      </c>
      <c r="K6570" s="40">
        <v>13.203256876604197</v>
      </c>
      <c r="L6570" s="40"/>
      <c r="M6570" s="40"/>
      <c r="N6570" s="40"/>
    </row>
    <row r="6571" spans="4:14" x14ac:dyDescent="0.25">
      <c r="D6571" s="40">
        <v>109.37895900000483</v>
      </c>
      <c r="E6571" s="40">
        <v>21.058425400021562</v>
      </c>
      <c r="F6571" s="40">
        <v>109.36666700000001</v>
      </c>
      <c r="G6571" s="40">
        <v>21.34964736368574</v>
      </c>
      <c r="H6571" s="40">
        <v>109.36666700000001</v>
      </c>
      <c r="I6571" s="40">
        <v>19.319944806074165</v>
      </c>
      <c r="J6571" s="40">
        <v>109.366627315477</v>
      </c>
      <c r="K6571" s="40">
        <v>13.203256876604197</v>
      </c>
      <c r="L6571" s="40"/>
      <c r="M6571" s="40"/>
      <c r="N6571" s="40"/>
    </row>
    <row r="6572" spans="4:14" x14ac:dyDescent="0.25">
      <c r="D6572" s="40">
        <v>109.39562500000483</v>
      </c>
      <c r="E6572" s="40">
        <v>21.058425400021562</v>
      </c>
      <c r="F6572" s="40">
        <v>109.38333299999999</v>
      </c>
      <c r="G6572" s="40">
        <v>21.35440260777596</v>
      </c>
      <c r="H6572" s="40">
        <v>109.38333400000002</v>
      </c>
      <c r="I6572" s="40">
        <v>19.319944806074165</v>
      </c>
      <c r="J6572" s="40">
        <v>109.383293976191</v>
      </c>
      <c r="K6572" s="40">
        <v>13.203256876604197</v>
      </c>
      <c r="L6572" s="40"/>
      <c r="M6572" s="40"/>
      <c r="N6572" s="40"/>
    </row>
    <row r="6573" spans="4:14" x14ac:dyDescent="0.25">
      <c r="D6573" s="40">
        <v>109.41229100000483</v>
      </c>
      <c r="E6573" s="40">
        <v>21.053724667861136</v>
      </c>
      <c r="F6573" s="40">
        <v>109.4</v>
      </c>
      <c r="G6573" s="40">
        <v>21.35440260777596</v>
      </c>
      <c r="H6573" s="40">
        <v>109.4</v>
      </c>
      <c r="I6573" s="40">
        <v>19.323297542217595</v>
      </c>
      <c r="J6573" s="40">
        <v>109.39996063690501</v>
      </c>
      <c r="K6573" s="40">
        <v>13.208107920313303</v>
      </c>
      <c r="L6573" s="40"/>
      <c r="M6573" s="40"/>
      <c r="N6573" s="40"/>
    </row>
    <row r="6574" spans="4:14" x14ac:dyDescent="0.25">
      <c r="D6574" s="40">
        <v>109.42895700000483</v>
      </c>
      <c r="E6574" s="40">
        <v>21.058425400021562</v>
      </c>
      <c r="F6574" s="40">
        <v>109.41666699999999</v>
      </c>
      <c r="G6574" s="40">
        <v>21.35440260777596</v>
      </c>
      <c r="H6574" s="40">
        <v>109.41666700000002</v>
      </c>
      <c r="I6574" s="40">
        <v>19.326650278360855</v>
      </c>
      <c r="J6574" s="40">
        <v>109.41662729762</v>
      </c>
      <c r="K6574" s="40">
        <v>13.208107920313303</v>
      </c>
      <c r="L6574" s="40"/>
      <c r="M6574" s="40"/>
      <c r="N6574" s="40"/>
    </row>
    <row r="6575" spans="4:14" x14ac:dyDescent="0.25">
      <c r="D6575" s="40">
        <v>109.44562300000483</v>
      </c>
      <c r="E6575" s="40">
        <v>21.058425400021562</v>
      </c>
      <c r="F6575" s="40">
        <v>109.433333</v>
      </c>
      <c r="G6575" s="40">
        <v>21.35440260777596</v>
      </c>
      <c r="H6575" s="40">
        <v>109.433334</v>
      </c>
      <c r="I6575" s="40">
        <v>19.326650278360855</v>
      </c>
      <c r="J6575" s="40">
        <v>109.433293958334</v>
      </c>
      <c r="K6575" s="40">
        <v>13.208107920313303</v>
      </c>
      <c r="L6575" s="40"/>
      <c r="M6575" s="40"/>
      <c r="N6575" s="40"/>
    </row>
    <row r="6576" spans="4:14" x14ac:dyDescent="0.25">
      <c r="D6576" s="40">
        <v>109.46228900000483</v>
      </c>
      <c r="E6576" s="40">
        <v>21.058425400021562</v>
      </c>
      <c r="F6576" s="40">
        <v>109.44999999999999</v>
      </c>
      <c r="G6576" s="40">
        <v>21.359017991745734</v>
      </c>
      <c r="H6576" s="40">
        <v>109.45000000000002</v>
      </c>
      <c r="I6576" s="40">
        <v>19.329904404617618</v>
      </c>
      <c r="J6576" s="40">
        <v>109.449960619048</v>
      </c>
      <c r="K6576" s="40">
        <v>13.208107920313303</v>
      </c>
      <c r="L6576" s="40"/>
      <c r="M6576" s="40"/>
      <c r="N6576" s="40"/>
    </row>
    <row r="6577" spans="4:14" x14ac:dyDescent="0.25">
      <c r="D6577" s="40">
        <v>109.47895500000483</v>
      </c>
      <c r="E6577" s="40">
        <v>21.063268578611108</v>
      </c>
      <c r="F6577" s="40">
        <v>109.466667</v>
      </c>
      <c r="G6577" s="40">
        <v>21.359017991745734</v>
      </c>
      <c r="H6577" s="40">
        <v>109.466667</v>
      </c>
      <c r="I6577" s="40">
        <v>19.329904404617618</v>
      </c>
      <c r="J6577" s="40">
        <v>109.46662727976199</v>
      </c>
      <c r="K6577" s="40">
        <v>13.208107920313303</v>
      </c>
      <c r="L6577" s="40"/>
      <c r="M6577" s="40"/>
      <c r="N6577" s="40"/>
    </row>
    <row r="6578" spans="4:14" x14ac:dyDescent="0.25">
      <c r="D6578" s="40">
        <v>109.49562100000483</v>
      </c>
      <c r="E6578" s="40">
        <v>21.063268578611108</v>
      </c>
      <c r="F6578" s="40">
        <v>109.48333299999999</v>
      </c>
      <c r="G6578" s="40">
        <v>21.359017991745734</v>
      </c>
      <c r="H6578" s="40">
        <v>109.48333400000001</v>
      </c>
      <c r="I6578" s="40">
        <v>19.333257140760875</v>
      </c>
      <c r="J6578" s="40">
        <v>109.483293940477</v>
      </c>
      <c r="K6578" s="40">
        <v>13.212958964022533</v>
      </c>
      <c r="L6578" s="40"/>
      <c r="M6578" s="40"/>
      <c r="N6578" s="40"/>
    </row>
    <row r="6579" spans="4:14" x14ac:dyDescent="0.25">
      <c r="D6579" s="40">
        <v>109.51228700000483</v>
      </c>
      <c r="E6579" s="40">
        <v>21.063268578611108</v>
      </c>
      <c r="F6579" s="40">
        <v>109.5</v>
      </c>
      <c r="G6579" s="40">
        <v>21.359017991745734</v>
      </c>
      <c r="H6579" s="40">
        <v>109.5</v>
      </c>
      <c r="I6579" s="40">
        <v>19.336609876904308</v>
      </c>
      <c r="J6579" s="40">
        <v>109.49996060119101</v>
      </c>
      <c r="K6579" s="40">
        <v>13.212958964022533</v>
      </c>
      <c r="L6579" s="40"/>
      <c r="M6579" s="40"/>
      <c r="N6579" s="40"/>
    </row>
    <row r="6580" spans="4:14" x14ac:dyDescent="0.25">
      <c r="D6580" s="40">
        <v>109.52895300000483</v>
      </c>
      <c r="E6580" s="40">
        <v>21.063268578611108</v>
      </c>
      <c r="F6580" s="40">
        <v>109.51666699999998</v>
      </c>
      <c r="G6580" s="40">
        <v>21.359017991745734</v>
      </c>
      <c r="H6580" s="40">
        <v>109.51666700000001</v>
      </c>
      <c r="I6580" s="40">
        <v>19.336609876904308</v>
      </c>
      <c r="J6580" s="40">
        <v>109.516627261905</v>
      </c>
      <c r="K6580" s="40">
        <v>13.212958964022533</v>
      </c>
      <c r="L6580" s="40"/>
      <c r="M6580" s="40"/>
      <c r="N6580" s="40"/>
    </row>
    <row r="6581" spans="4:14" x14ac:dyDescent="0.25">
      <c r="D6581" s="40">
        <v>109.54561900000483</v>
      </c>
      <c r="E6581" s="40">
        <v>21.063268578611108</v>
      </c>
      <c r="F6581" s="40">
        <v>109.533333</v>
      </c>
      <c r="G6581" s="40">
        <v>21.359017991745734</v>
      </c>
      <c r="H6581" s="40">
        <v>109.533334</v>
      </c>
      <c r="I6581" s="40">
        <v>19.339864003161072</v>
      </c>
      <c r="J6581" s="40">
        <v>109.53329392262</v>
      </c>
      <c r="K6581" s="40">
        <v>13.212958964022533</v>
      </c>
      <c r="L6581" s="40"/>
      <c r="M6581" s="40"/>
      <c r="N6581" s="40"/>
    </row>
    <row r="6582" spans="4:14" x14ac:dyDescent="0.25">
      <c r="D6582" s="40">
        <v>109.56228500000483</v>
      </c>
      <c r="E6582" s="40">
        <v>21.058425400021562</v>
      </c>
      <c r="F6582" s="40">
        <v>109.54999999999998</v>
      </c>
      <c r="G6582" s="40">
        <v>21.359017991745734</v>
      </c>
      <c r="H6582" s="40">
        <v>109.55000000000001</v>
      </c>
      <c r="I6582" s="40">
        <v>19.339864003161072</v>
      </c>
      <c r="J6582" s="40">
        <v>109.549960583334</v>
      </c>
      <c r="K6582" s="40">
        <v>13.212958964022533</v>
      </c>
      <c r="L6582" s="40"/>
      <c r="M6582" s="40"/>
      <c r="N6582" s="40"/>
    </row>
    <row r="6583" spans="4:14" x14ac:dyDescent="0.25">
      <c r="D6583" s="40">
        <v>109.57895100000484</v>
      </c>
      <c r="E6583" s="40">
        <v>21.058425400021562</v>
      </c>
      <c r="F6583" s="40">
        <v>109.566667</v>
      </c>
      <c r="G6583" s="40">
        <v>21.359017991745734</v>
      </c>
      <c r="H6583" s="40">
        <v>109.566667</v>
      </c>
      <c r="I6583" s="40">
        <v>19.343216739304324</v>
      </c>
      <c r="J6583" s="40">
        <v>109.56662724404799</v>
      </c>
      <c r="K6583" s="40">
        <v>13.212958964022533</v>
      </c>
      <c r="L6583" s="40"/>
      <c r="M6583" s="40"/>
      <c r="N6583" s="40"/>
    </row>
    <row r="6584" spans="4:14" x14ac:dyDescent="0.25">
      <c r="D6584" s="40">
        <v>109.59561700000484</v>
      </c>
      <c r="E6584" s="40">
        <v>21.063268578611108</v>
      </c>
      <c r="F6584" s="40">
        <v>109.58333299999998</v>
      </c>
      <c r="G6584" s="40">
        <v>21.363773235835954</v>
      </c>
      <c r="H6584" s="40">
        <v>109.58333400000001</v>
      </c>
      <c r="I6584" s="40">
        <v>19.346569475447584</v>
      </c>
      <c r="J6584" s="40">
        <v>109.583293904762</v>
      </c>
      <c r="K6584" s="40">
        <v>13.217667329975594</v>
      </c>
      <c r="L6584" s="40"/>
      <c r="M6584" s="40"/>
      <c r="N6584" s="40"/>
    </row>
    <row r="6585" spans="4:14" x14ac:dyDescent="0.25">
      <c r="D6585" s="40">
        <v>109.61228300000484</v>
      </c>
      <c r="E6585" s="40">
        <v>21.063268578611108</v>
      </c>
      <c r="F6585" s="40">
        <v>109.6</v>
      </c>
      <c r="G6585" s="40">
        <v>21.363773235835954</v>
      </c>
      <c r="H6585" s="40">
        <v>109.6</v>
      </c>
      <c r="I6585" s="40">
        <v>19.346569475447584</v>
      </c>
      <c r="J6585" s="40">
        <v>109.59996056547701</v>
      </c>
      <c r="K6585" s="40">
        <v>13.217667329975594</v>
      </c>
      <c r="L6585" s="40"/>
      <c r="M6585" s="40"/>
      <c r="N6585" s="40"/>
    </row>
    <row r="6586" spans="4:14" x14ac:dyDescent="0.25">
      <c r="D6586" s="40">
        <v>109.62894900000484</v>
      </c>
      <c r="E6586" s="40">
        <v>21.063268578611108</v>
      </c>
      <c r="F6586" s="40">
        <v>109.61666700000001</v>
      </c>
      <c r="G6586" s="40">
        <v>21.363773235835954</v>
      </c>
      <c r="H6586" s="40">
        <v>109.61666700000001</v>
      </c>
      <c r="I6586" s="40">
        <v>19.349823601704347</v>
      </c>
      <c r="J6586" s="40">
        <v>109.616627226191</v>
      </c>
      <c r="K6586" s="40">
        <v>13.217667329975594</v>
      </c>
      <c r="L6586" s="40"/>
      <c r="M6586" s="40"/>
      <c r="N6586" s="40"/>
    </row>
    <row r="6587" spans="4:14" x14ac:dyDescent="0.25">
      <c r="D6587" s="40">
        <v>109.64561500000484</v>
      </c>
      <c r="E6587" s="40">
        <v>21.058425400021562</v>
      </c>
      <c r="F6587" s="40">
        <v>109.63333299999999</v>
      </c>
      <c r="G6587" s="40">
        <v>21.363773235835954</v>
      </c>
      <c r="H6587" s="40">
        <v>109.63333400000002</v>
      </c>
      <c r="I6587" s="40">
        <v>19.353176337847604</v>
      </c>
      <c r="J6587" s="40">
        <v>109.63329388690499</v>
      </c>
      <c r="K6587" s="40">
        <v>13.217667329975594</v>
      </c>
      <c r="L6587" s="40"/>
      <c r="M6587" s="40"/>
      <c r="N6587" s="40"/>
    </row>
    <row r="6588" spans="4:14" x14ac:dyDescent="0.25">
      <c r="D6588" s="40">
        <v>109.66228100000484</v>
      </c>
      <c r="E6588" s="40">
        <v>21.058425400021562</v>
      </c>
      <c r="F6588" s="40">
        <v>109.65</v>
      </c>
      <c r="G6588" s="40">
        <v>21.368528479926173</v>
      </c>
      <c r="H6588" s="40">
        <v>109.65</v>
      </c>
      <c r="I6588" s="40">
        <v>19.353176337847604</v>
      </c>
      <c r="J6588" s="40">
        <v>109.64996054762</v>
      </c>
      <c r="K6588" s="40">
        <v>13.217667329975594</v>
      </c>
      <c r="L6588" s="40"/>
      <c r="M6588" s="40"/>
      <c r="N6588" s="40"/>
    </row>
    <row r="6589" spans="4:14" x14ac:dyDescent="0.25">
      <c r="D6589" s="40">
        <v>109.67894700000484</v>
      </c>
      <c r="E6589" s="40">
        <v>21.063268578611108</v>
      </c>
      <c r="F6589" s="40">
        <v>109.66666699999999</v>
      </c>
      <c r="G6589" s="40">
        <v>21.368528479926173</v>
      </c>
      <c r="H6589" s="40">
        <v>109.66666700000002</v>
      </c>
      <c r="I6589" s="40">
        <v>19.356529073991037</v>
      </c>
      <c r="J6589" s="40">
        <v>109.66662720833401</v>
      </c>
      <c r="K6589" s="40">
        <v>13.217667329975594</v>
      </c>
      <c r="L6589" s="40"/>
      <c r="M6589" s="40"/>
      <c r="N6589" s="40"/>
    </row>
    <row r="6590" spans="4:14" x14ac:dyDescent="0.25">
      <c r="D6590" s="40">
        <v>109.69561300000484</v>
      </c>
      <c r="E6590" s="40">
        <v>21.063268578611108</v>
      </c>
      <c r="F6590" s="40">
        <v>109.683333</v>
      </c>
      <c r="G6590" s="40">
        <v>21.368528479926173</v>
      </c>
      <c r="H6590" s="40">
        <v>109.683334</v>
      </c>
      <c r="I6590" s="40">
        <v>19.356529073991037</v>
      </c>
      <c r="J6590" s="40">
        <v>109.683293869048</v>
      </c>
      <c r="K6590" s="40">
        <v>13.217667329975594</v>
      </c>
      <c r="L6590" s="40"/>
      <c r="M6590" s="40"/>
      <c r="N6590" s="40"/>
    </row>
    <row r="6591" spans="4:14" x14ac:dyDescent="0.25">
      <c r="D6591" s="40">
        <v>109.71227900000484</v>
      </c>
      <c r="E6591" s="40">
        <v>21.063268578611108</v>
      </c>
      <c r="F6591" s="40">
        <v>109.69999999999999</v>
      </c>
      <c r="G6591" s="40">
        <v>21.373143863896072</v>
      </c>
      <c r="H6591" s="40">
        <v>109.70000000000002</v>
      </c>
      <c r="I6591" s="40">
        <v>19.359783200247801</v>
      </c>
      <c r="J6591" s="40">
        <v>109.699960529762</v>
      </c>
      <c r="K6591" s="40">
        <v>13.217667329975594</v>
      </c>
      <c r="L6591" s="40"/>
      <c r="M6591" s="40"/>
      <c r="N6591" s="40"/>
    </row>
    <row r="6592" spans="4:14" x14ac:dyDescent="0.25">
      <c r="D6592" s="40">
        <v>109.72894500000484</v>
      </c>
      <c r="E6592" s="40">
        <v>21.063268578611108</v>
      </c>
      <c r="F6592" s="40">
        <v>109.716667</v>
      </c>
      <c r="G6592" s="40">
        <v>21.373143863896072</v>
      </c>
      <c r="H6592" s="40">
        <v>109.716667</v>
      </c>
      <c r="I6592" s="40">
        <v>19.359783200247801</v>
      </c>
      <c r="J6592" s="40">
        <v>109.716627190477</v>
      </c>
      <c r="K6592" s="40">
        <v>13.217667329975594</v>
      </c>
      <c r="L6592" s="40"/>
      <c r="M6592" s="40"/>
      <c r="N6592" s="40"/>
    </row>
    <row r="6593" spans="4:14" x14ac:dyDescent="0.25">
      <c r="D6593" s="40">
        <v>109.74561100000484</v>
      </c>
      <c r="E6593" s="40">
        <v>21.068111757200533</v>
      </c>
      <c r="F6593" s="40">
        <v>109.73333299999999</v>
      </c>
      <c r="G6593" s="40">
        <v>21.373143863896072</v>
      </c>
      <c r="H6593" s="40">
        <v>109.73333400000001</v>
      </c>
      <c r="I6593" s="40">
        <v>19.363135936391057</v>
      </c>
      <c r="J6593" s="40">
        <v>109.73329385119099</v>
      </c>
      <c r="K6593" s="40">
        <v>13.217667329975594</v>
      </c>
      <c r="L6593" s="40"/>
      <c r="M6593" s="40"/>
      <c r="N6593" s="40"/>
    </row>
    <row r="6594" spans="4:14" x14ac:dyDescent="0.25">
      <c r="D6594" s="40">
        <v>109.76227700000484</v>
      </c>
      <c r="E6594" s="40">
        <v>21.068111757200533</v>
      </c>
      <c r="F6594" s="40">
        <v>109.75</v>
      </c>
      <c r="G6594" s="40">
        <v>21.373143863896072</v>
      </c>
      <c r="H6594" s="40">
        <v>109.75</v>
      </c>
      <c r="I6594" s="40">
        <v>19.363135936391057</v>
      </c>
      <c r="J6594" s="40">
        <v>109.749960511905</v>
      </c>
      <c r="K6594" s="40">
        <v>13.217667329975594</v>
      </c>
      <c r="L6594" s="40"/>
      <c r="M6594" s="40"/>
      <c r="N6594" s="40"/>
    </row>
    <row r="6595" spans="4:14" x14ac:dyDescent="0.25">
      <c r="D6595" s="40">
        <v>109.77894300000484</v>
      </c>
      <c r="E6595" s="40">
        <v>21.068111757200533</v>
      </c>
      <c r="F6595" s="40">
        <v>109.76666699999998</v>
      </c>
      <c r="G6595" s="40">
        <v>21.373143863896072</v>
      </c>
      <c r="H6595" s="40">
        <v>109.76666700000001</v>
      </c>
      <c r="I6595" s="40">
        <v>19.366488672534313</v>
      </c>
      <c r="J6595" s="40">
        <v>109.76662717262001</v>
      </c>
      <c r="K6595" s="40">
        <v>13.212958964022533</v>
      </c>
      <c r="L6595" s="40"/>
      <c r="M6595" s="40"/>
      <c r="N6595" s="40"/>
    </row>
    <row r="6596" spans="4:14" x14ac:dyDescent="0.25">
      <c r="D6596" s="40">
        <v>109.79560900000484</v>
      </c>
      <c r="E6596" s="40">
        <v>21.068111757200533</v>
      </c>
      <c r="F6596" s="40">
        <v>109.783333</v>
      </c>
      <c r="G6596" s="40">
        <v>21.373143863896072</v>
      </c>
      <c r="H6596" s="40">
        <v>109.783334</v>
      </c>
      <c r="I6596" s="40">
        <v>19.366488672534313</v>
      </c>
      <c r="J6596" s="40">
        <v>109.783293833334</v>
      </c>
      <c r="K6596" s="40">
        <v>13.212958964022533</v>
      </c>
      <c r="L6596" s="40"/>
      <c r="M6596" s="40"/>
      <c r="N6596" s="40"/>
    </row>
    <row r="6597" spans="4:14" x14ac:dyDescent="0.25">
      <c r="D6597" s="40">
        <v>109.81227500000485</v>
      </c>
      <c r="E6597" s="40">
        <v>21.068111757200533</v>
      </c>
      <c r="F6597" s="40">
        <v>109.79999999999998</v>
      </c>
      <c r="G6597" s="40">
        <v>21.373143863896072</v>
      </c>
      <c r="H6597" s="40">
        <v>109.80000000000001</v>
      </c>
      <c r="I6597" s="40">
        <v>19.369742798791076</v>
      </c>
      <c r="J6597" s="40">
        <v>109.79996049404799</v>
      </c>
      <c r="K6597" s="40">
        <v>13.212958964022533</v>
      </c>
      <c r="L6597" s="40"/>
      <c r="M6597" s="40"/>
      <c r="N6597" s="40"/>
    </row>
    <row r="6598" spans="4:14" x14ac:dyDescent="0.25">
      <c r="D6598" s="40">
        <v>109.82894100000485</v>
      </c>
      <c r="E6598" s="40">
        <v>21.068111757200533</v>
      </c>
      <c r="F6598" s="40">
        <v>109.816667</v>
      </c>
      <c r="G6598" s="40">
        <v>21.373143863896072</v>
      </c>
      <c r="H6598" s="40">
        <v>109.816667</v>
      </c>
      <c r="I6598" s="40">
        <v>19.37309553493451</v>
      </c>
      <c r="J6598" s="40">
        <v>109.816627154762</v>
      </c>
      <c r="K6598" s="40">
        <v>13.212958964022533</v>
      </c>
      <c r="L6598" s="40"/>
      <c r="M6598" s="40"/>
      <c r="N6598" s="40"/>
    </row>
    <row r="6599" spans="4:14" x14ac:dyDescent="0.25">
      <c r="D6599" s="40">
        <v>109.84560700000485</v>
      </c>
      <c r="E6599" s="40">
        <v>21.063268578611108</v>
      </c>
      <c r="F6599" s="40">
        <v>109.83333299999998</v>
      </c>
      <c r="G6599" s="40">
        <v>21.373143863896072</v>
      </c>
      <c r="H6599" s="40">
        <v>109.83333400000001</v>
      </c>
      <c r="I6599" s="40">
        <v>19.37309553493451</v>
      </c>
      <c r="J6599" s="40">
        <v>109.83329381547701</v>
      </c>
      <c r="K6599" s="40">
        <v>13.212958964022533</v>
      </c>
      <c r="L6599" s="40"/>
      <c r="M6599" s="40"/>
      <c r="N6599" s="40"/>
    </row>
    <row r="6600" spans="4:14" x14ac:dyDescent="0.25">
      <c r="D6600" s="40">
        <v>109.86227300000485</v>
      </c>
      <c r="E6600" s="40">
        <v>21.063268578611108</v>
      </c>
      <c r="F6600" s="40">
        <v>109.85</v>
      </c>
      <c r="G6600" s="40">
        <v>21.373143863896072</v>
      </c>
      <c r="H6600" s="40">
        <v>109.85</v>
      </c>
      <c r="I6600" s="40">
        <v>19.376448271077766</v>
      </c>
      <c r="J6600" s="40">
        <v>109.849960476191</v>
      </c>
      <c r="K6600" s="40">
        <v>13.212958964022533</v>
      </c>
      <c r="L6600" s="40"/>
      <c r="M6600" s="40"/>
      <c r="N6600" s="40"/>
    </row>
    <row r="6601" spans="4:14" x14ac:dyDescent="0.25">
      <c r="D6601" s="40">
        <v>109.87893900000485</v>
      </c>
      <c r="E6601" s="40">
        <v>21.063268578611108</v>
      </c>
      <c r="F6601" s="40">
        <v>109.86666700000001</v>
      </c>
      <c r="G6601" s="40">
        <v>21.373143863896072</v>
      </c>
      <c r="H6601" s="40">
        <v>109.86666700000001</v>
      </c>
      <c r="I6601" s="40">
        <v>19.376448271077766</v>
      </c>
      <c r="J6601" s="40">
        <v>109.866627136905</v>
      </c>
      <c r="K6601" s="40">
        <v>13.212958964022533</v>
      </c>
      <c r="L6601" s="40"/>
      <c r="M6601" s="40"/>
      <c r="N6601" s="40"/>
    </row>
    <row r="6602" spans="4:14" x14ac:dyDescent="0.25">
      <c r="D6602" s="40">
        <v>109.89560500000485</v>
      </c>
      <c r="E6602" s="40">
        <v>21.058425400021562</v>
      </c>
      <c r="F6602" s="40">
        <v>109.88333299999999</v>
      </c>
      <c r="G6602" s="40">
        <v>21.373143863896072</v>
      </c>
      <c r="H6602" s="40">
        <v>109.88333400000002</v>
      </c>
      <c r="I6602" s="40">
        <v>19.37970239733453</v>
      </c>
      <c r="J6602" s="40">
        <v>109.88329379762</v>
      </c>
      <c r="K6602" s="40">
        <v>13.212958964022533</v>
      </c>
      <c r="L6602" s="40"/>
      <c r="M6602" s="40"/>
      <c r="N6602" s="40"/>
    </row>
    <row r="6603" spans="4:14" x14ac:dyDescent="0.25">
      <c r="D6603" s="40">
        <v>109.91227100000485</v>
      </c>
      <c r="E6603" s="40">
        <v>21.058425400021562</v>
      </c>
      <c r="F6603" s="40">
        <v>109.9</v>
      </c>
      <c r="G6603" s="40">
        <v>21.373143863896072</v>
      </c>
      <c r="H6603" s="40">
        <v>109.9</v>
      </c>
      <c r="I6603" s="40">
        <v>19.37970239733453</v>
      </c>
      <c r="J6603" s="40">
        <v>109.89996045833399</v>
      </c>
      <c r="K6603" s="40">
        <v>13.208107920313303</v>
      </c>
      <c r="L6603" s="40"/>
      <c r="M6603" s="40"/>
      <c r="N6603" s="40"/>
    </row>
    <row r="6604" spans="4:14" x14ac:dyDescent="0.25">
      <c r="D6604" s="40">
        <v>109.92893700000485</v>
      </c>
      <c r="E6604" s="40">
        <v>21.058425400021562</v>
      </c>
      <c r="F6604" s="40">
        <v>109.91666699999999</v>
      </c>
      <c r="G6604" s="40">
        <v>21.37789910798617</v>
      </c>
      <c r="H6604" s="40">
        <v>109.91666700000002</v>
      </c>
      <c r="I6604" s="40">
        <v>19.383055133477786</v>
      </c>
      <c r="J6604" s="40">
        <v>109.916627119048</v>
      </c>
      <c r="K6604" s="40">
        <v>13.208107920313303</v>
      </c>
      <c r="L6604" s="40"/>
      <c r="M6604" s="40"/>
      <c r="N6604" s="40"/>
    </row>
    <row r="6605" spans="4:14" x14ac:dyDescent="0.25">
      <c r="D6605" s="40">
        <v>109.94560300000485</v>
      </c>
      <c r="E6605" s="40">
        <v>21.058425400021562</v>
      </c>
      <c r="F6605" s="40">
        <v>109.933333</v>
      </c>
      <c r="G6605" s="40">
        <v>21.37789910798617</v>
      </c>
      <c r="H6605" s="40">
        <v>109.933334</v>
      </c>
      <c r="I6605" s="40">
        <v>19.383055133477786</v>
      </c>
      <c r="J6605" s="40">
        <v>109.933293779762</v>
      </c>
      <c r="K6605" s="40">
        <v>13.208107920313303</v>
      </c>
      <c r="L6605" s="40"/>
      <c r="M6605" s="40"/>
      <c r="N6605" s="40"/>
    </row>
    <row r="6606" spans="4:14" x14ac:dyDescent="0.25">
      <c r="D6606" s="40">
        <v>109.96226900000485</v>
      </c>
      <c r="E6606" s="40">
        <v>21.053724667861136</v>
      </c>
      <c r="F6606" s="40">
        <v>109.94999999999999</v>
      </c>
      <c r="G6606" s="40">
        <v>21.37789910798617</v>
      </c>
      <c r="H6606" s="40">
        <v>109.95000000000002</v>
      </c>
      <c r="I6606" s="40">
        <v>19.386407869621042</v>
      </c>
      <c r="J6606" s="40">
        <v>109.949960440477</v>
      </c>
      <c r="K6606" s="40">
        <v>13.208107920313303</v>
      </c>
      <c r="L6606" s="40"/>
      <c r="M6606" s="40"/>
      <c r="N6606" s="40"/>
    </row>
    <row r="6607" spans="4:14" x14ac:dyDescent="0.25">
      <c r="D6607" s="40">
        <v>109.97893500000485</v>
      </c>
      <c r="E6607" s="40">
        <v>21.053724667861136</v>
      </c>
      <c r="F6607" s="40">
        <v>109.966667</v>
      </c>
      <c r="G6607" s="40">
        <v>21.37789910798617</v>
      </c>
      <c r="H6607" s="40">
        <v>109.966667</v>
      </c>
      <c r="I6607" s="40">
        <v>19.386407869621042</v>
      </c>
      <c r="J6607" s="40">
        <v>109.96662710119099</v>
      </c>
      <c r="K6607" s="40">
        <v>13.208107920313303</v>
      </c>
      <c r="L6607" s="40"/>
      <c r="M6607" s="40"/>
      <c r="N6607" s="40"/>
    </row>
    <row r="6608" spans="4:14" x14ac:dyDescent="0.25">
      <c r="D6608" s="40">
        <v>109.99560100000485</v>
      </c>
      <c r="E6608" s="40">
        <v>21.053724667861136</v>
      </c>
      <c r="F6608" s="40">
        <v>109.98333299999999</v>
      </c>
      <c r="G6608" s="40">
        <v>21.37789910798617</v>
      </c>
      <c r="H6608" s="40">
        <v>109.98333400000001</v>
      </c>
      <c r="I6608" s="40">
        <v>19.389661995877805</v>
      </c>
      <c r="J6608" s="40">
        <v>109.983293761905</v>
      </c>
      <c r="K6608" s="40">
        <v>13.208107920313303</v>
      </c>
      <c r="L6608" s="40"/>
      <c r="M6608" s="40"/>
      <c r="N6608" s="40"/>
    </row>
    <row r="6609" spans="4:14" x14ac:dyDescent="0.25">
      <c r="D6609" s="40">
        <v>110.01226700000485</v>
      </c>
      <c r="E6609" s="40">
        <v>21.053724667861136</v>
      </c>
      <c r="F6609" s="40">
        <v>110</v>
      </c>
      <c r="G6609" s="40">
        <v>21.37789910798617</v>
      </c>
      <c r="H6609" s="40">
        <v>110</v>
      </c>
      <c r="I6609" s="40">
        <v>19.389661995877805</v>
      </c>
      <c r="J6609" s="40">
        <v>109.99996042262001</v>
      </c>
      <c r="K6609" s="40">
        <v>13.208107920313303</v>
      </c>
      <c r="L6609" s="40"/>
      <c r="M6609" s="40"/>
      <c r="N6609" s="40"/>
    </row>
    <row r="6610" spans="4:14" x14ac:dyDescent="0.25">
      <c r="D6610" s="40">
        <v>110.02893300000486</v>
      </c>
      <c r="E6610" s="40">
        <v>21.053724667861136</v>
      </c>
      <c r="F6610" s="40">
        <v>110.01666699999998</v>
      </c>
      <c r="G6610" s="40">
        <v>21.37789910798617</v>
      </c>
      <c r="H6610" s="40">
        <v>110.01666700000001</v>
      </c>
      <c r="I6610" s="40">
        <v>19.393014732021239</v>
      </c>
      <c r="J6610" s="40">
        <v>110.016627083334</v>
      </c>
      <c r="K6610" s="40">
        <v>13.208107920313303</v>
      </c>
      <c r="L6610" s="40"/>
      <c r="M6610" s="40"/>
      <c r="N6610" s="40"/>
    </row>
    <row r="6611" spans="4:14" x14ac:dyDescent="0.25">
      <c r="D6611" s="40">
        <v>110.04559900000486</v>
      </c>
      <c r="E6611" s="40">
        <v>21.053724667861136</v>
      </c>
      <c r="F6611" s="40">
        <v>110.033333</v>
      </c>
      <c r="G6611" s="40">
        <v>21.37789910798617</v>
      </c>
      <c r="H6611" s="40">
        <v>110.033334</v>
      </c>
      <c r="I6611" s="40">
        <v>19.393014732021239</v>
      </c>
      <c r="J6611" s="40">
        <v>110.033293744048</v>
      </c>
      <c r="K6611" s="40">
        <v>13.208107920313303</v>
      </c>
      <c r="L6611" s="40"/>
      <c r="M6611" s="40"/>
      <c r="N6611" s="40"/>
    </row>
    <row r="6612" spans="4:14" x14ac:dyDescent="0.25">
      <c r="D6612" s="40">
        <v>110.06226500000486</v>
      </c>
      <c r="E6612" s="40">
        <v>21.053724667861136</v>
      </c>
      <c r="F6612" s="40">
        <v>110.04999999999998</v>
      </c>
      <c r="G6612" s="40">
        <v>21.37789910798617</v>
      </c>
      <c r="H6612" s="40">
        <v>110.05000000000001</v>
      </c>
      <c r="I6612" s="40">
        <v>19.396367468164499</v>
      </c>
      <c r="J6612" s="40">
        <v>110.049960404762</v>
      </c>
      <c r="K6612" s="40">
        <v>13.208107920313303</v>
      </c>
      <c r="L6612" s="40"/>
      <c r="M6612" s="40"/>
      <c r="N6612" s="40"/>
    </row>
    <row r="6613" spans="4:14" x14ac:dyDescent="0.25">
      <c r="D6613" s="40">
        <v>110.07893100000486</v>
      </c>
      <c r="E6613" s="40">
        <v>21.058425400021562</v>
      </c>
      <c r="F6613" s="40">
        <v>110.066667</v>
      </c>
      <c r="G6613" s="40">
        <v>21.37789910798617</v>
      </c>
      <c r="H6613" s="40">
        <v>110.066667</v>
      </c>
      <c r="I6613" s="40">
        <v>19.396367468164499</v>
      </c>
      <c r="J6613" s="40">
        <v>110.06662706547699</v>
      </c>
      <c r="K6613" s="40">
        <v>13.208107920313303</v>
      </c>
      <c r="L6613" s="40"/>
      <c r="M6613" s="40"/>
      <c r="N6613" s="40"/>
    </row>
    <row r="6614" spans="4:14" x14ac:dyDescent="0.25">
      <c r="D6614" s="40">
        <v>110.09559700000486</v>
      </c>
      <c r="E6614" s="40">
        <v>21.058425400021562</v>
      </c>
      <c r="F6614" s="40">
        <v>110.08333299999998</v>
      </c>
      <c r="G6614" s="40">
        <v>21.37789910798617</v>
      </c>
      <c r="H6614" s="40">
        <v>110.08333400000001</v>
      </c>
      <c r="I6614" s="40">
        <v>19.399621594421262</v>
      </c>
      <c r="J6614" s="40">
        <v>110.083293726191</v>
      </c>
      <c r="K6614" s="40">
        <v>13.208107920313303</v>
      </c>
      <c r="L6614" s="40"/>
      <c r="M6614" s="40"/>
      <c r="N6614" s="40"/>
    </row>
    <row r="6615" spans="4:14" x14ac:dyDescent="0.25">
      <c r="D6615" s="40">
        <v>110.11226300000486</v>
      </c>
      <c r="E6615" s="40">
        <v>21.058425400021562</v>
      </c>
      <c r="F6615" s="40">
        <v>110.1</v>
      </c>
      <c r="G6615" s="40">
        <v>21.37789910798617</v>
      </c>
      <c r="H6615" s="40">
        <v>110.1</v>
      </c>
      <c r="I6615" s="40">
        <v>19.399621594421262</v>
      </c>
      <c r="J6615" s="40">
        <v>110.099960386905</v>
      </c>
      <c r="K6615" s="40">
        <v>13.208107920313303</v>
      </c>
      <c r="L6615" s="40"/>
      <c r="M6615" s="40"/>
      <c r="N6615" s="40"/>
    </row>
    <row r="6616" spans="4:14" x14ac:dyDescent="0.25">
      <c r="D6616" s="40">
        <v>110.12892900000486</v>
      </c>
      <c r="E6616" s="40">
        <v>21.058425400021562</v>
      </c>
      <c r="F6616" s="40">
        <v>110.11666700000001</v>
      </c>
      <c r="G6616" s="40">
        <v>21.37789910798617</v>
      </c>
      <c r="H6616" s="40">
        <v>110.11666700000001</v>
      </c>
      <c r="I6616" s="40">
        <v>19.402974330564518</v>
      </c>
      <c r="J6616" s="40">
        <v>110.11662704762</v>
      </c>
      <c r="K6616" s="40">
        <v>13.208107920313303</v>
      </c>
      <c r="L6616" s="40"/>
      <c r="M6616" s="40"/>
      <c r="N6616" s="40"/>
    </row>
    <row r="6617" spans="4:14" x14ac:dyDescent="0.25">
      <c r="D6617" s="40">
        <v>110.14559500000486</v>
      </c>
      <c r="E6617" s="40">
        <v>21.063268578611108</v>
      </c>
      <c r="F6617" s="40">
        <v>110.13333299999999</v>
      </c>
      <c r="G6617" s="40">
        <v>21.37789910798617</v>
      </c>
      <c r="H6617" s="40">
        <v>110.13333400000002</v>
      </c>
      <c r="I6617" s="40">
        <v>19.402974330564518</v>
      </c>
      <c r="J6617" s="40">
        <v>110.13329370833399</v>
      </c>
      <c r="K6617" s="40">
        <v>13.208107920313303</v>
      </c>
      <c r="L6617" s="40"/>
      <c r="M6617" s="40"/>
      <c r="N6617" s="40"/>
    </row>
    <row r="6618" spans="4:14" x14ac:dyDescent="0.25">
      <c r="D6618" s="40">
        <v>110.16226100000486</v>
      </c>
      <c r="E6618" s="40">
        <v>21.063268578611108</v>
      </c>
      <c r="F6618" s="40">
        <v>110.15</v>
      </c>
      <c r="G6618" s="40">
        <v>21.37789910798617</v>
      </c>
      <c r="H6618" s="40">
        <v>110.15</v>
      </c>
      <c r="I6618" s="40">
        <v>19.406327066707949</v>
      </c>
      <c r="J6618" s="40">
        <v>110.149960369048</v>
      </c>
      <c r="K6618" s="40">
        <v>13.208107920313303</v>
      </c>
      <c r="L6618" s="40"/>
      <c r="M6618" s="40"/>
      <c r="N6618" s="40"/>
    </row>
    <row r="6619" spans="4:14" x14ac:dyDescent="0.25">
      <c r="D6619" s="40">
        <v>110.17892700000486</v>
      </c>
      <c r="E6619" s="40">
        <v>21.058425400021562</v>
      </c>
      <c r="F6619" s="40">
        <v>110.16666699999999</v>
      </c>
      <c r="G6619" s="40">
        <v>21.38265435207639</v>
      </c>
      <c r="H6619" s="40">
        <v>110.16666700000002</v>
      </c>
      <c r="I6619" s="40">
        <v>19.409581192964538</v>
      </c>
      <c r="J6619" s="40">
        <v>110.166627029762</v>
      </c>
      <c r="K6619" s="40">
        <v>13.208107920313303</v>
      </c>
      <c r="L6619" s="40"/>
      <c r="M6619" s="40"/>
      <c r="N6619" s="40"/>
    </row>
    <row r="6620" spans="4:14" x14ac:dyDescent="0.25">
      <c r="D6620" s="40">
        <v>110.19559300000486</v>
      </c>
      <c r="E6620" s="40">
        <v>21.058425400021562</v>
      </c>
      <c r="F6620" s="40">
        <v>110.183333</v>
      </c>
      <c r="G6620" s="40">
        <v>21.38265435207639</v>
      </c>
      <c r="H6620" s="40">
        <v>110.183334</v>
      </c>
      <c r="I6620" s="40">
        <v>19.409581192964538</v>
      </c>
      <c r="J6620" s="40">
        <v>110.183293690477</v>
      </c>
      <c r="K6620" s="40">
        <v>13.208107920313303</v>
      </c>
      <c r="L6620" s="40"/>
      <c r="M6620" s="40"/>
      <c r="N6620" s="40"/>
    </row>
    <row r="6621" spans="4:14" x14ac:dyDescent="0.25">
      <c r="D6621" s="40">
        <v>110.21225900000486</v>
      </c>
      <c r="E6621" s="40">
        <v>21.058425400021562</v>
      </c>
      <c r="F6621" s="40">
        <v>110.19999999999999</v>
      </c>
      <c r="G6621" s="40">
        <v>21.38265435207639</v>
      </c>
      <c r="H6621" s="40">
        <v>110.20000000000002</v>
      </c>
      <c r="I6621" s="40">
        <v>19.412933929107972</v>
      </c>
      <c r="J6621" s="40">
        <v>110.199960351191</v>
      </c>
      <c r="K6621" s="40">
        <v>13.208107920313303</v>
      </c>
      <c r="L6621" s="40"/>
      <c r="M6621" s="40"/>
      <c r="N6621" s="40"/>
    </row>
    <row r="6622" spans="4:14" x14ac:dyDescent="0.25">
      <c r="D6622" s="40">
        <v>110.22892500000486</v>
      </c>
      <c r="E6622" s="40">
        <v>21.063268578611108</v>
      </c>
      <c r="F6622" s="40">
        <v>110.216667</v>
      </c>
      <c r="G6622" s="40">
        <v>21.38265435207639</v>
      </c>
      <c r="H6622" s="40">
        <v>110.216667</v>
      </c>
      <c r="I6622" s="40">
        <v>19.412933929107972</v>
      </c>
      <c r="J6622" s="40">
        <v>110.216627011905</v>
      </c>
      <c r="K6622" s="40">
        <v>13.208107920313303</v>
      </c>
      <c r="L6622" s="40"/>
      <c r="M6622" s="40"/>
      <c r="N6622" s="40"/>
    </row>
    <row r="6623" spans="4:14" x14ac:dyDescent="0.25">
      <c r="D6623" s="40">
        <v>110.24559100000486</v>
      </c>
      <c r="E6623" s="40">
        <v>21.063268578611108</v>
      </c>
      <c r="F6623" s="40">
        <v>110.23333299999999</v>
      </c>
      <c r="G6623" s="40">
        <v>21.387409596166609</v>
      </c>
      <c r="H6623" s="40">
        <v>110.23333400000001</v>
      </c>
      <c r="I6623" s="40">
        <v>19.416286665251228</v>
      </c>
      <c r="J6623" s="40">
        <v>110.23329367261999</v>
      </c>
      <c r="K6623" s="40">
        <v>13.208107920313303</v>
      </c>
      <c r="L6623" s="40"/>
      <c r="M6623" s="40"/>
      <c r="N6623" s="40"/>
    </row>
    <row r="6624" spans="4:14" x14ac:dyDescent="0.25">
      <c r="D6624" s="40">
        <v>110.26225700000487</v>
      </c>
      <c r="E6624" s="40">
        <v>21.068111757200533</v>
      </c>
      <c r="F6624" s="40">
        <v>110.25</v>
      </c>
      <c r="G6624" s="40">
        <v>21.387409596166609</v>
      </c>
      <c r="H6624" s="40">
        <v>110.25</v>
      </c>
      <c r="I6624" s="40">
        <v>19.416286665251228</v>
      </c>
      <c r="J6624" s="40">
        <v>110.249960333334</v>
      </c>
      <c r="K6624" s="40">
        <v>13.208107920313303</v>
      </c>
      <c r="L6624" s="40"/>
      <c r="M6624" s="40"/>
      <c r="N6624" s="40"/>
    </row>
    <row r="6625" spans="4:14" x14ac:dyDescent="0.25">
      <c r="D6625" s="40">
        <v>110.27892300000487</v>
      </c>
      <c r="E6625" s="40">
        <v>21.068111757200533</v>
      </c>
      <c r="F6625" s="40">
        <v>110.26666699999998</v>
      </c>
      <c r="G6625" s="40">
        <v>21.387409596166609</v>
      </c>
      <c r="H6625" s="40">
        <v>110.26666700000001</v>
      </c>
      <c r="I6625" s="40">
        <v>19.419540791507991</v>
      </c>
      <c r="J6625" s="40">
        <v>110.266626994048</v>
      </c>
      <c r="K6625" s="40">
        <v>13.208107920313303</v>
      </c>
      <c r="L6625" s="40"/>
      <c r="M6625" s="40"/>
      <c r="N6625" s="40"/>
    </row>
    <row r="6626" spans="4:14" x14ac:dyDescent="0.25">
      <c r="D6626" s="40">
        <v>110.29558900000487</v>
      </c>
      <c r="E6626" s="40">
        <v>21.068111757200533</v>
      </c>
      <c r="F6626" s="40">
        <v>110.283333</v>
      </c>
      <c r="G6626" s="40">
        <v>21.387409596166609</v>
      </c>
      <c r="H6626" s="40">
        <v>110.283334</v>
      </c>
      <c r="I6626" s="40">
        <v>19.422893527651247</v>
      </c>
      <c r="J6626" s="40">
        <v>110.28329365476201</v>
      </c>
      <c r="K6626" s="40">
        <v>13.208107920313303</v>
      </c>
      <c r="L6626" s="40"/>
      <c r="M6626" s="40"/>
      <c r="N6626" s="40"/>
    </row>
    <row r="6627" spans="4:14" x14ac:dyDescent="0.25">
      <c r="D6627" s="40">
        <v>110.31225500000487</v>
      </c>
      <c r="E6627" s="40">
        <v>21.072812489360956</v>
      </c>
      <c r="F6627" s="40">
        <v>110.29999999999998</v>
      </c>
      <c r="G6627" s="40">
        <v>21.387409596166609</v>
      </c>
      <c r="H6627" s="40">
        <v>110.30000000000001</v>
      </c>
      <c r="I6627" s="40">
        <v>19.422893527651247</v>
      </c>
      <c r="J6627" s="40">
        <v>110.29996031547699</v>
      </c>
      <c r="K6627" s="40">
        <v>13.208107920313303</v>
      </c>
      <c r="L6627" s="40"/>
      <c r="M6627" s="40"/>
      <c r="N6627" s="40"/>
    </row>
    <row r="6628" spans="4:14" x14ac:dyDescent="0.25">
      <c r="D6628" s="40">
        <v>110.32892100000487</v>
      </c>
      <c r="E6628" s="40">
        <v>21.072812489360956</v>
      </c>
      <c r="F6628" s="40">
        <v>110.316667</v>
      </c>
      <c r="G6628" s="40">
        <v>21.387409596166609</v>
      </c>
      <c r="H6628" s="40">
        <v>110.316667</v>
      </c>
      <c r="I6628" s="40">
        <v>19.426246263794678</v>
      </c>
      <c r="J6628" s="40">
        <v>110.316626976191</v>
      </c>
      <c r="K6628" s="40">
        <v>13.208107920313303</v>
      </c>
      <c r="L6628" s="40"/>
      <c r="M6628" s="40"/>
      <c r="N6628" s="40"/>
    </row>
    <row r="6629" spans="4:14" x14ac:dyDescent="0.25">
      <c r="D6629" s="40">
        <v>110.34558700000487</v>
      </c>
      <c r="E6629" s="40">
        <v>21.077655667950506</v>
      </c>
      <c r="F6629" s="40">
        <v>110.33333299999998</v>
      </c>
      <c r="G6629" s="40">
        <v>21.392024980136384</v>
      </c>
      <c r="H6629" s="40">
        <v>110.33333400000001</v>
      </c>
      <c r="I6629" s="40">
        <v>19.426246263794678</v>
      </c>
      <c r="J6629" s="40">
        <v>110.333293636905</v>
      </c>
      <c r="K6629" s="40">
        <v>13.208107920313303</v>
      </c>
      <c r="L6629" s="40"/>
      <c r="M6629" s="40"/>
      <c r="N6629" s="40"/>
    </row>
    <row r="6630" spans="4:14" x14ac:dyDescent="0.25">
      <c r="D6630" s="40">
        <v>110.36225300000487</v>
      </c>
      <c r="E6630" s="40">
        <v>21.077655667950506</v>
      </c>
      <c r="F6630" s="40">
        <v>110.35</v>
      </c>
      <c r="G6630" s="40">
        <v>21.392024980136384</v>
      </c>
      <c r="H6630" s="40">
        <v>110.35</v>
      </c>
      <c r="I6630" s="40">
        <v>19.429500390051441</v>
      </c>
      <c r="J6630" s="40">
        <v>110.34996029762</v>
      </c>
      <c r="K6630" s="40">
        <v>13.208107920313303</v>
      </c>
      <c r="L6630" s="40"/>
      <c r="M6630" s="40"/>
      <c r="N6630" s="40"/>
    </row>
    <row r="6631" spans="4:14" x14ac:dyDescent="0.25">
      <c r="D6631" s="40">
        <v>110.37891900000487</v>
      </c>
      <c r="E6631" s="40">
        <v>21.082498846540055</v>
      </c>
      <c r="F6631" s="40">
        <v>110.36666700000001</v>
      </c>
      <c r="G6631" s="40">
        <v>21.392024980136384</v>
      </c>
      <c r="H6631" s="40">
        <v>110.36666700000001</v>
      </c>
      <c r="I6631" s="40">
        <v>19.429500390051441</v>
      </c>
      <c r="J6631" s="40">
        <v>110.366626958334</v>
      </c>
      <c r="K6631" s="40">
        <v>13.208107920313303</v>
      </c>
      <c r="L6631" s="40"/>
      <c r="M6631" s="40"/>
      <c r="N6631" s="40"/>
    </row>
    <row r="6632" spans="4:14" x14ac:dyDescent="0.25">
      <c r="D6632" s="40">
        <v>110.39558500000487</v>
      </c>
      <c r="E6632" s="40">
        <v>21.082498846540055</v>
      </c>
      <c r="F6632" s="40">
        <v>110.38333299999999</v>
      </c>
      <c r="G6632" s="40">
        <v>21.392024980136384</v>
      </c>
      <c r="H6632" s="40">
        <v>110.38333400000002</v>
      </c>
      <c r="I6632" s="40">
        <v>19.432853126194701</v>
      </c>
      <c r="J6632" s="40">
        <v>110.383293619048</v>
      </c>
      <c r="K6632" s="40">
        <v>13.208107920313303</v>
      </c>
      <c r="L6632" s="40"/>
      <c r="M6632" s="40"/>
      <c r="N6632" s="40"/>
    </row>
    <row r="6633" spans="4:14" x14ac:dyDescent="0.25">
      <c r="D6633" s="40">
        <v>110.41225100000487</v>
      </c>
      <c r="E6633" s="40">
        <v>21.087199578700353</v>
      </c>
      <c r="F6633" s="40">
        <v>110.4</v>
      </c>
      <c r="G6633" s="40">
        <v>21.392024980136384</v>
      </c>
      <c r="H6633" s="40">
        <v>110.4</v>
      </c>
      <c r="I6633" s="40">
        <v>19.432853126194701</v>
      </c>
      <c r="J6633" s="40">
        <v>110.399960279762</v>
      </c>
      <c r="K6633" s="40">
        <v>13.208107920313303</v>
      </c>
      <c r="L6633" s="40"/>
      <c r="M6633" s="40"/>
      <c r="N6633" s="40"/>
    </row>
    <row r="6634" spans="4:14" x14ac:dyDescent="0.25">
      <c r="D6634" s="40">
        <v>110.42891700000487</v>
      </c>
      <c r="E6634" s="40">
        <v>21.087199578700353</v>
      </c>
      <c r="F6634" s="40">
        <v>110.41666699999999</v>
      </c>
      <c r="G6634" s="40">
        <v>21.392024980136384</v>
      </c>
      <c r="H6634" s="40">
        <v>110.41666700000002</v>
      </c>
      <c r="I6634" s="40">
        <v>19.436205862337957</v>
      </c>
      <c r="J6634" s="40">
        <v>110.416626940477</v>
      </c>
      <c r="K6634" s="40">
        <v>13.208107920313303</v>
      </c>
      <c r="L6634" s="40"/>
      <c r="M6634" s="40"/>
      <c r="N6634" s="40"/>
    </row>
    <row r="6635" spans="4:14" x14ac:dyDescent="0.25">
      <c r="D6635" s="40">
        <v>110.44558300000487</v>
      </c>
      <c r="E6635" s="40">
        <v>21.087199578700353</v>
      </c>
      <c r="F6635" s="40">
        <v>110.433333</v>
      </c>
      <c r="G6635" s="40">
        <v>21.392024980136384</v>
      </c>
      <c r="H6635" s="40">
        <v>110.433334</v>
      </c>
      <c r="I6635" s="40">
        <v>19.436205862337957</v>
      </c>
      <c r="J6635" s="40">
        <v>110.433293601191</v>
      </c>
      <c r="K6635" s="40">
        <v>13.208107920313303</v>
      </c>
      <c r="L6635" s="40"/>
      <c r="M6635" s="40"/>
      <c r="N6635" s="40"/>
    </row>
    <row r="6636" spans="4:14" x14ac:dyDescent="0.25">
      <c r="D6636" s="40">
        <v>110.46224900000487</v>
      </c>
      <c r="E6636" s="40">
        <v>21.087199578700353</v>
      </c>
      <c r="F6636" s="40">
        <v>110.44999999999999</v>
      </c>
      <c r="G6636" s="40">
        <v>21.392024980136384</v>
      </c>
      <c r="H6636" s="40">
        <v>110.45000000000002</v>
      </c>
      <c r="I6636" s="40">
        <v>19.43945998859472</v>
      </c>
      <c r="J6636" s="40">
        <v>110.44996026190501</v>
      </c>
      <c r="K6636" s="40">
        <v>13.208107920313303</v>
      </c>
      <c r="L6636" s="40"/>
      <c r="M6636" s="40"/>
      <c r="N6636" s="40"/>
    </row>
    <row r="6637" spans="4:14" x14ac:dyDescent="0.25">
      <c r="D6637" s="40">
        <v>110.47891500000487</v>
      </c>
      <c r="E6637" s="40">
        <v>21.087199578700353</v>
      </c>
      <c r="F6637" s="40">
        <v>110.466667</v>
      </c>
      <c r="G6637" s="40">
        <v>21.392024980136384</v>
      </c>
      <c r="H6637" s="40">
        <v>110.466667</v>
      </c>
      <c r="I6637" s="40">
        <v>19.43945998859472</v>
      </c>
      <c r="J6637" s="40">
        <v>110.46662692261999</v>
      </c>
      <c r="K6637" s="40">
        <v>13.208107920313303</v>
      </c>
      <c r="L6637" s="40"/>
      <c r="M6637" s="40"/>
      <c r="N6637" s="40"/>
    </row>
    <row r="6638" spans="4:14" x14ac:dyDescent="0.25">
      <c r="D6638" s="40">
        <v>110.49558100000488</v>
      </c>
      <c r="E6638" s="40">
        <v>21.087199578700353</v>
      </c>
      <c r="F6638" s="40">
        <v>110.48333299999999</v>
      </c>
      <c r="G6638" s="40">
        <v>21.392024980136384</v>
      </c>
      <c r="H6638" s="40">
        <v>110.48333400000001</v>
      </c>
      <c r="I6638" s="40">
        <v>19.44281272473798</v>
      </c>
      <c r="J6638" s="40">
        <v>110.483293583334</v>
      </c>
      <c r="K6638" s="40">
        <v>13.208107920313303</v>
      </c>
      <c r="L6638" s="40"/>
      <c r="M6638" s="40"/>
      <c r="N6638" s="40"/>
    </row>
    <row r="6639" spans="4:14" x14ac:dyDescent="0.25">
      <c r="D6639" s="40">
        <v>110.51224700000488</v>
      </c>
      <c r="E6639" s="40">
        <v>21.087199578700353</v>
      </c>
      <c r="F6639" s="40">
        <v>110.5</v>
      </c>
      <c r="G6639" s="40">
        <v>21.392024980136384</v>
      </c>
      <c r="H6639" s="40">
        <v>110.5</v>
      </c>
      <c r="I6639" s="40">
        <v>19.44281272473798</v>
      </c>
      <c r="J6639" s="40">
        <v>110.499960244048</v>
      </c>
      <c r="K6639" s="40">
        <v>13.208107920313303</v>
      </c>
      <c r="L6639" s="40"/>
      <c r="M6639" s="40"/>
      <c r="N6639" s="40"/>
    </row>
    <row r="6640" spans="4:14" x14ac:dyDescent="0.25">
      <c r="D6640" s="40">
        <v>110.52891300000488</v>
      </c>
      <c r="E6640" s="40">
        <v>21.087199578700353</v>
      </c>
      <c r="F6640" s="40">
        <v>110.51666699999998</v>
      </c>
      <c r="G6640" s="40">
        <v>21.392024980136384</v>
      </c>
      <c r="H6640" s="40">
        <v>110.51666700000001</v>
      </c>
      <c r="I6640" s="40">
        <v>19.44616546088141</v>
      </c>
      <c r="J6640" s="40">
        <v>110.51662690476201</v>
      </c>
      <c r="K6640" s="40">
        <v>13.208107920313303</v>
      </c>
      <c r="L6640" s="40"/>
      <c r="M6640" s="40"/>
      <c r="N6640" s="40"/>
    </row>
    <row r="6641" spans="4:14" x14ac:dyDescent="0.25">
      <c r="D6641" s="40">
        <v>110.54557900000488</v>
      </c>
      <c r="E6641" s="40">
        <v>21.087199578700353</v>
      </c>
      <c r="F6641" s="40">
        <v>110.533333</v>
      </c>
      <c r="G6641" s="40">
        <v>21.396780224226603</v>
      </c>
      <c r="H6641" s="40">
        <v>110.533334</v>
      </c>
      <c r="I6641" s="40">
        <v>19.44616546088141</v>
      </c>
      <c r="J6641" s="40">
        <v>110.533293565477</v>
      </c>
      <c r="K6641" s="40">
        <v>13.208107920313303</v>
      </c>
      <c r="L6641" s="40"/>
      <c r="M6641" s="40"/>
      <c r="N6641" s="40"/>
    </row>
    <row r="6642" spans="4:14" x14ac:dyDescent="0.25">
      <c r="D6642" s="40">
        <v>110.56224500000488</v>
      </c>
      <c r="E6642" s="40">
        <v>21.087199578700353</v>
      </c>
      <c r="F6642" s="40">
        <v>110.54999999999998</v>
      </c>
      <c r="G6642" s="40">
        <v>21.396780224226603</v>
      </c>
      <c r="H6642" s="40">
        <v>110.55000000000001</v>
      </c>
      <c r="I6642" s="40">
        <v>19.449419587138173</v>
      </c>
      <c r="J6642" s="40">
        <v>110.549960226191</v>
      </c>
      <c r="K6642" s="40">
        <v>13.208107920313303</v>
      </c>
      <c r="L6642" s="40"/>
      <c r="M6642" s="40"/>
      <c r="N6642" s="40"/>
    </row>
    <row r="6643" spans="4:14" x14ac:dyDescent="0.25">
      <c r="D6643" s="40">
        <v>110.57891100000488</v>
      </c>
      <c r="E6643" s="40">
        <v>21.087199578700353</v>
      </c>
      <c r="F6643" s="40">
        <v>110.566667</v>
      </c>
      <c r="G6643" s="40">
        <v>21.396780224226603</v>
      </c>
      <c r="H6643" s="40">
        <v>110.566667</v>
      </c>
      <c r="I6643" s="40">
        <v>19.449419587138173</v>
      </c>
      <c r="J6643" s="40">
        <v>110.566626886905</v>
      </c>
      <c r="K6643" s="40">
        <v>13.212958964022533</v>
      </c>
      <c r="L6643" s="40"/>
      <c r="M6643" s="40"/>
      <c r="N6643" s="40"/>
    </row>
    <row r="6644" spans="4:14" x14ac:dyDescent="0.25">
      <c r="D6644" s="40">
        <v>110.59557700000488</v>
      </c>
      <c r="E6644" s="40">
        <v>21.087199578700353</v>
      </c>
      <c r="F6644" s="40">
        <v>110.58333299999998</v>
      </c>
      <c r="G6644" s="40">
        <v>21.396780224226603</v>
      </c>
      <c r="H6644" s="40">
        <v>110.58333400000001</v>
      </c>
      <c r="I6644" s="40">
        <v>19.45277232328143</v>
      </c>
      <c r="J6644" s="40">
        <v>110.58329354762</v>
      </c>
      <c r="K6644" s="40">
        <v>13.212958964022533</v>
      </c>
      <c r="L6644" s="40"/>
      <c r="M6644" s="40"/>
      <c r="N6644" s="40"/>
    </row>
    <row r="6645" spans="4:14" x14ac:dyDescent="0.25">
      <c r="D6645" s="40">
        <v>110.61224300000488</v>
      </c>
      <c r="E6645" s="40">
        <v>21.087199578700353</v>
      </c>
      <c r="F6645" s="40">
        <v>110.6</v>
      </c>
      <c r="G6645" s="40">
        <v>21.396780224226603</v>
      </c>
      <c r="H6645" s="40">
        <v>110.6</v>
      </c>
      <c r="I6645" s="40">
        <v>19.45277232328143</v>
      </c>
      <c r="J6645" s="40">
        <v>110.599960208334</v>
      </c>
      <c r="K6645" s="40">
        <v>13.217667329975594</v>
      </c>
      <c r="L6645" s="40"/>
      <c r="M6645" s="40"/>
      <c r="N6645" s="40"/>
    </row>
    <row r="6646" spans="4:14" x14ac:dyDescent="0.25">
      <c r="D6646" s="40">
        <v>110.62890900000488</v>
      </c>
      <c r="E6646" s="40">
        <v>21.092042757289903</v>
      </c>
      <c r="F6646" s="40">
        <v>110.61666700000001</v>
      </c>
      <c r="G6646" s="40">
        <v>21.396780224226603</v>
      </c>
      <c r="H6646" s="40">
        <v>110.61666700000001</v>
      </c>
      <c r="I6646" s="40">
        <v>19.456125059424689</v>
      </c>
      <c r="J6646" s="40">
        <v>110.61662686904801</v>
      </c>
      <c r="K6646" s="40">
        <v>13.217667329975594</v>
      </c>
      <c r="L6646" s="40"/>
      <c r="M6646" s="40"/>
      <c r="N6646" s="40"/>
    </row>
    <row r="6647" spans="4:14" x14ac:dyDescent="0.25">
      <c r="D6647" s="40">
        <v>110.64557500000488</v>
      </c>
      <c r="E6647" s="40">
        <v>21.092042757289903</v>
      </c>
      <c r="F6647" s="40">
        <v>110.63333299999999</v>
      </c>
      <c r="G6647" s="40">
        <v>21.396780224226603</v>
      </c>
      <c r="H6647" s="40">
        <v>110.63333400000002</v>
      </c>
      <c r="I6647" s="40">
        <v>19.45947779556812</v>
      </c>
      <c r="J6647" s="40">
        <v>110.633293529762</v>
      </c>
      <c r="K6647" s="40">
        <v>13.217667329975594</v>
      </c>
      <c r="L6647" s="40"/>
      <c r="M6647" s="40"/>
      <c r="N6647" s="40"/>
    </row>
    <row r="6648" spans="4:14" x14ac:dyDescent="0.25">
      <c r="D6648" s="40">
        <v>110.66224100000488</v>
      </c>
      <c r="E6648" s="40">
        <v>21.092042757289903</v>
      </c>
      <c r="F6648" s="40">
        <v>110.65</v>
      </c>
      <c r="G6648" s="40">
        <v>21.396780224226603</v>
      </c>
      <c r="H6648" s="40">
        <v>110.65</v>
      </c>
      <c r="I6648" s="40">
        <v>19.45947779556812</v>
      </c>
      <c r="J6648" s="40">
        <v>110.649960190477</v>
      </c>
      <c r="K6648" s="40">
        <v>13.217667329975594</v>
      </c>
      <c r="L6648" s="40"/>
      <c r="M6648" s="40"/>
      <c r="N6648" s="40"/>
    </row>
    <row r="6649" spans="4:14" x14ac:dyDescent="0.25">
      <c r="D6649" s="40">
        <v>110.67890700000488</v>
      </c>
      <c r="E6649" s="40">
        <v>21.092042757289903</v>
      </c>
      <c r="F6649" s="40">
        <v>110.66666699999999</v>
      </c>
      <c r="G6649" s="40">
        <v>21.401535468316823</v>
      </c>
      <c r="H6649" s="40">
        <v>110.66666700000002</v>
      </c>
      <c r="I6649" s="40">
        <v>19.462731921824879</v>
      </c>
      <c r="J6649" s="40">
        <v>110.666626851191</v>
      </c>
      <c r="K6649" s="40">
        <v>13.217667329975594</v>
      </c>
      <c r="L6649" s="40"/>
      <c r="M6649" s="40"/>
      <c r="N6649" s="40"/>
    </row>
    <row r="6650" spans="4:14" x14ac:dyDescent="0.25">
      <c r="D6650" s="40">
        <v>110.69557300000488</v>
      </c>
      <c r="E6650" s="40">
        <v>21.092042757289903</v>
      </c>
      <c r="F6650" s="40">
        <v>110.683333</v>
      </c>
      <c r="G6650" s="40">
        <v>21.401535468316823</v>
      </c>
      <c r="H6650" s="40">
        <v>110.683334</v>
      </c>
      <c r="I6650" s="40">
        <v>19.462731921824879</v>
      </c>
      <c r="J6650" s="40">
        <v>110.68329351190501</v>
      </c>
      <c r="K6650" s="40">
        <v>13.217667329975594</v>
      </c>
      <c r="L6650" s="40"/>
      <c r="M6650" s="40"/>
      <c r="N6650" s="40"/>
    </row>
    <row r="6651" spans="4:14" x14ac:dyDescent="0.25">
      <c r="D6651" s="40">
        <v>110.71223900000489</v>
      </c>
      <c r="E6651" s="40">
        <v>21.092042757289903</v>
      </c>
      <c r="F6651" s="40">
        <v>110.69999999999999</v>
      </c>
      <c r="G6651" s="40">
        <v>21.401535468316823</v>
      </c>
      <c r="H6651" s="40">
        <v>110.70000000000002</v>
      </c>
      <c r="I6651" s="40">
        <v>19.466084657968139</v>
      </c>
      <c r="J6651" s="40">
        <v>110.69996017262</v>
      </c>
      <c r="K6651" s="40">
        <v>13.217667329975594</v>
      </c>
      <c r="L6651" s="40"/>
      <c r="M6651" s="40"/>
      <c r="N6651" s="40"/>
    </row>
    <row r="6652" spans="4:14" x14ac:dyDescent="0.25">
      <c r="D6652" s="40">
        <v>110.72890500000489</v>
      </c>
      <c r="E6652" s="40">
        <v>21.092042757289903</v>
      </c>
      <c r="F6652" s="40">
        <v>110.716667</v>
      </c>
      <c r="G6652" s="40">
        <v>21.401535468316823</v>
      </c>
      <c r="H6652" s="40">
        <v>110.716667</v>
      </c>
      <c r="I6652" s="40">
        <v>19.466084657968139</v>
      </c>
      <c r="J6652" s="40">
        <v>110.716626833334</v>
      </c>
      <c r="K6652" s="40">
        <v>13.217667329975594</v>
      </c>
      <c r="L6652" s="40"/>
      <c r="M6652" s="40"/>
      <c r="N6652" s="40"/>
    </row>
    <row r="6653" spans="4:14" x14ac:dyDescent="0.25">
      <c r="D6653" s="40">
        <v>110.74557100000489</v>
      </c>
      <c r="E6653" s="40">
        <v>21.092042757289903</v>
      </c>
      <c r="F6653" s="40">
        <v>110.73333299999999</v>
      </c>
      <c r="G6653" s="40">
        <v>21.401535468316823</v>
      </c>
      <c r="H6653" s="40">
        <v>110.73333400000001</v>
      </c>
      <c r="I6653" s="40">
        <v>19.469437394111395</v>
      </c>
      <c r="J6653" s="40">
        <v>110.733293494048</v>
      </c>
      <c r="K6653" s="40">
        <v>13.2225183736847</v>
      </c>
      <c r="L6653" s="40"/>
      <c r="M6653" s="40"/>
      <c r="N6653" s="40"/>
    </row>
    <row r="6654" spans="4:14" x14ac:dyDescent="0.25">
      <c r="D6654" s="40">
        <v>110.76223700000489</v>
      </c>
      <c r="E6654" s="40">
        <v>21.087199578700353</v>
      </c>
      <c r="F6654" s="40">
        <v>110.75</v>
      </c>
      <c r="G6654" s="40">
        <v>21.401535468316823</v>
      </c>
      <c r="H6654" s="40">
        <v>110.75</v>
      </c>
      <c r="I6654" s="40">
        <v>19.469437394111395</v>
      </c>
      <c r="J6654" s="40">
        <v>110.74996015476199</v>
      </c>
      <c r="K6654" s="40">
        <v>13.217667329975594</v>
      </c>
      <c r="L6654" s="40"/>
      <c r="M6654" s="40"/>
      <c r="N6654" s="40"/>
    </row>
    <row r="6655" spans="4:14" x14ac:dyDescent="0.25">
      <c r="D6655" s="40">
        <v>110.77890300000489</v>
      </c>
      <c r="E6655" s="40">
        <v>21.087199578700353</v>
      </c>
      <c r="F6655" s="40">
        <v>110.76666699999998</v>
      </c>
      <c r="G6655" s="40">
        <v>21.401535468316823</v>
      </c>
      <c r="H6655" s="40">
        <v>110.76666700000001</v>
      </c>
      <c r="I6655" s="40">
        <v>19.472691520368159</v>
      </c>
      <c r="J6655" s="40">
        <v>110.766626815477</v>
      </c>
      <c r="K6655" s="40">
        <v>13.217667329975594</v>
      </c>
      <c r="L6655" s="40"/>
      <c r="M6655" s="40"/>
      <c r="N6655" s="40"/>
    </row>
    <row r="6656" spans="4:14" x14ac:dyDescent="0.25">
      <c r="D6656" s="40">
        <v>110.79556900000489</v>
      </c>
      <c r="E6656" s="40">
        <v>21.087199578700353</v>
      </c>
      <c r="F6656" s="40">
        <v>110.783333</v>
      </c>
      <c r="G6656" s="40">
        <v>21.406150852286597</v>
      </c>
      <c r="H6656" s="40">
        <v>110.783334</v>
      </c>
      <c r="I6656" s="40">
        <v>19.476044256511418</v>
      </c>
      <c r="J6656" s="40">
        <v>110.78329347619101</v>
      </c>
      <c r="K6656" s="40">
        <v>13.217667329975594</v>
      </c>
      <c r="L6656" s="40"/>
      <c r="M6656" s="40"/>
      <c r="N6656" s="40"/>
    </row>
    <row r="6657" spans="4:14" x14ac:dyDescent="0.25">
      <c r="D6657" s="40">
        <v>110.81223500000489</v>
      </c>
      <c r="E6657" s="40">
        <v>21.087199578700353</v>
      </c>
      <c r="F6657" s="40">
        <v>110.79999999999998</v>
      </c>
      <c r="G6657" s="40">
        <v>21.406150852286597</v>
      </c>
      <c r="H6657" s="40">
        <v>110.80000000000001</v>
      </c>
      <c r="I6657" s="40">
        <v>19.476044256511418</v>
      </c>
      <c r="J6657" s="40">
        <v>110.799960136905</v>
      </c>
      <c r="K6657" s="40">
        <v>13.217667329975594</v>
      </c>
      <c r="L6657" s="40"/>
      <c r="M6657" s="40"/>
      <c r="N6657" s="40"/>
    </row>
    <row r="6658" spans="4:14" x14ac:dyDescent="0.25">
      <c r="D6658" s="40">
        <v>110.82890100000489</v>
      </c>
      <c r="E6658" s="40">
        <v>21.087199578700353</v>
      </c>
      <c r="F6658" s="40">
        <v>110.816667</v>
      </c>
      <c r="G6658" s="40">
        <v>21.406150852286597</v>
      </c>
      <c r="H6658" s="40">
        <v>110.816667</v>
      </c>
      <c r="I6658" s="40">
        <v>19.479396992654848</v>
      </c>
      <c r="J6658" s="40">
        <v>110.81662679762</v>
      </c>
      <c r="K6658" s="40">
        <v>13.217667329975594</v>
      </c>
      <c r="L6658" s="40"/>
      <c r="M6658" s="40"/>
      <c r="N6658" s="40"/>
    </row>
    <row r="6659" spans="4:14" x14ac:dyDescent="0.25">
      <c r="D6659" s="40">
        <v>110.84556700000489</v>
      </c>
      <c r="E6659" s="40">
        <v>21.087199578700353</v>
      </c>
      <c r="F6659" s="40">
        <v>110.83333299999998</v>
      </c>
      <c r="G6659" s="40">
        <v>21.406150852286597</v>
      </c>
      <c r="H6659" s="40">
        <v>110.83333400000001</v>
      </c>
      <c r="I6659" s="40">
        <v>19.479396992654848</v>
      </c>
      <c r="J6659" s="40">
        <v>110.833293458334</v>
      </c>
      <c r="K6659" s="40">
        <v>13.217667329975594</v>
      </c>
      <c r="L6659" s="40"/>
      <c r="M6659" s="40"/>
      <c r="N6659" s="40"/>
    </row>
    <row r="6660" spans="4:14" x14ac:dyDescent="0.25">
      <c r="D6660" s="40">
        <v>110.86223300000489</v>
      </c>
      <c r="E6660" s="40">
        <v>21.087199578700353</v>
      </c>
      <c r="F6660" s="40">
        <v>110.85</v>
      </c>
      <c r="G6660" s="40">
        <v>21.406150852286597</v>
      </c>
      <c r="H6660" s="40">
        <v>110.85</v>
      </c>
      <c r="I6660" s="40">
        <v>19.482651118911612</v>
      </c>
      <c r="J6660" s="40">
        <v>110.84996011904801</v>
      </c>
      <c r="K6660" s="40">
        <v>13.2225183736847</v>
      </c>
      <c r="L6660" s="40"/>
      <c r="M6660" s="40"/>
      <c r="N6660" s="40"/>
    </row>
    <row r="6661" spans="4:14" x14ac:dyDescent="0.25">
      <c r="D6661" s="40">
        <v>110.87889900000489</v>
      </c>
      <c r="E6661" s="40">
        <v>21.087199578700353</v>
      </c>
      <c r="F6661" s="40">
        <v>110.86666700000001</v>
      </c>
      <c r="G6661" s="40">
        <v>21.410906096376817</v>
      </c>
      <c r="H6661" s="40">
        <v>110.86666700000001</v>
      </c>
      <c r="I6661" s="40">
        <v>19.482651118911612</v>
      </c>
      <c r="J6661" s="40">
        <v>110.866626779762</v>
      </c>
      <c r="K6661" s="40">
        <v>13.2225183736847</v>
      </c>
      <c r="L6661" s="40"/>
      <c r="M6661" s="40"/>
      <c r="N6661" s="40"/>
    </row>
    <row r="6662" spans="4:14" x14ac:dyDescent="0.25">
      <c r="D6662" s="40">
        <v>110.89556500000489</v>
      </c>
      <c r="E6662" s="40">
        <v>21.092042757289903</v>
      </c>
      <c r="F6662" s="40">
        <v>110.88333299999999</v>
      </c>
      <c r="G6662" s="40">
        <v>21.410906096376817</v>
      </c>
      <c r="H6662" s="40">
        <v>110.88333400000002</v>
      </c>
      <c r="I6662" s="40">
        <v>19.486003855054868</v>
      </c>
      <c r="J6662" s="40">
        <v>110.883293440477</v>
      </c>
      <c r="K6662" s="40">
        <v>13.2225183736847</v>
      </c>
      <c r="L6662" s="40"/>
      <c r="M6662" s="40"/>
      <c r="N6662" s="40"/>
    </row>
    <row r="6663" spans="4:14" x14ac:dyDescent="0.25">
      <c r="D6663" s="40">
        <v>110.91223100000489</v>
      </c>
      <c r="E6663" s="40">
        <v>21.092042757289903</v>
      </c>
      <c r="F6663" s="40">
        <v>110.9</v>
      </c>
      <c r="G6663" s="40">
        <v>21.410906096376817</v>
      </c>
      <c r="H6663" s="40">
        <v>110.9</v>
      </c>
      <c r="I6663" s="40">
        <v>19.489356591198128</v>
      </c>
      <c r="J6663" s="40">
        <v>110.899960101191</v>
      </c>
      <c r="K6663" s="40">
        <v>13.2225183736847</v>
      </c>
      <c r="L6663" s="40"/>
      <c r="M6663" s="40"/>
      <c r="N6663" s="40"/>
    </row>
    <row r="6664" spans="4:14" x14ac:dyDescent="0.25">
      <c r="D6664" s="40">
        <v>110.92889700000489</v>
      </c>
      <c r="E6664" s="40">
        <v>21.087199578700353</v>
      </c>
      <c r="F6664" s="40">
        <v>110.91666699999999</v>
      </c>
      <c r="G6664" s="40">
        <v>21.410906096376817</v>
      </c>
      <c r="H6664" s="40">
        <v>110.91666700000002</v>
      </c>
      <c r="I6664" s="40">
        <v>19.489356591198128</v>
      </c>
      <c r="J6664" s="40">
        <v>110.91662676190499</v>
      </c>
      <c r="K6664" s="40">
        <v>13.2225183736847</v>
      </c>
      <c r="L6664" s="40"/>
      <c r="M6664" s="40"/>
      <c r="N6664" s="40"/>
    </row>
    <row r="6665" spans="4:14" x14ac:dyDescent="0.25">
      <c r="D6665" s="40">
        <v>110.9455630000049</v>
      </c>
      <c r="E6665" s="40">
        <v>21.087199578700353</v>
      </c>
      <c r="F6665" s="40">
        <v>110.933333</v>
      </c>
      <c r="G6665" s="40">
        <v>21.410906096376817</v>
      </c>
      <c r="H6665" s="40">
        <v>110.933334</v>
      </c>
      <c r="I6665" s="40">
        <v>19.492610717454891</v>
      </c>
      <c r="J6665" s="40">
        <v>110.93329342262</v>
      </c>
      <c r="K6665" s="40">
        <v>13.2225183736847</v>
      </c>
      <c r="L6665" s="40"/>
      <c r="M6665" s="40"/>
      <c r="N6665" s="40"/>
    </row>
    <row r="6666" spans="4:14" x14ac:dyDescent="0.25">
      <c r="D6666" s="40">
        <v>110.9622290000049</v>
      </c>
      <c r="E6666" s="40">
        <v>21.087199578700353</v>
      </c>
      <c r="F6666" s="40">
        <v>110.94999999999999</v>
      </c>
      <c r="G6666" s="40">
        <v>21.410906096376817</v>
      </c>
      <c r="H6666" s="40">
        <v>110.95000000000002</v>
      </c>
      <c r="I6666" s="40">
        <v>19.492610717454891</v>
      </c>
      <c r="J6666" s="40">
        <v>110.94996008333401</v>
      </c>
      <c r="K6666" s="40">
        <v>13.2225183736847</v>
      </c>
      <c r="L6666" s="40"/>
      <c r="M6666" s="40"/>
      <c r="N6666" s="40"/>
    </row>
    <row r="6667" spans="4:14" x14ac:dyDescent="0.25">
      <c r="D6667" s="40">
        <v>110.9788950000049</v>
      </c>
      <c r="E6667" s="40">
        <v>21.087199578700353</v>
      </c>
      <c r="F6667" s="40">
        <v>110.966667</v>
      </c>
      <c r="G6667" s="40">
        <v>21.410906096376817</v>
      </c>
      <c r="H6667" s="40">
        <v>110.966667</v>
      </c>
      <c r="I6667" s="40">
        <v>19.495963453598325</v>
      </c>
      <c r="J6667" s="40">
        <v>110.966626744048</v>
      </c>
      <c r="K6667" s="40">
        <v>13.2225183736847</v>
      </c>
      <c r="L6667" s="40"/>
      <c r="M6667" s="40"/>
      <c r="N6667" s="40"/>
    </row>
    <row r="6668" spans="4:14" x14ac:dyDescent="0.25">
      <c r="D6668" s="40">
        <v>110.9955610000049</v>
      </c>
      <c r="E6668" s="40">
        <v>21.087199578700353</v>
      </c>
      <c r="F6668" s="40">
        <v>110.98333299999999</v>
      </c>
      <c r="G6668" s="40">
        <v>21.410906096376817</v>
      </c>
      <c r="H6668" s="40">
        <v>110.98333400000001</v>
      </c>
      <c r="I6668" s="40">
        <v>19.495963453598325</v>
      </c>
      <c r="J6668" s="40">
        <v>110.98329340476199</v>
      </c>
      <c r="K6668" s="40">
        <v>13.2225183736847</v>
      </c>
      <c r="L6668" s="40"/>
      <c r="M6668" s="40"/>
      <c r="N6668" s="40"/>
    </row>
    <row r="6669" spans="4:14" x14ac:dyDescent="0.25">
      <c r="D6669" s="40">
        <v>111.0122270000049</v>
      </c>
      <c r="E6669" s="40">
        <v>21.087199578700353</v>
      </c>
      <c r="F6669" s="40">
        <v>111</v>
      </c>
      <c r="G6669" s="40">
        <v>21.410906096376817</v>
      </c>
      <c r="H6669" s="40">
        <v>111</v>
      </c>
      <c r="I6669" s="40">
        <v>19.499316189741581</v>
      </c>
      <c r="J6669" s="40">
        <v>110.999960065477</v>
      </c>
      <c r="K6669" s="40">
        <v>13.2225183736847</v>
      </c>
      <c r="L6669" s="40"/>
      <c r="M6669" s="40"/>
      <c r="N6669" s="40"/>
    </row>
    <row r="6670" spans="4:14" x14ac:dyDescent="0.25">
      <c r="D6670" s="40">
        <v>111.0288930000049</v>
      </c>
      <c r="E6670" s="40">
        <v>21.087199578700353</v>
      </c>
      <c r="F6670" s="40">
        <v>111.01666699999998</v>
      </c>
      <c r="G6670" s="40">
        <v>21.410906096376817</v>
      </c>
      <c r="H6670" s="40">
        <v>111.01666700000001</v>
      </c>
      <c r="I6670" s="40">
        <v>19.499316189741581</v>
      </c>
      <c r="J6670" s="40">
        <v>111.01662672619101</v>
      </c>
      <c r="K6670" s="40">
        <v>13.2225183736847</v>
      </c>
      <c r="L6670" s="40"/>
      <c r="M6670" s="40"/>
      <c r="N6670" s="40"/>
    </row>
    <row r="6671" spans="4:14" x14ac:dyDescent="0.25">
      <c r="D6671" s="40">
        <v>111.0455590000049</v>
      </c>
      <c r="E6671" s="40">
        <v>21.087199578700353</v>
      </c>
      <c r="F6671" s="40">
        <v>111.033333</v>
      </c>
      <c r="G6671" s="40">
        <v>21.410906096376817</v>
      </c>
      <c r="H6671" s="40">
        <v>111.033334</v>
      </c>
      <c r="I6671" s="40">
        <v>19.502570315998341</v>
      </c>
      <c r="J6671" s="40">
        <v>111.033293386905</v>
      </c>
      <c r="K6671" s="40">
        <v>13.2225183736847</v>
      </c>
      <c r="L6671" s="40"/>
      <c r="M6671" s="40"/>
      <c r="N6671" s="40"/>
    </row>
    <row r="6672" spans="4:14" x14ac:dyDescent="0.25">
      <c r="D6672" s="40">
        <v>111.0622250000049</v>
      </c>
      <c r="E6672" s="40">
        <v>21.087199578700353</v>
      </c>
      <c r="F6672" s="40">
        <v>111.04999999999998</v>
      </c>
      <c r="G6672" s="40">
        <v>21.410906096376817</v>
      </c>
      <c r="H6672" s="40">
        <v>111.05000000000001</v>
      </c>
      <c r="I6672" s="40">
        <v>19.502570315998341</v>
      </c>
      <c r="J6672" s="40">
        <v>111.04996004762</v>
      </c>
      <c r="K6672" s="40">
        <v>13.2225183736847</v>
      </c>
      <c r="L6672" s="40"/>
      <c r="M6672" s="40"/>
      <c r="N6672" s="40"/>
    </row>
    <row r="6673" spans="4:14" x14ac:dyDescent="0.25">
      <c r="D6673" s="40">
        <v>111.0788910000049</v>
      </c>
      <c r="E6673" s="40">
        <v>21.092042757289903</v>
      </c>
      <c r="F6673" s="40">
        <v>111.066667</v>
      </c>
      <c r="G6673" s="40">
        <v>21.415661340467036</v>
      </c>
      <c r="H6673" s="40">
        <v>111.066667</v>
      </c>
      <c r="I6673" s="40">
        <v>19.505923052141597</v>
      </c>
      <c r="J6673" s="40">
        <v>111.066626708334</v>
      </c>
      <c r="K6673" s="40">
        <v>13.217667329975594</v>
      </c>
      <c r="L6673" s="40"/>
      <c r="M6673" s="40"/>
      <c r="N6673" s="40"/>
    </row>
    <row r="6674" spans="4:14" x14ac:dyDescent="0.25">
      <c r="D6674" s="40">
        <v>111.0955570000049</v>
      </c>
      <c r="E6674" s="40">
        <v>21.092042757289903</v>
      </c>
      <c r="F6674" s="40">
        <v>111.08333299999998</v>
      </c>
      <c r="G6674" s="40">
        <v>21.415661340467036</v>
      </c>
      <c r="H6674" s="40">
        <v>111.08333400000001</v>
      </c>
      <c r="I6674" s="40">
        <v>19.509275788284857</v>
      </c>
      <c r="J6674" s="40">
        <v>111.08329336904799</v>
      </c>
      <c r="K6674" s="40">
        <v>13.217667329975594</v>
      </c>
      <c r="L6674" s="40"/>
      <c r="M6674" s="40"/>
      <c r="N6674" s="40"/>
    </row>
    <row r="6675" spans="4:14" x14ac:dyDescent="0.25">
      <c r="D6675" s="40">
        <v>111.1122230000049</v>
      </c>
      <c r="E6675" s="40">
        <v>21.092042757289903</v>
      </c>
      <c r="F6675" s="40">
        <v>111.1</v>
      </c>
      <c r="G6675" s="40">
        <v>21.415661340467036</v>
      </c>
      <c r="H6675" s="40">
        <v>111.1</v>
      </c>
      <c r="I6675" s="40">
        <v>19.509275788284857</v>
      </c>
      <c r="J6675" s="40">
        <v>111.099960029762</v>
      </c>
      <c r="K6675" s="40">
        <v>13.217667329975594</v>
      </c>
      <c r="L6675" s="40"/>
      <c r="M6675" s="40"/>
      <c r="N6675" s="40"/>
    </row>
    <row r="6676" spans="4:14" x14ac:dyDescent="0.25">
      <c r="D6676" s="40">
        <v>111.1288890000049</v>
      </c>
      <c r="E6676" s="40">
        <v>21.092042757289903</v>
      </c>
      <c r="F6676" s="40">
        <v>111.11666700000001</v>
      </c>
      <c r="G6676" s="40">
        <v>21.415661340467036</v>
      </c>
      <c r="H6676" s="40">
        <v>111.11666700000001</v>
      </c>
      <c r="I6676" s="40">
        <v>19.51252991454162</v>
      </c>
      <c r="J6676" s="40">
        <v>111.11662669047701</v>
      </c>
      <c r="K6676" s="40">
        <v>13.217667329975594</v>
      </c>
      <c r="L6676" s="40"/>
      <c r="M6676" s="40"/>
      <c r="N6676" s="40"/>
    </row>
    <row r="6677" spans="4:14" x14ac:dyDescent="0.25">
      <c r="D6677" s="40">
        <v>111.1455550000049</v>
      </c>
      <c r="E6677" s="40">
        <v>21.096885935879449</v>
      </c>
      <c r="F6677" s="40">
        <v>111.13333299999999</v>
      </c>
      <c r="G6677" s="40">
        <v>21.415661340467036</v>
      </c>
      <c r="H6677" s="40">
        <v>111.13333400000002</v>
      </c>
      <c r="I6677" s="40">
        <v>19.51252991454162</v>
      </c>
      <c r="J6677" s="40">
        <v>111.133293351191</v>
      </c>
      <c r="K6677" s="40">
        <v>13.217667329975594</v>
      </c>
      <c r="L6677" s="40"/>
      <c r="M6677" s="40"/>
      <c r="N6677" s="40"/>
    </row>
    <row r="6678" spans="4:14" x14ac:dyDescent="0.25">
      <c r="D6678" s="40">
        <v>111.16222100000491</v>
      </c>
      <c r="E6678" s="40">
        <v>21.096885935879449</v>
      </c>
      <c r="F6678" s="40">
        <v>111.15</v>
      </c>
      <c r="G6678" s="40">
        <v>21.415661340467036</v>
      </c>
      <c r="H6678" s="40">
        <v>111.15</v>
      </c>
      <c r="I6678" s="40">
        <v>19.515882650685054</v>
      </c>
      <c r="J6678" s="40">
        <v>111.14996001190499</v>
      </c>
      <c r="K6678" s="40">
        <v>13.217667329975594</v>
      </c>
      <c r="L6678" s="40"/>
      <c r="M6678" s="40"/>
      <c r="N6678" s="40"/>
    </row>
    <row r="6679" spans="4:14" x14ac:dyDescent="0.25">
      <c r="D6679" s="40">
        <v>111.17888700000491</v>
      </c>
      <c r="E6679" s="40">
        <v>21.096885935879449</v>
      </c>
      <c r="F6679" s="40">
        <v>111.16666699999999</v>
      </c>
      <c r="G6679" s="40">
        <v>21.420276724436935</v>
      </c>
      <c r="H6679" s="40">
        <v>111.16666700000002</v>
      </c>
      <c r="I6679" s="40">
        <v>19.515882650685054</v>
      </c>
      <c r="J6679" s="40">
        <v>111.16662667262</v>
      </c>
      <c r="K6679" s="40">
        <v>13.2225183736847</v>
      </c>
      <c r="L6679" s="40"/>
      <c r="M6679" s="40"/>
      <c r="N6679" s="40"/>
    </row>
    <row r="6680" spans="4:14" x14ac:dyDescent="0.25">
      <c r="D6680" s="40">
        <v>111.19555300000491</v>
      </c>
      <c r="E6680" s="40">
        <v>21.096885935879449</v>
      </c>
      <c r="F6680" s="40">
        <v>111.183333</v>
      </c>
      <c r="G6680" s="40">
        <v>21.420276724436935</v>
      </c>
      <c r="H6680" s="40">
        <v>111.183334</v>
      </c>
      <c r="I6680" s="40">
        <v>19.515882650685054</v>
      </c>
      <c r="J6680" s="40">
        <v>111.18329333333401</v>
      </c>
      <c r="K6680" s="40">
        <v>13.2225183736847</v>
      </c>
      <c r="L6680" s="40"/>
      <c r="M6680" s="40"/>
      <c r="N6680" s="40"/>
    </row>
    <row r="6681" spans="4:14" x14ac:dyDescent="0.25">
      <c r="D6681" s="40">
        <v>111.21221900000491</v>
      </c>
      <c r="E6681" s="40">
        <v>21.096885935879449</v>
      </c>
      <c r="F6681" s="40">
        <v>111.19999999999999</v>
      </c>
      <c r="G6681" s="40">
        <v>21.420276724436935</v>
      </c>
      <c r="H6681" s="40">
        <v>111.20000000000002</v>
      </c>
      <c r="I6681" s="40">
        <v>19.51923538682831</v>
      </c>
      <c r="J6681" s="40">
        <v>111.199959994048</v>
      </c>
      <c r="K6681" s="40">
        <v>13.2225183736847</v>
      </c>
      <c r="L6681" s="40"/>
      <c r="M6681" s="40"/>
      <c r="N6681" s="40"/>
    </row>
    <row r="6682" spans="4:14" x14ac:dyDescent="0.25">
      <c r="D6682" s="40">
        <v>111.22888500000491</v>
      </c>
      <c r="E6682" s="40">
        <v>21.092042757289903</v>
      </c>
      <c r="F6682" s="40">
        <v>111.216667</v>
      </c>
      <c r="G6682" s="40">
        <v>21.420276724436935</v>
      </c>
      <c r="H6682" s="40">
        <v>111.216667</v>
      </c>
      <c r="I6682" s="40">
        <v>19.52248951308507</v>
      </c>
      <c r="J6682" s="40">
        <v>111.216626654762</v>
      </c>
      <c r="K6682" s="40">
        <v>13.2225183736847</v>
      </c>
      <c r="L6682" s="40"/>
      <c r="M6682" s="40"/>
      <c r="N6682" s="40"/>
    </row>
    <row r="6683" spans="4:14" x14ac:dyDescent="0.25">
      <c r="D6683" s="40">
        <v>111.24555100000491</v>
      </c>
      <c r="E6683" s="40">
        <v>21.092042757289903</v>
      </c>
      <c r="F6683" s="40">
        <v>111.23333299999999</v>
      </c>
      <c r="G6683" s="40">
        <v>21.420276724436935</v>
      </c>
      <c r="H6683" s="40">
        <v>111.23333400000001</v>
      </c>
      <c r="I6683" s="40">
        <v>19.52248951308507</v>
      </c>
      <c r="J6683" s="40">
        <v>111.233293315477</v>
      </c>
      <c r="K6683" s="40">
        <v>13.2225183736847</v>
      </c>
      <c r="L6683" s="40"/>
      <c r="M6683" s="40"/>
      <c r="N6683" s="40"/>
    </row>
    <row r="6684" spans="4:14" x14ac:dyDescent="0.25">
      <c r="D6684" s="40">
        <v>111.26221700000491</v>
      </c>
      <c r="E6684" s="40">
        <v>21.092042757289903</v>
      </c>
      <c r="F6684" s="40">
        <v>111.25</v>
      </c>
      <c r="G6684" s="40">
        <v>21.420276724436935</v>
      </c>
      <c r="H6684" s="40">
        <v>111.25</v>
      </c>
      <c r="I6684" s="40">
        <v>19.525842249228329</v>
      </c>
      <c r="J6684" s="40">
        <v>111.24995997619099</v>
      </c>
      <c r="K6684" s="40">
        <v>13.2225183736847</v>
      </c>
      <c r="L6684" s="40"/>
      <c r="M6684" s="40"/>
      <c r="N6684" s="40"/>
    </row>
    <row r="6685" spans="4:14" x14ac:dyDescent="0.25">
      <c r="D6685" s="40">
        <v>111.27888300000491</v>
      </c>
      <c r="E6685" s="40">
        <v>21.096885935879449</v>
      </c>
      <c r="F6685" s="40">
        <v>111.26666699999998</v>
      </c>
      <c r="G6685" s="40">
        <v>21.420276724436935</v>
      </c>
      <c r="H6685" s="40">
        <v>111.26666700000001</v>
      </c>
      <c r="I6685" s="40">
        <v>19.525842249228329</v>
      </c>
      <c r="J6685" s="40">
        <v>111.266626636905</v>
      </c>
      <c r="K6685" s="40">
        <v>13.2225183736847</v>
      </c>
      <c r="L6685" s="40"/>
      <c r="M6685" s="40"/>
      <c r="N6685" s="40"/>
    </row>
    <row r="6686" spans="4:14" x14ac:dyDescent="0.25">
      <c r="D6686" s="40">
        <v>111.29554900000491</v>
      </c>
      <c r="E6686" s="40">
        <v>21.096885935879449</v>
      </c>
      <c r="F6686" s="40">
        <v>111.283333</v>
      </c>
      <c r="G6686" s="40">
        <v>21.425031968527033</v>
      </c>
      <c r="H6686" s="40">
        <v>111.283334</v>
      </c>
      <c r="I6686" s="40">
        <v>19.529194985371763</v>
      </c>
      <c r="J6686" s="40">
        <v>111.28329329762001</v>
      </c>
      <c r="K6686" s="40">
        <v>13.2225183736847</v>
      </c>
      <c r="L6686" s="40"/>
      <c r="M6686" s="40"/>
      <c r="N6686" s="40"/>
    </row>
    <row r="6687" spans="4:14" x14ac:dyDescent="0.25">
      <c r="D6687" s="40">
        <v>111.31221500000491</v>
      </c>
      <c r="E6687" s="40">
        <v>21.096885935879449</v>
      </c>
      <c r="F6687" s="40">
        <v>111.29999999999998</v>
      </c>
      <c r="G6687" s="40">
        <v>21.425031968527033</v>
      </c>
      <c r="H6687" s="40">
        <v>111.30000000000001</v>
      </c>
      <c r="I6687" s="40">
        <v>19.529194985371763</v>
      </c>
      <c r="J6687" s="40">
        <v>111.299959958334</v>
      </c>
      <c r="K6687" s="40">
        <v>13.2225183736847</v>
      </c>
      <c r="L6687" s="40"/>
      <c r="M6687" s="40"/>
      <c r="N6687" s="40"/>
    </row>
    <row r="6688" spans="4:14" x14ac:dyDescent="0.25">
      <c r="D6688" s="40">
        <v>111.32888100000491</v>
      </c>
      <c r="E6688" s="40">
        <v>21.096885935879449</v>
      </c>
      <c r="F6688" s="40">
        <v>111.316667</v>
      </c>
      <c r="G6688" s="40">
        <v>21.425031968527033</v>
      </c>
      <c r="H6688" s="40">
        <v>111.316667</v>
      </c>
      <c r="I6688" s="40">
        <v>19.532449111628349</v>
      </c>
      <c r="J6688" s="40">
        <v>111.31662661904799</v>
      </c>
      <c r="K6688" s="40">
        <v>13.227369417393932</v>
      </c>
      <c r="L6688" s="40"/>
      <c r="M6688" s="40"/>
      <c r="N6688" s="40"/>
    </row>
    <row r="6689" spans="4:14" x14ac:dyDescent="0.25">
      <c r="D6689" s="40">
        <v>111.34554700000491</v>
      </c>
      <c r="E6689" s="40">
        <v>21.096885935879449</v>
      </c>
      <c r="F6689" s="40">
        <v>111.33333299999998</v>
      </c>
      <c r="G6689" s="40">
        <v>21.425031968527033</v>
      </c>
      <c r="H6689" s="40">
        <v>111.33333400000001</v>
      </c>
      <c r="I6689" s="40">
        <v>19.535801847771783</v>
      </c>
      <c r="J6689" s="40">
        <v>111.333293279762</v>
      </c>
      <c r="K6689" s="40">
        <v>13.227369417393932</v>
      </c>
      <c r="L6689" s="40"/>
      <c r="M6689" s="40"/>
      <c r="N6689" s="40"/>
    </row>
    <row r="6690" spans="4:14" x14ac:dyDescent="0.25">
      <c r="D6690" s="40">
        <v>111.36221300000491</v>
      </c>
      <c r="E6690" s="40">
        <v>21.096885935879449</v>
      </c>
      <c r="F6690" s="40">
        <v>111.35</v>
      </c>
      <c r="G6690" s="40">
        <v>21.429787212617253</v>
      </c>
      <c r="H6690" s="40">
        <v>111.35</v>
      </c>
      <c r="I6690" s="40">
        <v>19.535801847771783</v>
      </c>
      <c r="J6690" s="40">
        <v>111.34995994047701</v>
      </c>
      <c r="K6690" s="40">
        <v>13.227369417393932</v>
      </c>
      <c r="L6690" s="40"/>
      <c r="M6690" s="40"/>
      <c r="N6690" s="40"/>
    </row>
    <row r="6691" spans="4:14" x14ac:dyDescent="0.25">
      <c r="D6691" s="40">
        <v>111.37887900000491</v>
      </c>
      <c r="E6691" s="40">
        <v>21.096885935879449</v>
      </c>
      <c r="F6691" s="40">
        <v>111.36666700000001</v>
      </c>
      <c r="G6691" s="40">
        <v>21.429787212617253</v>
      </c>
      <c r="H6691" s="40">
        <v>111.36666700000001</v>
      </c>
      <c r="I6691" s="40">
        <v>19.539154583915042</v>
      </c>
      <c r="J6691" s="40">
        <v>111.366626601191</v>
      </c>
      <c r="K6691" s="40">
        <v>13.227369417393932</v>
      </c>
      <c r="L6691" s="40"/>
      <c r="M6691" s="40"/>
      <c r="N6691" s="40"/>
    </row>
    <row r="6692" spans="4:14" x14ac:dyDescent="0.25">
      <c r="D6692" s="40">
        <v>111.39554500000492</v>
      </c>
      <c r="E6692" s="40">
        <v>21.096885935879449</v>
      </c>
      <c r="F6692" s="40">
        <v>111.38333299999999</v>
      </c>
      <c r="G6692" s="40">
        <v>21.429787212617253</v>
      </c>
      <c r="H6692" s="40">
        <v>111.38333400000002</v>
      </c>
      <c r="I6692" s="40">
        <v>19.539154583915042</v>
      </c>
      <c r="J6692" s="40">
        <v>111.383293261905</v>
      </c>
      <c r="K6692" s="40">
        <v>13.227369417393932</v>
      </c>
      <c r="L6692" s="40"/>
      <c r="M6692" s="40"/>
      <c r="N6692" s="40"/>
    </row>
    <row r="6693" spans="4:14" x14ac:dyDescent="0.25">
      <c r="D6693" s="40">
        <v>111.41221100000492</v>
      </c>
      <c r="E6693" s="40">
        <v>21.101586668039751</v>
      </c>
      <c r="F6693" s="40">
        <v>111.4</v>
      </c>
      <c r="G6693" s="40">
        <v>21.434402596587152</v>
      </c>
      <c r="H6693" s="40">
        <v>111.4</v>
      </c>
      <c r="I6693" s="40">
        <v>19.542408710171802</v>
      </c>
      <c r="J6693" s="40">
        <v>111.39995992262</v>
      </c>
      <c r="K6693" s="40">
        <v>13.227369417393932</v>
      </c>
      <c r="L6693" s="40"/>
      <c r="M6693" s="40"/>
      <c r="N6693" s="40"/>
    </row>
    <row r="6694" spans="4:14" x14ac:dyDescent="0.25">
      <c r="D6694" s="40">
        <v>111.42887700000492</v>
      </c>
      <c r="E6694" s="40">
        <v>21.101586668039751</v>
      </c>
      <c r="F6694" s="40">
        <v>111.41666699999999</v>
      </c>
      <c r="G6694" s="40">
        <v>21.434402596587152</v>
      </c>
      <c r="H6694" s="40">
        <v>111.41666700000002</v>
      </c>
      <c r="I6694" s="40">
        <v>19.542408710171802</v>
      </c>
      <c r="J6694" s="40">
        <v>111.41662658333399</v>
      </c>
      <c r="K6694" s="40">
        <v>13.227369417393932</v>
      </c>
      <c r="L6694" s="40"/>
      <c r="M6694" s="40"/>
      <c r="N6694" s="40"/>
    </row>
    <row r="6695" spans="4:14" x14ac:dyDescent="0.25">
      <c r="D6695" s="40">
        <v>111.44554300000492</v>
      </c>
      <c r="E6695" s="40">
        <v>21.101586668039751</v>
      </c>
      <c r="F6695" s="40">
        <v>111.433333</v>
      </c>
      <c r="G6695" s="40">
        <v>21.434402596587152</v>
      </c>
      <c r="H6695" s="40">
        <v>111.433334</v>
      </c>
      <c r="I6695" s="40">
        <v>19.545761446315058</v>
      </c>
      <c r="J6695" s="40">
        <v>111.433293244048</v>
      </c>
      <c r="K6695" s="40">
        <v>13.227369417393932</v>
      </c>
      <c r="L6695" s="40"/>
      <c r="M6695" s="40"/>
      <c r="N6695" s="40"/>
    </row>
    <row r="6696" spans="4:14" x14ac:dyDescent="0.25">
      <c r="D6696" s="40">
        <v>111.46220900000492</v>
      </c>
      <c r="E6696" s="40">
        <v>21.096885935879449</v>
      </c>
      <c r="F6696" s="40">
        <v>111.44999999999999</v>
      </c>
      <c r="G6696" s="40">
        <v>21.434402596587152</v>
      </c>
      <c r="H6696" s="40">
        <v>111.45000000000002</v>
      </c>
      <c r="I6696" s="40">
        <v>19.549114182458492</v>
      </c>
      <c r="J6696" s="40">
        <v>111.449959904762</v>
      </c>
      <c r="K6696" s="40">
        <v>13.227369417393932</v>
      </c>
      <c r="L6696" s="40"/>
      <c r="M6696" s="40"/>
      <c r="N6696" s="40"/>
    </row>
    <row r="6697" spans="4:14" x14ac:dyDescent="0.25">
      <c r="D6697" s="40">
        <v>111.47887500000492</v>
      </c>
      <c r="E6697" s="40">
        <v>21.101586668039751</v>
      </c>
      <c r="F6697" s="40">
        <v>111.466667</v>
      </c>
      <c r="G6697" s="40">
        <v>21.434402596587152</v>
      </c>
      <c r="H6697" s="40">
        <v>111.466667</v>
      </c>
      <c r="I6697" s="40">
        <v>19.549114182458492</v>
      </c>
      <c r="J6697" s="40">
        <v>111.466626565477</v>
      </c>
      <c r="K6697" s="40">
        <v>13.227369417393932</v>
      </c>
      <c r="L6697" s="40"/>
      <c r="M6697" s="40"/>
      <c r="N6697" s="40"/>
    </row>
    <row r="6698" spans="4:14" x14ac:dyDescent="0.25">
      <c r="D6698" s="40">
        <v>111.49554100000492</v>
      </c>
      <c r="E6698" s="40">
        <v>21.096885935879449</v>
      </c>
      <c r="F6698" s="40">
        <v>111.48333299999999</v>
      </c>
      <c r="G6698" s="40">
        <v>21.434402596587152</v>
      </c>
      <c r="H6698" s="40">
        <v>111.48333400000001</v>
      </c>
      <c r="I6698" s="40">
        <v>19.552368308715256</v>
      </c>
      <c r="J6698" s="40">
        <v>111.48329322619099</v>
      </c>
      <c r="K6698" s="40">
        <v>13.227369417393932</v>
      </c>
      <c r="L6698" s="40"/>
      <c r="M6698" s="40"/>
      <c r="N6698" s="40"/>
    </row>
    <row r="6699" spans="4:14" x14ac:dyDescent="0.25">
      <c r="D6699" s="40">
        <v>111.51220700000492</v>
      </c>
      <c r="E6699" s="40">
        <v>21.096885935879449</v>
      </c>
      <c r="F6699" s="40">
        <v>111.5</v>
      </c>
      <c r="G6699" s="40">
        <v>21.434402596587152</v>
      </c>
      <c r="H6699" s="40">
        <v>111.5</v>
      </c>
      <c r="I6699" s="40">
        <v>19.555721044858512</v>
      </c>
      <c r="J6699" s="40">
        <v>111.499959886905</v>
      </c>
      <c r="K6699" s="40">
        <v>13.227369417393932</v>
      </c>
      <c r="L6699" s="40"/>
      <c r="M6699" s="40"/>
      <c r="N6699" s="40"/>
    </row>
    <row r="6700" spans="4:14" x14ac:dyDescent="0.25">
      <c r="D6700" s="40">
        <v>111.52887300000492</v>
      </c>
      <c r="E6700" s="40">
        <v>21.096885935879449</v>
      </c>
      <c r="F6700" s="40">
        <v>111.51666699999998</v>
      </c>
      <c r="G6700" s="40">
        <v>21.434402596587152</v>
      </c>
      <c r="H6700" s="40">
        <v>111.51666700000001</v>
      </c>
      <c r="I6700" s="40">
        <v>19.555721044858512</v>
      </c>
      <c r="J6700" s="40">
        <v>111.51662654762001</v>
      </c>
      <c r="K6700" s="40">
        <v>13.227369417393932</v>
      </c>
      <c r="L6700" s="40"/>
      <c r="M6700" s="40"/>
      <c r="N6700" s="40"/>
    </row>
    <row r="6701" spans="4:14" x14ac:dyDescent="0.25">
      <c r="D6701" s="40">
        <v>111.54553900000492</v>
      </c>
      <c r="E6701" s="40">
        <v>21.096885935879449</v>
      </c>
      <c r="F6701" s="40">
        <v>111.533333</v>
      </c>
      <c r="G6701" s="40">
        <v>21.434402596587152</v>
      </c>
      <c r="H6701" s="40">
        <v>111.533334</v>
      </c>
      <c r="I6701" s="40">
        <v>19.559073781001771</v>
      </c>
      <c r="J6701" s="40">
        <v>111.533293208334</v>
      </c>
      <c r="K6701" s="40">
        <v>13.227369417393932</v>
      </c>
      <c r="L6701" s="40"/>
      <c r="M6701" s="40"/>
      <c r="N6701" s="40"/>
    </row>
    <row r="6702" spans="4:14" x14ac:dyDescent="0.25">
      <c r="D6702" s="40">
        <v>111.56220500000492</v>
      </c>
      <c r="E6702" s="40">
        <v>21.096885935879449</v>
      </c>
      <c r="F6702" s="40">
        <v>111.54999999999998</v>
      </c>
      <c r="G6702" s="40">
        <v>21.434402596587152</v>
      </c>
      <c r="H6702" s="40">
        <v>111.55000000000001</v>
      </c>
      <c r="I6702" s="40">
        <v>19.562327907258535</v>
      </c>
      <c r="J6702" s="40">
        <v>111.549959869048</v>
      </c>
      <c r="K6702" s="40">
        <v>13.227369417393932</v>
      </c>
      <c r="L6702" s="40"/>
      <c r="M6702" s="40"/>
      <c r="N6702" s="40"/>
    </row>
    <row r="6703" spans="4:14" x14ac:dyDescent="0.25">
      <c r="D6703" s="40">
        <v>111.57887100000492</v>
      </c>
      <c r="E6703" s="40">
        <v>21.096885935879449</v>
      </c>
      <c r="F6703" s="40">
        <v>111.566667</v>
      </c>
      <c r="G6703" s="40">
        <v>21.434402596587152</v>
      </c>
      <c r="H6703" s="40">
        <v>111.566667</v>
      </c>
      <c r="I6703" s="40">
        <v>19.562327907258535</v>
      </c>
      <c r="J6703" s="40">
        <v>111.566626529762</v>
      </c>
      <c r="K6703" s="40">
        <v>13.227369417393932</v>
      </c>
      <c r="L6703" s="40"/>
      <c r="M6703" s="40"/>
      <c r="N6703" s="40"/>
    </row>
    <row r="6704" spans="4:14" x14ac:dyDescent="0.25">
      <c r="D6704" s="40">
        <v>111.59553700000492</v>
      </c>
      <c r="E6704" s="40">
        <v>21.096885935879449</v>
      </c>
      <c r="F6704" s="40">
        <v>111.58333299999998</v>
      </c>
      <c r="G6704" s="40">
        <v>21.434402596587152</v>
      </c>
      <c r="H6704" s="40">
        <v>111.58333400000001</v>
      </c>
      <c r="I6704" s="40">
        <v>19.565680643401787</v>
      </c>
      <c r="J6704" s="40">
        <v>111.58329319047699</v>
      </c>
      <c r="K6704" s="40">
        <v>13.227369417393932</v>
      </c>
      <c r="L6704" s="40"/>
      <c r="M6704" s="40"/>
      <c r="N6704" s="40"/>
    </row>
    <row r="6705" spans="4:14" x14ac:dyDescent="0.25">
      <c r="D6705" s="40">
        <v>111.61220300000493</v>
      </c>
      <c r="E6705" s="40">
        <v>21.092042757289903</v>
      </c>
      <c r="F6705" s="40">
        <v>111.6</v>
      </c>
      <c r="G6705" s="40">
        <v>21.434402596587152</v>
      </c>
      <c r="H6705" s="40">
        <v>111.6</v>
      </c>
      <c r="I6705" s="40">
        <v>19.565680643401787</v>
      </c>
      <c r="J6705" s="40">
        <v>111.599959851191</v>
      </c>
      <c r="K6705" s="40">
        <v>13.227369417393932</v>
      </c>
      <c r="L6705" s="40"/>
      <c r="M6705" s="40"/>
      <c r="N6705" s="40"/>
    </row>
    <row r="6706" spans="4:14" x14ac:dyDescent="0.25">
      <c r="D6706" s="40">
        <v>111.62886900000493</v>
      </c>
      <c r="E6706" s="40">
        <v>21.096885935879449</v>
      </c>
      <c r="F6706" s="40">
        <v>111.61666700000001</v>
      </c>
      <c r="G6706" s="40">
        <v>21.434402596587152</v>
      </c>
      <c r="H6706" s="40">
        <v>111.61666700000001</v>
      </c>
      <c r="I6706" s="40">
        <v>19.569033379545221</v>
      </c>
      <c r="J6706" s="40">
        <v>111.616626511905</v>
      </c>
      <c r="K6706" s="40">
        <v>13.227369417393932</v>
      </c>
      <c r="L6706" s="40"/>
      <c r="M6706" s="40"/>
      <c r="N6706" s="40"/>
    </row>
    <row r="6707" spans="4:14" x14ac:dyDescent="0.25">
      <c r="D6707" s="40">
        <v>111.64553500000493</v>
      </c>
      <c r="E6707" s="40">
        <v>21.096885935879449</v>
      </c>
      <c r="F6707" s="40">
        <v>111.63333299999999</v>
      </c>
      <c r="G6707" s="40">
        <v>21.434402596587152</v>
      </c>
      <c r="H6707" s="40">
        <v>111.63333400000002</v>
      </c>
      <c r="I6707" s="40">
        <v>19.569033379545221</v>
      </c>
      <c r="J6707" s="40">
        <v>111.63329317262</v>
      </c>
      <c r="K6707" s="40">
        <v>13.227369417393932</v>
      </c>
      <c r="L6707" s="40"/>
      <c r="M6707" s="40"/>
      <c r="N6707" s="40"/>
    </row>
    <row r="6708" spans="4:14" x14ac:dyDescent="0.25">
      <c r="D6708" s="40">
        <v>111.66220100000493</v>
      </c>
      <c r="E6708" s="40">
        <v>21.101586668039751</v>
      </c>
      <c r="F6708" s="40">
        <v>111.65</v>
      </c>
      <c r="G6708" s="40">
        <v>21.434402596587152</v>
      </c>
      <c r="H6708" s="40">
        <v>111.65</v>
      </c>
      <c r="I6708" s="40">
        <v>19.572287505801985</v>
      </c>
      <c r="J6708" s="40">
        <v>111.64995983333399</v>
      </c>
      <c r="K6708" s="40">
        <v>13.227369417393932</v>
      </c>
      <c r="L6708" s="40"/>
      <c r="M6708" s="40"/>
      <c r="N6708" s="40"/>
    </row>
    <row r="6709" spans="4:14" x14ac:dyDescent="0.25">
      <c r="D6709" s="40">
        <v>111.67886700000493</v>
      </c>
      <c r="E6709" s="40">
        <v>21.101586668039751</v>
      </c>
      <c r="F6709" s="40">
        <v>111.66666699999999</v>
      </c>
      <c r="G6709" s="40">
        <v>21.434402596587152</v>
      </c>
      <c r="H6709" s="40">
        <v>111.66666700000002</v>
      </c>
      <c r="I6709" s="40">
        <v>19.572287505801985</v>
      </c>
      <c r="J6709" s="40">
        <v>111.666626494048</v>
      </c>
      <c r="K6709" s="40">
        <v>13.227369417393932</v>
      </c>
      <c r="L6709" s="40"/>
      <c r="M6709" s="40"/>
      <c r="N6709" s="40"/>
    </row>
    <row r="6710" spans="4:14" x14ac:dyDescent="0.25">
      <c r="D6710" s="40">
        <v>111.69553300000493</v>
      </c>
      <c r="E6710" s="40">
        <v>21.106429846629297</v>
      </c>
      <c r="F6710" s="40">
        <v>111.683333</v>
      </c>
      <c r="G6710" s="40">
        <v>21.434402596587152</v>
      </c>
      <c r="H6710" s="40">
        <v>111.683334</v>
      </c>
      <c r="I6710" s="40">
        <v>19.575640241945244</v>
      </c>
      <c r="J6710" s="40">
        <v>111.683293154762</v>
      </c>
      <c r="K6710" s="40">
        <v>13.227369417393932</v>
      </c>
      <c r="L6710" s="40"/>
      <c r="M6710" s="40"/>
      <c r="N6710" s="40"/>
    </row>
    <row r="6711" spans="4:14" x14ac:dyDescent="0.25">
      <c r="D6711" s="40">
        <v>111.71219900000493</v>
      </c>
      <c r="E6711" s="40">
        <v>21.106429846629297</v>
      </c>
      <c r="F6711" s="40">
        <v>111.69999999999999</v>
      </c>
      <c r="G6711" s="40">
        <v>21.434402596587152</v>
      </c>
      <c r="H6711" s="40">
        <v>111.70000000000002</v>
      </c>
      <c r="I6711" s="40">
        <v>19.5789929780885</v>
      </c>
      <c r="J6711" s="40">
        <v>111.699959815477</v>
      </c>
      <c r="K6711" s="40">
        <v>13.227369417393932</v>
      </c>
      <c r="L6711" s="40"/>
      <c r="M6711" s="40"/>
      <c r="N6711" s="40"/>
    </row>
    <row r="6712" spans="4:14" x14ac:dyDescent="0.25">
      <c r="D6712" s="40">
        <v>111.72886500000493</v>
      </c>
      <c r="E6712" s="40">
        <v>21.106429846629297</v>
      </c>
      <c r="F6712" s="40">
        <v>111.716667</v>
      </c>
      <c r="G6712" s="40">
        <v>21.434402596587152</v>
      </c>
      <c r="H6712" s="40">
        <v>111.716667</v>
      </c>
      <c r="I6712" s="40">
        <v>19.5789929780885</v>
      </c>
      <c r="J6712" s="40">
        <v>111.716626476191</v>
      </c>
      <c r="K6712" s="40">
        <v>13.227369417393932</v>
      </c>
      <c r="L6712" s="40"/>
      <c r="M6712" s="40"/>
      <c r="N6712" s="40"/>
    </row>
    <row r="6713" spans="4:14" x14ac:dyDescent="0.25">
      <c r="D6713" s="40">
        <v>111.74553100000493</v>
      </c>
      <c r="E6713" s="40">
        <v>21.111273025218846</v>
      </c>
      <c r="F6713" s="40">
        <v>111.73333299999999</v>
      </c>
      <c r="G6713" s="40">
        <v>21.434402596587152</v>
      </c>
      <c r="H6713" s="40">
        <v>111.73333400000001</v>
      </c>
      <c r="I6713" s="40">
        <v>19.582345714231931</v>
      </c>
      <c r="J6713" s="40">
        <v>111.733293136905</v>
      </c>
      <c r="K6713" s="40">
        <v>13.227369417393932</v>
      </c>
      <c r="L6713" s="40"/>
      <c r="M6713" s="40"/>
      <c r="N6713" s="40"/>
    </row>
    <row r="6714" spans="4:14" x14ac:dyDescent="0.25">
      <c r="D6714" s="40">
        <v>111.76219700000493</v>
      </c>
      <c r="E6714" s="40">
        <v>21.111273025218846</v>
      </c>
      <c r="F6714" s="40">
        <v>111.75</v>
      </c>
      <c r="G6714" s="40">
        <v>21.434402596587152</v>
      </c>
      <c r="H6714" s="40">
        <v>111.75</v>
      </c>
      <c r="I6714" s="40">
        <v>19.582345714231931</v>
      </c>
      <c r="J6714" s="40">
        <v>111.74995979761999</v>
      </c>
      <c r="K6714" s="40">
        <v>13.227369417393932</v>
      </c>
      <c r="L6714" s="40"/>
      <c r="M6714" s="40"/>
      <c r="N6714" s="40"/>
    </row>
    <row r="6715" spans="4:14" x14ac:dyDescent="0.25">
      <c r="D6715" s="40">
        <v>111.77886300000493</v>
      </c>
      <c r="E6715" s="40">
        <v>21.111273025218846</v>
      </c>
      <c r="F6715" s="40">
        <v>111.76666699999998</v>
      </c>
      <c r="G6715" s="40">
        <v>21.434402596587152</v>
      </c>
      <c r="H6715" s="40">
        <v>111.76666700000001</v>
      </c>
      <c r="I6715" s="40">
        <v>19.58559984048852</v>
      </c>
      <c r="J6715" s="40">
        <v>111.766626458334</v>
      </c>
      <c r="K6715" s="40">
        <v>13.227369417393932</v>
      </c>
      <c r="L6715" s="40"/>
      <c r="M6715" s="40"/>
      <c r="N6715" s="40"/>
    </row>
    <row r="6716" spans="4:14" x14ac:dyDescent="0.25">
      <c r="D6716" s="40">
        <v>111.79552900000493</v>
      </c>
      <c r="E6716" s="40">
        <v>21.111273025218846</v>
      </c>
      <c r="F6716" s="40">
        <v>111.783333</v>
      </c>
      <c r="G6716" s="40">
        <v>21.434402596587152</v>
      </c>
      <c r="H6716" s="40">
        <v>111.783334</v>
      </c>
      <c r="I6716" s="40">
        <v>19.58559984048852</v>
      </c>
      <c r="J6716" s="40">
        <v>111.783293119048</v>
      </c>
      <c r="K6716" s="40">
        <v>13.227369417393932</v>
      </c>
      <c r="L6716" s="40"/>
      <c r="M6716" s="40"/>
      <c r="N6716" s="40"/>
    </row>
    <row r="6717" spans="4:14" x14ac:dyDescent="0.25">
      <c r="D6717" s="40">
        <v>111.81219500000493</v>
      </c>
      <c r="E6717" s="40">
        <v>21.111273025218846</v>
      </c>
      <c r="F6717" s="40">
        <v>111.79999999999998</v>
      </c>
      <c r="G6717" s="40">
        <v>21.434402596587152</v>
      </c>
      <c r="H6717" s="40">
        <v>111.80000000000001</v>
      </c>
      <c r="I6717" s="40">
        <v>19.588952576631954</v>
      </c>
      <c r="J6717" s="40">
        <v>111.79995977976201</v>
      </c>
      <c r="K6717" s="40">
        <v>13.227369417393932</v>
      </c>
      <c r="L6717" s="40"/>
      <c r="M6717" s="40"/>
      <c r="N6717" s="40"/>
    </row>
    <row r="6718" spans="4:14" x14ac:dyDescent="0.25">
      <c r="D6718" s="40">
        <v>111.82886100000493</v>
      </c>
      <c r="E6718" s="40">
        <v>21.111273025218846</v>
      </c>
      <c r="F6718" s="40">
        <v>111.816667</v>
      </c>
      <c r="G6718" s="40">
        <v>21.434402596587152</v>
      </c>
      <c r="H6718" s="40">
        <v>111.816667</v>
      </c>
      <c r="I6718" s="40">
        <v>19.588952576631954</v>
      </c>
      <c r="J6718" s="40">
        <v>111.81662644047699</v>
      </c>
      <c r="K6718" s="40">
        <v>13.227369417393932</v>
      </c>
      <c r="L6718" s="40"/>
      <c r="M6718" s="40"/>
      <c r="N6718" s="40"/>
    </row>
    <row r="6719" spans="4:14" x14ac:dyDescent="0.25">
      <c r="D6719" s="40">
        <v>111.84552700000494</v>
      </c>
      <c r="E6719" s="40">
        <v>21.111273025218846</v>
      </c>
      <c r="F6719" s="40">
        <v>111.83333299999998</v>
      </c>
      <c r="G6719" s="40">
        <v>21.439157840677247</v>
      </c>
      <c r="H6719" s="40">
        <v>111.83333400000001</v>
      </c>
      <c r="I6719" s="40">
        <v>19.588952576631954</v>
      </c>
      <c r="J6719" s="40">
        <v>111.833293101191</v>
      </c>
      <c r="K6719" s="40">
        <v>13.227369417393932</v>
      </c>
      <c r="L6719" s="40"/>
      <c r="M6719" s="40"/>
      <c r="N6719" s="40"/>
    </row>
    <row r="6720" spans="4:14" x14ac:dyDescent="0.25">
      <c r="D6720" s="40">
        <v>111.86219300000494</v>
      </c>
      <c r="E6720" s="40">
        <v>21.115973757379269</v>
      </c>
      <c r="F6720" s="40">
        <v>111.85</v>
      </c>
      <c r="G6720" s="40">
        <v>21.439157840677247</v>
      </c>
      <c r="H6720" s="40">
        <v>111.85</v>
      </c>
      <c r="I6720" s="40">
        <v>19.59230531277521</v>
      </c>
      <c r="J6720" s="40">
        <v>111.849959761905</v>
      </c>
      <c r="K6720" s="40">
        <v>13.227369417393932</v>
      </c>
      <c r="L6720" s="40"/>
      <c r="M6720" s="40"/>
      <c r="N6720" s="40"/>
    </row>
    <row r="6721" spans="4:14" x14ac:dyDescent="0.25">
      <c r="D6721" s="40">
        <v>111.87885900000494</v>
      </c>
      <c r="E6721" s="40">
        <v>21.115973757379269</v>
      </c>
      <c r="F6721" s="40">
        <v>111.86666700000001</v>
      </c>
      <c r="G6721" s="40">
        <v>21.439157840677247</v>
      </c>
      <c r="H6721" s="40">
        <v>111.86666700000001</v>
      </c>
      <c r="I6721" s="40">
        <v>19.595559439031973</v>
      </c>
      <c r="J6721" s="40">
        <v>111.86662642262</v>
      </c>
      <c r="K6721" s="40">
        <v>13.227369417393932</v>
      </c>
      <c r="L6721" s="40"/>
      <c r="M6721" s="40"/>
      <c r="N6721" s="40"/>
    </row>
    <row r="6722" spans="4:14" x14ac:dyDescent="0.25">
      <c r="D6722" s="40">
        <v>111.89552500000494</v>
      </c>
      <c r="E6722" s="40">
        <v>21.115973757379269</v>
      </c>
      <c r="F6722" s="40">
        <v>111.88333299999999</v>
      </c>
      <c r="G6722" s="40">
        <v>21.439157840677247</v>
      </c>
      <c r="H6722" s="40">
        <v>111.88333400000002</v>
      </c>
      <c r="I6722" s="40">
        <v>19.595559439031973</v>
      </c>
      <c r="J6722" s="40">
        <v>111.883293083334</v>
      </c>
      <c r="K6722" s="40">
        <v>13.227369417393932</v>
      </c>
      <c r="L6722" s="40"/>
      <c r="M6722" s="40"/>
      <c r="N6722" s="40"/>
    </row>
    <row r="6723" spans="4:14" x14ac:dyDescent="0.25">
      <c r="D6723" s="40">
        <v>111.91219100000494</v>
      </c>
      <c r="E6723" s="40">
        <v>21.115973757379269</v>
      </c>
      <c r="F6723" s="40">
        <v>111.9</v>
      </c>
      <c r="G6723" s="40">
        <v>21.439157840677247</v>
      </c>
      <c r="H6723" s="40">
        <v>111.9</v>
      </c>
      <c r="I6723" s="40">
        <v>19.598912175175229</v>
      </c>
      <c r="J6723" s="40">
        <v>111.899959744048</v>
      </c>
      <c r="K6723" s="40">
        <v>13.227369417393932</v>
      </c>
      <c r="L6723" s="40"/>
      <c r="M6723" s="40"/>
      <c r="N6723" s="40"/>
    </row>
    <row r="6724" spans="4:14" x14ac:dyDescent="0.25">
      <c r="D6724" s="40">
        <v>111.92885700000494</v>
      </c>
      <c r="E6724" s="40">
        <v>21.115973757379269</v>
      </c>
      <c r="F6724" s="40">
        <v>111.91666699999999</v>
      </c>
      <c r="G6724" s="40">
        <v>21.439157840677247</v>
      </c>
      <c r="H6724" s="40">
        <v>111.91666700000002</v>
      </c>
      <c r="I6724" s="40">
        <v>19.598912175175229</v>
      </c>
      <c r="J6724" s="40">
        <v>111.916626404762</v>
      </c>
      <c r="K6724" s="40">
        <v>13.227369417393932</v>
      </c>
      <c r="L6724" s="40"/>
      <c r="M6724" s="40"/>
      <c r="N6724" s="40"/>
    </row>
    <row r="6725" spans="4:14" x14ac:dyDescent="0.25">
      <c r="D6725" s="40">
        <v>111.94552300000494</v>
      </c>
      <c r="E6725" s="40">
        <v>21.115973757379269</v>
      </c>
      <c r="F6725" s="40">
        <v>111.933333</v>
      </c>
      <c r="G6725" s="40">
        <v>21.439157840677247</v>
      </c>
      <c r="H6725" s="40">
        <v>111.933334</v>
      </c>
      <c r="I6725" s="40">
        <v>19.60226491131866</v>
      </c>
      <c r="J6725" s="40">
        <v>111.933293065477</v>
      </c>
      <c r="K6725" s="40">
        <v>13.227369417393932</v>
      </c>
      <c r="L6725" s="40"/>
      <c r="M6725" s="40"/>
      <c r="N6725" s="40"/>
    </row>
    <row r="6726" spans="4:14" x14ac:dyDescent="0.25">
      <c r="D6726" s="40">
        <v>111.96218900000494</v>
      </c>
      <c r="E6726" s="40">
        <v>21.115973757379269</v>
      </c>
      <c r="F6726" s="40">
        <v>111.94999999999999</v>
      </c>
      <c r="G6726" s="40">
        <v>21.443913084767466</v>
      </c>
      <c r="H6726" s="40">
        <v>111.95000000000002</v>
      </c>
      <c r="I6726" s="40">
        <v>19.60226491131866</v>
      </c>
      <c r="J6726" s="40">
        <v>111.949959726191</v>
      </c>
      <c r="K6726" s="40">
        <v>13.227369417393932</v>
      </c>
      <c r="L6726" s="40"/>
      <c r="M6726" s="40"/>
      <c r="N6726" s="40"/>
    </row>
    <row r="6727" spans="4:14" x14ac:dyDescent="0.25">
      <c r="D6727" s="40">
        <v>111.97885500000494</v>
      </c>
      <c r="E6727" s="40">
        <v>21.120816935968691</v>
      </c>
      <c r="F6727" s="40">
        <v>111.966667</v>
      </c>
      <c r="G6727" s="40">
        <v>21.443913084767466</v>
      </c>
      <c r="H6727" s="40">
        <v>111.966667</v>
      </c>
      <c r="I6727" s="40">
        <v>19.605519037575423</v>
      </c>
      <c r="J6727" s="40">
        <v>111.96662638690501</v>
      </c>
      <c r="K6727" s="40">
        <v>13.227369417393932</v>
      </c>
      <c r="L6727" s="40"/>
      <c r="M6727" s="40"/>
      <c r="N6727" s="40"/>
    </row>
    <row r="6728" spans="4:14" x14ac:dyDescent="0.25">
      <c r="D6728" s="40">
        <v>111.99552100000494</v>
      </c>
      <c r="E6728" s="40">
        <v>21.120816935968691</v>
      </c>
      <c r="F6728" s="40">
        <v>111.98333299999999</v>
      </c>
      <c r="G6728" s="40">
        <v>21.443913084767466</v>
      </c>
      <c r="H6728" s="40">
        <v>111.98333400000001</v>
      </c>
      <c r="I6728" s="40">
        <v>19.605519037575423</v>
      </c>
      <c r="J6728" s="40">
        <v>111.98329304761999</v>
      </c>
      <c r="K6728" s="40">
        <v>13.227369417393932</v>
      </c>
      <c r="L6728" s="40"/>
      <c r="M6728" s="40"/>
      <c r="N6728" s="40"/>
    </row>
    <row r="6729" spans="4:14" x14ac:dyDescent="0.25">
      <c r="D6729" s="40">
        <v>112.01218700000494</v>
      </c>
      <c r="E6729" s="40">
        <v>21.120816935968691</v>
      </c>
      <c r="F6729" s="40">
        <v>112</v>
      </c>
      <c r="G6729" s="40">
        <v>21.443913084767466</v>
      </c>
      <c r="H6729" s="40">
        <v>112</v>
      </c>
      <c r="I6729" s="40">
        <v>19.608871773718683</v>
      </c>
      <c r="J6729" s="40">
        <v>111.999959708334</v>
      </c>
      <c r="K6729" s="40">
        <v>13.227369417393932</v>
      </c>
      <c r="L6729" s="40"/>
      <c r="M6729" s="40"/>
      <c r="N6729" s="40"/>
    </row>
    <row r="6730" spans="4:14" x14ac:dyDescent="0.25">
      <c r="D6730" s="40">
        <v>112.02885300000494</v>
      </c>
      <c r="E6730" s="40">
        <v>21.125660114558244</v>
      </c>
      <c r="F6730" s="40">
        <v>112.01666699999998</v>
      </c>
      <c r="G6730" s="40">
        <v>21.448528468737365</v>
      </c>
      <c r="H6730" s="40">
        <v>112.01666700000001</v>
      </c>
      <c r="I6730" s="40">
        <v>19.608871773718683</v>
      </c>
      <c r="J6730" s="40">
        <v>112.016626369048</v>
      </c>
      <c r="K6730" s="40">
        <v>13.227369417393932</v>
      </c>
      <c r="L6730" s="40"/>
      <c r="M6730" s="40"/>
      <c r="N6730" s="40"/>
    </row>
    <row r="6731" spans="4:14" x14ac:dyDescent="0.25">
      <c r="D6731" s="40">
        <v>112.04551900000494</v>
      </c>
      <c r="E6731" s="40">
        <v>21.125660114558244</v>
      </c>
      <c r="F6731" s="40">
        <v>112.033333</v>
      </c>
      <c r="G6731" s="40">
        <v>21.448528468737365</v>
      </c>
      <c r="H6731" s="40">
        <v>112.033334</v>
      </c>
      <c r="I6731" s="40">
        <v>19.612224509861939</v>
      </c>
      <c r="J6731" s="40">
        <v>112.03329302976201</v>
      </c>
      <c r="K6731" s="40">
        <v>13.227369417393932</v>
      </c>
      <c r="L6731" s="40"/>
      <c r="M6731" s="40"/>
      <c r="N6731" s="40"/>
    </row>
    <row r="6732" spans="4:14" x14ac:dyDescent="0.25">
      <c r="D6732" s="40">
        <v>112.06218500000494</v>
      </c>
      <c r="E6732" s="40">
        <v>21.125660114558244</v>
      </c>
      <c r="F6732" s="40">
        <v>112.04999999999998</v>
      </c>
      <c r="G6732" s="40">
        <v>21.45328371282746</v>
      </c>
      <c r="H6732" s="40">
        <v>112.05000000000001</v>
      </c>
      <c r="I6732" s="40">
        <v>19.612224509861939</v>
      </c>
      <c r="J6732" s="40">
        <v>112.049959690477</v>
      </c>
      <c r="K6732" s="40">
        <v>13.227369417393932</v>
      </c>
      <c r="L6732" s="40"/>
      <c r="M6732" s="40"/>
      <c r="N6732" s="40"/>
    </row>
    <row r="6733" spans="4:14" x14ac:dyDescent="0.25">
      <c r="D6733" s="40">
        <v>112.07885100000495</v>
      </c>
      <c r="E6733" s="40">
        <v>21.125660114558244</v>
      </c>
      <c r="F6733" s="40">
        <v>112.066667</v>
      </c>
      <c r="G6733" s="40">
        <v>21.45328371282746</v>
      </c>
      <c r="H6733" s="40">
        <v>112.066667</v>
      </c>
      <c r="I6733" s="40">
        <v>19.615478636118702</v>
      </c>
      <c r="J6733" s="40">
        <v>112.066626351191</v>
      </c>
      <c r="K6733" s="40">
        <v>13.2225183736847</v>
      </c>
      <c r="L6733" s="40"/>
      <c r="M6733" s="40"/>
      <c r="N6733" s="40"/>
    </row>
    <row r="6734" spans="4:14" x14ac:dyDescent="0.25">
      <c r="D6734" s="40">
        <v>112.09551700000495</v>
      </c>
      <c r="E6734" s="40">
        <v>21.120816935968691</v>
      </c>
      <c r="F6734" s="40">
        <v>112.08333299999998</v>
      </c>
      <c r="G6734" s="40">
        <v>21.45328371282746</v>
      </c>
      <c r="H6734" s="40">
        <v>112.08333400000001</v>
      </c>
      <c r="I6734" s="40">
        <v>19.615478636118702</v>
      </c>
      <c r="J6734" s="40">
        <v>112.083293011905</v>
      </c>
      <c r="K6734" s="40">
        <v>13.2225183736847</v>
      </c>
      <c r="L6734" s="40"/>
      <c r="M6734" s="40"/>
      <c r="N6734" s="40"/>
    </row>
    <row r="6735" spans="4:14" x14ac:dyDescent="0.25">
      <c r="D6735" s="40">
        <v>112.11218300000495</v>
      </c>
      <c r="E6735" s="40">
        <v>21.120816935968691</v>
      </c>
      <c r="F6735" s="40">
        <v>112.1</v>
      </c>
      <c r="G6735" s="40">
        <v>21.45328371282746</v>
      </c>
      <c r="H6735" s="40">
        <v>112.1</v>
      </c>
      <c r="I6735" s="40">
        <v>19.618831372261962</v>
      </c>
      <c r="J6735" s="40">
        <v>112.09995967262</v>
      </c>
      <c r="K6735" s="40">
        <v>13.2225183736847</v>
      </c>
      <c r="L6735" s="40"/>
      <c r="M6735" s="40"/>
      <c r="N6735" s="40"/>
    </row>
    <row r="6736" spans="4:14" x14ac:dyDescent="0.25">
      <c r="D6736" s="40">
        <v>112.12884900000495</v>
      </c>
      <c r="E6736" s="40">
        <v>21.120816935968691</v>
      </c>
      <c r="F6736" s="40">
        <v>112.11666700000001</v>
      </c>
      <c r="G6736" s="40">
        <v>21.45328371282746</v>
      </c>
      <c r="H6736" s="40">
        <v>112.11666700000001</v>
      </c>
      <c r="I6736" s="40">
        <v>19.618831372261962</v>
      </c>
      <c r="J6736" s="40">
        <v>112.116626333334</v>
      </c>
      <c r="K6736" s="40">
        <v>13.227369417393932</v>
      </c>
      <c r="L6736" s="40"/>
      <c r="M6736" s="40"/>
      <c r="N6736" s="40"/>
    </row>
    <row r="6737" spans="4:14" x14ac:dyDescent="0.25">
      <c r="D6737" s="40">
        <v>112.14551500000495</v>
      </c>
      <c r="E6737" s="40">
        <v>21.120816935968691</v>
      </c>
      <c r="F6737" s="40">
        <v>112.13333299999999</v>
      </c>
      <c r="G6737" s="40">
        <v>21.45328371282746</v>
      </c>
      <c r="H6737" s="40">
        <v>112.13333400000002</v>
      </c>
      <c r="I6737" s="40">
        <v>19.622184108405392</v>
      </c>
      <c r="J6737" s="40">
        <v>112.13329299404801</v>
      </c>
      <c r="K6737" s="40">
        <v>13.227369417393932</v>
      </c>
      <c r="L6737" s="40"/>
      <c r="M6737" s="40"/>
      <c r="N6737" s="40"/>
    </row>
    <row r="6738" spans="4:14" x14ac:dyDescent="0.25">
      <c r="D6738" s="40">
        <v>112.16218100000495</v>
      </c>
      <c r="E6738" s="40">
        <v>21.115973757379269</v>
      </c>
      <c r="F6738" s="40">
        <v>112.15</v>
      </c>
      <c r="G6738" s="40">
        <v>21.45328371282746</v>
      </c>
      <c r="H6738" s="40">
        <v>112.15</v>
      </c>
      <c r="I6738" s="40">
        <v>19.622184108405392</v>
      </c>
      <c r="J6738" s="40">
        <v>112.149959654762</v>
      </c>
      <c r="K6738" s="40">
        <v>13.227369417393932</v>
      </c>
      <c r="L6738" s="40"/>
      <c r="M6738" s="40"/>
      <c r="N6738" s="40"/>
    </row>
    <row r="6739" spans="4:14" x14ac:dyDescent="0.25">
      <c r="D6739" s="40">
        <v>112.17884700000495</v>
      </c>
      <c r="E6739" s="40">
        <v>21.115973757379269</v>
      </c>
      <c r="F6739" s="40">
        <v>112.16666699999999</v>
      </c>
      <c r="G6739" s="40">
        <v>21.45328371282746</v>
      </c>
      <c r="H6739" s="40">
        <v>112.16666700000002</v>
      </c>
      <c r="I6739" s="40">
        <v>19.625438234662155</v>
      </c>
      <c r="J6739" s="40">
        <v>112.166626315477</v>
      </c>
      <c r="K6739" s="40">
        <v>13.227369417393932</v>
      </c>
      <c r="L6739" s="40"/>
      <c r="M6739" s="40"/>
      <c r="N6739" s="40"/>
    </row>
    <row r="6740" spans="4:14" x14ac:dyDescent="0.25">
      <c r="D6740" s="40">
        <v>112.19551300000495</v>
      </c>
      <c r="E6740" s="40">
        <v>21.115973757379269</v>
      </c>
      <c r="F6740" s="40">
        <v>112.183333</v>
      </c>
      <c r="G6740" s="40">
        <v>21.45328371282746</v>
      </c>
      <c r="H6740" s="40">
        <v>112.183334</v>
      </c>
      <c r="I6740" s="40">
        <v>19.628790970805412</v>
      </c>
      <c r="J6740" s="40">
        <v>112.183292976191</v>
      </c>
      <c r="K6740" s="40">
        <v>13.227369417393932</v>
      </c>
      <c r="L6740" s="40"/>
      <c r="M6740" s="40"/>
      <c r="N6740" s="40"/>
    </row>
    <row r="6741" spans="4:14" x14ac:dyDescent="0.25">
      <c r="D6741" s="40">
        <v>112.21217900000495</v>
      </c>
      <c r="E6741" s="40">
        <v>21.115973757379269</v>
      </c>
      <c r="F6741" s="40">
        <v>112.19999999999999</v>
      </c>
      <c r="G6741" s="40">
        <v>21.45328371282746</v>
      </c>
      <c r="H6741" s="40">
        <v>112.20000000000002</v>
      </c>
      <c r="I6741" s="40">
        <v>19.628790970805412</v>
      </c>
      <c r="J6741" s="40">
        <v>112.19995963690501</v>
      </c>
      <c r="K6741" s="40">
        <v>13.2225183736847</v>
      </c>
      <c r="L6741" s="40"/>
      <c r="M6741" s="40"/>
      <c r="N6741" s="40"/>
    </row>
    <row r="6742" spans="4:14" x14ac:dyDescent="0.25">
      <c r="D6742" s="40">
        <v>112.22884500000495</v>
      </c>
      <c r="E6742" s="40">
        <v>21.115973757379269</v>
      </c>
      <c r="F6742" s="40">
        <v>112.216667</v>
      </c>
      <c r="G6742" s="40">
        <v>21.458038956917679</v>
      </c>
      <c r="H6742" s="40">
        <v>112.216667</v>
      </c>
      <c r="I6742" s="40">
        <v>19.632143706948671</v>
      </c>
      <c r="J6742" s="40">
        <v>112.21662629762</v>
      </c>
      <c r="K6742" s="40">
        <v>13.2225183736847</v>
      </c>
      <c r="L6742" s="40"/>
      <c r="M6742" s="40"/>
      <c r="N6742" s="40"/>
    </row>
    <row r="6743" spans="4:14" x14ac:dyDescent="0.25">
      <c r="D6743" s="40">
        <v>112.24551100000495</v>
      </c>
      <c r="E6743" s="40">
        <v>21.120816935968691</v>
      </c>
      <c r="F6743" s="40">
        <v>112.23333299999999</v>
      </c>
      <c r="G6743" s="40">
        <v>21.458038956917679</v>
      </c>
      <c r="H6743" s="40">
        <v>112.23333400000001</v>
      </c>
      <c r="I6743" s="40">
        <v>19.635397833205431</v>
      </c>
      <c r="J6743" s="40">
        <v>112.233292958334</v>
      </c>
      <c r="K6743" s="40">
        <v>13.2225183736847</v>
      </c>
      <c r="L6743" s="40"/>
      <c r="M6743" s="40"/>
      <c r="N6743" s="40"/>
    </row>
    <row r="6744" spans="4:14" x14ac:dyDescent="0.25">
      <c r="D6744" s="40">
        <v>112.26217700000495</v>
      </c>
      <c r="E6744" s="40">
        <v>21.120816935968691</v>
      </c>
      <c r="F6744" s="40">
        <v>112.25</v>
      </c>
      <c r="G6744" s="40">
        <v>21.458038956917679</v>
      </c>
      <c r="H6744" s="40">
        <v>112.25</v>
      </c>
      <c r="I6744" s="40">
        <v>19.635397833205431</v>
      </c>
      <c r="J6744" s="40">
        <v>112.249959619048</v>
      </c>
      <c r="K6744" s="40">
        <v>13.2225183736847</v>
      </c>
      <c r="L6744" s="40"/>
      <c r="M6744" s="40"/>
      <c r="N6744" s="40"/>
    </row>
    <row r="6745" spans="4:14" x14ac:dyDescent="0.25">
      <c r="D6745" s="40">
        <v>112.27884300000495</v>
      </c>
      <c r="E6745" s="40">
        <v>21.120816935968691</v>
      </c>
      <c r="F6745" s="40">
        <v>112.26666699999998</v>
      </c>
      <c r="G6745" s="40">
        <v>21.458038956917679</v>
      </c>
      <c r="H6745" s="40">
        <v>112.26666700000001</v>
      </c>
      <c r="I6745" s="40">
        <v>19.638750569348865</v>
      </c>
      <c r="J6745" s="40">
        <v>112.26662627976199</v>
      </c>
      <c r="K6745" s="40">
        <v>13.2225183736847</v>
      </c>
      <c r="L6745" s="40"/>
      <c r="M6745" s="40"/>
      <c r="N6745" s="40"/>
    </row>
    <row r="6746" spans="4:14" x14ac:dyDescent="0.25">
      <c r="D6746" s="40">
        <v>112.29550900000496</v>
      </c>
      <c r="E6746" s="40">
        <v>21.120816935968691</v>
      </c>
      <c r="F6746" s="40">
        <v>112.283333</v>
      </c>
      <c r="G6746" s="40">
        <v>21.458038956917679</v>
      </c>
      <c r="H6746" s="40">
        <v>112.283334</v>
      </c>
      <c r="I6746" s="40">
        <v>19.638750569348865</v>
      </c>
      <c r="J6746" s="40">
        <v>112.283292940477</v>
      </c>
      <c r="K6746" s="40">
        <v>13.2225183736847</v>
      </c>
      <c r="L6746" s="40"/>
      <c r="M6746" s="40"/>
      <c r="N6746" s="40"/>
    </row>
    <row r="6747" spans="4:14" x14ac:dyDescent="0.25">
      <c r="D6747" s="40">
        <v>112.31217500000496</v>
      </c>
      <c r="E6747" s="40">
        <v>21.120816935968691</v>
      </c>
      <c r="F6747" s="40">
        <v>112.29999999999998</v>
      </c>
      <c r="G6747" s="40">
        <v>21.458038956917679</v>
      </c>
      <c r="H6747" s="40">
        <v>112.30000000000001</v>
      </c>
      <c r="I6747" s="40">
        <v>19.642103305492121</v>
      </c>
      <c r="J6747" s="40">
        <v>112.29995960119101</v>
      </c>
      <c r="K6747" s="40">
        <v>13.2225183736847</v>
      </c>
      <c r="L6747" s="40"/>
      <c r="M6747" s="40"/>
      <c r="N6747" s="40"/>
    </row>
    <row r="6748" spans="4:14" x14ac:dyDescent="0.25">
      <c r="D6748" s="40">
        <v>112.32884100000496</v>
      </c>
      <c r="E6748" s="40">
        <v>21.115973757379269</v>
      </c>
      <c r="F6748" s="40">
        <v>112.316667</v>
      </c>
      <c r="G6748" s="40">
        <v>21.458038956917679</v>
      </c>
      <c r="H6748" s="40">
        <v>112.316667</v>
      </c>
      <c r="I6748" s="40">
        <v>19.642103305492121</v>
      </c>
      <c r="J6748" s="40">
        <v>112.316626261905</v>
      </c>
      <c r="K6748" s="40">
        <v>13.2225183736847</v>
      </c>
      <c r="L6748" s="40"/>
      <c r="M6748" s="40"/>
      <c r="N6748" s="40"/>
    </row>
    <row r="6749" spans="4:14" x14ac:dyDescent="0.25">
      <c r="D6749" s="40">
        <v>112.34550700000496</v>
      </c>
      <c r="E6749" s="40">
        <v>21.120816935968691</v>
      </c>
      <c r="F6749" s="40">
        <v>112.33333299999998</v>
      </c>
      <c r="G6749" s="40">
        <v>21.458038956917679</v>
      </c>
      <c r="H6749" s="40">
        <v>112.33333400000001</v>
      </c>
      <c r="I6749" s="40">
        <v>19.645357431748884</v>
      </c>
      <c r="J6749" s="40">
        <v>112.33329292262</v>
      </c>
      <c r="K6749" s="40">
        <v>13.2225183736847</v>
      </c>
      <c r="L6749" s="40"/>
      <c r="M6749" s="40"/>
      <c r="N6749" s="40"/>
    </row>
    <row r="6750" spans="4:14" x14ac:dyDescent="0.25">
      <c r="D6750" s="40">
        <v>112.36217300000496</v>
      </c>
      <c r="E6750" s="40">
        <v>21.120816935968691</v>
      </c>
      <c r="F6750" s="40">
        <v>112.35</v>
      </c>
      <c r="G6750" s="40">
        <v>21.458038956917679</v>
      </c>
      <c r="H6750" s="40">
        <v>112.35</v>
      </c>
      <c r="I6750" s="40">
        <v>19.645357431748884</v>
      </c>
      <c r="J6750" s="40">
        <v>112.349959583334</v>
      </c>
      <c r="K6750" s="40">
        <v>13.2225183736847</v>
      </c>
      <c r="L6750" s="40"/>
      <c r="M6750" s="40"/>
      <c r="N6750" s="40"/>
    </row>
    <row r="6751" spans="4:14" x14ac:dyDescent="0.25">
      <c r="D6751" s="40">
        <v>112.37883900000496</v>
      </c>
      <c r="E6751" s="40">
        <v>21.120816935968691</v>
      </c>
      <c r="F6751" s="40">
        <v>112.36666700000001</v>
      </c>
      <c r="G6751" s="40">
        <v>21.458038956917679</v>
      </c>
      <c r="H6751" s="40">
        <v>112.36666700000001</v>
      </c>
      <c r="I6751" s="40">
        <v>19.648710167892141</v>
      </c>
      <c r="J6751" s="40">
        <v>112.36662624404801</v>
      </c>
      <c r="K6751" s="40">
        <v>13.2225183736847</v>
      </c>
      <c r="L6751" s="40"/>
      <c r="M6751" s="40"/>
      <c r="N6751" s="40"/>
    </row>
    <row r="6752" spans="4:14" x14ac:dyDescent="0.25">
      <c r="D6752" s="40">
        <v>112.39550500000496</v>
      </c>
      <c r="E6752" s="40">
        <v>21.120816935968691</v>
      </c>
      <c r="F6752" s="40">
        <v>112.38333299999999</v>
      </c>
      <c r="G6752" s="40">
        <v>21.458038956917679</v>
      </c>
      <c r="H6752" s="40">
        <v>112.38333400000002</v>
      </c>
      <c r="I6752" s="40">
        <v>19.648710167892141</v>
      </c>
      <c r="J6752" s="40">
        <v>112.383292904762</v>
      </c>
      <c r="K6752" s="40">
        <v>13.227369417393932</v>
      </c>
      <c r="L6752" s="40"/>
      <c r="M6752" s="40"/>
      <c r="N6752" s="40"/>
    </row>
    <row r="6753" spans="4:14" x14ac:dyDescent="0.25">
      <c r="D6753" s="40">
        <v>112.41217100000496</v>
      </c>
      <c r="E6753" s="40">
        <v>21.120816935968691</v>
      </c>
      <c r="F6753" s="40">
        <v>112.4</v>
      </c>
      <c r="G6753" s="40">
        <v>21.458038956917679</v>
      </c>
      <c r="H6753" s="40">
        <v>112.4</v>
      </c>
      <c r="I6753" s="40">
        <v>19.6520629040354</v>
      </c>
      <c r="J6753" s="40">
        <v>112.399959565477</v>
      </c>
      <c r="K6753" s="40">
        <v>13.227369417393932</v>
      </c>
      <c r="L6753" s="40"/>
      <c r="M6753" s="40"/>
      <c r="N6753" s="40"/>
    </row>
    <row r="6754" spans="4:14" x14ac:dyDescent="0.25">
      <c r="D6754" s="40">
        <v>112.42883700000496</v>
      </c>
      <c r="E6754" s="40">
        <v>21.115973757379269</v>
      </c>
      <c r="F6754" s="40">
        <v>112.41666699999999</v>
      </c>
      <c r="G6754" s="40">
        <v>21.458038956917679</v>
      </c>
      <c r="H6754" s="40">
        <v>112.41666700000002</v>
      </c>
      <c r="I6754" s="40">
        <v>19.655317030292164</v>
      </c>
      <c r="J6754" s="40">
        <v>112.416626226191</v>
      </c>
      <c r="K6754" s="40">
        <v>13.227369417393932</v>
      </c>
      <c r="L6754" s="40"/>
      <c r="M6754" s="40"/>
      <c r="N6754" s="40"/>
    </row>
    <row r="6755" spans="4:14" x14ac:dyDescent="0.25">
      <c r="D6755" s="40">
        <v>112.44550300000496</v>
      </c>
      <c r="E6755" s="40">
        <v>21.115973757379269</v>
      </c>
      <c r="F6755" s="40">
        <v>112.433333</v>
      </c>
      <c r="G6755" s="40">
        <v>21.458038956917679</v>
      </c>
      <c r="H6755" s="40">
        <v>112.433334</v>
      </c>
      <c r="I6755" s="40">
        <v>19.655317030292164</v>
      </c>
      <c r="J6755" s="40">
        <v>112.43329288690499</v>
      </c>
      <c r="K6755" s="40">
        <v>13.227369417393932</v>
      </c>
      <c r="L6755" s="40"/>
      <c r="M6755" s="40"/>
      <c r="N6755" s="40"/>
    </row>
    <row r="6756" spans="4:14" x14ac:dyDescent="0.25">
      <c r="D6756" s="40">
        <v>112.46216900000496</v>
      </c>
      <c r="E6756" s="40">
        <v>21.115973757379269</v>
      </c>
      <c r="F6756" s="40">
        <v>112.44999999999999</v>
      </c>
      <c r="G6756" s="40">
        <v>21.458038956917679</v>
      </c>
      <c r="H6756" s="40">
        <v>112.45000000000002</v>
      </c>
      <c r="I6756" s="40">
        <v>19.658669766435597</v>
      </c>
      <c r="J6756" s="40">
        <v>112.44995954762</v>
      </c>
      <c r="K6756" s="40">
        <v>13.227369417393932</v>
      </c>
      <c r="L6756" s="40"/>
      <c r="M6756" s="40"/>
      <c r="N6756" s="40"/>
    </row>
    <row r="6757" spans="4:14" x14ac:dyDescent="0.25">
      <c r="D6757" s="40">
        <v>112.47883500000496</v>
      </c>
      <c r="E6757" s="40">
        <v>21.115973757379269</v>
      </c>
      <c r="F6757" s="40">
        <v>112.466667</v>
      </c>
      <c r="G6757" s="40">
        <v>21.458038956917679</v>
      </c>
      <c r="H6757" s="40">
        <v>112.466667</v>
      </c>
      <c r="I6757" s="40">
        <v>19.658669766435597</v>
      </c>
      <c r="J6757" s="40">
        <v>112.46662620833401</v>
      </c>
      <c r="K6757" s="40">
        <v>13.227369417393932</v>
      </c>
      <c r="L6757" s="40"/>
      <c r="M6757" s="40"/>
      <c r="N6757" s="40"/>
    </row>
    <row r="6758" spans="4:14" x14ac:dyDescent="0.25">
      <c r="D6758" s="40">
        <v>112.49550100000496</v>
      </c>
      <c r="E6758" s="40">
        <v>21.115973757379269</v>
      </c>
      <c r="F6758" s="40">
        <v>112.48333299999999</v>
      </c>
      <c r="G6758" s="40">
        <v>21.458038956917679</v>
      </c>
      <c r="H6758" s="40">
        <v>112.48333400000001</v>
      </c>
      <c r="I6758" s="40">
        <v>19.66202250257885</v>
      </c>
      <c r="J6758" s="40">
        <v>112.483292869048</v>
      </c>
      <c r="K6758" s="40">
        <v>13.227369417393932</v>
      </c>
      <c r="L6758" s="40"/>
      <c r="M6758" s="40"/>
      <c r="N6758" s="40"/>
    </row>
    <row r="6759" spans="4:14" x14ac:dyDescent="0.25">
      <c r="D6759" s="40">
        <v>112.51216700000496</v>
      </c>
      <c r="E6759" s="40">
        <v>21.111273025218846</v>
      </c>
      <c r="F6759" s="40">
        <v>112.5</v>
      </c>
      <c r="G6759" s="40">
        <v>21.462654340887578</v>
      </c>
      <c r="H6759" s="40">
        <v>112.5</v>
      </c>
      <c r="I6759" s="40">
        <v>19.665276628835613</v>
      </c>
      <c r="J6759" s="40">
        <v>112.49995952976199</v>
      </c>
      <c r="K6759" s="40">
        <v>13.227369417393932</v>
      </c>
      <c r="L6759" s="40"/>
      <c r="M6759" s="40"/>
      <c r="N6759" s="40"/>
    </row>
    <row r="6760" spans="4:14" x14ac:dyDescent="0.25">
      <c r="D6760" s="40">
        <v>112.52883300000497</v>
      </c>
      <c r="E6760" s="40">
        <v>21.111273025218846</v>
      </c>
      <c r="F6760" s="40">
        <v>112.51666699999998</v>
      </c>
      <c r="G6760" s="40">
        <v>21.462654340887578</v>
      </c>
      <c r="H6760" s="40">
        <v>112.51666700000001</v>
      </c>
      <c r="I6760" s="40">
        <v>19.665276628835613</v>
      </c>
      <c r="J6760" s="40">
        <v>112.516626190477</v>
      </c>
      <c r="K6760" s="40">
        <v>13.227369417393932</v>
      </c>
      <c r="L6760" s="40"/>
      <c r="M6760" s="40"/>
      <c r="N6760" s="40"/>
    </row>
    <row r="6761" spans="4:14" x14ac:dyDescent="0.25">
      <c r="D6761" s="40">
        <v>112.54549900000497</v>
      </c>
      <c r="E6761" s="40">
        <v>21.115973757379269</v>
      </c>
      <c r="F6761" s="40">
        <v>112.533333</v>
      </c>
      <c r="G6761" s="40">
        <v>21.462654340887578</v>
      </c>
      <c r="H6761" s="40">
        <v>112.533334</v>
      </c>
      <c r="I6761" s="40">
        <v>19.668629364978873</v>
      </c>
      <c r="J6761" s="40">
        <v>112.53329285119101</v>
      </c>
      <c r="K6761" s="40">
        <v>13.227369417393932</v>
      </c>
      <c r="L6761" s="40"/>
      <c r="M6761" s="40"/>
      <c r="N6761" s="40"/>
    </row>
    <row r="6762" spans="4:14" x14ac:dyDescent="0.25">
      <c r="D6762" s="40">
        <v>112.56216500000497</v>
      </c>
      <c r="E6762" s="40">
        <v>21.115973757379269</v>
      </c>
      <c r="F6762" s="40">
        <v>112.54999999999998</v>
      </c>
      <c r="G6762" s="40">
        <v>21.462654340887578</v>
      </c>
      <c r="H6762" s="40">
        <v>112.55000000000001</v>
      </c>
      <c r="I6762" s="40">
        <v>19.668629364978873</v>
      </c>
      <c r="J6762" s="40">
        <v>112.549959511905</v>
      </c>
      <c r="K6762" s="40">
        <v>13.2225183736847</v>
      </c>
      <c r="L6762" s="40"/>
      <c r="M6762" s="40"/>
      <c r="N6762" s="40"/>
    </row>
    <row r="6763" spans="4:14" x14ac:dyDescent="0.25">
      <c r="D6763" s="40">
        <v>112.57883100000497</v>
      </c>
      <c r="E6763" s="40">
        <v>21.115973757379269</v>
      </c>
      <c r="F6763" s="40">
        <v>112.566667</v>
      </c>
      <c r="G6763" s="40">
        <v>21.462654340887578</v>
      </c>
      <c r="H6763" s="40">
        <v>112.566667</v>
      </c>
      <c r="I6763" s="40">
        <v>19.671982101122307</v>
      </c>
      <c r="J6763" s="40">
        <v>112.56662617262</v>
      </c>
      <c r="K6763" s="40">
        <v>13.2225183736847</v>
      </c>
      <c r="L6763" s="40"/>
      <c r="M6763" s="40"/>
      <c r="N6763" s="40"/>
    </row>
    <row r="6764" spans="4:14" x14ac:dyDescent="0.25">
      <c r="D6764" s="40">
        <v>112.59549700000497</v>
      </c>
      <c r="E6764" s="40">
        <v>21.115973757379269</v>
      </c>
      <c r="F6764" s="40">
        <v>112.58333299999998</v>
      </c>
      <c r="G6764" s="40">
        <v>21.467409584977677</v>
      </c>
      <c r="H6764" s="40">
        <v>112.58333400000001</v>
      </c>
      <c r="I6764" s="40">
        <v>19.671982101122307</v>
      </c>
      <c r="J6764" s="40">
        <v>112.583292833334</v>
      </c>
      <c r="K6764" s="40">
        <v>13.2225183736847</v>
      </c>
      <c r="L6764" s="40"/>
      <c r="M6764" s="40"/>
      <c r="N6764" s="40"/>
    </row>
    <row r="6765" spans="4:14" x14ac:dyDescent="0.25">
      <c r="D6765" s="40">
        <v>112.61216300000497</v>
      </c>
      <c r="E6765" s="40">
        <v>21.115973757379269</v>
      </c>
      <c r="F6765" s="40">
        <v>112.6</v>
      </c>
      <c r="G6765" s="40">
        <v>21.467409584977677</v>
      </c>
      <c r="H6765" s="40">
        <v>112.6</v>
      </c>
      <c r="I6765" s="40">
        <v>19.675236227378893</v>
      </c>
      <c r="J6765" s="40">
        <v>112.59995949404799</v>
      </c>
      <c r="K6765" s="40">
        <v>13.2225183736847</v>
      </c>
      <c r="L6765" s="40"/>
      <c r="M6765" s="40"/>
      <c r="N6765" s="40"/>
    </row>
    <row r="6766" spans="4:14" x14ac:dyDescent="0.25">
      <c r="D6766" s="40">
        <v>112.62882900000497</v>
      </c>
      <c r="E6766" s="40">
        <v>21.115973757379269</v>
      </c>
      <c r="F6766" s="40">
        <v>112.61666700000001</v>
      </c>
      <c r="G6766" s="40">
        <v>21.467409584977677</v>
      </c>
      <c r="H6766" s="40">
        <v>112.61666700000001</v>
      </c>
      <c r="I6766" s="40">
        <v>19.678588963522326</v>
      </c>
      <c r="J6766" s="40">
        <v>112.616626154762</v>
      </c>
      <c r="K6766" s="40">
        <v>13.2225183736847</v>
      </c>
      <c r="L6766" s="40"/>
      <c r="M6766" s="40"/>
      <c r="N6766" s="40"/>
    </row>
    <row r="6767" spans="4:14" x14ac:dyDescent="0.25">
      <c r="D6767" s="40">
        <v>112.64549500000497</v>
      </c>
      <c r="E6767" s="40">
        <v>21.115973757379269</v>
      </c>
      <c r="F6767" s="40">
        <v>112.63333299999999</v>
      </c>
      <c r="G6767" s="40">
        <v>21.467409584977677</v>
      </c>
      <c r="H6767" s="40">
        <v>112.63333400000002</v>
      </c>
      <c r="I6767" s="40">
        <v>19.678588963522326</v>
      </c>
      <c r="J6767" s="40">
        <v>112.63329281547701</v>
      </c>
      <c r="K6767" s="40">
        <v>13.2225183736847</v>
      </c>
      <c r="L6767" s="40"/>
      <c r="M6767" s="40"/>
      <c r="N6767" s="40"/>
    </row>
    <row r="6768" spans="4:14" x14ac:dyDescent="0.25">
      <c r="D6768" s="40">
        <v>112.66216100000497</v>
      </c>
      <c r="E6768" s="40">
        <v>21.115973757379269</v>
      </c>
      <c r="F6768" s="40">
        <v>112.65</v>
      </c>
      <c r="G6768" s="40">
        <v>21.467409584977677</v>
      </c>
      <c r="H6768" s="40">
        <v>112.65</v>
      </c>
      <c r="I6768" s="40">
        <v>19.681941699665579</v>
      </c>
      <c r="J6768" s="40">
        <v>112.649959476191</v>
      </c>
      <c r="K6768" s="40">
        <v>13.2225183736847</v>
      </c>
      <c r="L6768" s="40"/>
      <c r="M6768" s="40"/>
      <c r="N6768" s="40"/>
    </row>
    <row r="6769" spans="4:14" x14ac:dyDescent="0.25">
      <c r="D6769" s="40">
        <v>112.67882700000497</v>
      </c>
      <c r="E6769" s="40">
        <v>21.115973757379269</v>
      </c>
      <c r="F6769" s="40">
        <v>112.66666699999999</v>
      </c>
      <c r="G6769" s="40">
        <v>21.467409584977677</v>
      </c>
      <c r="H6769" s="40">
        <v>112.66666700000002</v>
      </c>
      <c r="I6769" s="40">
        <v>19.681941699665579</v>
      </c>
      <c r="J6769" s="40">
        <v>112.66662613690499</v>
      </c>
      <c r="K6769" s="40">
        <v>13.217667329975594</v>
      </c>
      <c r="L6769" s="40"/>
      <c r="M6769" s="40"/>
      <c r="N6769" s="40"/>
    </row>
    <row r="6770" spans="4:14" x14ac:dyDescent="0.25">
      <c r="D6770" s="40">
        <v>112.69549300000497</v>
      </c>
      <c r="E6770" s="40">
        <v>21.120816935968691</v>
      </c>
      <c r="F6770" s="40">
        <v>112.683333</v>
      </c>
      <c r="G6770" s="40">
        <v>21.472164829067896</v>
      </c>
      <c r="H6770" s="40">
        <v>112.683334</v>
      </c>
      <c r="I6770" s="40">
        <v>19.685195825922342</v>
      </c>
      <c r="J6770" s="40">
        <v>112.68329279762</v>
      </c>
      <c r="K6770" s="40">
        <v>13.217667329975594</v>
      </c>
      <c r="L6770" s="40"/>
      <c r="M6770" s="40"/>
      <c r="N6770" s="40"/>
    </row>
    <row r="6771" spans="4:14" x14ac:dyDescent="0.25">
      <c r="D6771" s="40">
        <v>112.71215900000497</v>
      </c>
      <c r="E6771" s="40">
        <v>21.120816935968691</v>
      </c>
      <c r="F6771" s="40">
        <v>112.69999999999999</v>
      </c>
      <c r="G6771" s="40">
        <v>21.472164829067896</v>
      </c>
      <c r="H6771" s="40">
        <v>112.70000000000002</v>
      </c>
      <c r="I6771" s="40">
        <v>19.685195825922342</v>
      </c>
      <c r="J6771" s="40">
        <v>112.69995945833401</v>
      </c>
      <c r="K6771" s="40">
        <v>13.217667329975594</v>
      </c>
      <c r="L6771" s="40"/>
      <c r="M6771" s="40"/>
      <c r="N6771" s="40"/>
    </row>
    <row r="6772" spans="4:14" x14ac:dyDescent="0.25">
      <c r="D6772" s="40">
        <v>112.72882500000497</v>
      </c>
      <c r="E6772" s="40">
        <v>21.120816935968691</v>
      </c>
      <c r="F6772" s="40">
        <v>112.716667</v>
      </c>
      <c r="G6772" s="40">
        <v>21.472164829067896</v>
      </c>
      <c r="H6772" s="40">
        <v>112.716667</v>
      </c>
      <c r="I6772" s="40">
        <v>19.688548562065602</v>
      </c>
      <c r="J6772" s="40">
        <v>112.716626119048</v>
      </c>
      <c r="K6772" s="40">
        <v>13.2225183736847</v>
      </c>
      <c r="L6772" s="40"/>
      <c r="M6772" s="40"/>
      <c r="N6772" s="40"/>
    </row>
    <row r="6773" spans="4:14" x14ac:dyDescent="0.25">
      <c r="D6773" s="40">
        <v>112.74549100000498</v>
      </c>
      <c r="E6773" s="40">
        <v>21.120816935968691</v>
      </c>
      <c r="F6773" s="40">
        <v>112.73333299999999</v>
      </c>
      <c r="G6773" s="40">
        <v>21.476780213037795</v>
      </c>
      <c r="H6773" s="40">
        <v>112.73333400000001</v>
      </c>
      <c r="I6773" s="40">
        <v>19.688548562065602</v>
      </c>
      <c r="J6773" s="40">
        <v>112.733292779762</v>
      </c>
      <c r="K6773" s="40">
        <v>13.2225183736847</v>
      </c>
      <c r="L6773" s="40"/>
      <c r="M6773" s="40"/>
      <c r="N6773" s="40"/>
    </row>
    <row r="6774" spans="4:14" x14ac:dyDescent="0.25">
      <c r="D6774" s="40">
        <v>112.76215700000498</v>
      </c>
      <c r="E6774" s="40">
        <v>21.120816935968691</v>
      </c>
      <c r="F6774" s="40">
        <v>112.75</v>
      </c>
      <c r="G6774" s="40">
        <v>21.476780213037795</v>
      </c>
      <c r="H6774" s="40">
        <v>112.75</v>
      </c>
      <c r="I6774" s="40">
        <v>19.691901298209036</v>
      </c>
      <c r="J6774" s="40">
        <v>112.749959440477</v>
      </c>
      <c r="K6774" s="40">
        <v>13.2225183736847</v>
      </c>
      <c r="L6774" s="40"/>
      <c r="M6774" s="40"/>
      <c r="N6774" s="40"/>
    </row>
    <row r="6775" spans="4:14" x14ac:dyDescent="0.25">
      <c r="D6775" s="40">
        <v>112.77882300000498</v>
      </c>
      <c r="E6775" s="40">
        <v>21.120816935968691</v>
      </c>
      <c r="F6775" s="40">
        <v>112.76666699999998</v>
      </c>
      <c r="G6775" s="40">
        <v>21.476780213037795</v>
      </c>
      <c r="H6775" s="40">
        <v>112.76666700000001</v>
      </c>
      <c r="I6775" s="40">
        <v>19.695155424465799</v>
      </c>
      <c r="J6775" s="40">
        <v>112.76662610119099</v>
      </c>
      <c r="K6775" s="40">
        <v>13.2225183736847</v>
      </c>
      <c r="L6775" s="40"/>
      <c r="M6775" s="40"/>
      <c r="N6775" s="40"/>
    </row>
    <row r="6776" spans="4:14" x14ac:dyDescent="0.25">
      <c r="D6776" s="40">
        <v>112.79548900000498</v>
      </c>
      <c r="E6776" s="40">
        <v>21.120816935968691</v>
      </c>
      <c r="F6776" s="40">
        <v>112.783333</v>
      </c>
      <c r="G6776" s="40">
        <v>21.476780213037795</v>
      </c>
      <c r="H6776" s="40">
        <v>112.783334</v>
      </c>
      <c r="I6776" s="40">
        <v>19.695155424465799</v>
      </c>
      <c r="J6776" s="40">
        <v>112.783292761905</v>
      </c>
      <c r="K6776" s="40">
        <v>13.2225183736847</v>
      </c>
      <c r="L6776" s="40"/>
      <c r="M6776" s="40"/>
      <c r="N6776" s="40"/>
    </row>
    <row r="6777" spans="4:14" x14ac:dyDescent="0.25">
      <c r="D6777" s="40">
        <v>112.81215500000498</v>
      </c>
      <c r="E6777" s="40">
        <v>21.120816935968691</v>
      </c>
      <c r="F6777" s="40">
        <v>112.79999999999998</v>
      </c>
      <c r="G6777" s="40">
        <v>21.481535457128015</v>
      </c>
      <c r="H6777" s="40">
        <v>112.80000000000001</v>
      </c>
      <c r="I6777" s="40">
        <v>19.698508160609055</v>
      </c>
      <c r="J6777" s="40">
        <v>112.79995942262001</v>
      </c>
      <c r="K6777" s="40">
        <v>13.2225183736847</v>
      </c>
      <c r="L6777" s="40"/>
      <c r="M6777" s="40"/>
      <c r="N6777" s="40"/>
    </row>
    <row r="6778" spans="4:14" x14ac:dyDescent="0.25">
      <c r="D6778" s="40">
        <v>112.82882100000498</v>
      </c>
      <c r="E6778" s="40">
        <v>21.120816935968691</v>
      </c>
      <c r="F6778" s="40">
        <v>112.816667</v>
      </c>
      <c r="G6778" s="40">
        <v>21.481535457128015</v>
      </c>
      <c r="H6778" s="40">
        <v>112.816667</v>
      </c>
      <c r="I6778" s="40">
        <v>19.698508160609055</v>
      </c>
      <c r="J6778" s="40">
        <v>112.816626083334</v>
      </c>
      <c r="K6778" s="40">
        <v>13.2225183736847</v>
      </c>
      <c r="L6778" s="40"/>
      <c r="M6778" s="40"/>
      <c r="N6778" s="40"/>
    </row>
    <row r="6779" spans="4:14" x14ac:dyDescent="0.25">
      <c r="D6779" s="40">
        <v>112.84548700000498</v>
      </c>
      <c r="E6779" s="40">
        <v>21.120816935968691</v>
      </c>
      <c r="F6779" s="40">
        <v>112.83333299999998</v>
      </c>
      <c r="G6779" s="40">
        <v>21.481535457128015</v>
      </c>
      <c r="H6779" s="40">
        <v>112.83333400000001</v>
      </c>
      <c r="I6779" s="40">
        <v>19.701860896752311</v>
      </c>
      <c r="J6779" s="40">
        <v>112.83329274404799</v>
      </c>
      <c r="K6779" s="40">
        <v>13.2225183736847</v>
      </c>
      <c r="L6779" s="40"/>
      <c r="M6779" s="40"/>
      <c r="N6779" s="40"/>
    </row>
    <row r="6780" spans="4:14" x14ac:dyDescent="0.25">
      <c r="D6780" s="40">
        <v>112.86215300000498</v>
      </c>
      <c r="E6780" s="40">
        <v>21.120816935968691</v>
      </c>
      <c r="F6780" s="40">
        <v>112.85</v>
      </c>
      <c r="G6780" s="40">
        <v>21.481535457128015</v>
      </c>
      <c r="H6780" s="40">
        <v>112.85</v>
      </c>
      <c r="I6780" s="40">
        <v>19.701860896752311</v>
      </c>
      <c r="J6780" s="40">
        <v>112.849959404762</v>
      </c>
      <c r="K6780" s="40">
        <v>13.2225183736847</v>
      </c>
      <c r="L6780" s="40"/>
      <c r="M6780" s="40"/>
      <c r="N6780" s="40"/>
    </row>
    <row r="6781" spans="4:14" x14ac:dyDescent="0.25">
      <c r="D6781" s="40">
        <v>112.87881900000498</v>
      </c>
      <c r="E6781" s="40">
        <v>21.120816935968691</v>
      </c>
      <c r="F6781" s="40">
        <v>112.86666700000001</v>
      </c>
      <c r="G6781" s="40">
        <v>21.481535457128015</v>
      </c>
      <c r="H6781" s="40">
        <v>112.86666700000001</v>
      </c>
      <c r="I6781" s="40">
        <v>19.705115023009075</v>
      </c>
      <c r="J6781" s="40">
        <v>112.86662606547701</v>
      </c>
      <c r="K6781" s="40">
        <v>13.2225183736847</v>
      </c>
      <c r="L6781" s="40"/>
      <c r="M6781" s="40"/>
      <c r="N6781" s="40"/>
    </row>
    <row r="6782" spans="4:14" x14ac:dyDescent="0.25">
      <c r="D6782" s="40">
        <v>112.89548500000498</v>
      </c>
      <c r="E6782" s="40">
        <v>21.125660114558244</v>
      </c>
      <c r="F6782" s="40">
        <v>112.88333299999999</v>
      </c>
      <c r="G6782" s="40">
        <v>21.481535457128015</v>
      </c>
      <c r="H6782" s="40">
        <v>112.88333400000002</v>
      </c>
      <c r="I6782" s="40">
        <v>19.705115023009075</v>
      </c>
      <c r="J6782" s="40">
        <v>112.883292726191</v>
      </c>
      <c r="K6782" s="40">
        <v>13.2225183736847</v>
      </c>
      <c r="L6782" s="40"/>
      <c r="M6782" s="40"/>
      <c r="N6782" s="40"/>
    </row>
    <row r="6783" spans="4:14" x14ac:dyDescent="0.25">
      <c r="D6783" s="40">
        <v>112.91215100000498</v>
      </c>
      <c r="E6783" s="40">
        <v>21.125660114558244</v>
      </c>
      <c r="F6783" s="40">
        <v>112.9</v>
      </c>
      <c r="G6783" s="40">
        <v>21.481535457128015</v>
      </c>
      <c r="H6783" s="40">
        <v>112.9</v>
      </c>
      <c r="I6783" s="40">
        <v>19.708467759152331</v>
      </c>
      <c r="J6783" s="40">
        <v>112.899959386905</v>
      </c>
      <c r="K6783" s="40">
        <v>13.227369417393932</v>
      </c>
      <c r="L6783" s="40"/>
      <c r="M6783" s="40"/>
      <c r="N6783" s="40"/>
    </row>
    <row r="6784" spans="4:14" x14ac:dyDescent="0.25">
      <c r="D6784" s="40">
        <v>112.92881700000498</v>
      </c>
      <c r="E6784" s="40">
        <v>21.125660114558244</v>
      </c>
      <c r="F6784" s="40">
        <v>112.91666699999999</v>
      </c>
      <c r="G6784" s="40">
        <v>21.48629070121811</v>
      </c>
      <c r="H6784" s="40">
        <v>112.91666700000002</v>
      </c>
      <c r="I6784" s="40">
        <v>19.708467759152331</v>
      </c>
      <c r="J6784" s="40">
        <v>112.91662604762</v>
      </c>
      <c r="K6784" s="40">
        <v>13.227369417393932</v>
      </c>
      <c r="L6784" s="40"/>
      <c r="M6784" s="40"/>
      <c r="N6784" s="40"/>
    </row>
    <row r="6785" spans="4:14" x14ac:dyDescent="0.25">
      <c r="D6785" s="40">
        <v>112.94548300000498</v>
      </c>
      <c r="E6785" s="40">
        <v>21.125660114558244</v>
      </c>
      <c r="F6785" s="40">
        <v>112.933333</v>
      </c>
      <c r="G6785" s="40">
        <v>21.48629070121811</v>
      </c>
      <c r="H6785" s="40">
        <v>112.933334</v>
      </c>
      <c r="I6785" s="40">
        <v>19.711820495295765</v>
      </c>
      <c r="J6785" s="40">
        <v>112.93329270833399</v>
      </c>
      <c r="K6785" s="40">
        <v>13.227369417393932</v>
      </c>
      <c r="L6785" s="40"/>
      <c r="M6785" s="40"/>
      <c r="N6785" s="40"/>
    </row>
    <row r="6786" spans="4:14" x14ac:dyDescent="0.25">
      <c r="D6786" s="40">
        <v>112.96214900000498</v>
      </c>
      <c r="E6786" s="40">
        <v>21.125660114558244</v>
      </c>
      <c r="F6786" s="40">
        <v>112.94999999999999</v>
      </c>
      <c r="G6786" s="40">
        <v>21.48629070121811</v>
      </c>
      <c r="H6786" s="40">
        <v>112.95000000000002</v>
      </c>
      <c r="I6786" s="40">
        <v>19.711820495295765</v>
      </c>
      <c r="J6786" s="40">
        <v>112.949959369048</v>
      </c>
      <c r="K6786" s="40">
        <v>13.227369417393932</v>
      </c>
      <c r="L6786" s="40"/>
      <c r="M6786" s="40"/>
      <c r="N6786" s="40"/>
    </row>
    <row r="6787" spans="4:14" x14ac:dyDescent="0.25">
      <c r="D6787" s="40">
        <v>112.97881500000499</v>
      </c>
      <c r="E6787" s="40">
        <v>21.125660114558244</v>
      </c>
      <c r="F6787" s="40">
        <v>112.966667</v>
      </c>
      <c r="G6787" s="40">
        <v>21.48629070121811</v>
      </c>
      <c r="H6787" s="40">
        <v>112.966667</v>
      </c>
      <c r="I6787" s="40">
        <v>19.715173231439024</v>
      </c>
      <c r="J6787" s="40">
        <v>112.966626029762</v>
      </c>
      <c r="K6787" s="40">
        <v>13.227369417393932</v>
      </c>
      <c r="L6787" s="40"/>
      <c r="M6787" s="40"/>
      <c r="N6787" s="40"/>
    </row>
    <row r="6788" spans="4:14" x14ac:dyDescent="0.25">
      <c r="D6788" s="40">
        <v>112.99548100000499</v>
      </c>
      <c r="E6788" s="40">
        <v>21.125660114558244</v>
      </c>
      <c r="F6788" s="40">
        <v>112.98333299999999</v>
      </c>
      <c r="G6788" s="40">
        <v>21.48629070121811</v>
      </c>
      <c r="H6788" s="40">
        <v>112.98333400000001</v>
      </c>
      <c r="I6788" s="40">
        <v>19.715173231439024</v>
      </c>
      <c r="J6788" s="40">
        <v>112.983292690477</v>
      </c>
      <c r="K6788" s="40">
        <v>13.227369417393932</v>
      </c>
      <c r="L6788" s="40"/>
      <c r="M6788" s="40"/>
      <c r="N6788" s="40"/>
    </row>
    <row r="6789" spans="4:14" x14ac:dyDescent="0.25">
      <c r="D6789" s="40">
        <v>113.01214700000499</v>
      </c>
      <c r="E6789" s="40">
        <v>21.120816935968691</v>
      </c>
      <c r="F6789" s="40">
        <v>113</v>
      </c>
      <c r="G6789" s="40">
        <v>21.48629070121811</v>
      </c>
      <c r="H6789" s="40">
        <v>113</v>
      </c>
      <c r="I6789" s="40">
        <v>19.718427357695784</v>
      </c>
      <c r="J6789" s="40">
        <v>112.99995935119099</v>
      </c>
      <c r="K6789" s="40">
        <v>13.227369417393932</v>
      </c>
      <c r="L6789" s="40"/>
      <c r="M6789" s="40"/>
      <c r="N6789" s="40"/>
    </row>
    <row r="6790" spans="4:14" x14ac:dyDescent="0.25">
      <c r="D6790" s="40">
        <v>113.02881300000499</v>
      </c>
      <c r="E6790" s="40">
        <v>21.120816935968691</v>
      </c>
      <c r="F6790" s="40">
        <v>113.01666699999998</v>
      </c>
      <c r="G6790" s="40">
        <v>21.490906085188008</v>
      </c>
      <c r="H6790" s="40">
        <v>113.01666700000001</v>
      </c>
      <c r="I6790" s="40">
        <v>19.718427357695784</v>
      </c>
      <c r="J6790" s="40">
        <v>113.016626011905</v>
      </c>
      <c r="K6790" s="40">
        <v>13.232077783346993</v>
      </c>
      <c r="L6790" s="40"/>
      <c r="M6790" s="40"/>
      <c r="N6790" s="40"/>
    </row>
    <row r="6791" spans="4:14" x14ac:dyDescent="0.25">
      <c r="D6791" s="40">
        <v>113.04547900000499</v>
      </c>
      <c r="E6791" s="40">
        <v>21.120816935968691</v>
      </c>
      <c r="F6791" s="40">
        <v>113.033333</v>
      </c>
      <c r="G6791" s="40">
        <v>21.490906085188008</v>
      </c>
      <c r="H6791" s="40">
        <v>113.033334</v>
      </c>
      <c r="I6791" s="40">
        <v>19.718427357695784</v>
      </c>
      <c r="J6791" s="40">
        <v>113.03329267261999</v>
      </c>
      <c r="K6791" s="40">
        <v>13.232077783346993</v>
      </c>
      <c r="L6791" s="40"/>
      <c r="M6791" s="40"/>
      <c r="N6791" s="40"/>
    </row>
    <row r="6792" spans="4:14" x14ac:dyDescent="0.25">
      <c r="D6792" s="40">
        <v>113.06214500000499</v>
      </c>
      <c r="E6792" s="40">
        <v>21.120816935968691</v>
      </c>
      <c r="F6792" s="40">
        <v>113.04999999999998</v>
      </c>
      <c r="G6792" s="40">
        <v>21.490906085188008</v>
      </c>
      <c r="H6792" s="40">
        <v>113.05000000000001</v>
      </c>
      <c r="I6792" s="40">
        <v>19.72178009383904</v>
      </c>
      <c r="J6792" s="40">
        <v>113.049959333334</v>
      </c>
      <c r="K6792" s="40">
        <v>13.236928827056097</v>
      </c>
      <c r="L6792" s="40"/>
      <c r="M6792" s="40"/>
      <c r="N6792" s="40"/>
    </row>
    <row r="6793" spans="4:14" x14ac:dyDescent="0.25">
      <c r="D6793" s="40">
        <v>113.07881100000499</v>
      </c>
      <c r="E6793" s="40">
        <v>21.120816935968691</v>
      </c>
      <c r="F6793" s="40">
        <v>113.066667</v>
      </c>
      <c r="G6793" s="40">
        <v>21.490906085188008</v>
      </c>
      <c r="H6793" s="40">
        <v>113.066667</v>
      </c>
      <c r="I6793" s="40">
        <v>19.725132829982474</v>
      </c>
      <c r="J6793" s="40">
        <v>113.066625994048</v>
      </c>
      <c r="K6793" s="40">
        <v>13.236928827056097</v>
      </c>
      <c r="L6793" s="40"/>
      <c r="M6793" s="40"/>
      <c r="N6793" s="40"/>
    </row>
    <row r="6794" spans="4:14" x14ac:dyDescent="0.25">
      <c r="D6794" s="40">
        <v>113.09547700000499</v>
      </c>
      <c r="E6794" s="40">
        <v>21.120816935968691</v>
      </c>
      <c r="F6794" s="40">
        <v>113.08333299999998</v>
      </c>
      <c r="G6794" s="40">
        <v>21.495661329278228</v>
      </c>
      <c r="H6794" s="40">
        <v>113.08333400000001</v>
      </c>
      <c r="I6794" s="40">
        <v>19.725132829982474</v>
      </c>
      <c r="J6794" s="40">
        <v>113.083292654762</v>
      </c>
      <c r="K6794" s="40">
        <v>13.236928827056097</v>
      </c>
      <c r="L6794" s="40"/>
      <c r="M6794" s="40"/>
      <c r="N6794" s="40"/>
    </row>
    <row r="6795" spans="4:14" x14ac:dyDescent="0.25">
      <c r="D6795" s="40">
        <v>113.11214300000499</v>
      </c>
      <c r="E6795" s="40">
        <v>21.125660114558244</v>
      </c>
      <c r="F6795" s="40">
        <v>113.1</v>
      </c>
      <c r="G6795" s="40">
        <v>21.495661329278228</v>
      </c>
      <c r="H6795" s="40">
        <v>113.1</v>
      </c>
      <c r="I6795" s="40">
        <v>19.725132829982474</v>
      </c>
      <c r="J6795" s="40">
        <v>113.09995931547699</v>
      </c>
      <c r="K6795" s="40">
        <v>13.236928827056097</v>
      </c>
      <c r="L6795" s="40"/>
      <c r="M6795" s="40"/>
      <c r="N6795" s="40"/>
    </row>
    <row r="6796" spans="4:14" x14ac:dyDescent="0.25">
      <c r="D6796" s="40">
        <v>113.12880900000499</v>
      </c>
      <c r="E6796" s="40">
        <v>21.125660114558244</v>
      </c>
      <c r="F6796" s="40">
        <v>113.11666700000001</v>
      </c>
      <c r="G6796" s="40">
        <v>21.495661329278228</v>
      </c>
      <c r="H6796" s="40">
        <v>113.11666700000001</v>
      </c>
      <c r="I6796" s="40">
        <v>19.728386956239238</v>
      </c>
      <c r="J6796" s="40">
        <v>113.116625976191</v>
      </c>
      <c r="K6796" s="40">
        <v>13.236928827056097</v>
      </c>
      <c r="L6796" s="40"/>
      <c r="M6796" s="40"/>
      <c r="N6796" s="40"/>
    </row>
    <row r="6797" spans="4:14" x14ac:dyDescent="0.25">
      <c r="D6797" s="40">
        <v>113.14547500000499</v>
      </c>
      <c r="E6797" s="40">
        <v>21.125660114558244</v>
      </c>
      <c r="F6797" s="40">
        <v>113.13333299999999</v>
      </c>
      <c r="G6797" s="40">
        <v>21.495661329278228</v>
      </c>
      <c r="H6797" s="40">
        <v>113.13333400000002</v>
      </c>
      <c r="I6797" s="40">
        <v>19.728386956239238</v>
      </c>
      <c r="J6797" s="40">
        <v>113.133292636905</v>
      </c>
      <c r="K6797" s="40">
        <v>13.236928827056097</v>
      </c>
      <c r="L6797" s="40"/>
      <c r="M6797" s="40"/>
      <c r="N6797" s="40"/>
    </row>
    <row r="6798" spans="4:14" x14ac:dyDescent="0.25">
      <c r="D6798" s="40">
        <v>113.16214100000499</v>
      </c>
      <c r="E6798" s="40">
        <v>21.13050329314779</v>
      </c>
      <c r="F6798" s="40">
        <v>113.15</v>
      </c>
      <c r="G6798" s="40">
        <v>21.495661329278228</v>
      </c>
      <c r="H6798" s="40">
        <v>113.15</v>
      </c>
      <c r="I6798" s="40">
        <v>19.731739692382494</v>
      </c>
      <c r="J6798" s="40">
        <v>113.14995929762</v>
      </c>
      <c r="K6798" s="40">
        <v>13.236928827056097</v>
      </c>
      <c r="L6798" s="40"/>
      <c r="M6798" s="40"/>
      <c r="N6798" s="40"/>
    </row>
    <row r="6799" spans="4:14" x14ac:dyDescent="0.25">
      <c r="D6799" s="40">
        <v>113.17880700000499</v>
      </c>
      <c r="E6799" s="40">
        <v>21.13050329314779</v>
      </c>
      <c r="F6799" s="40">
        <v>113.16666699999999</v>
      </c>
      <c r="G6799" s="40">
        <v>21.495661329278228</v>
      </c>
      <c r="H6799" s="40">
        <v>113.16666700000002</v>
      </c>
      <c r="I6799" s="40">
        <v>19.731739692382494</v>
      </c>
      <c r="J6799" s="40">
        <v>113.166625958334</v>
      </c>
      <c r="K6799" s="40">
        <v>13.236928827056097</v>
      </c>
      <c r="L6799" s="40"/>
      <c r="M6799" s="40"/>
      <c r="N6799" s="40"/>
    </row>
    <row r="6800" spans="4:14" x14ac:dyDescent="0.25">
      <c r="D6800" s="40">
        <v>113.19547300000499</v>
      </c>
      <c r="E6800" s="40">
        <v>21.135204025308092</v>
      </c>
      <c r="F6800" s="40">
        <v>113.183333</v>
      </c>
      <c r="G6800" s="40">
        <v>21.500416573368327</v>
      </c>
      <c r="H6800" s="40">
        <v>113.183334</v>
      </c>
      <c r="I6800" s="40">
        <v>19.735092428525753</v>
      </c>
      <c r="J6800" s="40">
        <v>113.183292619048</v>
      </c>
      <c r="K6800" s="40">
        <v>13.236928827056097</v>
      </c>
      <c r="L6800" s="40"/>
      <c r="M6800" s="40"/>
      <c r="N6800" s="40"/>
    </row>
    <row r="6801" spans="4:14" x14ac:dyDescent="0.25">
      <c r="D6801" s="40">
        <v>113.212139000005</v>
      </c>
      <c r="E6801" s="40">
        <v>21.135204025308092</v>
      </c>
      <c r="F6801" s="40">
        <v>113.19999999999999</v>
      </c>
      <c r="G6801" s="40">
        <v>21.500416573368327</v>
      </c>
      <c r="H6801" s="40">
        <v>113.20000000000002</v>
      </c>
      <c r="I6801" s="40">
        <v>19.735092428525753</v>
      </c>
      <c r="J6801" s="40">
        <v>113.199959279762</v>
      </c>
      <c r="K6801" s="40">
        <v>13.236928827056097</v>
      </c>
      <c r="L6801" s="40"/>
      <c r="M6801" s="40"/>
      <c r="N6801" s="40"/>
    </row>
    <row r="6802" spans="4:14" x14ac:dyDescent="0.25">
      <c r="D6802" s="40">
        <v>113.228805000005</v>
      </c>
      <c r="E6802" s="40">
        <v>21.135204025308092</v>
      </c>
      <c r="F6802" s="40">
        <v>113.216667</v>
      </c>
      <c r="G6802" s="40">
        <v>21.500416573368327</v>
      </c>
      <c r="H6802" s="40">
        <v>113.216667</v>
      </c>
      <c r="I6802" s="40">
        <v>19.738346554782517</v>
      </c>
      <c r="J6802" s="40">
        <v>113.216625940477</v>
      </c>
      <c r="K6802" s="40">
        <v>13.236928827056097</v>
      </c>
      <c r="L6802" s="40"/>
      <c r="M6802" s="40"/>
      <c r="N6802" s="40"/>
    </row>
    <row r="6803" spans="4:14" x14ac:dyDescent="0.25">
      <c r="D6803" s="40">
        <v>113.245471000005</v>
      </c>
      <c r="E6803" s="40">
        <v>21.135204025308092</v>
      </c>
      <c r="F6803" s="40">
        <v>113.23333299999999</v>
      </c>
      <c r="G6803" s="40">
        <v>21.500416573368327</v>
      </c>
      <c r="H6803" s="40">
        <v>113.23333400000001</v>
      </c>
      <c r="I6803" s="40">
        <v>19.738346554782517</v>
      </c>
      <c r="J6803" s="40">
        <v>113.233292601191</v>
      </c>
      <c r="K6803" s="40">
        <v>13.236928827056097</v>
      </c>
      <c r="L6803" s="40"/>
      <c r="M6803" s="40"/>
      <c r="N6803" s="40"/>
    </row>
    <row r="6804" spans="4:14" x14ac:dyDescent="0.25">
      <c r="D6804" s="40">
        <v>113.262137000005</v>
      </c>
      <c r="E6804" s="40">
        <v>21.140047203897637</v>
      </c>
      <c r="F6804" s="40">
        <v>113.25</v>
      </c>
      <c r="G6804" s="40">
        <v>21.505031957338222</v>
      </c>
      <c r="H6804" s="40">
        <v>113.25</v>
      </c>
      <c r="I6804" s="40">
        <v>19.741699290925769</v>
      </c>
      <c r="J6804" s="40">
        <v>113.249959261905</v>
      </c>
      <c r="K6804" s="40">
        <v>13.232077783346993</v>
      </c>
      <c r="L6804" s="40"/>
      <c r="M6804" s="40"/>
      <c r="N6804" s="40"/>
    </row>
    <row r="6805" spans="4:14" x14ac:dyDescent="0.25">
      <c r="D6805" s="40">
        <v>113.278803000005</v>
      </c>
      <c r="E6805" s="40">
        <v>21.140047203897637</v>
      </c>
      <c r="F6805" s="40">
        <v>113.26666699999998</v>
      </c>
      <c r="G6805" s="40">
        <v>21.505031957338222</v>
      </c>
      <c r="H6805" s="40">
        <v>113.26666700000001</v>
      </c>
      <c r="I6805" s="40">
        <v>19.745052027069203</v>
      </c>
      <c r="J6805" s="40">
        <v>113.26662592261999</v>
      </c>
      <c r="K6805" s="40">
        <v>13.232077783346993</v>
      </c>
      <c r="L6805" s="40"/>
      <c r="M6805" s="40"/>
      <c r="N6805" s="40"/>
    </row>
    <row r="6806" spans="4:14" x14ac:dyDescent="0.25">
      <c r="D6806" s="40">
        <v>113.295469000005</v>
      </c>
      <c r="E6806" s="40">
        <v>21.140047203897637</v>
      </c>
      <c r="F6806" s="40">
        <v>113.283333</v>
      </c>
      <c r="G6806" s="40">
        <v>21.505031957338222</v>
      </c>
      <c r="H6806" s="40">
        <v>113.283334</v>
      </c>
      <c r="I6806" s="40">
        <v>19.745052027069203</v>
      </c>
      <c r="J6806" s="40">
        <v>113.283292583334</v>
      </c>
      <c r="K6806" s="40">
        <v>13.232077783346993</v>
      </c>
      <c r="L6806" s="40"/>
      <c r="M6806" s="40"/>
      <c r="N6806" s="40"/>
    </row>
    <row r="6807" spans="4:14" x14ac:dyDescent="0.25">
      <c r="D6807" s="40">
        <v>113.312135000005</v>
      </c>
      <c r="E6807" s="40">
        <v>21.140047203897637</v>
      </c>
      <c r="F6807" s="40">
        <v>113.29999999999998</v>
      </c>
      <c r="G6807" s="40">
        <v>21.505031957338222</v>
      </c>
      <c r="H6807" s="40">
        <v>113.30000000000001</v>
      </c>
      <c r="I6807" s="40">
        <v>19.748306153325967</v>
      </c>
      <c r="J6807" s="40">
        <v>113.299959244048</v>
      </c>
      <c r="K6807" s="40">
        <v>13.232077783346993</v>
      </c>
      <c r="L6807" s="40"/>
      <c r="M6807" s="40"/>
      <c r="N6807" s="40"/>
    </row>
    <row r="6808" spans="4:14" x14ac:dyDescent="0.25">
      <c r="D6808" s="40">
        <v>113.328801000005</v>
      </c>
      <c r="E6808" s="40">
        <v>21.144890382487187</v>
      </c>
      <c r="F6808" s="40">
        <v>113.316667</v>
      </c>
      <c r="G6808" s="40">
        <v>21.505031957338222</v>
      </c>
      <c r="H6808" s="40">
        <v>113.316667</v>
      </c>
      <c r="I6808" s="40">
        <v>19.748306153325967</v>
      </c>
      <c r="J6808" s="40">
        <v>113.31662590476201</v>
      </c>
      <c r="K6808" s="40">
        <v>13.232077783346993</v>
      </c>
      <c r="L6808" s="40"/>
      <c r="M6808" s="40"/>
      <c r="N6808" s="40"/>
    </row>
    <row r="6809" spans="4:14" x14ac:dyDescent="0.25">
      <c r="D6809" s="40">
        <v>113.345467000005</v>
      </c>
      <c r="E6809" s="40">
        <v>21.144890382487187</v>
      </c>
      <c r="F6809" s="40">
        <v>113.33333299999998</v>
      </c>
      <c r="G6809" s="40">
        <v>21.505031957338222</v>
      </c>
      <c r="H6809" s="40">
        <v>113.33333400000001</v>
      </c>
      <c r="I6809" s="40">
        <v>19.751658889469226</v>
      </c>
      <c r="J6809" s="40">
        <v>113.333292565477</v>
      </c>
      <c r="K6809" s="40">
        <v>13.232077783346993</v>
      </c>
      <c r="L6809" s="40"/>
      <c r="M6809" s="40"/>
      <c r="N6809" s="40"/>
    </row>
    <row r="6810" spans="4:14" x14ac:dyDescent="0.25">
      <c r="D6810" s="40">
        <v>113.362133000005</v>
      </c>
      <c r="E6810" s="40">
        <v>21.149591114647485</v>
      </c>
      <c r="F6810" s="40">
        <v>113.35</v>
      </c>
      <c r="G6810" s="40">
        <v>21.509787201428445</v>
      </c>
      <c r="H6810" s="40">
        <v>113.35</v>
      </c>
      <c r="I6810" s="40">
        <v>19.751658889469226</v>
      </c>
      <c r="J6810" s="40">
        <v>113.349959226191</v>
      </c>
      <c r="K6810" s="40">
        <v>13.232077783346993</v>
      </c>
      <c r="L6810" s="40"/>
      <c r="M6810" s="40"/>
      <c r="N6810" s="40"/>
    </row>
    <row r="6811" spans="4:14" x14ac:dyDescent="0.25">
      <c r="D6811" s="40">
        <v>113.378799000005</v>
      </c>
      <c r="E6811" s="40">
        <v>21.149591114647485</v>
      </c>
      <c r="F6811" s="40">
        <v>113.36666700000001</v>
      </c>
      <c r="G6811" s="40">
        <v>21.509787201428445</v>
      </c>
      <c r="H6811" s="40">
        <v>113.36666700000001</v>
      </c>
      <c r="I6811" s="40">
        <v>19.755011625612482</v>
      </c>
      <c r="J6811" s="40">
        <v>113.366625886905</v>
      </c>
      <c r="K6811" s="40">
        <v>13.232077783346993</v>
      </c>
      <c r="L6811" s="40"/>
      <c r="M6811" s="40"/>
      <c r="N6811" s="40"/>
    </row>
    <row r="6812" spans="4:14" x14ac:dyDescent="0.25">
      <c r="D6812" s="40">
        <v>113.395465000005</v>
      </c>
      <c r="E6812" s="40">
        <v>21.154434293237031</v>
      </c>
      <c r="F6812" s="40">
        <v>113.38333299999999</v>
      </c>
      <c r="G6812" s="40">
        <v>21.509787201428445</v>
      </c>
      <c r="H6812" s="40">
        <v>113.38333400000002</v>
      </c>
      <c r="I6812" s="40">
        <v>19.755011625612482</v>
      </c>
      <c r="J6812" s="40">
        <v>113.38329254762</v>
      </c>
      <c r="K6812" s="40">
        <v>13.232077783346993</v>
      </c>
      <c r="L6812" s="40"/>
      <c r="M6812" s="40"/>
      <c r="N6812" s="40"/>
    </row>
    <row r="6813" spans="4:14" x14ac:dyDescent="0.25">
      <c r="D6813" s="40">
        <v>113.412131000005</v>
      </c>
      <c r="E6813" s="40">
        <v>21.154434293237031</v>
      </c>
      <c r="F6813" s="40">
        <v>113.4</v>
      </c>
      <c r="G6813" s="40">
        <v>21.509787201428445</v>
      </c>
      <c r="H6813" s="40">
        <v>113.4</v>
      </c>
      <c r="I6813" s="40">
        <v>19.758265751869246</v>
      </c>
      <c r="J6813" s="40">
        <v>113.399959208334</v>
      </c>
      <c r="K6813" s="40">
        <v>13.232077783346993</v>
      </c>
      <c r="L6813" s="40"/>
      <c r="M6813" s="40"/>
      <c r="N6813" s="40"/>
    </row>
    <row r="6814" spans="4:14" x14ac:dyDescent="0.25">
      <c r="D6814" s="40">
        <v>113.42879700000501</v>
      </c>
      <c r="E6814" s="40">
        <v>21.154434293237031</v>
      </c>
      <c r="F6814" s="40">
        <v>113.41666699999999</v>
      </c>
      <c r="G6814" s="40">
        <v>21.509787201428445</v>
      </c>
      <c r="H6814" s="40">
        <v>113.41666700000002</v>
      </c>
      <c r="I6814" s="40">
        <v>19.758265751869246</v>
      </c>
      <c r="J6814" s="40">
        <v>113.416625869048</v>
      </c>
      <c r="K6814" s="40">
        <v>13.232077783346993</v>
      </c>
      <c r="L6814" s="40"/>
      <c r="M6814" s="40"/>
      <c r="N6814" s="40"/>
    </row>
    <row r="6815" spans="4:14" x14ac:dyDescent="0.25">
      <c r="D6815" s="40">
        <v>113.44546300000501</v>
      </c>
      <c r="E6815" s="40">
        <v>21.159277471826581</v>
      </c>
      <c r="F6815" s="40">
        <v>113.433333</v>
      </c>
      <c r="G6815" s="40">
        <v>21.509787201428445</v>
      </c>
      <c r="H6815" s="40">
        <v>113.433334</v>
      </c>
      <c r="I6815" s="40">
        <v>19.761618488012676</v>
      </c>
      <c r="J6815" s="40">
        <v>113.433292529762</v>
      </c>
      <c r="K6815" s="40">
        <v>13.232077783346993</v>
      </c>
      <c r="L6815" s="40"/>
      <c r="M6815" s="40"/>
      <c r="N6815" s="40"/>
    </row>
    <row r="6816" spans="4:14" x14ac:dyDescent="0.25">
      <c r="D6816" s="40">
        <v>113.46212900000501</v>
      </c>
      <c r="E6816" s="40">
        <v>21.159277471826581</v>
      </c>
      <c r="F6816" s="40">
        <v>113.44999999999999</v>
      </c>
      <c r="G6816" s="40">
        <v>21.509787201428445</v>
      </c>
      <c r="H6816" s="40">
        <v>113.45000000000002</v>
      </c>
      <c r="I6816" s="40">
        <v>19.764971224155932</v>
      </c>
      <c r="J6816" s="40">
        <v>113.449959190477</v>
      </c>
      <c r="K6816" s="40">
        <v>13.232077783346993</v>
      </c>
      <c r="L6816" s="40"/>
      <c r="M6816" s="40"/>
      <c r="N6816" s="40"/>
    </row>
    <row r="6817" spans="4:14" x14ac:dyDescent="0.25">
      <c r="D6817" s="40">
        <v>113.47879500000501</v>
      </c>
      <c r="E6817" s="40">
        <v>21.163978203987007</v>
      </c>
      <c r="F6817" s="40">
        <v>113.466667</v>
      </c>
      <c r="G6817" s="40">
        <v>21.509787201428445</v>
      </c>
      <c r="H6817" s="40">
        <v>113.466667</v>
      </c>
      <c r="I6817" s="40">
        <v>19.764971224155932</v>
      </c>
      <c r="J6817" s="40">
        <v>113.466625851191</v>
      </c>
      <c r="K6817" s="40">
        <v>13.232077783346993</v>
      </c>
      <c r="L6817" s="40"/>
      <c r="M6817" s="40"/>
      <c r="N6817" s="40"/>
    </row>
    <row r="6818" spans="4:14" x14ac:dyDescent="0.25">
      <c r="D6818" s="40">
        <v>113.49546100000501</v>
      </c>
      <c r="E6818" s="40">
        <v>21.163978203987007</v>
      </c>
      <c r="F6818" s="40">
        <v>113.48333299999999</v>
      </c>
      <c r="G6818" s="40">
        <v>21.509787201428445</v>
      </c>
      <c r="H6818" s="40">
        <v>113.48333400000001</v>
      </c>
      <c r="I6818" s="40">
        <v>19.768225350412695</v>
      </c>
      <c r="J6818" s="40">
        <v>113.48329251190501</v>
      </c>
      <c r="K6818" s="40">
        <v>13.236928827056097</v>
      </c>
      <c r="L6818" s="40"/>
      <c r="M6818" s="40"/>
      <c r="N6818" s="40"/>
    </row>
    <row r="6819" spans="4:14" x14ac:dyDescent="0.25">
      <c r="D6819" s="40">
        <v>113.51212700000501</v>
      </c>
      <c r="E6819" s="40">
        <v>21.163978203987007</v>
      </c>
      <c r="F6819" s="40">
        <v>113.5</v>
      </c>
      <c r="G6819" s="40">
        <v>21.509787201428445</v>
      </c>
      <c r="H6819" s="40">
        <v>113.5</v>
      </c>
      <c r="I6819" s="40">
        <v>19.768225350412695</v>
      </c>
      <c r="J6819" s="40">
        <v>113.49995917262</v>
      </c>
      <c r="K6819" s="40">
        <v>13.236928827056097</v>
      </c>
      <c r="L6819" s="40"/>
      <c r="M6819" s="40"/>
      <c r="N6819" s="40"/>
    </row>
    <row r="6820" spans="4:14" x14ac:dyDescent="0.25">
      <c r="D6820" s="40">
        <v>113.52879300000501</v>
      </c>
      <c r="E6820" s="40">
        <v>21.159277471826581</v>
      </c>
      <c r="F6820" s="40">
        <v>113.51666699999998</v>
      </c>
      <c r="G6820" s="40">
        <v>21.509787201428445</v>
      </c>
      <c r="H6820" s="40">
        <v>113.51666700000001</v>
      </c>
      <c r="I6820" s="40">
        <v>19.771578086555955</v>
      </c>
      <c r="J6820" s="40">
        <v>113.516625833334</v>
      </c>
      <c r="K6820" s="40">
        <v>13.236928827056097</v>
      </c>
      <c r="L6820" s="40"/>
      <c r="M6820" s="40"/>
      <c r="N6820" s="40"/>
    </row>
    <row r="6821" spans="4:14" x14ac:dyDescent="0.25">
      <c r="D6821" s="40">
        <v>113.54545900000501</v>
      </c>
      <c r="E6821" s="40">
        <v>21.159277471826581</v>
      </c>
      <c r="F6821" s="40">
        <v>113.533333</v>
      </c>
      <c r="G6821" s="40">
        <v>21.509787201428445</v>
      </c>
      <c r="H6821" s="40">
        <v>113.533334</v>
      </c>
      <c r="I6821" s="40">
        <v>19.774930822699211</v>
      </c>
      <c r="J6821" s="40">
        <v>113.533292494048</v>
      </c>
      <c r="K6821" s="40">
        <v>13.232077783346993</v>
      </c>
      <c r="L6821" s="40"/>
      <c r="M6821" s="40"/>
      <c r="N6821" s="40"/>
    </row>
    <row r="6822" spans="4:14" x14ac:dyDescent="0.25">
      <c r="D6822" s="40">
        <v>113.56212500000501</v>
      </c>
      <c r="E6822" s="40">
        <v>21.159277471826581</v>
      </c>
      <c r="F6822" s="40">
        <v>113.54999999999998</v>
      </c>
      <c r="G6822" s="40">
        <v>21.509787201428445</v>
      </c>
      <c r="H6822" s="40">
        <v>113.55000000000001</v>
      </c>
      <c r="I6822" s="40">
        <v>19.774930822699211</v>
      </c>
      <c r="J6822" s="40">
        <v>113.54995915476201</v>
      </c>
      <c r="K6822" s="40">
        <v>13.232077783346993</v>
      </c>
      <c r="L6822" s="40"/>
      <c r="M6822" s="40"/>
      <c r="N6822" s="40"/>
    </row>
    <row r="6823" spans="4:14" x14ac:dyDescent="0.25">
      <c r="D6823" s="40">
        <v>113.57879100000501</v>
      </c>
      <c r="E6823" s="40">
        <v>21.154434293237031</v>
      </c>
      <c r="F6823" s="40">
        <v>113.566667</v>
      </c>
      <c r="G6823" s="40">
        <v>21.509787201428445</v>
      </c>
      <c r="H6823" s="40">
        <v>113.566667</v>
      </c>
      <c r="I6823" s="40">
        <v>19.778184948955975</v>
      </c>
      <c r="J6823" s="40">
        <v>113.566625815477</v>
      </c>
      <c r="K6823" s="40">
        <v>13.232077783346993</v>
      </c>
      <c r="L6823" s="40"/>
      <c r="M6823" s="40"/>
      <c r="N6823" s="40"/>
    </row>
    <row r="6824" spans="4:14" x14ac:dyDescent="0.25">
      <c r="D6824" s="40">
        <v>113.59545700000501</v>
      </c>
      <c r="E6824" s="40">
        <v>21.149591114647485</v>
      </c>
      <c r="F6824" s="40">
        <v>113.58333299999998</v>
      </c>
      <c r="G6824" s="40">
        <v>21.509787201428445</v>
      </c>
      <c r="H6824" s="40">
        <v>113.58333400000001</v>
      </c>
      <c r="I6824" s="40">
        <v>19.778184948955975</v>
      </c>
      <c r="J6824" s="40">
        <v>113.583292476191</v>
      </c>
      <c r="K6824" s="40">
        <v>13.232077783346993</v>
      </c>
      <c r="L6824" s="40"/>
      <c r="M6824" s="40"/>
      <c r="N6824" s="40"/>
    </row>
    <row r="6825" spans="4:14" x14ac:dyDescent="0.25">
      <c r="D6825" s="40">
        <v>113.61212300000501</v>
      </c>
      <c r="E6825" s="40">
        <v>21.149591114647485</v>
      </c>
      <c r="F6825" s="40">
        <v>113.6</v>
      </c>
      <c r="G6825" s="40">
        <v>21.509787201428445</v>
      </c>
      <c r="H6825" s="40">
        <v>113.6</v>
      </c>
      <c r="I6825" s="40">
        <v>19.781537685099405</v>
      </c>
      <c r="J6825" s="40">
        <v>113.599959136905</v>
      </c>
      <c r="K6825" s="40">
        <v>13.232077783346993</v>
      </c>
      <c r="L6825" s="40"/>
      <c r="M6825" s="40"/>
      <c r="N6825" s="40"/>
    </row>
    <row r="6826" spans="4:14" x14ac:dyDescent="0.25">
      <c r="D6826" s="40">
        <v>113.62878900000501</v>
      </c>
      <c r="E6826" s="40">
        <v>21.144890382487187</v>
      </c>
      <c r="F6826" s="40">
        <v>113.61666700000001</v>
      </c>
      <c r="G6826" s="40">
        <v>21.509787201428445</v>
      </c>
      <c r="H6826" s="40">
        <v>113.61666700000001</v>
      </c>
      <c r="I6826" s="40">
        <v>19.781537685099405</v>
      </c>
      <c r="J6826" s="40">
        <v>113.61662579762</v>
      </c>
      <c r="K6826" s="40">
        <v>13.232077783346993</v>
      </c>
      <c r="L6826" s="40"/>
      <c r="M6826" s="40"/>
      <c r="N6826" s="40"/>
    </row>
    <row r="6827" spans="4:14" x14ac:dyDescent="0.25">
      <c r="D6827" s="40">
        <v>113.64545500000501</v>
      </c>
      <c r="E6827" s="40">
        <v>21.144890382487187</v>
      </c>
      <c r="F6827" s="40">
        <v>113.63333299999999</v>
      </c>
      <c r="G6827" s="40">
        <v>21.509787201428445</v>
      </c>
      <c r="H6827" s="40">
        <v>113.63333400000002</v>
      </c>
      <c r="I6827" s="40">
        <v>19.784890421242665</v>
      </c>
      <c r="J6827" s="40">
        <v>113.633292458334</v>
      </c>
      <c r="K6827" s="40">
        <v>13.232077783346993</v>
      </c>
      <c r="L6827" s="40"/>
      <c r="M6827" s="40"/>
      <c r="N6827" s="40"/>
    </row>
    <row r="6828" spans="4:14" x14ac:dyDescent="0.25">
      <c r="D6828" s="40">
        <v>113.66212100000502</v>
      </c>
      <c r="E6828" s="40">
        <v>21.144890382487187</v>
      </c>
      <c r="F6828" s="40">
        <v>113.65</v>
      </c>
      <c r="G6828" s="40">
        <v>21.509787201428445</v>
      </c>
      <c r="H6828" s="40">
        <v>113.65</v>
      </c>
      <c r="I6828" s="40">
        <v>19.784890421242665</v>
      </c>
      <c r="J6828" s="40">
        <v>113.64995911904801</v>
      </c>
      <c r="K6828" s="40">
        <v>13.232077783346993</v>
      </c>
      <c r="L6828" s="40"/>
      <c r="M6828" s="40"/>
      <c r="N6828" s="40"/>
    </row>
    <row r="6829" spans="4:14" x14ac:dyDescent="0.25">
      <c r="D6829" s="40">
        <v>113.67878700000502</v>
      </c>
      <c r="E6829" s="40">
        <v>21.144890382487187</v>
      </c>
      <c r="F6829" s="40">
        <v>113.66666699999999</v>
      </c>
      <c r="G6829" s="40">
        <v>21.51454244551854</v>
      </c>
      <c r="H6829" s="40">
        <v>113.66666700000002</v>
      </c>
      <c r="I6829" s="40">
        <v>19.788144547499428</v>
      </c>
      <c r="J6829" s="40">
        <v>113.666625779762</v>
      </c>
      <c r="K6829" s="40">
        <v>13.232077783346993</v>
      </c>
      <c r="L6829" s="40"/>
      <c r="M6829" s="40"/>
      <c r="N6829" s="40"/>
    </row>
    <row r="6830" spans="4:14" x14ac:dyDescent="0.25">
      <c r="D6830" s="40">
        <v>113.69545300000502</v>
      </c>
      <c r="E6830" s="40">
        <v>21.144890382487187</v>
      </c>
      <c r="F6830" s="40">
        <v>113.683333</v>
      </c>
      <c r="G6830" s="40">
        <v>21.51454244551854</v>
      </c>
      <c r="H6830" s="40">
        <v>113.683334</v>
      </c>
      <c r="I6830" s="40">
        <v>19.788144547499428</v>
      </c>
      <c r="J6830" s="40">
        <v>113.683292440477</v>
      </c>
      <c r="K6830" s="40">
        <v>13.236928827056097</v>
      </c>
      <c r="L6830" s="40"/>
      <c r="M6830" s="40"/>
      <c r="N6830" s="40"/>
    </row>
    <row r="6831" spans="4:14" x14ac:dyDescent="0.25">
      <c r="D6831" s="40">
        <v>113.71211900000502</v>
      </c>
      <c r="E6831" s="40">
        <v>21.144890382487187</v>
      </c>
      <c r="F6831" s="40">
        <v>113.69999999999999</v>
      </c>
      <c r="G6831" s="40">
        <v>21.51454244551854</v>
      </c>
      <c r="H6831" s="40">
        <v>113.70000000000002</v>
      </c>
      <c r="I6831" s="40">
        <v>19.788144547499428</v>
      </c>
      <c r="J6831" s="40">
        <v>113.699959101191</v>
      </c>
      <c r="K6831" s="40">
        <v>13.236928827056097</v>
      </c>
      <c r="L6831" s="40"/>
      <c r="M6831" s="40"/>
      <c r="N6831" s="40"/>
    </row>
    <row r="6832" spans="4:14" x14ac:dyDescent="0.25">
      <c r="D6832" s="40">
        <v>113.72878500000502</v>
      </c>
      <c r="E6832" s="40">
        <v>21.144890382487187</v>
      </c>
      <c r="F6832" s="40">
        <v>113.716667</v>
      </c>
      <c r="G6832" s="40">
        <v>21.51454244551854</v>
      </c>
      <c r="H6832" s="40">
        <v>113.716667</v>
      </c>
      <c r="I6832" s="40">
        <v>19.791497283642684</v>
      </c>
      <c r="J6832" s="40">
        <v>113.71662576190499</v>
      </c>
      <c r="K6832" s="40">
        <v>13.236928827056097</v>
      </c>
      <c r="L6832" s="40"/>
      <c r="M6832" s="40"/>
      <c r="N6832" s="40"/>
    </row>
    <row r="6833" spans="4:14" x14ac:dyDescent="0.25">
      <c r="D6833" s="40">
        <v>113.74545100000502</v>
      </c>
      <c r="E6833" s="40">
        <v>21.140047203897637</v>
      </c>
      <c r="F6833" s="40">
        <v>113.73333299999999</v>
      </c>
      <c r="G6833" s="40">
        <v>21.51454244551854</v>
      </c>
      <c r="H6833" s="40">
        <v>113.73333400000001</v>
      </c>
      <c r="I6833" s="40">
        <v>19.791497283642684</v>
      </c>
      <c r="J6833" s="40">
        <v>113.73329242262</v>
      </c>
      <c r="K6833" s="40">
        <v>13.236928827056097</v>
      </c>
      <c r="L6833" s="40"/>
      <c r="M6833" s="40"/>
      <c r="N6833" s="40"/>
    </row>
    <row r="6834" spans="4:14" x14ac:dyDescent="0.25">
      <c r="D6834" s="40">
        <v>113.76211700000502</v>
      </c>
      <c r="E6834" s="40">
        <v>21.140047203897637</v>
      </c>
      <c r="F6834" s="40">
        <v>113.75</v>
      </c>
      <c r="G6834" s="40">
        <v>21.51454244551854</v>
      </c>
      <c r="H6834" s="40">
        <v>113.75</v>
      </c>
      <c r="I6834" s="40">
        <v>19.794850019786118</v>
      </c>
      <c r="J6834" s="40">
        <v>113.74995908333401</v>
      </c>
      <c r="K6834" s="40">
        <v>13.236928827056097</v>
      </c>
      <c r="L6834" s="40"/>
      <c r="M6834" s="40"/>
      <c r="N6834" s="40"/>
    </row>
    <row r="6835" spans="4:14" x14ac:dyDescent="0.25">
      <c r="D6835" s="40">
        <v>113.77878300000502</v>
      </c>
      <c r="E6835" s="40">
        <v>21.140047203897637</v>
      </c>
      <c r="F6835" s="40">
        <v>113.76666699999998</v>
      </c>
      <c r="G6835" s="40">
        <v>21.519157829488439</v>
      </c>
      <c r="H6835" s="40">
        <v>113.76666700000001</v>
      </c>
      <c r="I6835" s="40">
        <v>19.794850019786118</v>
      </c>
      <c r="J6835" s="40">
        <v>113.766625744048</v>
      </c>
      <c r="K6835" s="40">
        <v>13.236928827056097</v>
      </c>
      <c r="L6835" s="40"/>
      <c r="M6835" s="40"/>
      <c r="N6835" s="40"/>
    </row>
    <row r="6836" spans="4:14" x14ac:dyDescent="0.25">
      <c r="D6836" s="40">
        <v>113.79544900000502</v>
      </c>
      <c r="E6836" s="40">
        <v>21.140047203897637</v>
      </c>
      <c r="F6836" s="40">
        <v>113.783333</v>
      </c>
      <c r="G6836" s="40">
        <v>21.519157829488439</v>
      </c>
      <c r="H6836" s="40">
        <v>113.783334</v>
      </c>
      <c r="I6836" s="40">
        <v>19.798104146042707</v>
      </c>
      <c r="J6836" s="40">
        <v>113.78329240476199</v>
      </c>
      <c r="K6836" s="40">
        <v>13.236928827056097</v>
      </c>
      <c r="L6836" s="40"/>
      <c r="M6836" s="40"/>
      <c r="N6836" s="40"/>
    </row>
    <row r="6837" spans="4:14" x14ac:dyDescent="0.25">
      <c r="D6837" s="40">
        <v>113.81211500000502</v>
      </c>
      <c r="E6837" s="40">
        <v>21.135204025308092</v>
      </c>
      <c r="F6837" s="40">
        <v>113.79999999999998</v>
      </c>
      <c r="G6837" s="40">
        <v>21.519157829488439</v>
      </c>
      <c r="H6837" s="40">
        <v>113.80000000000001</v>
      </c>
      <c r="I6837" s="40">
        <v>19.798104146042707</v>
      </c>
      <c r="J6837" s="40">
        <v>113.799959065477</v>
      </c>
      <c r="K6837" s="40">
        <v>13.236928827056097</v>
      </c>
      <c r="L6837" s="40"/>
      <c r="M6837" s="40"/>
      <c r="N6837" s="40"/>
    </row>
    <row r="6838" spans="4:14" x14ac:dyDescent="0.25">
      <c r="D6838" s="40">
        <v>113.82878100000502</v>
      </c>
      <c r="E6838" s="40">
        <v>21.135204025308092</v>
      </c>
      <c r="F6838" s="40">
        <v>113.816667</v>
      </c>
      <c r="G6838" s="40">
        <v>21.519157829488439</v>
      </c>
      <c r="H6838" s="40">
        <v>113.816667</v>
      </c>
      <c r="I6838" s="40">
        <v>19.801456882186137</v>
      </c>
      <c r="J6838" s="40">
        <v>113.81662572619101</v>
      </c>
      <c r="K6838" s="40">
        <v>13.236928827056097</v>
      </c>
      <c r="L6838" s="40"/>
      <c r="M6838" s="40"/>
      <c r="N6838" s="40"/>
    </row>
    <row r="6839" spans="4:14" x14ac:dyDescent="0.25">
      <c r="D6839" s="40">
        <v>113.84544700000502</v>
      </c>
      <c r="E6839" s="40">
        <v>21.135204025308092</v>
      </c>
      <c r="F6839" s="40">
        <v>113.83333299999998</v>
      </c>
      <c r="G6839" s="40">
        <v>21.519157829488439</v>
      </c>
      <c r="H6839" s="40">
        <v>113.83333400000001</v>
      </c>
      <c r="I6839" s="40">
        <v>19.801456882186137</v>
      </c>
      <c r="J6839" s="40">
        <v>113.833292386905</v>
      </c>
      <c r="K6839" s="40">
        <v>13.236928827056097</v>
      </c>
      <c r="L6839" s="40"/>
      <c r="M6839" s="40"/>
      <c r="N6839" s="40"/>
    </row>
    <row r="6840" spans="4:14" x14ac:dyDescent="0.25">
      <c r="D6840" s="40">
        <v>113.86211300000502</v>
      </c>
      <c r="E6840" s="40">
        <v>21.135204025308092</v>
      </c>
      <c r="F6840" s="40">
        <v>113.85</v>
      </c>
      <c r="G6840" s="40">
        <v>21.523913073578658</v>
      </c>
      <c r="H6840" s="40">
        <v>113.85</v>
      </c>
      <c r="I6840" s="40">
        <v>19.804809618329394</v>
      </c>
      <c r="J6840" s="40">
        <v>113.84995904762</v>
      </c>
      <c r="K6840" s="40">
        <v>13.236928827056097</v>
      </c>
      <c r="L6840" s="40"/>
      <c r="M6840" s="40"/>
      <c r="N6840" s="40"/>
    </row>
    <row r="6841" spans="4:14" x14ac:dyDescent="0.25">
      <c r="D6841" s="40">
        <v>113.87877900000503</v>
      </c>
      <c r="E6841" s="40">
        <v>21.135204025308092</v>
      </c>
      <c r="F6841" s="40">
        <v>113.86666700000001</v>
      </c>
      <c r="G6841" s="40">
        <v>21.523913073578658</v>
      </c>
      <c r="H6841" s="40">
        <v>113.86666700000001</v>
      </c>
      <c r="I6841" s="40">
        <v>19.804809618329394</v>
      </c>
      <c r="J6841" s="40">
        <v>113.866625708334</v>
      </c>
      <c r="K6841" s="40">
        <v>13.236928827056097</v>
      </c>
      <c r="L6841" s="40"/>
      <c r="M6841" s="40"/>
      <c r="N6841" s="40"/>
    </row>
    <row r="6842" spans="4:14" x14ac:dyDescent="0.25">
      <c r="D6842" s="40">
        <v>113.89544500000503</v>
      </c>
      <c r="E6842" s="40">
        <v>21.13050329314779</v>
      </c>
      <c r="F6842" s="40">
        <v>113.88333299999999</v>
      </c>
      <c r="G6842" s="40">
        <v>21.523913073578658</v>
      </c>
      <c r="H6842" s="40">
        <v>113.88333400000002</v>
      </c>
      <c r="I6842" s="40">
        <v>19.808063744586157</v>
      </c>
      <c r="J6842" s="40">
        <v>113.88329236904799</v>
      </c>
      <c r="K6842" s="40">
        <v>13.232077783346993</v>
      </c>
      <c r="L6842" s="40"/>
      <c r="M6842" s="40"/>
      <c r="N6842" s="40"/>
    </row>
    <row r="6843" spans="4:14" x14ac:dyDescent="0.25">
      <c r="D6843" s="40">
        <v>113.91211100000503</v>
      </c>
      <c r="E6843" s="40">
        <v>21.13050329314779</v>
      </c>
      <c r="F6843" s="40">
        <v>113.9</v>
      </c>
      <c r="G6843" s="40">
        <v>21.523913073578658</v>
      </c>
      <c r="H6843" s="40">
        <v>113.9</v>
      </c>
      <c r="I6843" s="40">
        <v>19.808063744586157</v>
      </c>
      <c r="J6843" s="40">
        <v>113.899959029762</v>
      </c>
      <c r="K6843" s="40">
        <v>13.232077783346993</v>
      </c>
      <c r="L6843" s="40"/>
      <c r="M6843" s="40"/>
      <c r="N6843" s="40"/>
    </row>
    <row r="6844" spans="4:14" x14ac:dyDescent="0.25">
      <c r="D6844" s="40">
        <v>113.92877700000503</v>
      </c>
      <c r="E6844" s="40">
        <v>21.13050329314779</v>
      </c>
      <c r="F6844" s="40">
        <v>113.91666699999999</v>
      </c>
      <c r="G6844" s="40">
        <v>21.523913073578658</v>
      </c>
      <c r="H6844" s="40">
        <v>113.91666700000002</v>
      </c>
      <c r="I6844" s="40">
        <v>19.811416480729413</v>
      </c>
      <c r="J6844" s="40">
        <v>113.91662569047701</v>
      </c>
      <c r="K6844" s="40">
        <v>13.232077783346993</v>
      </c>
      <c r="L6844" s="40"/>
      <c r="M6844" s="40"/>
      <c r="N6844" s="40"/>
    </row>
    <row r="6845" spans="4:14" x14ac:dyDescent="0.25">
      <c r="D6845" s="40">
        <v>113.94544300000503</v>
      </c>
      <c r="E6845" s="40">
        <v>21.13050329314779</v>
      </c>
      <c r="F6845" s="40">
        <v>113.933333</v>
      </c>
      <c r="G6845" s="40">
        <v>21.523913073578658</v>
      </c>
      <c r="H6845" s="40">
        <v>113.933334</v>
      </c>
      <c r="I6845" s="40">
        <v>19.811416480729413</v>
      </c>
      <c r="J6845" s="40">
        <v>113.933292351191</v>
      </c>
      <c r="K6845" s="40">
        <v>13.232077783346993</v>
      </c>
      <c r="L6845" s="40"/>
      <c r="M6845" s="40"/>
      <c r="N6845" s="40"/>
    </row>
    <row r="6846" spans="4:14" x14ac:dyDescent="0.25">
      <c r="D6846" s="40">
        <v>113.96210900000503</v>
      </c>
      <c r="E6846" s="40">
        <v>21.13050329314779</v>
      </c>
      <c r="F6846" s="40">
        <v>113.94999999999999</v>
      </c>
      <c r="G6846" s="40">
        <v>21.528668317668878</v>
      </c>
      <c r="H6846" s="40">
        <v>113.95000000000002</v>
      </c>
      <c r="I6846" s="40">
        <v>19.814769216872847</v>
      </c>
      <c r="J6846" s="40">
        <v>113.94995901190499</v>
      </c>
      <c r="K6846" s="40">
        <v>13.232077783346993</v>
      </c>
      <c r="L6846" s="40"/>
      <c r="M6846" s="40"/>
      <c r="N6846" s="40"/>
    </row>
    <row r="6847" spans="4:14" x14ac:dyDescent="0.25">
      <c r="D6847" s="40">
        <v>113.97877500000503</v>
      </c>
      <c r="E6847" s="40">
        <v>21.135204025308092</v>
      </c>
      <c r="F6847" s="40">
        <v>113.966667</v>
      </c>
      <c r="G6847" s="40">
        <v>21.528668317668878</v>
      </c>
      <c r="H6847" s="40">
        <v>113.966667</v>
      </c>
      <c r="I6847" s="40">
        <v>19.814769216872847</v>
      </c>
      <c r="J6847" s="40">
        <v>113.96662567262</v>
      </c>
      <c r="K6847" s="40">
        <v>13.232077783346993</v>
      </c>
      <c r="L6847" s="40"/>
      <c r="M6847" s="40"/>
      <c r="N6847" s="40"/>
    </row>
    <row r="6848" spans="4:14" x14ac:dyDescent="0.25">
      <c r="D6848" s="40">
        <v>113.99544100000503</v>
      </c>
      <c r="E6848" s="40">
        <v>21.135204025308092</v>
      </c>
      <c r="F6848" s="40">
        <v>113.98333299999999</v>
      </c>
      <c r="G6848" s="40">
        <v>21.528668317668878</v>
      </c>
      <c r="H6848" s="40">
        <v>113.98333400000001</v>
      </c>
      <c r="I6848" s="40">
        <v>19.81802334312961</v>
      </c>
      <c r="J6848" s="40">
        <v>113.98329233333401</v>
      </c>
      <c r="K6848" s="40">
        <v>13.232077783346993</v>
      </c>
      <c r="L6848" s="40"/>
      <c r="M6848" s="40"/>
      <c r="N6848" s="40"/>
    </row>
    <row r="6849" spans="4:14" x14ac:dyDescent="0.25">
      <c r="D6849" s="40">
        <v>114.01210700000503</v>
      </c>
      <c r="E6849" s="40">
        <v>21.135204025308092</v>
      </c>
      <c r="F6849" s="40">
        <v>114</v>
      </c>
      <c r="G6849" s="40">
        <v>21.528668317668878</v>
      </c>
      <c r="H6849" s="40">
        <v>114</v>
      </c>
      <c r="I6849" s="40">
        <v>19.81802334312961</v>
      </c>
      <c r="J6849" s="40">
        <v>113.999958994048</v>
      </c>
      <c r="K6849" s="40">
        <v>13.227369417393932</v>
      </c>
      <c r="L6849" s="40"/>
      <c r="M6849" s="40"/>
      <c r="N6849" s="40"/>
    </row>
    <row r="6850" spans="4:14" x14ac:dyDescent="0.25">
      <c r="D6850" s="40">
        <v>114.02877300000503</v>
      </c>
      <c r="E6850" s="40">
        <v>21.135204025308092</v>
      </c>
      <c r="F6850" s="40">
        <v>114.01666699999998</v>
      </c>
      <c r="G6850" s="40">
        <v>21.528668317668878</v>
      </c>
      <c r="H6850" s="40">
        <v>114.01666700000001</v>
      </c>
      <c r="I6850" s="40">
        <v>19.821376079272866</v>
      </c>
      <c r="J6850" s="40">
        <v>114.016625654762</v>
      </c>
      <c r="K6850" s="40">
        <v>13.227369417393932</v>
      </c>
      <c r="L6850" s="40"/>
      <c r="M6850" s="40"/>
      <c r="N6850" s="40"/>
    </row>
    <row r="6851" spans="4:14" x14ac:dyDescent="0.25">
      <c r="D6851" s="40">
        <v>114.04543900000503</v>
      </c>
      <c r="E6851" s="40">
        <v>21.140047203897637</v>
      </c>
      <c r="F6851" s="40">
        <v>114.033333</v>
      </c>
      <c r="G6851" s="40">
        <v>21.533283701638652</v>
      </c>
      <c r="H6851" s="40">
        <v>114.033334</v>
      </c>
      <c r="I6851" s="40">
        <v>19.821376079272866</v>
      </c>
      <c r="J6851" s="40">
        <v>114.033292315477</v>
      </c>
      <c r="K6851" s="40">
        <v>13.227369417393932</v>
      </c>
      <c r="L6851" s="40"/>
      <c r="M6851" s="40"/>
      <c r="N6851" s="40"/>
    </row>
    <row r="6852" spans="4:14" x14ac:dyDescent="0.25">
      <c r="D6852" s="40">
        <v>114.06210500000503</v>
      </c>
      <c r="E6852" s="40">
        <v>21.140047203897637</v>
      </c>
      <c r="F6852" s="40">
        <v>114.04999999999998</v>
      </c>
      <c r="G6852" s="40">
        <v>21.533283701638652</v>
      </c>
      <c r="H6852" s="40">
        <v>114.05000000000001</v>
      </c>
      <c r="I6852" s="40">
        <v>19.824728815416123</v>
      </c>
      <c r="J6852" s="40">
        <v>114.04995897619099</v>
      </c>
      <c r="K6852" s="40">
        <v>13.227369417393932</v>
      </c>
      <c r="L6852" s="40"/>
      <c r="M6852" s="40"/>
      <c r="N6852" s="40"/>
    </row>
    <row r="6853" spans="4:14" x14ac:dyDescent="0.25">
      <c r="D6853" s="40">
        <v>114.07877100000503</v>
      </c>
      <c r="E6853" s="40">
        <v>21.140047203897637</v>
      </c>
      <c r="F6853" s="40">
        <v>114.066667</v>
      </c>
      <c r="G6853" s="40">
        <v>21.533283701638652</v>
      </c>
      <c r="H6853" s="40">
        <v>114.066667</v>
      </c>
      <c r="I6853" s="40">
        <v>19.824728815416123</v>
      </c>
      <c r="J6853" s="40">
        <v>114.066625636905</v>
      </c>
      <c r="K6853" s="40">
        <v>13.2225183736847</v>
      </c>
      <c r="L6853" s="40"/>
      <c r="M6853" s="40"/>
      <c r="N6853" s="40"/>
    </row>
    <row r="6854" spans="4:14" x14ac:dyDescent="0.25">
      <c r="D6854" s="40">
        <v>114.09543700000503</v>
      </c>
      <c r="E6854" s="40">
        <v>21.135204025308092</v>
      </c>
      <c r="F6854" s="40">
        <v>114.08333299999998</v>
      </c>
      <c r="G6854" s="40">
        <v>21.533283701638652</v>
      </c>
      <c r="H6854" s="40">
        <v>114.08333400000001</v>
      </c>
      <c r="I6854" s="40">
        <v>19.827982941672886</v>
      </c>
      <c r="J6854" s="40">
        <v>114.08329229762001</v>
      </c>
      <c r="K6854" s="40">
        <v>13.2225183736847</v>
      </c>
      <c r="L6854" s="40"/>
      <c r="M6854" s="40"/>
      <c r="N6854" s="40"/>
    </row>
    <row r="6855" spans="4:14" x14ac:dyDescent="0.25">
      <c r="D6855" s="40">
        <v>114.11210300000504</v>
      </c>
      <c r="E6855" s="40">
        <v>21.135204025308092</v>
      </c>
      <c r="F6855" s="40">
        <v>114.1</v>
      </c>
      <c r="G6855" s="40">
        <v>21.533283701638652</v>
      </c>
      <c r="H6855" s="40">
        <v>114.1</v>
      </c>
      <c r="I6855" s="40">
        <v>19.827982941672886</v>
      </c>
      <c r="J6855" s="40">
        <v>114.099958958334</v>
      </c>
      <c r="K6855" s="40">
        <v>13.217667329975594</v>
      </c>
      <c r="L6855" s="40"/>
      <c r="M6855" s="40"/>
      <c r="N6855" s="40"/>
    </row>
    <row r="6856" spans="4:14" x14ac:dyDescent="0.25">
      <c r="D6856" s="40">
        <v>114.12876900000504</v>
      </c>
      <c r="E6856" s="40">
        <v>21.135204025308092</v>
      </c>
      <c r="F6856" s="40">
        <v>114.11666700000001</v>
      </c>
      <c r="G6856" s="40">
        <v>21.533283701638652</v>
      </c>
      <c r="H6856" s="40">
        <v>114.11666700000001</v>
      </c>
      <c r="I6856" s="40">
        <v>19.831335677816146</v>
      </c>
      <c r="J6856" s="40">
        <v>114.11662561904799</v>
      </c>
      <c r="K6856" s="40">
        <v>13.217667329975594</v>
      </c>
      <c r="L6856" s="40"/>
      <c r="M6856" s="40"/>
      <c r="N6856" s="40"/>
    </row>
    <row r="6857" spans="4:14" x14ac:dyDescent="0.25">
      <c r="D6857" s="40">
        <v>114.14543500000504</v>
      </c>
      <c r="E6857" s="40">
        <v>21.135204025308092</v>
      </c>
      <c r="F6857" s="40">
        <v>114.13333299999999</v>
      </c>
      <c r="G6857" s="40">
        <v>21.533283701638652</v>
      </c>
      <c r="H6857" s="40">
        <v>114.13333400000002</v>
      </c>
      <c r="I6857" s="40">
        <v>19.831335677816146</v>
      </c>
      <c r="J6857" s="40">
        <v>114.133292279762</v>
      </c>
      <c r="K6857" s="40">
        <v>13.217667329975594</v>
      </c>
      <c r="L6857" s="40"/>
      <c r="M6857" s="40"/>
      <c r="N6857" s="40"/>
    </row>
    <row r="6858" spans="4:14" x14ac:dyDescent="0.25">
      <c r="D6858" s="40">
        <v>114.16210100000504</v>
      </c>
      <c r="E6858" s="40">
        <v>21.135204025308092</v>
      </c>
      <c r="F6858" s="40">
        <v>114.15</v>
      </c>
      <c r="G6858" s="40">
        <v>21.538038945728871</v>
      </c>
      <c r="H6858" s="40">
        <v>114.15</v>
      </c>
      <c r="I6858" s="40">
        <v>19.834688413959579</v>
      </c>
      <c r="J6858" s="40">
        <v>114.14995894047701</v>
      </c>
      <c r="K6858" s="40">
        <v>13.217667329975594</v>
      </c>
      <c r="L6858" s="40"/>
      <c r="M6858" s="40"/>
      <c r="N6858" s="40"/>
    </row>
    <row r="6859" spans="4:14" x14ac:dyDescent="0.25">
      <c r="D6859" s="40">
        <v>114.17876700000504</v>
      </c>
      <c r="E6859" s="40">
        <v>21.135204025308092</v>
      </c>
      <c r="F6859" s="40">
        <v>114.16666699999999</v>
      </c>
      <c r="G6859" s="40">
        <v>21.538038945728871</v>
      </c>
      <c r="H6859" s="40">
        <v>114.16666700000002</v>
      </c>
      <c r="I6859" s="40">
        <v>19.837942540216343</v>
      </c>
      <c r="J6859" s="40">
        <v>114.166625601191</v>
      </c>
      <c r="K6859" s="40">
        <v>13.212958964022533</v>
      </c>
      <c r="L6859" s="40"/>
      <c r="M6859" s="40"/>
      <c r="N6859" s="40"/>
    </row>
    <row r="6860" spans="4:14" x14ac:dyDescent="0.25">
      <c r="D6860" s="40">
        <v>114.19543300000504</v>
      </c>
      <c r="E6860" s="40">
        <v>21.135204025308092</v>
      </c>
      <c r="F6860" s="40">
        <v>114.183333</v>
      </c>
      <c r="G6860" s="40">
        <v>21.538038945728871</v>
      </c>
      <c r="H6860" s="40">
        <v>114.183334</v>
      </c>
      <c r="I6860" s="40">
        <v>19.837942540216343</v>
      </c>
      <c r="J6860" s="40">
        <v>114.183292261905</v>
      </c>
      <c r="K6860" s="40">
        <v>13.212958964022533</v>
      </c>
      <c r="L6860" s="40"/>
      <c r="M6860" s="40"/>
      <c r="N6860" s="40"/>
    </row>
    <row r="6861" spans="4:14" x14ac:dyDescent="0.25">
      <c r="D6861" s="40">
        <v>114.21209900000504</v>
      </c>
      <c r="E6861" s="40">
        <v>21.13050329314779</v>
      </c>
      <c r="F6861" s="40">
        <v>114.19999999999999</v>
      </c>
      <c r="G6861" s="40">
        <v>21.538038945728871</v>
      </c>
      <c r="H6861" s="40">
        <v>114.20000000000002</v>
      </c>
      <c r="I6861" s="40">
        <v>19.841295276359595</v>
      </c>
      <c r="J6861" s="40">
        <v>114.19995892262</v>
      </c>
      <c r="K6861" s="40">
        <v>13.212958964022533</v>
      </c>
      <c r="L6861" s="40"/>
      <c r="M6861" s="40"/>
      <c r="N6861" s="40"/>
    </row>
    <row r="6862" spans="4:14" x14ac:dyDescent="0.25">
      <c r="D6862" s="40">
        <v>114.22876500000504</v>
      </c>
      <c r="E6862" s="40">
        <v>21.13050329314779</v>
      </c>
      <c r="F6862" s="40">
        <v>114.216667</v>
      </c>
      <c r="G6862" s="40">
        <v>21.538038945728871</v>
      </c>
      <c r="H6862" s="40">
        <v>114.216667</v>
      </c>
      <c r="I6862" s="40">
        <v>19.841295276359595</v>
      </c>
      <c r="J6862" s="40">
        <v>114.21662558333399</v>
      </c>
      <c r="K6862" s="40">
        <v>13.212958964022533</v>
      </c>
      <c r="L6862" s="40"/>
      <c r="M6862" s="40"/>
      <c r="N6862" s="40"/>
    </row>
    <row r="6863" spans="4:14" x14ac:dyDescent="0.25">
      <c r="D6863" s="40">
        <v>114.24543100000504</v>
      </c>
      <c r="E6863" s="40">
        <v>21.13050329314779</v>
      </c>
      <c r="F6863" s="40">
        <v>114.23333299999999</v>
      </c>
      <c r="G6863" s="40">
        <v>21.538038945728871</v>
      </c>
      <c r="H6863" s="40">
        <v>114.23333400000001</v>
      </c>
      <c r="I6863" s="40">
        <v>19.844648012502855</v>
      </c>
      <c r="J6863" s="40">
        <v>114.233292244048</v>
      </c>
      <c r="K6863" s="40">
        <v>13.212958964022533</v>
      </c>
      <c r="L6863" s="40"/>
      <c r="M6863" s="40"/>
      <c r="N6863" s="40"/>
    </row>
    <row r="6864" spans="4:14" x14ac:dyDescent="0.25">
      <c r="D6864" s="40">
        <v>114.26209700000504</v>
      </c>
      <c r="E6864" s="40">
        <v>21.13050329314779</v>
      </c>
      <c r="F6864" s="40">
        <v>114.25</v>
      </c>
      <c r="G6864" s="40">
        <v>21.538038945728871</v>
      </c>
      <c r="H6864" s="40">
        <v>114.25</v>
      </c>
      <c r="I6864" s="40">
        <v>19.848000748646285</v>
      </c>
      <c r="J6864" s="40">
        <v>114.249958904762</v>
      </c>
      <c r="K6864" s="40">
        <v>13.212958964022533</v>
      </c>
      <c r="L6864" s="40"/>
      <c r="M6864" s="40"/>
      <c r="N6864" s="40"/>
    </row>
    <row r="6865" spans="4:14" x14ac:dyDescent="0.25">
      <c r="D6865" s="40">
        <v>114.27876300000504</v>
      </c>
      <c r="E6865" s="40">
        <v>21.13050329314779</v>
      </c>
      <c r="F6865" s="40">
        <v>114.26666699999998</v>
      </c>
      <c r="G6865" s="40">
        <v>21.538038945728871</v>
      </c>
      <c r="H6865" s="40">
        <v>114.26666700000001</v>
      </c>
      <c r="I6865" s="40">
        <v>19.848000748646285</v>
      </c>
      <c r="J6865" s="40">
        <v>114.266625565477</v>
      </c>
      <c r="K6865" s="40">
        <v>13.212958964022533</v>
      </c>
      <c r="L6865" s="40"/>
      <c r="M6865" s="40"/>
      <c r="N6865" s="40"/>
    </row>
    <row r="6866" spans="4:14" x14ac:dyDescent="0.25">
      <c r="D6866" s="40">
        <v>114.29542900000504</v>
      </c>
      <c r="E6866" s="40">
        <v>21.125660114558244</v>
      </c>
      <c r="F6866" s="40">
        <v>114.283333</v>
      </c>
      <c r="G6866" s="40">
        <v>21.538038945728871</v>
      </c>
      <c r="H6866" s="40">
        <v>114.283334</v>
      </c>
      <c r="I6866" s="40">
        <v>19.851254874903049</v>
      </c>
      <c r="J6866" s="40">
        <v>114.28329222619099</v>
      </c>
      <c r="K6866" s="40">
        <v>13.212958964022533</v>
      </c>
      <c r="L6866" s="40"/>
      <c r="M6866" s="40"/>
      <c r="N6866" s="40"/>
    </row>
    <row r="6867" spans="4:14" x14ac:dyDescent="0.25">
      <c r="D6867" s="40">
        <v>114.31209500000504</v>
      </c>
      <c r="E6867" s="40">
        <v>21.125660114558244</v>
      </c>
      <c r="F6867" s="40">
        <v>114.29999999999998</v>
      </c>
      <c r="G6867" s="40">
        <v>21.538038945728871</v>
      </c>
      <c r="H6867" s="40">
        <v>114.30000000000001</v>
      </c>
      <c r="I6867" s="40">
        <v>19.851254874903049</v>
      </c>
      <c r="J6867" s="40">
        <v>114.299958886905</v>
      </c>
      <c r="K6867" s="40">
        <v>13.212958964022533</v>
      </c>
      <c r="L6867" s="40"/>
      <c r="M6867" s="40"/>
      <c r="N6867" s="40"/>
    </row>
    <row r="6868" spans="4:14" x14ac:dyDescent="0.25">
      <c r="D6868" s="40">
        <v>114.32876100000504</v>
      </c>
      <c r="E6868" s="40">
        <v>21.125660114558244</v>
      </c>
      <c r="F6868" s="40">
        <v>114.316667</v>
      </c>
      <c r="G6868" s="40">
        <v>21.542794189819091</v>
      </c>
      <c r="H6868" s="40">
        <v>114.316667</v>
      </c>
      <c r="I6868" s="40">
        <v>19.854607611046308</v>
      </c>
      <c r="J6868" s="40">
        <v>114.31662554762001</v>
      </c>
      <c r="K6868" s="40">
        <v>13.212958964022533</v>
      </c>
      <c r="L6868" s="40"/>
      <c r="M6868" s="40"/>
      <c r="N6868" s="40"/>
    </row>
    <row r="6869" spans="4:14" x14ac:dyDescent="0.25">
      <c r="D6869" s="40">
        <v>114.34542700000505</v>
      </c>
      <c r="E6869" s="40">
        <v>21.125660114558244</v>
      </c>
      <c r="F6869" s="40">
        <v>114.33333299999998</v>
      </c>
      <c r="G6869" s="40">
        <v>21.542794189819091</v>
      </c>
      <c r="H6869" s="40">
        <v>114.33333400000001</v>
      </c>
      <c r="I6869" s="40">
        <v>19.854607611046308</v>
      </c>
      <c r="J6869" s="40">
        <v>114.333292208334</v>
      </c>
      <c r="K6869" s="40">
        <v>13.212958964022533</v>
      </c>
      <c r="L6869" s="40"/>
      <c r="M6869" s="40"/>
      <c r="N6869" s="40"/>
    </row>
    <row r="6870" spans="4:14" x14ac:dyDescent="0.25">
      <c r="D6870" s="40">
        <v>114.36209300000505</v>
      </c>
      <c r="E6870" s="40">
        <v>21.125660114558244</v>
      </c>
      <c r="F6870" s="40">
        <v>114.35</v>
      </c>
      <c r="G6870" s="40">
        <v>21.542794189819091</v>
      </c>
      <c r="H6870" s="40">
        <v>114.35</v>
      </c>
      <c r="I6870" s="40">
        <v>19.857960347189561</v>
      </c>
      <c r="J6870" s="40">
        <v>114.349958869048</v>
      </c>
      <c r="K6870" s="40">
        <v>13.212958964022533</v>
      </c>
      <c r="L6870" s="40"/>
      <c r="M6870" s="40"/>
      <c r="N6870" s="40"/>
    </row>
    <row r="6871" spans="4:14" x14ac:dyDescent="0.25">
      <c r="D6871" s="40">
        <v>114.37875900000505</v>
      </c>
      <c r="E6871" s="40">
        <v>21.125660114558244</v>
      </c>
      <c r="F6871" s="40">
        <v>114.36666700000001</v>
      </c>
      <c r="G6871" s="40">
        <v>21.542794189819091</v>
      </c>
      <c r="H6871" s="40">
        <v>114.36666700000001</v>
      </c>
      <c r="I6871" s="40">
        <v>19.857960347189561</v>
      </c>
      <c r="J6871" s="40">
        <v>114.366625529762</v>
      </c>
      <c r="K6871" s="40">
        <v>13.212958964022533</v>
      </c>
      <c r="L6871" s="40"/>
      <c r="M6871" s="40"/>
      <c r="N6871" s="40"/>
    </row>
    <row r="6872" spans="4:14" x14ac:dyDescent="0.25">
      <c r="D6872" s="40">
        <v>114.39542500000505</v>
      </c>
      <c r="E6872" s="40">
        <v>21.125660114558244</v>
      </c>
      <c r="F6872" s="40">
        <v>114.38333299999999</v>
      </c>
      <c r="G6872" s="40">
        <v>21.542794189819091</v>
      </c>
      <c r="H6872" s="40">
        <v>114.38333400000002</v>
      </c>
      <c r="I6872" s="40">
        <v>19.861214473446324</v>
      </c>
      <c r="J6872" s="40">
        <v>114.38329219047699</v>
      </c>
      <c r="K6872" s="40">
        <v>13.212958964022533</v>
      </c>
      <c r="L6872" s="40"/>
      <c r="M6872" s="40"/>
      <c r="N6872" s="40"/>
    </row>
    <row r="6873" spans="4:14" x14ac:dyDescent="0.25">
      <c r="D6873" s="40">
        <v>114.41209100000505</v>
      </c>
      <c r="E6873" s="40">
        <v>21.125660114558244</v>
      </c>
      <c r="F6873" s="40">
        <v>114.4</v>
      </c>
      <c r="G6873" s="40">
        <v>21.542794189819091</v>
      </c>
      <c r="H6873" s="40">
        <v>114.4</v>
      </c>
      <c r="I6873" s="40">
        <v>19.861214473446324</v>
      </c>
      <c r="J6873" s="40">
        <v>114.399958851191</v>
      </c>
      <c r="K6873" s="40">
        <v>13.212958964022533</v>
      </c>
      <c r="L6873" s="40"/>
      <c r="M6873" s="40"/>
      <c r="N6873" s="40"/>
    </row>
    <row r="6874" spans="4:14" x14ac:dyDescent="0.25">
      <c r="D6874" s="40">
        <v>114.42875700000505</v>
      </c>
      <c r="E6874" s="40">
        <v>21.120816935968691</v>
      </c>
      <c r="F6874" s="40">
        <v>114.41666699999999</v>
      </c>
      <c r="G6874" s="40">
        <v>21.547409573788869</v>
      </c>
      <c r="H6874" s="40">
        <v>114.41666700000002</v>
      </c>
      <c r="I6874" s="40">
        <v>19.864567209589584</v>
      </c>
      <c r="J6874" s="40">
        <v>114.416625511905</v>
      </c>
      <c r="K6874" s="40">
        <v>13.212958964022533</v>
      </c>
      <c r="L6874" s="40"/>
      <c r="M6874" s="40"/>
      <c r="N6874" s="40"/>
    </row>
    <row r="6875" spans="4:14" x14ac:dyDescent="0.25">
      <c r="D6875" s="40">
        <v>114.44542300000505</v>
      </c>
      <c r="E6875" s="40">
        <v>21.120816935968691</v>
      </c>
      <c r="F6875" s="40">
        <v>114.433333</v>
      </c>
      <c r="G6875" s="40">
        <v>21.547409573788869</v>
      </c>
      <c r="H6875" s="40">
        <v>114.433334</v>
      </c>
      <c r="I6875" s="40">
        <v>19.864567209589584</v>
      </c>
      <c r="J6875" s="40">
        <v>114.43329217262</v>
      </c>
      <c r="K6875" s="40">
        <v>13.212958964022533</v>
      </c>
      <c r="L6875" s="40"/>
      <c r="M6875" s="40"/>
      <c r="N6875" s="40"/>
    </row>
    <row r="6876" spans="4:14" x14ac:dyDescent="0.25">
      <c r="D6876" s="40">
        <v>114.46208900000505</v>
      </c>
      <c r="E6876" s="40">
        <v>21.120816935968691</v>
      </c>
      <c r="F6876" s="40">
        <v>114.44999999999999</v>
      </c>
      <c r="G6876" s="40">
        <v>21.547409573788869</v>
      </c>
      <c r="H6876" s="40">
        <v>114.45000000000002</v>
      </c>
      <c r="I6876" s="40">
        <v>19.867919945733018</v>
      </c>
      <c r="J6876" s="40">
        <v>114.44995883333399</v>
      </c>
      <c r="K6876" s="40">
        <v>13.212958964022533</v>
      </c>
      <c r="L6876" s="40"/>
      <c r="M6876" s="40"/>
      <c r="N6876" s="40"/>
    </row>
    <row r="6877" spans="4:14" x14ac:dyDescent="0.25">
      <c r="D6877" s="40">
        <v>114.47875500000505</v>
      </c>
      <c r="E6877" s="40">
        <v>21.115973757379269</v>
      </c>
      <c r="F6877" s="40">
        <v>114.466667</v>
      </c>
      <c r="G6877" s="40">
        <v>21.547409573788869</v>
      </c>
      <c r="H6877" s="40">
        <v>114.466667</v>
      </c>
      <c r="I6877" s="40">
        <v>19.867919945733018</v>
      </c>
      <c r="J6877" s="40">
        <v>114.466625494048</v>
      </c>
      <c r="K6877" s="40">
        <v>13.212958964022533</v>
      </c>
      <c r="L6877" s="40"/>
      <c r="M6877" s="40"/>
      <c r="N6877" s="40"/>
    </row>
    <row r="6878" spans="4:14" x14ac:dyDescent="0.25">
      <c r="D6878" s="40">
        <v>114.49542100000505</v>
      </c>
      <c r="E6878" s="40">
        <v>21.115973757379269</v>
      </c>
      <c r="F6878" s="40">
        <v>114.48333299999999</v>
      </c>
      <c r="G6878" s="40">
        <v>21.547409573788869</v>
      </c>
      <c r="H6878" s="40">
        <v>114.48333400000001</v>
      </c>
      <c r="I6878" s="40">
        <v>19.871174071989781</v>
      </c>
      <c r="J6878" s="40">
        <v>114.483292154762</v>
      </c>
      <c r="K6878" s="40">
        <v>13.212958964022533</v>
      </c>
      <c r="L6878" s="40"/>
      <c r="M6878" s="40"/>
      <c r="N6878" s="40"/>
    </row>
    <row r="6879" spans="4:14" x14ac:dyDescent="0.25">
      <c r="D6879" s="40">
        <v>114.51208700000505</v>
      </c>
      <c r="E6879" s="40">
        <v>21.115973757379269</v>
      </c>
      <c r="F6879" s="40">
        <v>114.5</v>
      </c>
      <c r="G6879" s="40">
        <v>21.552164817879088</v>
      </c>
      <c r="H6879" s="40">
        <v>114.5</v>
      </c>
      <c r="I6879" s="40">
        <v>19.871174071989781</v>
      </c>
      <c r="J6879" s="40">
        <v>114.499958815477</v>
      </c>
      <c r="K6879" s="40">
        <v>13.212958964022533</v>
      </c>
      <c r="L6879" s="40"/>
      <c r="M6879" s="40"/>
      <c r="N6879" s="40"/>
    </row>
    <row r="6880" spans="4:14" x14ac:dyDescent="0.25">
      <c r="D6880" s="40">
        <v>114.52875300000505</v>
      </c>
      <c r="E6880" s="40">
        <v>21.115973757379269</v>
      </c>
      <c r="F6880" s="40">
        <v>114.51666699999998</v>
      </c>
      <c r="G6880" s="40">
        <v>21.552164817879088</v>
      </c>
      <c r="H6880" s="40">
        <v>114.51666700000001</v>
      </c>
      <c r="I6880" s="40">
        <v>19.874526808133037</v>
      </c>
      <c r="J6880" s="40">
        <v>114.516625476191</v>
      </c>
      <c r="K6880" s="40">
        <v>13.212958964022533</v>
      </c>
      <c r="L6880" s="40"/>
      <c r="M6880" s="40"/>
      <c r="N6880" s="40"/>
    </row>
    <row r="6881" spans="4:14" x14ac:dyDescent="0.25">
      <c r="D6881" s="40">
        <v>114.54541900000505</v>
      </c>
      <c r="E6881" s="40">
        <v>21.115973757379269</v>
      </c>
      <c r="F6881" s="40">
        <v>114.533333</v>
      </c>
      <c r="G6881" s="40">
        <v>21.552164817879088</v>
      </c>
      <c r="H6881" s="40">
        <v>114.533334</v>
      </c>
      <c r="I6881" s="40">
        <v>19.874526808133037</v>
      </c>
      <c r="J6881" s="40">
        <v>114.533292136905</v>
      </c>
      <c r="K6881" s="40">
        <v>13.212958964022533</v>
      </c>
      <c r="L6881" s="40"/>
      <c r="M6881" s="40"/>
      <c r="N6881" s="40"/>
    </row>
    <row r="6882" spans="4:14" x14ac:dyDescent="0.25">
      <c r="D6882" s="40">
        <v>114.56208500000506</v>
      </c>
      <c r="E6882" s="40">
        <v>21.115973757379269</v>
      </c>
      <c r="F6882" s="40">
        <v>114.54999999999998</v>
      </c>
      <c r="G6882" s="40">
        <v>21.552164817879088</v>
      </c>
      <c r="H6882" s="40">
        <v>114.55000000000001</v>
      </c>
      <c r="I6882" s="40">
        <v>19.877879544276297</v>
      </c>
      <c r="J6882" s="40">
        <v>114.54995879761999</v>
      </c>
      <c r="K6882" s="40">
        <v>13.212958964022533</v>
      </c>
      <c r="L6882" s="40"/>
      <c r="M6882" s="40"/>
      <c r="N6882" s="40"/>
    </row>
    <row r="6883" spans="4:14" x14ac:dyDescent="0.25">
      <c r="D6883" s="40">
        <v>114.57875100000506</v>
      </c>
      <c r="E6883" s="40">
        <v>21.120816935968691</v>
      </c>
      <c r="F6883" s="40">
        <v>114.566667</v>
      </c>
      <c r="G6883" s="40">
        <v>21.552164817879088</v>
      </c>
      <c r="H6883" s="40">
        <v>114.566667</v>
      </c>
      <c r="I6883" s="40">
        <v>19.881133670533057</v>
      </c>
      <c r="J6883" s="40">
        <v>114.566625458334</v>
      </c>
      <c r="K6883" s="40">
        <v>13.212958964022533</v>
      </c>
      <c r="L6883" s="40"/>
      <c r="M6883" s="40"/>
      <c r="N6883" s="40"/>
    </row>
    <row r="6884" spans="4:14" x14ac:dyDescent="0.25">
      <c r="D6884" s="40">
        <v>114.59541700000506</v>
      </c>
      <c r="E6884" s="40">
        <v>21.120816935968691</v>
      </c>
      <c r="F6884" s="40">
        <v>114.58333299999998</v>
      </c>
      <c r="G6884" s="40">
        <v>21.552164817879088</v>
      </c>
      <c r="H6884" s="40">
        <v>114.58333400000001</v>
      </c>
      <c r="I6884" s="40">
        <v>19.881133670533057</v>
      </c>
      <c r="J6884" s="40">
        <v>114.583292119048</v>
      </c>
      <c r="K6884" s="40">
        <v>13.212958964022533</v>
      </c>
      <c r="L6884" s="40"/>
      <c r="M6884" s="40"/>
      <c r="N6884" s="40"/>
    </row>
    <row r="6885" spans="4:14" x14ac:dyDescent="0.25">
      <c r="D6885" s="40">
        <v>114.61208300000506</v>
      </c>
      <c r="E6885" s="40">
        <v>21.120816935968691</v>
      </c>
      <c r="F6885" s="40">
        <v>114.6</v>
      </c>
      <c r="G6885" s="40">
        <v>21.552164817879088</v>
      </c>
      <c r="H6885" s="40">
        <v>114.6</v>
      </c>
      <c r="I6885" s="40">
        <v>19.881133670533057</v>
      </c>
      <c r="J6885" s="40">
        <v>114.59995877976201</v>
      </c>
      <c r="K6885" s="40">
        <v>13.212958964022533</v>
      </c>
      <c r="L6885" s="40"/>
      <c r="M6885" s="40"/>
      <c r="N6885" s="40"/>
    </row>
    <row r="6886" spans="4:14" x14ac:dyDescent="0.25">
      <c r="D6886" s="40">
        <v>114.62874900000506</v>
      </c>
      <c r="E6886" s="40">
        <v>21.120816935968691</v>
      </c>
      <c r="F6886" s="40">
        <v>114.61666700000001</v>
      </c>
      <c r="G6886" s="40">
        <v>21.552164817879088</v>
      </c>
      <c r="H6886" s="40">
        <v>114.61666700000001</v>
      </c>
      <c r="I6886" s="40">
        <v>19.884486406676313</v>
      </c>
      <c r="J6886" s="40">
        <v>114.61662544047699</v>
      </c>
      <c r="K6886" s="40">
        <v>13.212958964022533</v>
      </c>
      <c r="L6886" s="40"/>
      <c r="M6886" s="40"/>
      <c r="N6886" s="40"/>
    </row>
    <row r="6887" spans="4:14" x14ac:dyDescent="0.25">
      <c r="D6887" s="40">
        <v>114.64541500000506</v>
      </c>
      <c r="E6887" s="40">
        <v>21.120816935968691</v>
      </c>
      <c r="F6887" s="40">
        <v>114.63333299999999</v>
      </c>
      <c r="G6887" s="40">
        <v>21.552164817879088</v>
      </c>
      <c r="H6887" s="40">
        <v>114.63333400000002</v>
      </c>
      <c r="I6887" s="40">
        <v>19.884486406676313</v>
      </c>
      <c r="J6887" s="40">
        <v>114.633292101191</v>
      </c>
      <c r="K6887" s="40">
        <v>13.212958964022533</v>
      </c>
      <c r="L6887" s="40"/>
      <c r="M6887" s="40"/>
      <c r="N6887" s="40"/>
    </row>
    <row r="6888" spans="4:14" x14ac:dyDescent="0.25">
      <c r="D6888" s="40">
        <v>114.66208100000506</v>
      </c>
      <c r="E6888" s="40">
        <v>21.120816935968691</v>
      </c>
      <c r="F6888" s="40">
        <v>114.65</v>
      </c>
      <c r="G6888" s="40">
        <v>21.552164817879088</v>
      </c>
      <c r="H6888" s="40">
        <v>114.65</v>
      </c>
      <c r="I6888" s="40">
        <v>19.887839142819747</v>
      </c>
      <c r="J6888" s="40">
        <v>114.649958761905</v>
      </c>
      <c r="K6888" s="40">
        <v>13.212958964022533</v>
      </c>
      <c r="L6888" s="40"/>
      <c r="M6888" s="40"/>
      <c r="N6888" s="40"/>
    </row>
    <row r="6889" spans="4:14" x14ac:dyDescent="0.25">
      <c r="D6889" s="40">
        <v>114.67874700000506</v>
      </c>
      <c r="E6889" s="40">
        <v>21.120816935968691</v>
      </c>
      <c r="F6889" s="40">
        <v>114.66666699999999</v>
      </c>
      <c r="G6889" s="40">
        <v>21.552164817879088</v>
      </c>
      <c r="H6889" s="40">
        <v>114.66666700000002</v>
      </c>
      <c r="I6889" s="40">
        <v>19.887839142819747</v>
      </c>
      <c r="J6889" s="40">
        <v>114.66662542262</v>
      </c>
      <c r="K6889" s="40">
        <v>13.212958964022533</v>
      </c>
      <c r="L6889" s="40"/>
      <c r="M6889" s="40"/>
      <c r="N6889" s="40"/>
    </row>
    <row r="6890" spans="4:14" x14ac:dyDescent="0.25">
      <c r="D6890" s="40">
        <v>114.69541300000506</v>
      </c>
      <c r="E6890" s="40">
        <v>21.120816935968691</v>
      </c>
      <c r="F6890" s="40">
        <v>114.683333</v>
      </c>
      <c r="G6890" s="40">
        <v>21.556920061969308</v>
      </c>
      <c r="H6890" s="40">
        <v>114.683334</v>
      </c>
      <c r="I6890" s="40">
        <v>19.887839142819747</v>
      </c>
      <c r="J6890" s="40">
        <v>114.683292083334</v>
      </c>
      <c r="K6890" s="40">
        <v>13.212958964022533</v>
      </c>
      <c r="L6890" s="40"/>
      <c r="M6890" s="40"/>
      <c r="N6890" s="40"/>
    </row>
    <row r="6891" spans="4:14" x14ac:dyDescent="0.25">
      <c r="D6891" s="40">
        <v>114.71207900000506</v>
      </c>
      <c r="E6891" s="40">
        <v>21.120816935968691</v>
      </c>
      <c r="F6891" s="40">
        <v>114.69999999999999</v>
      </c>
      <c r="G6891" s="40">
        <v>21.556920061969308</v>
      </c>
      <c r="H6891" s="40">
        <v>114.70000000000002</v>
      </c>
      <c r="I6891" s="40">
        <v>19.89109326907651</v>
      </c>
      <c r="J6891" s="40">
        <v>114.699958744048</v>
      </c>
      <c r="K6891" s="40">
        <v>13.212958964022533</v>
      </c>
      <c r="L6891" s="40"/>
      <c r="M6891" s="40"/>
      <c r="N6891" s="40"/>
    </row>
    <row r="6892" spans="4:14" x14ac:dyDescent="0.25">
      <c r="D6892" s="40">
        <v>114.72874500000506</v>
      </c>
      <c r="E6892" s="40">
        <v>21.120816935968691</v>
      </c>
      <c r="F6892" s="40">
        <v>114.716667</v>
      </c>
      <c r="G6892" s="40">
        <v>21.556920061969308</v>
      </c>
      <c r="H6892" s="40">
        <v>114.716667</v>
      </c>
      <c r="I6892" s="40">
        <v>19.89109326907651</v>
      </c>
      <c r="J6892" s="40">
        <v>114.716625404762</v>
      </c>
      <c r="K6892" s="40">
        <v>13.212958964022533</v>
      </c>
      <c r="L6892" s="40"/>
      <c r="M6892" s="40"/>
      <c r="N6892" s="40"/>
    </row>
    <row r="6893" spans="4:14" x14ac:dyDescent="0.25">
      <c r="D6893" s="40">
        <v>114.74541100000506</v>
      </c>
      <c r="E6893" s="40">
        <v>21.120816935968691</v>
      </c>
      <c r="F6893" s="40">
        <v>114.73333299999999</v>
      </c>
      <c r="G6893" s="40">
        <v>21.556920061969308</v>
      </c>
      <c r="H6893" s="40">
        <v>114.73333400000001</v>
      </c>
      <c r="I6893" s="40">
        <v>19.89109326907651</v>
      </c>
      <c r="J6893" s="40">
        <v>114.733292065477</v>
      </c>
      <c r="K6893" s="40">
        <v>13.212958964022533</v>
      </c>
      <c r="L6893" s="40"/>
      <c r="M6893" s="40"/>
      <c r="N6893" s="40"/>
    </row>
    <row r="6894" spans="4:14" x14ac:dyDescent="0.25">
      <c r="D6894" s="40">
        <v>114.76207700000506</v>
      </c>
      <c r="E6894" s="40">
        <v>21.120816935968691</v>
      </c>
      <c r="F6894" s="40">
        <v>114.75</v>
      </c>
      <c r="G6894" s="40">
        <v>21.556920061969308</v>
      </c>
      <c r="H6894" s="40">
        <v>114.75</v>
      </c>
      <c r="I6894" s="40">
        <v>19.894446005219766</v>
      </c>
      <c r="J6894" s="40">
        <v>114.749958726191</v>
      </c>
      <c r="K6894" s="40">
        <v>13.212958964022533</v>
      </c>
      <c r="L6894" s="40"/>
      <c r="M6894" s="40"/>
      <c r="N6894" s="40"/>
    </row>
    <row r="6895" spans="4:14" x14ac:dyDescent="0.25">
      <c r="D6895" s="40">
        <v>114.77874300000506</v>
      </c>
      <c r="E6895" s="40">
        <v>21.125660114558244</v>
      </c>
      <c r="F6895" s="40">
        <v>114.76666699999998</v>
      </c>
      <c r="G6895" s="40">
        <v>21.556920061969308</v>
      </c>
      <c r="H6895" s="40">
        <v>114.76666700000001</v>
      </c>
      <c r="I6895" s="40">
        <v>19.894446005219766</v>
      </c>
      <c r="J6895" s="40">
        <v>114.76662538690501</v>
      </c>
      <c r="K6895" s="40">
        <v>13.212958964022533</v>
      </c>
      <c r="L6895" s="40"/>
      <c r="M6895" s="40"/>
      <c r="N6895" s="40"/>
    </row>
    <row r="6896" spans="4:14" x14ac:dyDescent="0.25">
      <c r="D6896" s="40">
        <v>114.79540900000507</v>
      </c>
      <c r="E6896" s="40">
        <v>21.125660114558244</v>
      </c>
      <c r="F6896" s="40">
        <v>114.783333</v>
      </c>
      <c r="G6896" s="40">
        <v>21.561675306059403</v>
      </c>
      <c r="H6896" s="40">
        <v>114.783334</v>
      </c>
      <c r="I6896" s="40">
        <v>19.897798741363026</v>
      </c>
      <c r="J6896" s="40">
        <v>114.78329204761999</v>
      </c>
      <c r="K6896" s="40">
        <v>13.212958964022533</v>
      </c>
      <c r="L6896" s="40"/>
      <c r="M6896" s="40"/>
      <c r="N6896" s="40"/>
    </row>
    <row r="6897" spans="4:14" x14ac:dyDescent="0.25">
      <c r="D6897" s="40">
        <v>114.81207500000507</v>
      </c>
      <c r="E6897" s="40">
        <v>21.125660114558244</v>
      </c>
      <c r="F6897" s="40">
        <v>114.79999999999998</v>
      </c>
      <c r="G6897" s="40">
        <v>21.561675306059403</v>
      </c>
      <c r="H6897" s="40">
        <v>114.80000000000001</v>
      </c>
      <c r="I6897" s="40">
        <v>19.897798741363026</v>
      </c>
      <c r="J6897" s="40">
        <v>114.799958708334</v>
      </c>
      <c r="K6897" s="40">
        <v>13.208107920313303</v>
      </c>
      <c r="L6897" s="40"/>
      <c r="M6897" s="40"/>
      <c r="N6897" s="40"/>
    </row>
    <row r="6898" spans="4:14" x14ac:dyDescent="0.25">
      <c r="D6898" s="40">
        <v>114.82874100000507</v>
      </c>
      <c r="E6898" s="40">
        <v>21.125660114558244</v>
      </c>
      <c r="F6898" s="40">
        <v>114.816667</v>
      </c>
      <c r="G6898" s="40">
        <v>21.561675306059403</v>
      </c>
      <c r="H6898" s="40">
        <v>114.816667</v>
      </c>
      <c r="I6898" s="40">
        <v>19.897798741363026</v>
      </c>
      <c r="J6898" s="40">
        <v>114.816625369048</v>
      </c>
      <c r="K6898" s="40">
        <v>13.208107920313303</v>
      </c>
      <c r="L6898" s="40"/>
      <c r="M6898" s="40"/>
      <c r="N6898" s="40"/>
    </row>
    <row r="6899" spans="4:14" x14ac:dyDescent="0.25">
      <c r="D6899" s="40">
        <v>114.84540700000507</v>
      </c>
      <c r="E6899" s="40">
        <v>21.125660114558244</v>
      </c>
      <c r="F6899" s="40">
        <v>114.83333299999998</v>
      </c>
      <c r="G6899" s="40">
        <v>21.561675306059403</v>
      </c>
      <c r="H6899" s="40">
        <v>114.83333400000001</v>
      </c>
      <c r="I6899" s="40">
        <v>19.901052867619786</v>
      </c>
      <c r="J6899" s="40">
        <v>114.83329202976201</v>
      </c>
      <c r="K6899" s="40">
        <v>13.208107920313303</v>
      </c>
      <c r="L6899" s="40"/>
      <c r="M6899" s="40"/>
      <c r="N6899" s="40"/>
    </row>
    <row r="6900" spans="4:14" x14ac:dyDescent="0.25">
      <c r="D6900" s="40">
        <v>114.86207300000507</v>
      </c>
      <c r="E6900" s="40">
        <v>21.125660114558244</v>
      </c>
      <c r="F6900" s="40">
        <v>114.85</v>
      </c>
      <c r="G6900" s="40">
        <v>21.561675306059403</v>
      </c>
      <c r="H6900" s="40">
        <v>114.85</v>
      </c>
      <c r="I6900" s="40">
        <v>19.901052867619786</v>
      </c>
      <c r="J6900" s="40">
        <v>114.849958690477</v>
      </c>
      <c r="K6900" s="40">
        <v>13.208107920313303</v>
      </c>
      <c r="L6900" s="40"/>
      <c r="M6900" s="40"/>
      <c r="N6900" s="40"/>
    </row>
    <row r="6901" spans="4:14" x14ac:dyDescent="0.25">
      <c r="D6901" s="40">
        <v>114.87873900000507</v>
      </c>
      <c r="E6901" s="40">
        <v>21.125660114558244</v>
      </c>
      <c r="F6901" s="40">
        <v>114.86666700000001</v>
      </c>
      <c r="G6901" s="40">
        <v>21.561675306059403</v>
      </c>
      <c r="H6901" s="40">
        <v>114.86666700000001</v>
      </c>
      <c r="I6901" s="40">
        <v>19.90440560376322</v>
      </c>
      <c r="J6901" s="40">
        <v>114.866625351191</v>
      </c>
      <c r="K6901" s="40">
        <v>13.208107920313303</v>
      </c>
      <c r="L6901" s="40"/>
      <c r="M6901" s="40"/>
      <c r="N6901" s="40"/>
    </row>
    <row r="6902" spans="4:14" x14ac:dyDescent="0.25">
      <c r="D6902" s="40">
        <v>114.89540500000507</v>
      </c>
      <c r="E6902" s="40">
        <v>21.125660114558244</v>
      </c>
      <c r="F6902" s="40">
        <v>114.88333299999999</v>
      </c>
      <c r="G6902" s="40">
        <v>21.561675306059403</v>
      </c>
      <c r="H6902" s="40">
        <v>114.88333400000002</v>
      </c>
      <c r="I6902" s="40">
        <v>19.90440560376322</v>
      </c>
      <c r="J6902" s="40">
        <v>114.883292011905</v>
      </c>
      <c r="K6902" s="40">
        <v>13.208107920313303</v>
      </c>
      <c r="L6902" s="40"/>
      <c r="M6902" s="40"/>
      <c r="N6902" s="40"/>
    </row>
    <row r="6903" spans="4:14" x14ac:dyDescent="0.25">
      <c r="D6903" s="40">
        <v>114.91207100000507</v>
      </c>
      <c r="E6903" s="40">
        <v>21.125660114558244</v>
      </c>
      <c r="F6903" s="40">
        <v>114.9</v>
      </c>
      <c r="G6903" s="40">
        <v>21.561675306059403</v>
      </c>
      <c r="H6903" s="40">
        <v>114.9</v>
      </c>
      <c r="I6903" s="40">
        <v>19.90440560376322</v>
      </c>
      <c r="J6903" s="40">
        <v>114.89995867262</v>
      </c>
      <c r="K6903" s="40">
        <v>13.208107920313303</v>
      </c>
      <c r="L6903" s="40"/>
      <c r="M6903" s="40"/>
      <c r="N6903" s="40"/>
    </row>
    <row r="6904" spans="4:14" x14ac:dyDescent="0.25">
      <c r="D6904" s="40">
        <v>114.92873700000507</v>
      </c>
      <c r="E6904" s="40">
        <v>21.125660114558244</v>
      </c>
      <c r="F6904" s="40">
        <v>114.91666699999999</v>
      </c>
      <c r="G6904" s="40">
        <v>21.561675306059403</v>
      </c>
      <c r="H6904" s="40">
        <v>114.91666700000002</v>
      </c>
      <c r="I6904" s="40">
        <v>19.90440560376322</v>
      </c>
      <c r="J6904" s="40">
        <v>114.916625333334</v>
      </c>
      <c r="K6904" s="40">
        <v>13.208107920313303</v>
      </c>
      <c r="L6904" s="40"/>
      <c r="M6904" s="40"/>
      <c r="N6904" s="40"/>
    </row>
    <row r="6905" spans="4:14" x14ac:dyDescent="0.25">
      <c r="D6905" s="40">
        <v>114.94540300000507</v>
      </c>
      <c r="E6905" s="40">
        <v>21.13050329314779</v>
      </c>
      <c r="F6905" s="40">
        <v>114.933333</v>
      </c>
      <c r="G6905" s="40">
        <v>21.561675306059403</v>
      </c>
      <c r="H6905" s="40">
        <v>114.933334</v>
      </c>
      <c r="I6905" s="40">
        <v>19.907758339906476</v>
      </c>
      <c r="J6905" s="40">
        <v>114.93329199404801</v>
      </c>
      <c r="K6905" s="40">
        <v>13.208107920313303</v>
      </c>
      <c r="L6905" s="40"/>
      <c r="M6905" s="40"/>
      <c r="N6905" s="40"/>
    </row>
    <row r="6906" spans="4:14" x14ac:dyDescent="0.25">
      <c r="D6906" s="40">
        <v>114.96206900000507</v>
      </c>
      <c r="E6906" s="40">
        <v>21.13050329314779</v>
      </c>
      <c r="F6906" s="40">
        <v>114.94999999999999</v>
      </c>
      <c r="G6906" s="40">
        <v>21.561675306059403</v>
      </c>
      <c r="H6906" s="40">
        <v>114.95000000000002</v>
      </c>
      <c r="I6906" s="40">
        <v>19.907758339906476</v>
      </c>
      <c r="J6906" s="40">
        <v>114.949958654762</v>
      </c>
      <c r="K6906" s="40">
        <v>13.208107920313303</v>
      </c>
      <c r="L6906" s="40"/>
      <c r="M6906" s="40"/>
      <c r="N6906" s="40"/>
    </row>
    <row r="6907" spans="4:14" x14ac:dyDescent="0.25">
      <c r="D6907" s="40">
        <v>114.97873500000507</v>
      </c>
      <c r="E6907" s="40">
        <v>21.13050329314779</v>
      </c>
      <c r="F6907" s="40">
        <v>114.966667</v>
      </c>
      <c r="G6907" s="40">
        <v>21.561675306059403</v>
      </c>
      <c r="H6907" s="40">
        <v>114.966667</v>
      </c>
      <c r="I6907" s="40">
        <v>19.911012466163239</v>
      </c>
      <c r="J6907" s="40">
        <v>114.966625315477</v>
      </c>
      <c r="K6907" s="40">
        <v>13.208107920313303</v>
      </c>
      <c r="L6907" s="40"/>
      <c r="M6907" s="40"/>
      <c r="N6907" s="40"/>
    </row>
    <row r="6908" spans="4:14" x14ac:dyDescent="0.25">
      <c r="D6908" s="40">
        <v>114.99540100000507</v>
      </c>
      <c r="E6908" s="40">
        <v>21.125660114558244</v>
      </c>
      <c r="F6908" s="40">
        <v>114.98333299999999</v>
      </c>
      <c r="G6908" s="40">
        <v>21.561675306059403</v>
      </c>
      <c r="H6908" s="40">
        <v>114.98333400000001</v>
      </c>
      <c r="I6908" s="40">
        <v>19.911012466163239</v>
      </c>
      <c r="J6908" s="40">
        <v>114.983291976191</v>
      </c>
      <c r="K6908" s="40">
        <v>13.208107920313303</v>
      </c>
      <c r="L6908" s="40"/>
      <c r="M6908" s="40"/>
      <c r="N6908" s="40"/>
    </row>
    <row r="6909" spans="4:14" x14ac:dyDescent="0.25">
      <c r="D6909" s="40">
        <v>115.01206700000508</v>
      </c>
      <c r="E6909" s="40">
        <v>21.125660114558244</v>
      </c>
      <c r="F6909" s="40">
        <v>115</v>
      </c>
      <c r="G6909" s="40">
        <v>21.561675306059403</v>
      </c>
      <c r="H6909" s="40">
        <v>115</v>
      </c>
      <c r="I6909" s="40">
        <v>19.911012466163239</v>
      </c>
      <c r="J6909" s="40">
        <v>114.99995863690501</v>
      </c>
      <c r="K6909" s="40">
        <v>13.208107920313303</v>
      </c>
      <c r="L6909" s="40"/>
      <c r="M6909" s="40"/>
      <c r="N6909" s="40"/>
    </row>
    <row r="6910" spans="4:14" x14ac:dyDescent="0.25">
      <c r="D6910" s="40">
        <v>115.02873300000508</v>
      </c>
      <c r="E6910" s="40">
        <v>21.125660114558244</v>
      </c>
      <c r="F6910" s="40">
        <v>115.01666699999998</v>
      </c>
      <c r="G6910" s="40">
        <v>21.561675306059403</v>
      </c>
      <c r="H6910" s="40">
        <v>115.01666700000001</v>
      </c>
      <c r="I6910" s="40">
        <v>19.914365202306499</v>
      </c>
      <c r="J6910" s="40">
        <v>115.01662529762</v>
      </c>
      <c r="K6910" s="40">
        <v>13.208107920313303</v>
      </c>
      <c r="L6910" s="40"/>
      <c r="M6910" s="40"/>
      <c r="N6910" s="40"/>
    </row>
    <row r="6911" spans="4:14" x14ac:dyDescent="0.25">
      <c r="D6911" s="40">
        <v>115.04539900000508</v>
      </c>
      <c r="E6911" s="40">
        <v>21.125660114558244</v>
      </c>
      <c r="F6911" s="40">
        <v>115.033333</v>
      </c>
      <c r="G6911" s="40">
        <v>21.561675306059403</v>
      </c>
      <c r="H6911" s="40">
        <v>115.033334</v>
      </c>
      <c r="I6911" s="40">
        <v>19.917717938449755</v>
      </c>
      <c r="J6911" s="40">
        <v>115.033291958334</v>
      </c>
      <c r="K6911" s="40">
        <v>13.208107920313303</v>
      </c>
      <c r="L6911" s="40"/>
      <c r="M6911" s="40"/>
      <c r="N6911" s="40"/>
    </row>
    <row r="6912" spans="4:14" x14ac:dyDescent="0.25">
      <c r="D6912" s="40">
        <v>115.06206500000508</v>
      </c>
      <c r="E6912" s="40">
        <v>21.125660114558244</v>
      </c>
      <c r="F6912" s="40">
        <v>115.04999999999998</v>
      </c>
      <c r="G6912" s="40">
        <v>21.561675306059403</v>
      </c>
      <c r="H6912" s="40">
        <v>115.05000000000001</v>
      </c>
      <c r="I6912" s="40">
        <v>19.917717938449755</v>
      </c>
      <c r="J6912" s="40">
        <v>115.049958619048</v>
      </c>
      <c r="K6912" s="40">
        <v>13.203256876604197</v>
      </c>
      <c r="L6912" s="40"/>
      <c r="M6912" s="40"/>
      <c r="N6912" s="40"/>
    </row>
    <row r="6913" spans="4:14" x14ac:dyDescent="0.25">
      <c r="D6913" s="40">
        <v>115.07873100000508</v>
      </c>
      <c r="E6913" s="40">
        <v>21.125660114558244</v>
      </c>
      <c r="F6913" s="40">
        <v>115.066667</v>
      </c>
      <c r="G6913" s="40">
        <v>21.561675306059403</v>
      </c>
      <c r="H6913" s="40">
        <v>115.066667</v>
      </c>
      <c r="I6913" s="40">
        <v>19.920972064706518</v>
      </c>
      <c r="J6913" s="40">
        <v>115.06662527976199</v>
      </c>
      <c r="K6913" s="40">
        <v>13.203256876604197</v>
      </c>
      <c r="L6913" s="40"/>
      <c r="M6913" s="40"/>
      <c r="N6913" s="40"/>
    </row>
    <row r="6914" spans="4:14" x14ac:dyDescent="0.25">
      <c r="D6914" s="40">
        <v>115.09539700000508</v>
      </c>
      <c r="E6914" s="40">
        <v>21.13050329314779</v>
      </c>
      <c r="F6914" s="40">
        <v>115.08333299999998</v>
      </c>
      <c r="G6914" s="40">
        <v>21.566290690029302</v>
      </c>
      <c r="H6914" s="40">
        <v>115.08333400000001</v>
      </c>
      <c r="I6914" s="40">
        <v>19.920972064706518</v>
      </c>
      <c r="J6914" s="40">
        <v>115.083291940477</v>
      </c>
      <c r="K6914" s="40">
        <v>13.203256876604197</v>
      </c>
      <c r="L6914" s="40"/>
      <c r="M6914" s="40"/>
      <c r="N6914" s="40"/>
    </row>
    <row r="6915" spans="4:14" x14ac:dyDescent="0.25">
      <c r="D6915" s="40">
        <v>115.11206300000508</v>
      </c>
      <c r="E6915" s="40">
        <v>21.13050329314779</v>
      </c>
      <c r="F6915" s="40">
        <v>115.1</v>
      </c>
      <c r="G6915" s="40">
        <v>21.566290690029302</v>
      </c>
      <c r="H6915" s="40">
        <v>115.1</v>
      </c>
      <c r="I6915" s="40">
        <v>19.924324800849949</v>
      </c>
      <c r="J6915" s="40">
        <v>115.09995860119101</v>
      </c>
      <c r="K6915" s="40">
        <v>13.203256876604197</v>
      </c>
      <c r="L6915" s="40"/>
      <c r="M6915" s="40"/>
      <c r="N6915" s="40"/>
    </row>
    <row r="6916" spans="4:14" x14ac:dyDescent="0.25">
      <c r="D6916" s="40">
        <v>115.12872900000508</v>
      </c>
      <c r="E6916" s="40">
        <v>21.13050329314779</v>
      </c>
      <c r="F6916" s="40">
        <v>115.11666700000001</v>
      </c>
      <c r="G6916" s="40">
        <v>21.566290690029302</v>
      </c>
      <c r="H6916" s="40">
        <v>115.11666700000001</v>
      </c>
      <c r="I6916" s="40">
        <v>19.924324800849949</v>
      </c>
      <c r="J6916" s="40">
        <v>115.116625261905</v>
      </c>
      <c r="K6916" s="40">
        <v>13.203256876604197</v>
      </c>
      <c r="L6916" s="40"/>
      <c r="M6916" s="40"/>
      <c r="N6916" s="40"/>
    </row>
    <row r="6917" spans="4:14" x14ac:dyDescent="0.25">
      <c r="D6917" s="40">
        <v>115.14539500000508</v>
      </c>
      <c r="E6917" s="40">
        <v>21.13050329314779</v>
      </c>
      <c r="F6917" s="40">
        <v>115.13333299999999</v>
      </c>
      <c r="G6917" s="40">
        <v>21.566290690029302</v>
      </c>
      <c r="H6917" s="40">
        <v>115.13333400000002</v>
      </c>
      <c r="I6917" s="40">
        <v>19.927677536993208</v>
      </c>
      <c r="J6917" s="40">
        <v>115.13329192262</v>
      </c>
      <c r="K6917" s="40">
        <v>13.203256876604197</v>
      </c>
      <c r="L6917" s="40"/>
      <c r="M6917" s="40"/>
      <c r="N6917" s="40"/>
    </row>
    <row r="6918" spans="4:14" x14ac:dyDescent="0.25">
      <c r="D6918" s="40">
        <v>115.16206100000508</v>
      </c>
      <c r="E6918" s="40">
        <v>21.13050329314779</v>
      </c>
      <c r="F6918" s="40">
        <v>115.15</v>
      </c>
      <c r="G6918" s="40">
        <v>21.566290690029302</v>
      </c>
      <c r="H6918" s="40">
        <v>115.15</v>
      </c>
      <c r="I6918" s="40">
        <v>19.927677536993208</v>
      </c>
      <c r="J6918" s="40">
        <v>115.149958583334</v>
      </c>
      <c r="K6918" s="40">
        <v>13.198548510651136</v>
      </c>
      <c r="L6918" s="40"/>
      <c r="M6918" s="40"/>
      <c r="N6918" s="40"/>
    </row>
    <row r="6919" spans="4:14" x14ac:dyDescent="0.25">
      <c r="D6919" s="40">
        <v>115.17872700000508</v>
      </c>
      <c r="E6919" s="40">
        <v>21.125660114558244</v>
      </c>
      <c r="F6919" s="40">
        <v>115.16666699999999</v>
      </c>
      <c r="G6919" s="40">
        <v>21.566290690029302</v>
      </c>
      <c r="H6919" s="40">
        <v>115.16666700000002</v>
      </c>
      <c r="I6919" s="40">
        <v>19.930931663249972</v>
      </c>
      <c r="J6919" s="40">
        <v>115.16662524404801</v>
      </c>
      <c r="K6919" s="40">
        <v>13.198548510651136</v>
      </c>
      <c r="L6919" s="40"/>
      <c r="M6919" s="40"/>
      <c r="N6919" s="40"/>
    </row>
    <row r="6920" spans="4:14" x14ac:dyDescent="0.25">
      <c r="D6920" s="40">
        <v>115.19539300000508</v>
      </c>
      <c r="E6920" s="40">
        <v>21.125660114558244</v>
      </c>
      <c r="F6920" s="40">
        <v>115.183333</v>
      </c>
      <c r="G6920" s="40">
        <v>21.566290690029302</v>
      </c>
      <c r="H6920" s="40">
        <v>115.183334</v>
      </c>
      <c r="I6920" s="40">
        <v>19.930931663249972</v>
      </c>
      <c r="J6920" s="40">
        <v>115.183291904762</v>
      </c>
      <c r="K6920" s="40">
        <v>13.198548510651136</v>
      </c>
      <c r="L6920" s="40"/>
      <c r="M6920" s="40"/>
      <c r="N6920" s="40"/>
    </row>
    <row r="6921" spans="4:14" x14ac:dyDescent="0.25">
      <c r="D6921" s="40">
        <v>115.21205900000508</v>
      </c>
      <c r="E6921" s="40">
        <v>21.125660114558244</v>
      </c>
      <c r="F6921" s="40">
        <v>115.19999999999999</v>
      </c>
      <c r="G6921" s="40">
        <v>21.566290690029302</v>
      </c>
      <c r="H6921" s="40">
        <v>115.20000000000002</v>
      </c>
      <c r="I6921" s="40">
        <v>19.930931663249972</v>
      </c>
      <c r="J6921" s="40">
        <v>115.199958565477</v>
      </c>
      <c r="K6921" s="40">
        <v>13.198548510651136</v>
      </c>
      <c r="L6921" s="40"/>
      <c r="M6921" s="40"/>
      <c r="N6921" s="40"/>
    </row>
    <row r="6922" spans="4:14" x14ac:dyDescent="0.25">
      <c r="D6922" s="40">
        <v>115.22872500000508</v>
      </c>
      <c r="E6922" s="40">
        <v>21.125660114558244</v>
      </c>
      <c r="F6922" s="40">
        <v>115.216667</v>
      </c>
      <c r="G6922" s="40">
        <v>21.566290690029302</v>
      </c>
      <c r="H6922" s="40">
        <v>115.216667</v>
      </c>
      <c r="I6922" s="40">
        <v>19.934284399393228</v>
      </c>
      <c r="J6922" s="40">
        <v>115.216625226191</v>
      </c>
      <c r="K6922" s="40">
        <v>13.198548510651136</v>
      </c>
      <c r="L6922" s="40"/>
      <c r="M6922" s="40"/>
      <c r="N6922" s="40"/>
    </row>
    <row r="6923" spans="4:14" x14ac:dyDescent="0.25">
      <c r="D6923" s="40">
        <v>115.24539100000509</v>
      </c>
      <c r="E6923" s="40">
        <v>21.125660114558244</v>
      </c>
      <c r="F6923" s="40">
        <v>115.23333299999999</v>
      </c>
      <c r="G6923" s="40">
        <v>21.566290690029302</v>
      </c>
      <c r="H6923" s="40">
        <v>115.23333400000001</v>
      </c>
      <c r="I6923" s="40">
        <v>19.937637135536658</v>
      </c>
      <c r="J6923" s="40">
        <v>115.23329188690499</v>
      </c>
      <c r="K6923" s="40">
        <v>13.198548510651136</v>
      </c>
      <c r="L6923" s="40"/>
      <c r="M6923" s="40"/>
      <c r="N6923" s="40"/>
    </row>
    <row r="6924" spans="4:14" x14ac:dyDescent="0.25">
      <c r="D6924" s="40">
        <v>115.26205700000509</v>
      </c>
      <c r="E6924" s="40">
        <v>21.13050329314779</v>
      </c>
      <c r="F6924" s="40">
        <v>115.25</v>
      </c>
      <c r="G6924" s="40">
        <v>21.571045934119521</v>
      </c>
      <c r="H6924" s="40">
        <v>115.25</v>
      </c>
      <c r="I6924" s="40">
        <v>19.937637135536658</v>
      </c>
      <c r="J6924" s="40">
        <v>115.24995854762</v>
      </c>
      <c r="K6924" s="40">
        <v>13.198548510651136</v>
      </c>
      <c r="L6924" s="40"/>
      <c r="M6924" s="40"/>
      <c r="N6924" s="40"/>
    </row>
    <row r="6925" spans="4:14" x14ac:dyDescent="0.25">
      <c r="D6925" s="40">
        <v>115.27872300000509</v>
      </c>
      <c r="E6925" s="40">
        <v>21.13050329314779</v>
      </c>
      <c r="F6925" s="40">
        <v>115.26666699999998</v>
      </c>
      <c r="G6925" s="40">
        <v>21.575801178209741</v>
      </c>
      <c r="H6925" s="40">
        <v>115.26666700000001</v>
      </c>
      <c r="I6925" s="40">
        <v>19.937637135536658</v>
      </c>
      <c r="J6925" s="40">
        <v>115.26662520833401</v>
      </c>
      <c r="K6925" s="40">
        <v>13.203256876604197</v>
      </c>
      <c r="L6925" s="40"/>
      <c r="M6925" s="40"/>
      <c r="N6925" s="40"/>
    </row>
    <row r="6926" spans="4:14" x14ac:dyDescent="0.25">
      <c r="D6926" s="40">
        <v>115.29538900000509</v>
      </c>
      <c r="E6926" s="40">
        <v>21.13050329314779</v>
      </c>
      <c r="F6926" s="40">
        <v>115.283333</v>
      </c>
      <c r="G6926" s="40">
        <v>21.575801178209741</v>
      </c>
      <c r="H6926" s="40">
        <v>115.283334</v>
      </c>
      <c r="I6926" s="40">
        <v>19.940891261793247</v>
      </c>
      <c r="J6926" s="40">
        <v>115.283291869048</v>
      </c>
      <c r="K6926" s="40">
        <v>13.203256876604197</v>
      </c>
      <c r="L6926" s="40"/>
      <c r="M6926" s="40"/>
      <c r="N6926" s="40"/>
    </row>
    <row r="6927" spans="4:14" x14ac:dyDescent="0.25">
      <c r="D6927" s="40">
        <v>115.31205500000509</v>
      </c>
      <c r="E6927" s="40">
        <v>21.13050329314779</v>
      </c>
      <c r="F6927" s="40">
        <v>115.29999999999998</v>
      </c>
      <c r="G6927" s="40">
        <v>21.580416562179515</v>
      </c>
      <c r="H6927" s="40">
        <v>115.30000000000001</v>
      </c>
      <c r="I6927" s="40">
        <v>19.940891261793247</v>
      </c>
      <c r="J6927" s="40">
        <v>115.29995852976199</v>
      </c>
      <c r="K6927" s="40">
        <v>13.203256876604197</v>
      </c>
      <c r="L6927" s="40"/>
      <c r="M6927" s="40"/>
      <c r="N6927" s="40"/>
    </row>
    <row r="6928" spans="4:14" x14ac:dyDescent="0.25">
      <c r="D6928" s="40">
        <v>115.32872100000509</v>
      </c>
      <c r="E6928" s="40">
        <v>21.13050329314779</v>
      </c>
      <c r="F6928" s="40">
        <v>115.316667</v>
      </c>
      <c r="G6928" s="40">
        <v>21.580416562179515</v>
      </c>
      <c r="H6928" s="40">
        <v>115.316667</v>
      </c>
      <c r="I6928" s="40">
        <v>19.944243997936677</v>
      </c>
      <c r="J6928" s="40">
        <v>115.316625190477</v>
      </c>
      <c r="K6928" s="40">
        <v>13.203256876604197</v>
      </c>
      <c r="L6928" s="40"/>
      <c r="M6928" s="40"/>
      <c r="N6928" s="40"/>
    </row>
    <row r="6929" spans="4:14" x14ac:dyDescent="0.25">
      <c r="D6929" s="40">
        <v>115.34538700000509</v>
      </c>
      <c r="E6929" s="40">
        <v>21.13050329314779</v>
      </c>
      <c r="F6929" s="40">
        <v>115.33333299999998</v>
      </c>
      <c r="G6929" s="40">
        <v>21.585171806269734</v>
      </c>
      <c r="H6929" s="40">
        <v>115.33333400000001</v>
      </c>
      <c r="I6929" s="40">
        <v>19.947596734079937</v>
      </c>
      <c r="J6929" s="40">
        <v>115.33329185119101</v>
      </c>
      <c r="K6929" s="40">
        <v>13.203256876604197</v>
      </c>
      <c r="L6929" s="40"/>
      <c r="M6929" s="40"/>
      <c r="N6929" s="40"/>
    </row>
    <row r="6930" spans="4:14" x14ac:dyDescent="0.25">
      <c r="D6930" s="40">
        <v>115.36205300000509</v>
      </c>
      <c r="E6930" s="40">
        <v>21.13050329314779</v>
      </c>
      <c r="F6930" s="40">
        <v>115.35</v>
      </c>
      <c r="G6930" s="40">
        <v>21.599297678419951</v>
      </c>
      <c r="H6930" s="40">
        <v>115.35</v>
      </c>
      <c r="I6930" s="40">
        <v>19.947596734079937</v>
      </c>
      <c r="J6930" s="40">
        <v>115.349958511905</v>
      </c>
      <c r="K6930" s="40">
        <v>13.203256876604197</v>
      </c>
      <c r="L6930" s="40"/>
      <c r="M6930" s="40"/>
      <c r="N6930" s="40"/>
    </row>
    <row r="6931" spans="4:14" x14ac:dyDescent="0.25">
      <c r="D6931" s="40">
        <v>115.37871900000509</v>
      </c>
      <c r="E6931" s="40">
        <v>21.13050329314779</v>
      </c>
      <c r="F6931" s="40">
        <v>115.36666700000001</v>
      </c>
      <c r="G6931" s="40">
        <v>21.589927050359957</v>
      </c>
      <c r="H6931" s="40">
        <v>115.36666700000001</v>
      </c>
      <c r="I6931" s="40">
        <v>19.950850860336701</v>
      </c>
      <c r="J6931" s="40">
        <v>115.36662517262</v>
      </c>
      <c r="K6931" s="40">
        <v>13.203256876604197</v>
      </c>
      <c r="L6931" s="40"/>
      <c r="M6931" s="40"/>
      <c r="N6931" s="40"/>
    </row>
    <row r="6932" spans="4:14" x14ac:dyDescent="0.25">
      <c r="D6932" s="40">
        <v>115.39538500000509</v>
      </c>
      <c r="E6932" s="40">
        <v>21.13050329314779</v>
      </c>
      <c r="F6932" s="40">
        <v>115.38333299999999</v>
      </c>
      <c r="G6932" s="40">
        <v>21.585171806269734</v>
      </c>
      <c r="H6932" s="40">
        <v>115.38333400000002</v>
      </c>
      <c r="I6932" s="40">
        <v>19.950850860336701</v>
      </c>
      <c r="J6932" s="40">
        <v>115.383291833334</v>
      </c>
      <c r="K6932" s="40">
        <v>13.208107920313303</v>
      </c>
      <c r="L6932" s="40"/>
      <c r="M6932" s="40"/>
      <c r="N6932" s="40"/>
    </row>
    <row r="6933" spans="4:14" x14ac:dyDescent="0.25">
      <c r="D6933" s="40">
        <v>115.41205100000509</v>
      </c>
      <c r="E6933" s="40">
        <v>21.13050329314779</v>
      </c>
      <c r="F6933" s="40">
        <v>115.4</v>
      </c>
      <c r="G6933" s="40">
        <v>21.580416562179515</v>
      </c>
      <c r="H6933" s="40">
        <v>115.4</v>
      </c>
      <c r="I6933" s="40">
        <v>19.954203596479957</v>
      </c>
      <c r="J6933" s="40">
        <v>115.39995849404799</v>
      </c>
      <c r="K6933" s="40">
        <v>13.208107920313303</v>
      </c>
      <c r="L6933" s="40"/>
      <c r="M6933" s="40"/>
      <c r="N6933" s="40"/>
    </row>
    <row r="6934" spans="4:14" x14ac:dyDescent="0.25">
      <c r="D6934" s="40">
        <v>115.42871700000509</v>
      </c>
      <c r="E6934" s="40">
        <v>21.13050329314779</v>
      </c>
      <c r="F6934" s="40">
        <v>115.41666699999999</v>
      </c>
      <c r="G6934" s="40">
        <v>21.580416562179515</v>
      </c>
      <c r="H6934" s="40">
        <v>115.41666700000002</v>
      </c>
      <c r="I6934" s="40">
        <v>19.954203596479957</v>
      </c>
      <c r="J6934" s="40">
        <v>115.416625154762</v>
      </c>
      <c r="K6934" s="40">
        <v>13.208107920313303</v>
      </c>
      <c r="L6934" s="40"/>
      <c r="M6934" s="40"/>
      <c r="N6934" s="40"/>
    </row>
    <row r="6935" spans="4:14" x14ac:dyDescent="0.25">
      <c r="D6935" s="40">
        <v>115.44538300000509</v>
      </c>
      <c r="E6935" s="40">
        <v>21.13050329314779</v>
      </c>
      <c r="F6935" s="40">
        <v>115.433333</v>
      </c>
      <c r="G6935" s="40">
        <v>21.580416562179515</v>
      </c>
      <c r="H6935" s="40">
        <v>115.433334</v>
      </c>
      <c r="I6935" s="40">
        <v>19.954203596479957</v>
      </c>
      <c r="J6935" s="40">
        <v>115.43329181547701</v>
      </c>
      <c r="K6935" s="40">
        <v>13.208107920313303</v>
      </c>
      <c r="L6935" s="40"/>
      <c r="M6935" s="40"/>
      <c r="N6935" s="40"/>
    </row>
    <row r="6936" spans="4:14" x14ac:dyDescent="0.25">
      <c r="D6936" s="40">
        <v>115.46204900000509</v>
      </c>
      <c r="E6936" s="40">
        <v>21.13050329314779</v>
      </c>
      <c r="F6936" s="40">
        <v>115.44999999999999</v>
      </c>
      <c r="G6936" s="40">
        <v>21.575801178209741</v>
      </c>
      <c r="H6936" s="40">
        <v>115.45000000000002</v>
      </c>
      <c r="I6936" s="40">
        <v>19.957556332623387</v>
      </c>
      <c r="J6936" s="40">
        <v>115.449958476191</v>
      </c>
      <c r="K6936" s="40">
        <v>13.208107920313303</v>
      </c>
      <c r="L6936" s="40"/>
      <c r="M6936" s="40"/>
      <c r="N6936" s="40"/>
    </row>
    <row r="6937" spans="4:14" x14ac:dyDescent="0.25">
      <c r="D6937" s="40">
        <v>115.4787150000051</v>
      </c>
      <c r="E6937" s="40">
        <v>21.13050329314779</v>
      </c>
      <c r="F6937" s="40">
        <v>115.466667</v>
      </c>
      <c r="G6937" s="40">
        <v>21.575801178209741</v>
      </c>
      <c r="H6937" s="40">
        <v>115.466667</v>
      </c>
      <c r="I6937" s="40">
        <v>19.957556332623387</v>
      </c>
      <c r="J6937" s="40">
        <v>115.46662513690499</v>
      </c>
      <c r="K6937" s="40">
        <v>13.212958964022533</v>
      </c>
      <c r="L6937" s="40"/>
      <c r="M6937" s="40"/>
      <c r="N6937" s="40"/>
    </row>
    <row r="6938" spans="4:14" x14ac:dyDescent="0.25">
      <c r="D6938" s="40">
        <v>115.4953810000051</v>
      </c>
      <c r="E6938" s="40">
        <v>21.13050329314779</v>
      </c>
      <c r="F6938" s="40">
        <v>115.48333299999999</v>
      </c>
      <c r="G6938" s="40">
        <v>21.575801178209741</v>
      </c>
      <c r="H6938" s="40">
        <v>115.48333400000001</v>
      </c>
      <c r="I6938" s="40">
        <v>19.96081045888015</v>
      </c>
      <c r="J6938" s="40">
        <v>115.48329179762</v>
      </c>
      <c r="K6938" s="40">
        <v>13.212958964022533</v>
      </c>
      <c r="L6938" s="40"/>
      <c r="M6938" s="40"/>
      <c r="N6938" s="40"/>
    </row>
    <row r="6939" spans="4:14" x14ac:dyDescent="0.25">
      <c r="D6939" s="40">
        <v>115.5120470000051</v>
      </c>
      <c r="E6939" s="40">
        <v>21.13050329314779</v>
      </c>
      <c r="F6939" s="40">
        <v>115.5</v>
      </c>
      <c r="G6939" s="40">
        <v>21.575801178209741</v>
      </c>
      <c r="H6939" s="40">
        <v>115.5</v>
      </c>
      <c r="I6939" s="40">
        <v>19.96081045888015</v>
      </c>
      <c r="J6939" s="40">
        <v>115.49995845833401</v>
      </c>
      <c r="K6939" s="40">
        <v>13.212958964022533</v>
      </c>
      <c r="L6939" s="40"/>
      <c r="M6939" s="40"/>
      <c r="N6939" s="40"/>
    </row>
    <row r="6940" spans="4:14" x14ac:dyDescent="0.25">
      <c r="D6940" s="40">
        <v>115.5287130000051</v>
      </c>
      <c r="E6940" s="40">
        <v>21.13050329314779</v>
      </c>
      <c r="F6940" s="40">
        <v>115.51666699999998</v>
      </c>
      <c r="G6940" s="40">
        <v>21.575801178209741</v>
      </c>
      <c r="H6940" s="40">
        <v>115.51666700000001</v>
      </c>
      <c r="I6940" s="40">
        <v>19.96416319502341</v>
      </c>
      <c r="J6940" s="40">
        <v>115.516625119048</v>
      </c>
      <c r="K6940" s="40">
        <v>13.212958964022533</v>
      </c>
      <c r="L6940" s="40"/>
      <c r="M6940" s="40"/>
      <c r="N6940" s="40"/>
    </row>
    <row r="6941" spans="4:14" x14ac:dyDescent="0.25">
      <c r="D6941" s="40">
        <v>115.5453790000051</v>
      </c>
      <c r="E6941" s="40">
        <v>21.13050329314779</v>
      </c>
      <c r="F6941" s="40">
        <v>115.533333</v>
      </c>
      <c r="G6941" s="40">
        <v>21.575801178209741</v>
      </c>
      <c r="H6941" s="40">
        <v>115.533334</v>
      </c>
      <c r="I6941" s="40">
        <v>19.96416319502341</v>
      </c>
      <c r="J6941" s="40">
        <v>115.533291779762</v>
      </c>
      <c r="K6941" s="40">
        <v>13.212958964022533</v>
      </c>
      <c r="L6941" s="40"/>
      <c r="M6941" s="40"/>
      <c r="N6941" s="40"/>
    </row>
    <row r="6942" spans="4:14" x14ac:dyDescent="0.25">
      <c r="D6942" s="40">
        <v>115.5620450000051</v>
      </c>
      <c r="E6942" s="40">
        <v>21.13050329314779</v>
      </c>
      <c r="F6942" s="40">
        <v>115.54999999999998</v>
      </c>
      <c r="G6942" s="40">
        <v>21.575801178209741</v>
      </c>
      <c r="H6942" s="40">
        <v>115.55000000000001</v>
      </c>
      <c r="I6942" s="40">
        <v>19.967515931166666</v>
      </c>
      <c r="J6942" s="40">
        <v>115.549958440477</v>
      </c>
      <c r="K6942" s="40">
        <v>13.212958964022533</v>
      </c>
      <c r="L6942" s="40"/>
      <c r="M6942" s="40"/>
      <c r="N6942" s="40"/>
    </row>
    <row r="6943" spans="4:14" x14ac:dyDescent="0.25">
      <c r="D6943" s="40">
        <v>115.5787110000051</v>
      </c>
      <c r="E6943" s="40">
        <v>21.13050329314779</v>
      </c>
      <c r="F6943" s="40">
        <v>115.566667</v>
      </c>
      <c r="G6943" s="40">
        <v>21.575801178209741</v>
      </c>
      <c r="H6943" s="40">
        <v>115.566667</v>
      </c>
      <c r="I6943" s="40">
        <v>19.967515931166666</v>
      </c>
      <c r="J6943" s="40">
        <v>115.56662510119099</v>
      </c>
      <c r="K6943" s="40">
        <v>13.212958964022533</v>
      </c>
      <c r="L6943" s="40"/>
      <c r="M6943" s="40"/>
      <c r="N6943" s="40"/>
    </row>
    <row r="6944" spans="4:14" x14ac:dyDescent="0.25">
      <c r="D6944" s="40">
        <v>115.5953770000051</v>
      </c>
      <c r="E6944" s="40">
        <v>21.135204025308092</v>
      </c>
      <c r="F6944" s="40">
        <v>115.58333299999998</v>
      </c>
      <c r="G6944" s="40">
        <v>21.575801178209741</v>
      </c>
      <c r="H6944" s="40">
        <v>115.58333400000001</v>
      </c>
      <c r="I6944" s="40">
        <v>19.9708686673101</v>
      </c>
      <c r="J6944" s="40">
        <v>115.583291761905</v>
      </c>
      <c r="K6944" s="40">
        <v>13.212958964022533</v>
      </c>
      <c r="L6944" s="40"/>
      <c r="M6944" s="40"/>
      <c r="N6944" s="40"/>
    </row>
    <row r="6945" spans="4:14" x14ac:dyDescent="0.25">
      <c r="D6945" s="40">
        <v>115.6120430000051</v>
      </c>
      <c r="E6945" s="40">
        <v>21.135204025308092</v>
      </c>
      <c r="F6945" s="40">
        <v>115.6</v>
      </c>
      <c r="G6945" s="40">
        <v>21.580416562179515</v>
      </c>
      <c r="H6945" s="40">
        <v>115.6</v>
      </c>
      <c r="I6945" s="40">
        <v>19.9708686673101</v>
      </c>
      <c r="J6945" s="40">
        <v>115.59995842262001</v>
      </c>
      <c r="K6945" s="40">
        <v>13.208107920313303</v>
      </c>
      <c r="L6945" s="40"/>
      <c r="M6945" s="40"/>
      <c r="N6945" s="40"/>
    </row>
    <row r="6946" spans="4:14" x14ac:dyDescent="0.25">
      <c r="D6946" s="40">
        <v>115.6287090000051</v>
      </c>
      <c r="E6946" s="40">
        <v>21.135204025308092</v>
      </c>
      <c r="F6946" s="40">
        <v>115.61666700000001</v>
      </c>
      <c r="G6946" s="40">
        <v>21.580416562179515</v>
      </c>
      <c r="H6946" s="40">
        <v>115.61666700000001</v>
      </c>
      <c r="I6946" s="40">
        <v>19.974122793566689</v>
      </c>
      <c r="J6946" s="40">
        <v>115.616625083334</v>
      </c>
      <c r="K6946" s="40">
        <v>13.208107920313303</v>
      </c>
      <c r="L6946" s="40"/>
      <c r="M6946" s="40"/>
      <c r="N6946" s="40"/>
    </row>
    <row r="6947" spans="4:14" x14ac:dyDescent="0.25">
      <c r="D6947" s="40">
        <v>115.6453750000051</v>
      </c>
      <c r="E6947" s="40">
        <v>21.135204025308092</v>
      </c>
      <c r="F6947" s="40">
        <v>115.63333299999999</v>
      </c>
      <c r="G6947" s="40">
        <v>21.580416562179515</v>
      </c>
      <c r="H6947" s="40">
        <v>115.63333400000002</v>
      </c>
      <c r="I6947" s="40">
        <v>19.974122793566689</v>
      </c>
      <c r="J6947" s="40">
        <v>115.63329174404799</v>
      </c>
      <c r="K6947" s="40">
        <v>13.212958964022533</v>
      </c>
      <c r="L6947" s="40"/>
      <c r="M6947" s="40"/>
      <c r="N6947" s="40"/>
    </row>
    <row r="6948" spans="4:14" x14ac:dyDescent="0.25">
      <c r="D6948" s="40">
        <v>115.6620410000051</v>
      </c>
      <c r="E6948" s="40">
        <v>21.135204025308092</v>
      </c>
      <c r="F6948" s="40">
        <v>115.65</v>
      </c>
      <c r="G6948" s="40">
        <v>21.580416562179515</v>
      </c>
      <c r="H6948" s="40">
        <v>115.65</v>
      </c>
      <c r="I6948" s="40">
        <v>19.974122793566689</v>
      </c>
      <c r="J6948" s="40">
        <v>115.649958404762</v>
      </c>
      <c r="K6948" s="40">
        <v>13.212958964022533</v>
      </c>
      <c r="L6948" s="40"/>
      <c r="M6948" s="40"/>
      <c r="N6948" s="40"/>
    </row>
    <row r="6949" spans="4:14" x14ac:dyDescent="0.25">
      <c r="D6949" s="40">
        <v>115.6787070000051</v>
      </c>
      <c r="E6949" s="40">
        <v>21.13050329314779</v>
      </c>
      <c r="F6949" s="40">
        <v>115.66666699999999</v>
      </c>
      <c r="G6949" s="40">
        <v>21.575801178209741</v>
      </c>
      <c r="H6949" s="40">
        <v>115.66666700000002</v>
      </c>
      <c r="I6949" s="40">
        <v>19.977475529710116</v>
      </c>
      <c r="J6949" s="40">
        <v>115.66662506547701</v>
      </c>
      <c r="K6949" s="40">
        <v>13.212958964022533</v>
      </c>
      <c r="L6949" s="40"/>
      <c r="M6949" s="40"/>
      <c r="N6949" s="40"/>
    </row>
    <row r="6950" spans="4:14" x14ac:dyDescent="0.25">
      <c r="D6950" s="40">
        <v>115.69537300000511</v>
      </c>
      <c r="E6950" s="40">
        <v>21.13050329314779</v>
      </c>
      <c r="F6950" s="40">
        <v>115.683333</v>
      </c>
      <c r="G6950" s="40">
        <v>21.571045934119521</v>
      </c>
      <c r="H6950" s="40">
        <v>115.683334</v>
      </c>
      <c r="I6950" s="40">
        <v>19.980828265853376</v>
      </c>
      <c r="J6950" s="40">
        <v>115.683291726191</v>
      </c>
      <c r="K6950" s="40">
        <v>13.212958964022533</v>
      </c>
      <c r="L6950" s="40"/>
      <c r="M6950" s="40"/>
      <c r="N6950" s="40"/>
    </row>
    <row r="6951" spans="4:14" x14ac:dyDescent="0.25">
      <c r="D6951" s="40">
        <v>115.71203900000511</v>
      </c>
      <c r="E6951" s="40">
        <v>21.13050329314779</v>
      </c>
      <c r="F6951" s="40">
        <v>115.69999999999999</v>
      </c>
      <c r="G6951" s="40">
        <v>21.571045934119521</v>
      </c>
      <c r="H6951" s="40">
        <v>115.70000000000002</v>
      </c>
      <c r="I6951" s="40">
        <v>19.980828265853376</v>
      </c>
      <c r="J6951" s="40">
        <v>115.699958386905</v>
      </c>
      <c r="K6951" s="40">
        <v>13.212958964022533</v>
      </c>
      <c r="L6951" s="40"/>
      <c r="M6951" s="40"/>
      <c r="N6951" s="40"/>
    </row>
    <row r="6952" spans="4:14" x14ac:dyDescent="0.25">
      <c r="D6952" s="40">
        <v>115.72870500000511</v>
      </c>
      <c r="E6952" s="40">
        <v>21.13050329314779</v>
      </c>
      <c r="F6952" s="40">
        <v>115.716667</v>
      </c>
      <c r="G6952" s="40">
        <v>21.571045934119521</v>
      </c>
      <c r="H6952" s="40">
        <v>115.716667</v>
      </c>
      <c r="I6952" s="40">
        <v>19.984082392110139</v>
      </c>
      <c r="J6952" s="40">
        <v>115.71662504762</v>
      </c>
      <c r="K6952" s="40">
        <v>13.212958964022533</v>
      </c>
      <c r="L6952" s="40"/>
      <c r="M6952" s="40"/>
      <c r="N6952" s="40"/>
    </row>
    <row r="6953" spans="4:14" x14ac:dyDescent="0.25">
      <c r="D6953" s="40">
        <v>115.74537100000511</v>
      </c>
      <c r="E6953" s="40">
        <v>21.13050329314779</v>
      </c>
      <c r="F6953" s="40">
        <v>115.73333299999999</v>
      </c>
      <c r="G6953" s="40">
        <v>21.571045934119521</v>
      </c>
      <c r="H6953" s="40">
        <v>115.73333400000001</v>
      </c>
      <c r="I6953" s="40">
        <v>19.984082392110139</v>
      </c>
      <c r="J6953" s="40">
        <v>115.73329170833399</v>
      </c>
      <c r="K6953" s="40">
        <v>13.212958964022533</v>
      </c>
      <c r="L6953" s="40"/>
      <c r="M6953" s="40"/>
      <c r="N6953" s="40"/>
    </row>
    <row r="6954" spans="4:14" x14ac:dyDescent="0.25">
      <c r="D6954" s="40">
        <v>115.76203700000511</v>
      </c>
      <c r="E6954" s="40">
        <v>21.13050329314779</v>
      </c>
      <c r="F6954" s="40">
        <v>115.75</v>
      </c>
      <c r="G6954" s="40">
        <v>21.566290690029302</v>
      </c>
      <c r="H6954" s="40">
        <v>115.75</v>
      </c>
      <c r="I6954" s="40">
        <v>19.987435128253395</v>
      </c>
      <c r="J6954" s="40">
        <v>115.749958369048</v>
      </c>
      <c r="K6954" s="40">
        <v>13.212958964022533</v>
      </c>
      <c r="L6954" s="40"/>
      <c r="M6954" s="40"/>
      <c r="N6954" s="40"/>
    </row>
    <row r="6955" spans="4:14" x14ac:dyDescent="0.25">
      <c r="D6955" s="40">
        <v>115.77870300000511</v>
      </c>
      <c r="E6955" s="40">
        <v>21.13050329314779</v>
      </c>
      <c r="F6955" s="40">
        <v>115.76666699999998</v>
      </c>
      <c r="G6955" s="40">
        <v>21.556920061969308</v>
      </c>
      <c r="H6955" s="40">
        <v>115.76666700000001</v>
      </c>
      <c r="I6955" s="40">
        <v>19.990787864396829</v>
      </c>
      <c r="J6955" s="40">
        <v>115.766625029762</v>
      </c>
      <c r="K6955" s="40">
        <v>13.212958964022533</v>
      </c>
      <c r="L6955" s="40"/>
      <c r="M6955" s="40"/>
      <c r="N6955" s="40"/>
    </row>
    <row r="6956" spans="4:14" x14ac:dyDescent="0.25">
      <c r="D6956" s="40">
        <v>115.79536900000511</v>
      </c>
      <c r="E6956" s="40">
        <v>21.13050329314779</v>
      </c>
      <c r="F6956" s="40">
        <v>115.783333</v>
      </c>
      <c r="G6956" s="40">
        <v>21.566290690029302</v>
      </c>
      <c r="H6956" s="40">
        <v>115.783334</v>
      </c>
      <c r="I6956" s="40">
        <v>19.990787864396829</v>
      </c>
      <c r="J6956" s="40">
        <v>115.783291690477</v>
      </c>
      <c r="K6956" s="40">
        <v>13.212958964022533</v>
      </c>
      <c r="L6956" s="40"/>
      <c r="M6956" s="40"/>
      <c r="N6956" s="40"/>
    </row>
    <row r="6957" spans="4:14" x14ac:dyDescent="0.25">
      <c r="D6957" s="40">
        <v>115.81203500000511</v>
      </c>
      <c r="E6957" s="40">
        <v>21.13050329314779</v>
      </c>
      <c r="F6957" s="40">
        <v>115.79999999999998</v>
      </c>
      <c r="G6957" s="40">
        <v>21.571045934119521</v>
      </c>
      <c r="H6957" s="40">
        <v>115.80000000000001</v>
      </c>
      <c r="I6957" s="40">
        <v>19.994041990653592</v>
      </c>
      <c r="J6957" s="40">
        <v>115.79995835119099</v>
      </c>
      <c r="K6957" s="40">
        <v>13.208107920313303</v>
      </c>
      <c r="L6957" s="40"/>
      <c r="M6957" s="40"/>
      <c r="N6957" s="40"/>
    </row>
    <row r="6958" spans="4:14" x14ac:dyDescent="0.25">
      <c r="D6958" s="40">
        <v>115.82870100000511</v>
      </c>
      <c r="E6958" s="40">
        <v>21.13050329314779</v>
      </c>
      <c r="F6958" s="40">
        <v>115.816667</v>
      </c>
      <c r="G6958" s="40">
        <v>21.575801178209741</v>
      </c>
      <c r="H6958" s="40">
        <v>115.816667</v>
      </c>
      <c r="I6958" s="40">
        <v>19.994041990653592</v>
      </c>
      <c r="J6958" s="40">
        <v>115.816625011905</v>
      </c>
      <c r="K6958" s="40">
        <v>13.208107920313303</v>
      </c>
      <c r="L6958" s="40"/>
      <c r="M6958" s="40"/>
      <c r="N6958" s="40"/>
    </row>
    <row r="6959" spans="4:14" x14ac:dyDescent="0.25">
      <c r="D6959" s="40">
        <v>115.84536700000511</v>
      </c>
      <c r="E6959" s="40">
        <v>21.13050329314779</v>
      </c>
      <c r="F6959" s="40">
        <v>115.83333299999998</v>
      </c>
      <c r="G6959" s="40">
        <v>21.580416562179515</v>
      </c>
      <c r="H6959" s="40">
        <v>115.83333400000001</v>
      </c>
      <c r="I6959" s="40">
        <v>19.997394726796848</v>
      </c>
      <c r="J6959" s="40">
        <v>115.83329167262001</v>
      </c>
      <c r="K6959" s="40">
        <v>13.208107920313303</v>
      </c>
      <c r="L6959" s="40"/>
      <c r="M6959" s="40"/>
      <c r="N6959" s="40"/>
    </row>
    <row r="6960" spans="4:14" x14ac:dyDescent="0.25">
      <c r="D6960" s="40">
        <v>115.86203300000511</v>
      </c>
      <c r="E6960" s="40">
        <v>21.13050329314779</v>
      </c>
      <c r="F6960" s="40">
        <v>115.85</v>
      </c>
      <c r="G6960" s="40">
        <v>21.585171806269734</v>
      </c>
      <c r="H6960" s="40">
        <v>115.85</v>
      </c>
      <c r="I6960" s="40">
        <v>19.997394726796848</v>
      </c>
      <c r="J6960" s="40">
        <v>115.849958333334</v>
      </c>
      <c r="K6960" s="40">
        <v>13.208107920313303</v>
      </c>
      <c r="L6960" s="40"/>
      <c r="M6960" s="40"/>
      <c r="N6960" s="40"/>
    </row>
    <row r="6961" spans="4:14" x14ac:dyDescent="0.25">
      <c r="D6961" s="40">
        <v>115.87869900000511</v>
      </c>
      <c r="E6961" s="40">
        <v>21.13050329314779</v>
      </c>
      <c r="F6961" s="40">
        <v>115.86666700000001</v>
      </c>
      <c r="G6961" s="40">
        <v>21.585171806269734</v>
      </c>
      <c r="H6961" s="40">
        <v>115.86666700000001</v>
      </c>
      <c r="I6961" s="40">
        <v>20.000747462940105</v>
      </c>
      <c r="J6961" s="40">
        <v>115.866624994048</v>
      </c>
      <c r="K6961" s="40">
        <v>13.208107920313303</v>
      </c>
      <c r="L6961" s="40"/>
      <c r="M6961" s="40"/>
      <c r="N6961" s="40"/>
    </row>
    <row r="6962" spans="4:14" x14ac:dyDescent="0.25">
      <c r="D6962" s="40">
        <v>115.89536500000511</v>
      </c>
      <c r="E6962" s="40">
        <v>21.13050329314779</v>
      </c>
      <c r="F6962" s="40">
        <v>115.88333299999999</v>
      </c>
      <c r="G6962" s="40">
        <v>21.589927050359957</v>
      </c>
      <c r="H6962" s="40">
        <v>115.88333400000002</v>
      </c>
      <c r="I6962" s="40">
        <v>20.000747462940105</v>
      </c>
      <c r="J6962" s="40">
        <v>115.883291654762</v>
      </c>
      <c r="K6962" s="40">
        <v>13.208107920313303</v>
      </c>
      <c r="L6962" s="40"/>
      <c r="M6962" s="40"/>
      <c r="N6962" s="40"/>
    </row>
    <row r="6963" spans="4:14" x14ac:dyDescent="0.25">
      <c r="D6963" s="40">
        <v>115.91203100000511</v>
      </c>
      <c r="E6963" s="40">
        <v>21.13050329314779</v>
      </c>
      <c r="F6963" s="40">
        <v>115.9</v>
      </c>
      <c r="G6963" s="40">
        <v>21.589927050359957</v>
      </c>
      <c r="H6963" s="40">
        <v>115.9</v>
      </c>
      <c r="I6963" s="40">
        <v>20.004001589196868</v>
      </c>
      <c r="J6963" s="40">
        <v>115.89995831547699</v>
      </c>
      <c r="K6963" s="40">
        <v>13.208107920313303</v>
      </c>
      <c r="L6963" s="40"/>
      <c r="M6963" s="40"/>
      <c r="N6963" s="40"/>
    </row>
    <row r="6964" spans="4:14" x14ac:dyDescent="0.25">
      <c r="D6964" s="40">
        <v>115.92869700000512</v>
      </c>
      <c r="E6964" s="40">
        <v>21.13050329314779</v>
      </c>
      <c r="F6964" s="40">
        <v>115.91666699999999</v>
      </c>
      <c r="G6964" s="40">
        <v>21.594542434329732</v>
      </c>
      <c r="H6964" s="40">
        <v>115.91666700000002</v>
      </c>
      <c r="I6964" s="40">
        <v>20.004001589196868</v>
      </c>
      <c r="J6964" s="40">
        <v>115.916624976191</v>
      </c>
      <c r="K6964" s="40">
        <v>13.208107920313303</v>
      </c>
      <c r="L6964" s="40"/>
      <c r="M6964" s="40"/>
      <c r="N6964" s="40"/>
    </row>
    <row r="6965" spans="4:14" x14ac:dyDescent="0.25">
      <c r="D6965" s="40">
        <v>115.94536300000512</v>
      </c>
      <c r="E6965" s="40">
        <v>21.13050329314779</v>
      </c>
      <c r="F6965" s="40">
        <v>115.933333</v>
      </c>
      <c r="G6965" s="40">
        <v>21.594542434329732</v>
      </c>
      <c r="H6965" s="40">
        <v>115.933334</v>
      </c>
      <c r="I6965" s="40">
        <v>20.007354325340128</v>
      </c>
      <c r="J6965" s="40">
        <v>115.933291636905</v>
      </c>
      <c r="K6965" s="40">
        <v>13.208107920313303</v>
      </c>
      <c r="L6965" s="40"/>
      <c r="M6965" s="40"/>
      <c r="N6965" s="40"/>
    </row>
    <row r="6966" spans="4:14" x14ac:dyDescent="0.25">
      <c r="D6966" s="40">
        <v>115.96202900000512</v>
      </c>
      <c r="E6966" s="40">
        <v>21.13050329314779</v>
      </c>
      <c r="F6966" s="40">
        <v>115.94999999999999</v>
      </c>
      <c r="G6966" s="40">
        <v>21.594542434329732</v>
      </c>
      <c r="H6966" s="40">
        <v>115.95000000000002</v>
      </c>
      <c r="I6966" s="40">
        <v>20.007354325340128</v>
      </c>
      <c r="J6966" s="40">
        <v>115.94995829762</v>
      </c>
      <c r="K6966" s="40">
        <v>13.208107920313303</v>
      </c>
      <c r="L6966" s="40"/>
      <c r="M6966" s="40"/>
      <c r="N6966" s="40"/>
    </row>
    <row r="6967" spans="4:14" x14ac:dyDescent="0.25">
      <c r="D6967" s="40">
        <v>115.97869500000512</v>
      </c>
      <c r="E6967" s="40">
        <v>21.13050329314779</v>
      </c>
      <c r="F6967" s="40">
        <v>115.966667</v>
      </c>
      <c r="G6967" s="40">
        <v>21.594542434329732</v>
      </c>
      <c r="H6967" s="40">
        <v>115.966667</v>
      </c>
      <c r="I6967" s="40">
        <v>20.010707061483561</v>
      </c>
      <c r="J6967" s="40">
        <v>115.96662495833399</v>
      </c>
      <c r="K6967" s="40">
        <v>13.208107920313303</v>
      </c>
      <c r="L6967" s="40"/>
      <c r="M6967" s="40"/>
      <c r="N6967" s="40"/>
    </row>
    <row r="6968" spans="4:14" x14ac:dyDescent="0.25">
      <c r="D6968" s="40">
        <v>115.99536100000512</v>
      </c>
      <c r="E6968" s="40">
        <v>21.13050329314779</v>
      </c>
      <c r="F6968" s="40">
        <v>115.98333299999999</v>
      </c>
      <c r="G6968" s="40">
        <v>21.599297678419951</v>
      </c>
      <c r="H6968" s="40">
        <v>115.98333400000001</v>
      </c>
      <c r="I6968" s="40">
        <v>20.010707061483561</v>
      </c>
      <c r="J6968" s="40">
        <v>115.983291619048</v>
      </c>
      <c r="K6968" s="40">
        <v>13.208107920313303</v>
      </c>
      <c r="L6968" s="40"/>
      <c r="M6968" s="40"/>
      <c r="N6968" s="40"/>
    </row>
    <row r="6969" spans="4:14" x14ac:dyDescent="0.25">
      <c r="D6969" s="40">
        <v>116.01202700000512</v>
      </c>
      <c r="E6969" s="40">
        <v>21.13050329314779</v>
      </c>
      <c r="F6969" s="40">
        <v>116</v>
      </c>
      <c r="G6969" s="40">
        <v>21.599297678419951</v>
      </c>
      <c r="H6969" s="40">
        <v>116</v>
      </c>
      <c r="I6969" s="40">
        <v>20.013961187740325</v>
      </c>
      <c r="J6969" s="40">
        <v>115.999958279762</v>
      </c>
      <c r="K6969" s="40">
        <v>13.208107920313303</v>
      </c>
      <c r="L6969" s="40"/>
      <c r="M6969" s="40"/>
      <c r="N6969" s="40"/>
    </row>
    <row r="6970" spans="4:14" x14ac:dyDescent="0.25">
      <c r="D6970" s="40">
        <v>116.02869300000512</v>
      </c>
      <c r="E6970" s="40">
        <v>21.13050329314779</v>
      </c>
      <c r="F6970" s="40">
        <v>116.01666699999998</v>
      </c>
      <c r="G6970" s="40">
        <v>21.599297678419951</v>
      </c>
      <c r="H6970" s="40">
        <v>116.01666700000001</v>
      </c>
      <c r="I6970" s="40">
        <v>20.013961187740325</v>
      </c>
      <c r="J6970" s="40">
        <v>116.016624940477</v>
      </c>
      <c r="K6970" s="40">
        <v>13.208107920313303</v>
      </c>
      <c r="L6970" s="40"/>
      <c r="M6970" s="40"/>
      <c r="N6970" s="40"/>
    </row>
    <row r="6971" spans="4:14" x14ac:dyDescent="0.25">
      <c r="D6971" s="40">
        <v>116.04535900000512</v>
      </c>
      <c r="E6971" s="40">
        <v>21.13050329314779</v>
      </c>
      <c r="F6971" s="40">
        <v>116.033333</v>
      </c>
      <c r="G6971" s="40">
        <v>21.594542434329732</v>
      </c>
      <c r="H6971" s="40">
        <v>116.033334</v>
      </c>
      <c r="I6971" s="40">
        <v>20.017313923883581</v>
      </c>
      <c r="J6971" s="40">
        <v>116.033291601191</v>
      </c>
      <c r="K6971" s="40">
        <v>13.208107920313303</v>
      </c>
      <c r="L6971" s="40"/>
      <c r="M6971" s="40"/>
      <c r="N6971" s="40"/>
    </row>
    <row r="6972" spans="4:14" x14ac:dyDescent="0.25">
      <c r="D6972" s="40">
        <v>116.06202500000512</v>
      </c>
      <c r="E6972" s="40">
        <v>21.13050329314779</v>
      </c>
      <c r="F6972" s="40">
        <v>116.04999999999998</v>
      </c>
      <c r="G6972" s="40">
        <v>21.594542434329732</v>
      </c>
      <c r="H6972" s="40">
        <v>116.05000000000001</v>
      </c>
      <c r="I6972" s="40">
        <v>20.020666660026833</v>
      </c>
      <c r="J6972" s="40">
        <v>116.049958261905</v>
      </c>
      <c r="K6972" s="40">
        <v>13.208107920313303</v>
      </c>
      <c r="L6972" s="40"/>
      <c r="M6972" s="40"/>
      <c r="N6972" s="40"/>
    </row>
    <row r="6973" spans="4:14" x14ac:dyDescent="0.25">
      <c r="D6973" s="40">
        <v>116.07869100000512</v>
      </c>
      <c r="E6973" s="40">
        <v>21.13050329314779</v>
      </c>
      <c r="F6973" s="40">
        <v>116.066667</v>
      </c>
      <c r="G6973" s="40">
        <v>21.594542434329732</v>
      </c>
      <c r="H6973" s="40">
        <v>116.066667</v>
      </c>
      <c r="I6973" s="40">
        <v>20.020666660026833</v>
      </c>
      <c r="J6973" s="40">
        <v>116.06662492261999</v>
      </c>
      <c r="K6973" s="40">
        <v>13.212958964022533</v>
      </c>
      <c r="L6973" s="40"/>
      <c r="M6973" s="40"/>
      <c r="N6973" s="40"/>
    </row>
    <row r="6974" spans="4:14" x14ac:dyDescent="0.25">
      <c r="D6974" s="40">
        <v>116.09535700000512</v>
      </c>
      <c r="E6974" s="40">
        <v>21.13050329314779</v>
      </c>
      <c r="F6974" s="40">
        <v>116.08333299999998</v>
      </c>
      <c r="G6974" s="40">
        <v>21.594542434329732</v>
      </c>
      <c r="H6974" s="40">
        <v>116.08333400000001</v>
      </c>
      <c r="I6974" s="40">
        <v>20.023920786283597</v>
      </c>
      <c r="J6974" s="40">
        <v>116.083291583334</v>
      </c>
      <c r="K6974" s="40">
        <v>13.208107920313303</v>
      </c>
      <c r="L6974" s="40"/>
      <c r="M6974" s="40"/>
      <c r="N6974" s="40"/>
    </row>
    <row r="6975" spans="4:14" x14ac:dyDescent="0.25">
      <c r="D6975" s="40">
        <v>116.11202300000512</v>
      </c>
      <c r="E6975" s="40">
        <v>21.13050329314779</v>
      </c>
      <c r="F6975" s="40">
        <v>116.1</v>
      </c>
      <c r="G6975" s="40">
        <v>21.608668306480073</v>
      </c>
      <c r="H6975" s="40">
        <v>116.1</v>
      </c>
      <c r="I6975" s="40">
        <v>20.023920786283597</v>
      </c>
      <c r="J6975" s="40">
        <v>116.099958244048</v>
      </c>
      <c r="K6975" s="40">
        <v>13.208107920313303</v>
      </c>
      <c r="L6975" s="40"/>
      <c r="M6975" s="40"/>
      <c r="N6975" s="40"/>
    </row>
    <row r="6976" spans="4:14" x14ac:dyDescent="0.25">
      <c r="D6976" s="40">
        <v>116.12868900000512</v>
      </c>
      <c r="E6976" s="40">
        <v>21.135204025308092</v>
      </c>
      <c r="F6976" s="40">
        <v>116.11666700000001</v>
      </c>
      <c r="G6976" s="40">
        <v>21.608668306480073</v>
      </c>
      <c r="H6976" s="40">
        <v>116.11666700000001</v>
      </c>
      <c r="I6976" s="40">
        <v>20.023920786283597</v>
      </c>
      <c r="J6976" s="40">
        <v>116.11662490476201</v>
      </c>
      <c r="K6976" s="40">
        <v>13.208107920313303</v>
      </c>
      <c r="L6976" s="40"/>
      <c r="M6976" s="40"/>
      <c r="N6976" s="40"/>
    </row>
    <row r="6977" spans="4:14" x14ac:dyDescent="0.25">
      <c r="D6977" s="40">
        <v>116.14535500000513</v>
      </c>
      <c r="E6977" s="40">
        <v>21.135204025308092</v>
      </c>
      <c r="F6977" s="40">
        <v>116.13333299999999</v>
      </c>
      <c r="G6977" s="40">
        <v>21.608668306480073</v>
      </c>
      <c r="H6977" s="40">
        <v>116.13333400000002</v>
      </c>
      <c r="I6977" s="40">
        <v>20.027273522427031</v>
      </c>
      <c r="J6977" s="40">
        <v>116.13329156547699</v>
      </c>
      <c r="K6977" s="40">
        <v>13.208107920313303</v>
      </c>
      <c r="L6977" s="40"/>
      <c r="M6977" s="40"/>
      <c r="N6977" s="40"/>
    </row>
    <row r="6978" spans="4:14" x14ac:dyDescent="0.25">
      <c r="D6978" s="40">
        <v>116.16202100000513</v>
      </c>
      <c r="E6978" s="40">
        <v>21.135204025308092</v>
      </c>
      <c r="F6978" s="40">
        <v>116.15</v>
      </c>
      <c r="G6978" s="40">
        <v>21.608668306480073</v>
      </c>
      <c r="H6978" s="40">
        <v>116.15</v>
      </c>
      <c r="I6978" s="40">
        <v>20.03062625857029</v>
      </c>
      <c r="J6978" s="40">
        <v>116.149958226191</v>
      </c>
      <c r="K6978" s="40">
        <v>13.208107920313303</v>
      </c>
      <c r="L6978" s="40"/>
      <c r="M6978" s="40"/>
      <c r="N6978" s="40"/>
    </row>
    <row r="6979" spans="4:14" x14ac:dyDescent="0.25">
      <c r="D6979" s="40">
        <v>116.17868700000513</v>
      </c>
      <c r="E6979" s="40">
        <v>21.135204025308092</v>
      </c>
      <c r="F6979" s="40">
        <v>116.16666699999999</v>
      </c>
      <c r="G6979" s="40">
        <v>21.608668306480073</v>
      </c>
      <c r="H6979" s="40">
        <v>116.16666700000002</v>
      </c>
      <c r="I6979" s="40">
        <v>20.03062625857029</v>
      </c>
      <c r="J6979" s="40">
        <v>116.166624886905</v>
      </c>
      <c r="K6979" s="40">
        <v>13.208107920313303</v>
      </c>
      <c r="L6979" s="40"/>
      <c r="M6979" s="40"/>
      <c r="N6979" s="40"/>
    </row>
    <row r="6980" spans="4:14" x14ac:dyDescent="0.25">
      <c r="D6980" s="40">
        <v>116.19535300000513</v>
      </c>
      <c r="E6980" s="40">
        <v>21.135204025308092</v>
      </c>
      <c r="F6980" s="40">
        <v>116.183333</v>
      </c>
      <c r="G6980" s="40">
        <v>21.608668306480073</v>
      </c>
      <c r="H6980" s="40">
        <v>116.183334</v>
      </c>
      <c r="I6980" s="40">
        <v>20.03062625857029</v>
      </c>
      <c r="J6980" s="40">
        <v>116.18329154762</v>
      </c>
      <c r="K6980" s="40">
        <v>13.208107920313303</v>
      </c>
      <c r="L6980" s="40"/>
      <c r="M6980" s="40"/>
      <c r="N6980" s="40"/>
    </row>
    <row r="6981" spans="4:14" x14ac:dyDescent="0.25">
      <c r="D6981" s="40">
        <v>116.21201900000513</v>
      </c>
      <c r="E6981" s="40">
        <v>21.135204025308092</v>
      </c>
      <c r="F6981" s="40">
        <v>116.19999999999999</v>
      </c>
      <c r="G6981" s="40">
        <v>21.608668306480073</v>
      </c>
      <c r="H6981" s="40">
        <v>116.20000000000002</v>
      </c>
      <c r="I6981" s="40">
        <v>20.033880384827054</v>
      </c>
      <c r="J6981" s="40">
        <v>116.199958208334</v>
      </c>
      <c r="K6981" s="40">
        <v>13.208107920313303</v>
      </c>
      <c r="L6981" s="40"/>
      <c r="M6981" s="40"/>
      <c r="N6981" s="40"/>
    </row>
    <row r="6982" spans="4:14" x14ac:dyDescent="0.25">
      <c r="D6982" s="40">
        <v>116.22868500000513</v>
      </c>
      <c r="E6982" s="40">
        <v>21.135204025308092</v>
      </c>
      <c r="F6982" s="40">
        <v>116.216667</v>
      </c>
      <c r="G6982" s="40">
        <v>21.608668306480073</v>
      </c>
      <c r="H6982" s="40">
        <v>116.216667</v>
      </c>
      <c r="I6982" s="40">
        <v>20.033880384827054</v>
      </c>
      <c r="J6982" s="40">
        <v>116.216624869048</v>
      </c>
      <c r="K6982" s="40">
        <v>13.208107920313303</v>
      </c>
      <c r="L6982" s="40"/>
      <c r="M6982" s="40"/>
      <c r="N6982" s="40"/>
    </row>
    <row r="6983" spans="4:14" x14ac:dyDescent="0.25">
      <c r="D6983" s="40">
        <v>116.24535100000513</v>
      </c>
      <c r="E6983" s="40">
        <v>21.135204025308092</v>
      </c>
      <c r="F6983" s="40">
        <v>116.23333299999999</v>
      </c>
      <c r="G6983" s="40">
        <v>21.613423550570165</v>
      </c>
      <c r="H6983" s="40">
        <v>116.23333400000001</v>
      </c>
      <c r="I6983" s="40">
        <v>20.03723312097031</v>
      </c>
      <c r="J6983" s="40">
        <v>116.233291529762</v>
      </c>
      <c r="K6983" s="40">
        <v>13.203256876604197</v>
      </c>
      <c r="L6983" s="40"/>
      <c r="M6983" s="40"/>
      <c r="N6983" s="40"/>
    </row>
    <row r="6984" spans="4:14" x14ac:dyDescent="0.25">
      <c r="D6984" s="40">
        <v>116.26201700000513</v>
      </c>
      <c r="E6984" s="40">
        <v>21.135204025308092</v>
      </c>
      <c r="F6984" s="40">
        <v>116.25</v>
      </c>
      <c r="G6984" s="40">
        <v>21.613423550570165</v>
      </c>
      <c r="H6984" s="40">
        <v>116.25</v>
      </c>
      <c r="I6984" s="40">
        <v>20.03723312097031</v>
      </c>
      <c r="J6984" s="40">
        <v>116.249958190477</v>
      </c>
      <c r="K6984" s="40">
        <v>13.203256876604197</v>
      </c>
      <c r="L6984" s="40"/>
      <c r="M6984" s="40"/>
      <c r="N6984" s="40"/>
    </row>
    <row r="6985" spans="4:14" x14ac:dyDescent="0.25">
      <c r="D6985" s="40">
        <v>116.27868300000513</v>
      </c>
      <c r="E6985" s="40">
        <v>21.135204025308092</v>
      </c>
      <c r="F6985" s="40">
        <v>116.26666699999998</v>
      </c>
      <c r="G6985" s="40">
        <v>21.613423550570165</v>
      </c>
      <c r="H6985" s="40">
        <v>116.26666700000001</v>
      </c>
      <c r="I6985" s="40">
        <v>20.040585857113566</v>
      </c>
      <c r="J6985" s="40">
        <v>116.266624851191</v>
      </c>
      <c r="K6985" s="40">
        <v>13.203256876604197</v>
      </c>
      <c r="L6985" s="40"/>
      <c r="M6985" s="40"/>
      <c r="N6985" s="40"/>
    </row>
    <row r="6986" spans="4:14" x14ac:dyDescent="0.25">
      <c r="D6986" s="40">
        <v>116.29534900000513</v>
      </c>
      <c r="E6986" s="40">
        <v>21.13050329314779</v>
      </c>
      <c r="F6986" s="40">
        <v>116.283333</v>
      </c>
      <c r="G6986" s="40">
        <v>21.613423550570165</v>
      </c>
      <c r="H6986" s="40">
        <v>116.283334</v>
      </c>
      <c r="I6986" s="40">
        <v>20.040585857113566</v>
      </c>
      <c r="J6986" s="40">
        <v>116.28329151190501</v>
      </c>
      <c r="K6986" s="40">
        <v>13.203256876604197</v>
      </c>
      <c r="L6986" s="40"/>
      <c r="M6986" s="40"/>
      <c r="N6986" s="40"/>
    </row>
    <row r="6987" spans="4:14" x14ac:dyDescent="0.25">
      <c r="D6987" s="40">
        <v>116.31201500000513</v>
      </c>
      <c r="E6987" s="40">
        <v>21.13050329314779</v>
      </c>
      <c r="F6987" s="40">
        <v>116.29999999999998</v>
      </c>
      <c r="G6987" s="40">
        <v>21.618178794660384</v>
      </c>
      <c r="H6987" s="40">
        <v>116.30000000000001</v>
      </c>
      <c r="I6987" s="40">
        <v>20.040585857113566</v>
      </c>
      <c r="J6987" s="40">
        <v>116.29995817261999</v>
      </c>
      <c r="K6987" s="40">
        <v>13.203256876604197</v>
      </c>
      <c r="L6987" s="40"/>
      <c r="M6987" s="40"/>
      <c r="N6987" s="40"/>
    </row>
    <row r="6988" spans="4:14" x14ac:dyDescent="0.25">
      <c r="D6988" s="40">
        <v>116.32868100000513</v>
      </c>
      <c r="E6988" s="40">
        <v>21.13050329314779</v>
      </c>
      <c r="F6988" s="40">
        <v>116.316667</v>
      </c>
      <c r="G6988" s="40">
        <v>21.618178794660384</v>
      </c>
      <c r="H6988" s="40">
        <v>116.316667</v>
      </c>
      <c r="I6988" s="40">
        <v>20.043839983370329</v>
      </c>
      <c r="J6988" s="40">
        <v>116.316624833334</v>
      </c>
      <c r="K6988" s="40">
        <v>13.198548510651136</v>
      </c>
      <c r="L6988" s="40"/>
      <c r="M6988" s="40"/>
      <c r="N6988" s="40"/>
    </row>
    <row r="6989" spans="4:14" x14ac:dyDescent="0.25">
      <c r="D6989" s="40">
        <v>116.34534700000513</v>
      </c>
      <c r="E6989" s="40">
        <v>21.13050329314779</v>
      </c>
      <c r="F6989" s="40">
        <v>116.33333299999998</v>
      </c>
      <c r="G6989" s="40">
        <v>21.618178794660384</v>
      </c>
      <c r="H6989" s="40">
        <v>116.33333400000001</v>
      </c>
      <c r="I6989" s="40">
        <v>20.043839983370329</v>
      </c>
      <c r="J6989" s="40">
        <v>116.333291494048</v>
      </c>
      <c r="K6989" s="40">
        <v>13.198548510651136</v>
      </c>
      <c r="L6989" s="40"/>
      <c r="M6989" s="40"/>
      <c r="N6989" s="40"/>
    </row>
    <row r="6990" spans="4:14" x14ac:dyDescent="0.25">
      <c r="D6990" s="40">
        <v>116.36201300000513</v>
      </c>
      <c r="E6990" s="40">
        <v>21.125660114558244</v>
      </c>
      <c r="F6990" s="40">
        <v>116.35</v>
      </c>
      <c r="G6990" s="40">
        <v>21.618178794660384</v>
      </c>
      <c r="H6990" s="40">
        <v>116.35</v>
      </c>
      <c r="I6990" s="40">
        <v>20.047192719513763</v>
      </c>
      <c r="J6990" s="40">
        <v>116.34995815476201</v>
      </c>
      <c r="K6990" s="40">
        <v>13.198548510651136</v>
      </c>
      <c r="L6990" s="40"/>
      <c r="M6990" s="40"/>
      <c r="N6990" s="40"/>
    </row>
    <row r="6991" spans="4:14" x14ac:dyDescent="0.25">
      <c r="D6991" s="40">
        <v>116.37867900000514</v>
      </c>
      <c r="E6991" s="40">
        <v>21.125660114558244</v>
      </c>
      <c r="F6991" s="40">
        <v>116.36666700000001</v>
      </c>
      <c r="G6991" s="40">
        <v>21.618178794660384</v>
      </c>
      <c r="H6991" s="40">
        <v>116.36666700000001</v>
      </c>
      <c r="I6991" s="40">
        <v>20.047192719513763</v>
      </c>
      <c r="J6991" s="40">
        <v>116.366624815477</v>
      </c>
      <c r="K6991" s="40">
        <v>13.198548510651136</v>
      </c>
      <c r="L6991" s="40"/>
      <c r="M6991" s="40"/>
      <c r="N6991" s="40"/>
    </row>
    <row r="6992" spans="4:14" x14ac:dyDescent="0.25">
      <c r="D6992" s="40">
        <v>116.39534500000514</v>
      </c>
      <c r="E6992" s="40">
        <v>21.125660114558244</v>
      </c>
      <c r="F6992" s="40">
        <v>116.38333299999999</v>
      </c>
      <c r="G6992" s="40">
        <v>21.618178794660384</v>
      </c>
      <c r="H6992" s="40">
        <v>116.38333400000002</v>
      </c>
      <c r="I6992" s="40">
        <v>20.047192719513763</v>
      </c>
      <c r="J6992" s="40">
        <v>116.383291476191</v>
      </c>
      <c r="K6992" s="40">
        <v>13.198548510651136</v>
      </c>
      <c r="L6992" s="40"/>
      <c r="M6992" s="40"/>
      <c r="N6992" s="40"/>
    </row>
    <row r="6993" spans="4:14" x14ac:dyDescent="0.25">
      <c r="D6993" s="40">
        <v>116.41201100000514</v>
      </c>
      <c r="E6993" s="40">
        <v>21.125660114558244</v>
      </c>
      <c r="F6993" s="40">
        <v>116.4</v>
      </c>
      <c r="G6993" s="40">
        <v>21.618178794660384</v>
      </c>
      <c r="H6993" s="40">
        <v>116.4</v>
      </c>
      <c r="I6993" s="40">
        <v>20.050545455657019</v>
      </c>
      <c r="J6993" s="40">
        <v>116.399958136905</v>
      </c>
      <c r="K6993" s="40">
        <v>13.198548510651136</v>
      </c>
      <c r="L6993" s="40"/>
      <c r="M6993" s="40"/>
      <c r="N6993" s="40"/>
    </row>
    <row r="6994" spans="4:14" x14ac:dyDescent="0.25">
      <c r="D6994" s="40">
        <v>116.42867700000514</v>
      </c>
      <c r="E6994" s="40">
        <v>21.125660114558244</v>
      </c>
      <c r="F6994" s="40">
        <v>116.41666699999999</v>
      </c>
      <c r="G6994" s="40">
        <v>21.618178794660384</v>
      </c>
      <c r="H6994" s="40">
        <v>116.41666700000002</v>
      </c>
      <c r="I6994" s="40">
        <v>20.050545455657019</v>
      </c>
      <c r="J6994" s="40">
        <v>116.41662479762</v>
      </c>
      <c r="K6994" s="40">
        <v>13.193697466941904</v>
      </c>
      <c r="L6994" s="40"/>
      <c r="M6994" s="40"/>
      <c r="N6994" s="40"/>
    </row>
    <row r="6995" spans="4:14" x14ac:dyDescent="0.25">
      <c r="D6995" s="40">
        <v>116.44534300000514</v>
      </c>
      <c r="E6995" s="40">
        <v>21.125660114558244</v>
      </c>
      <c r="F6995" s="40">
        <v>116.433333</v>
      </c>
      <c r="G6995" s="40">
        <v>21.622794178630286</v>
      </c>
      <c r="H6995" s="40">
        <v>116.433334</v>
      </c>
      <c r="I6995" s="40">
        <v>20.050545455657019</v>
      </c>
      <c r="J6995" s="40">
        <v>116.433291458334</v>
      </c>
      <c r="K6995" s="40">
        <v>13.193697466941904</v>
      </c>
      <c r="L6995" s="40"/>
      <c r="M6995" s="40"/>
      <c r="N6995" s="40"/>
    </row>
    <row r="6996" spans="4:14" x14ac:dyDescent="0.25">
      <c r="D6996" s="40">
        <v>116.46200900000514</v>
      </c>
      <c r="E6996" s="40">
        <v>21.125660114558244</v>
      </c>
      <c r="F6996" s="40">
        <v>116.44999999999999</v>
      </c>
      <c r="G6996" s="40">
        <v>21.627549422720378</v>
      </c>
      <c r="H6996" s="40">
        <v>116.45000000000002</v>
      </c>
      <c r="I6996" s="40">
        <v>20.053799581913783</v>
      </c>
      <c r="J6996" s="40">
        <v>116.44995811904801</v>
      </c>
      <c r="K6996" s="40">
        <v>13.193697466941904</v>
      </c>
      <c r="L6996" s="40"/>
      <c r="M6996" s="40"/>
      <c r="N6996" s="40"/>
    </row>
    <row r="6997" spans="4:14" x14ac:dyDescent="0.25">
      <c r="D6997" s="40">
        <v>116.47867500000514</v>
      </c>
      <c r="E6997" s="40">
        <v>21.125660114558244</v>
      </c>
      <c r="F6997" s="40">
        <v>116.466667</v>
      </c>
      <c r="G6997" s="40">
        <v>21.627549422720378</v>
      </c>
      <c r="H6997" s="40">
        <v>116.466667</v>
      </c>
      <c r="I6997" s="40">
        <v>20.053799581913783</v>
      </c>
      <c r="J6997" s="40">
        <v>116.466624779762</v>
      </c>
      <c r="K6997" s="40">
        <v>13.193697466941904</v>
      </c>
      <c r="L6997" s="40"/>
      <c r="M6997" s="40"/>
      <c r="N6997" s="40"/>
    </row>
    <row r="6998" spans="4:14" x14ac:dyDescent="0.25">
      <c r="D6998" s="40">
        <v>116.49534100000514</v>
      </c>
      <c r="E6998" s="40">
        <v>21.125660114558244</v>
      </c>
      <c r="F6998" s="40">
        <v>116.48333299999999</v>
      </c>
      <c r="G6998" s="40">
        <v>21.632304666810601</v>
      </c>
      <c r="H6998" s="40">
        <v>116.48333400000001</v>
      </c>
      <c r="I6998" s="40">
        <v>20.057152318057042</v>
      </c>
      <c r="J6998" s="40">
        <v>116.483291440477</v>
      </c>
      <c r="K6998" s="40">
        <v>13.193697466941904</v>
      </c>
      <c r="L6998" s="40"/>
      <c r="M6998" s="40"/>
      <c r="N6998" s="40"/>
    </row>
    <row r="6999" spans="4:14" x14ac:dyDescent="0.25">
      <c r="D6999" s="40">
        <v>116.51200700000514</v>
      </c>
      <c r="E6999" s="40">
        <v>21.125660114558244</v>
      </c>
      <c r="F6999" s="40">
        <v>116.5</v>
      </c>
      <c r="G6999" s="40">
        <v>21.632304666810601</v>
      </c>
      <c r="H6999" s="40">
        <v>116.5</v>
      </c>
      <c r="I6999" s="40">
        <v>20.057152318057042</v>
      </c>
      <c r="J6999" s="40">
        <v>116.499958101191</v>
      </c>
      <c r="K6999" s="40">
        <v>13.193697466941904</v>
      </c>
      <c r="L6999" s="40"/>
      <c r="M6999" s="40"/>
      <c r="N6999" s="40"/>
    </row>
    <row r="7000" spans="4:14" x14ac:dyDescent="0.25">
      <c r="D7000" s="40">
        <v>116.52867300000514</v>
      </c>
      <c r="E7000" s="40">
        <v>21.120816935968691</v>
      </c>
      <c r="F7000" s="40">
        <v>116.51666699999998</v>
      </c>
      <c r="G7000" s="40">
        <v>21.618178794660384</v>
      </c>
      <c r="H7000" s="40">
        <v>116.51666700000001</v>
      </c>
      <c r="I7000" s="40">
        <v>20.057152318057042</v>
      </c>
      <c r="J7000" s="40">
        <v>116.51662476190501</v>
      </c>
      <c r="K7000" s="40">
        <v>13.193697466941904</v>
      </c>
      <c r="L7000" s="40"/>
      <c r="M7000" s="40"/>
      <c r="N7000" s="40"/>
    </row>
    <row r="7001" spans="4:14" x14ac:dyDescent="0.25">
      <c r="D7001" s="40">
        <v>116.54533900000514</v>
      </c>
      <c r="E7001" s="40">
        <v>21.120816935968691</v>
      </c>
      <c r="F7001" s="40">
        <v>116.533333</v>
      </c>
      <c r="G7001" s="40">
        <v>21.618178794660384</v>
      </c>
      <c r="H7001" s="40">
        <v>116.533334</v>
      </c>
      <c r="I7001" s="40">
        <v>20.060505054200473</v>
      </c>
      <c r="J7001" s="40">
        <v>116.53329142262</v>
      </c>
      <c r="K7001" s="40">
        <v>13.193697466941904</v>
      </c>
      <c r="L7001" s="40"/>
      <c r="M7001" s="40"/>
      <c r="N7001" s="40"/>
    </row>
    <row r="7002" spans="4:14" x14ac:dyDescent="0.25">
      <c r="D7002" s="40">
        <v>116.56200500000514</v>
      </c>
      <c r="E7002" s="40">
        <v>21.120816935968691</v>
      </c>
      <c r="F7002" s="40">
        <v>116.54999999999998</v>
      </c>
      <c r="G7002" s="40">
        <v>21.618178794660384</v>
      </c>
      <c r="H7002" s="40">
        <v>116.55000000000001</v>
      </c>
      <c r="I7002" s="40">
        <v>20.060505054200473</v>
      </c>
      <c r="J7002" s="40">
        <v>116.549958083334</v>
      </c>
      <c r="K7002" s="40">
        <v>13.188846423232672</v>
      </c>
      <c r="L7002" s="40"/>
      <c r="M7002" s="40"/>
      <c r="N7002" s="40"/>
    </row>
    <row r="7003" spans="4:14" x14ac:dyDescent="0.25">
      <c r="D7003" s="40">
        <v>116.57867100000514</v>
      </c>
      <c r="E7003" s="40">
        <v>21.120816935968691</v>
      </c>
      <c r="F7003" s="40">
        <v>116.566667</v>
      </c>
      <c r="G7003" s="40">
        <v>21.622794178630286</v>
      </c>
      <c r="H7003" s="40">
        <v>116.566667</v>
      </c>
      <c r="I7003" s="40">
        <v>20.063759180457058</v>
      </c>
      <c r="J7003" s="40">
        <v>116.566624744048</v>
      </c>
      <c r="K7003" s="40">
        <v>13.188846423232672</v>
      </c>
      <c r="L7003" s="40"/>
      <c r="M7003" s="40"/>
      <c r="N7003" s="40"/>
    </row>
    <row r="7004" spans="4:14" x14ac:dyDescent="0.25">
      <c r="D7004" s="40">
        <v>116.59533700000515</v>
      </c>
      <c r="E7004" s="40">
        <v>21.120816935968691</v>
      </c>
      <c r="F7004" s="40">
        <v>116.58333299999998</v>
      </c>
      <c r="G7004" s="40">
        <v>21.622794178630286</v>
      </c>
      <c r="H7004" s="40">
        <v>116.58333400000001</v>
      </c>
      <c r="I7004" s="40">
        <v>20.063759180457058</v>
      </c>
      <c r="J7004" s="40">
        <v>116.58329140476199</v>
      </c>
      <c r="K7004" s="40">
        <v>13.188846423232672</v>
      </c>
      <c r="L7004" s="40"/>
      <c r="M7004" s="40"/>
      <c r="N7004" s="40"/>
    </row>
    <row r="7005" spans="4:14" x14ac:dyDescent="0.25">
      <c r="D7005" s="40">
        <v>116.61200300000515</v>
      </c>
      <c r="E7005" s="40">
        <v>21.120816935968691</v>
      </c>
      <c r="F7005" s="40">
        <v>116.6</v>
      </c>
      <c r="G7005" s="40">
        <v>21.622794178630286</v>
      </c>
      <c r="H7005" s="40">
        <v>116.6</v>
      </c>
      <c r="I7005" s="40">
        <v>20.067111916600492</v>
      </c>
      <c r="J7005" s="40">
        <v>116.599958065477</v>
      </c>
      <c r="K7005" s="40">
        <v>13.188846423232672</v>
      </c>
      <c r="L7005" s="40"/>
      <c r="M7005" s="40"/>
      <c r="N7005" s="40"/>
    </row>
    <row r="7006" spans="4:14" x14ac:dyDescent="0.25">
      <c r="D7006" s="40">
        <v>116.62866900000515</v>
      </c>
      <c r="E7006" s="40">
        <v>21.120816935968691</v>
      </c>
      <c r="F7006" s="40">
        <v>116.61666700000001</v>
      </c>
      <c r="G7006" s="40">
        <v>21.622794178630286</v>
      </c>
      <c r="H7006" s="40">
        <v>116.61666700000001</v>
      </c>
      <c r="I7006" s="40">
        <v>20.067111916600492</v>
      </c>
      <c r="J7006" s="40">
        <v>116.61662472619101</v>
      </c>
      <c r="K7006" s="40">
        <v>13.188846423232672</v>
      </c>
      <c r="L7006" s="40"/>
      <c r="M7006" s="40"/>
      <c r="N7006" s="40"/>
    </row>
    <row r="7007" spans="4:14" x14ac:dyDescent="0.25">
      <c r="D7007" s="40">
        <v>116.64533500000515</v>
      </c>
      <c r="E7007" s="40">
        <v>21.125660114558244</v>
      </c>
      <c r="F7007" s="40">
        <v>116.63333299999999</v>
      </c>
      <c r="G7007" s="40">
        <v>21.622794178630286</v>
      </c>
      <c r="H7007" s="40">
        <v>116.63333400000002</v>
      </c>
      <c r="I7007" s="40">
        <v>20.070464652743748</v>
      </c>
      <c r="J7007" s="40">
        <v>116.633291386905</v>
      </c>
      <c r="K7007" s="40">
        <v>13.193697466941904</v>
      </c>
      <c r="L7007" s="40"/>
      <c r="M7007" s="40"/>
      <c r="N7007" s="40"/>
    </row>
    <row r="7008" spans="4:14" x14ac:dyDescent="0.25">
      <c r="D7008" s="40">
        <v>116.66200100000515</v>
      </c>
      <c r="E7008" s="40">
        <v>21.125660114558244</v>
      </c>
      <c r="F7008" s="40">
        <v>116.65</v>
      </c>
      <c r="G7008" s="40">
        <v>21.622794178630286</v>
      </c>
      <c r="H7008" s="40">
        <v>116.65</v>
      </c>
      <c r="I7008" s="40">
        <v>20.070464652743748</v>
      </c>
      <c r="J7008" s="40">
        <v>116.64995804762</v>
      </c>
      <c r="K7008" s="40">
        <v>13.193697466941904</v>
      </c>
      <c r="L7008" s="40"/>
      <c r="M7008" s="40"/>
      <c r="N7008" s="40"/>
    </row>
    <row r="7009" spans="4:14" x14ac:dyDescent="0.25">
      <c r="D7009" s="40">
        <v>116.67866700000515</v>
      </c>
      <c r="E7009" s="40">
        <v>21.125660114558244</v>
      </c>
      <c r="F7009" s="40">
        <v>116.66666699999999</v>
      </c>
      <c r="G7009" s="40">
        <v>21.622794178630286</v>
      </c>
      <c r="H7009" s="40">
        <v>116.66666700000002</v>
      </c>
      <c r="I7009" s="40">
        <v>20.070464652743748</v>
      </c>
      <c r="J7009" s="40">
        <v>116.666624708334</v>
      </c>
      <c r="K7009" s="40">
        <v>13.193697466941904</v>
      </c>
      <c r="L7009" s="40"/>
      <c r="M7009" s="40"/>
      <c r="N7009" s="40"/>
    </row>
    <row r="7010" spans="4:14" x14ac:dyDescent="0.25">
      <c r="D7010" s="40">
        <v>116.69533300000515</v>
      </c>
      <c r="E7010" s="40">
        <v>21.125660114558244</v>
      </c>
      <c r="F7010" s="40">
        <v>116.683333</v>
      </c>
      <c r="G7010" s="40">
        <v>21.622794178630286</v>
      </c>
      <c r="H7010" s="40">
        <v>116.683334</v>
      </c>
      <c r="I7010" s="40">
        <v>20.073718779000512</v>
      </c>
      <c r="J7010" s="40">
        <v>116.68329136904801</v>
      </c>
      <c r="K7010" s="40">
        <v>13.193697466941904</v>
      </c>
      <c r="L7010" s="40"/>
      <c r="M7010" s="40"/>
      <c r="N7010" s="40"/>
    </row>
    <row r="7011" spans="4:14" x14ac:dyDescent="0.25">
      <c r="D7011" s="40">
        <v>116.71199900000515</v>
      </c>
      <c r="E7011" s="40">
        <v>21.125660114558244</v>
      </c>
      <c r="F7011" s="40">
        <v>116.69999999999999</v>
      </c>
      <c r="G7011" s="40">
        <v>21.622794178630286</v>
      </c>
      <c r="H7011" s="40">
        <v>116.70000000000002</v>
      </c>
      <c r="I7011" s="40">
        <v>20.073718779000512</v>
      </c>
      <c r="J7011" s="40">
        <v>116.699958029762</v>
      </c>
      <c r="K7011" s="40">
        <v>13.193697466941904</v>
      </c>
      <c r="L7011" s="40"/>
      <c r="M7011" s="40"/>
      <c r="N7011" s="40"/>
    </row>
    <row r="7012" spans="4:14" x14ac:dyDescent="0.25">
      <c r="D7012" s="40">
        <v>116.72866500000515</v>
      </c>
      <c r="E7012" s="40">
        <v>21.125660114558244</v>
      </c>
      <c r="F7012" s="40">
        <v>116.716667</v>
      </c>
      <c r="G7012" s="40">
        <v>21.618178794660384</v>
      </c>
      <c r="H7012" s="40">
        <v>116.716667</v>
      </c>
      <c r="I7012" s="40">
        <v>20.077071515143771</v>
      </c>
      <c r="J7012" s="40">
        <v>116.716624690477</v>
      </c>
      <c r="K7012" s="40">
        <v>13.198548510651136</v>
      </c>
      <c r="L7012" s="40"/>
      <c r="M7012" s="40"/>
      <c r="N7012" s="40"/>
    </row>
    <row r="7013" spans="4:14" x14ac:dyDescent="0.25">
      <c r="D7013" s="40">
        <v>116.74533100000515</v>
      </c>
      <c r="E7013" s="40">
        <v>21.125660114558244</v>
      </c>
      <c r="F7013" s="40">
        <v>116.73333299999999</v>
      </c>
      <c r="G7013" s="40">
        <v>21.618178794660384</v>
      </c>
      <c r="H7013" s="40">
        <v>116.73333400000001</v>
      </c>
      <c r="I7013" s="40">
        <v>20.077071515143771</v>
      </c>
      <c r="J7013" s="40">
        <v>116.733291351191</v>
      </c>
      <c r="K7013" s="40">
        <v>13.193697466941904</v>
      </c>
      <c r="L7013" s="40"/>
      <c r="M7013" s="40"/>
      <c r="N7013" s="40"/>
    </row>
    <row r="7014" spans="4:14" x14ac:dyDescent="0.25">
      <c r="D7014" s="40">
        <v>116.76199700000515</v>
      </c>
      <c r="E7014" s="40">
        <v>21.125660114558244</v>
      </c>
      <c r="F7014" s="40">
        <v>116.75</v>
      </c>
      <c r="G7014" s="40">
        <v>21.618178794660384</v>
      </c>
      <c r="H7014" s="40">
        <v>116.75</v>
      </c>
      <c r="I7014" s="40">
        <v>20.080424251287202</v>
      </c>
      <c r="J7014" s="40">
        <v>116.74995801190499</v>
      </c>
      <c r="K7014" s="40">
        <v>13.193697466941904</v>
      </c>
      <c r="L7014" s="40"/>
      <c r="M7014" s="40"/>
      <c r="N7014" s="40"/>
    </row>
    <row r="7015" spans="4:14" x14ac:dyDescent="0.25">
      <c r="D7015" s="40">
        <v>116.77866300000515</v>
      </c>
      <c r="E7015" s="40">
        <v>21.13050329314779</v>
      </c>
      <c r="F7015" s="40">
        <v>116.76666699999998</v>
      </c>
      <c r="G7015" s="40">
        <v>21.618178794660384</v>
      </c>
      <c r="H7015" s="40">
        <v>116.76666700000001</v>
      </c>
      <c r="I7015" s="40">
        <v>20.080424251287202</v>
      </c>
      <c r="J7015" s="40">
        <v>116.76662467262</v>
      </c>
      <c r="K7015" s="40">
        <v>13.193697466941904</v>
      </c>
      <c r="L7015" s="40"/>
      <c r="M7015" s="40"/>
      <c r="N7015" s="40"/>
    </row>
    <row r="7016" spans="4:14" x14ac:dyDescent="0.25">
      <c r="D7016" s="40">
        <v>116.79532900000515</v>
      </c>
      <c r="E7016" s="40">
        <v>21.13050329314779</v>
      </c>
      <c r="F7016" s="40">
        <v>116.783333</v>
      </c>
      <c r="G7016" s="40">
        <v>21.618178794660384</v>
      </c>
      <c r="H7016" s="40">
        <v>116.783334</v>
      </c>
      <c r="I7016" s="40">
        <v>20.083678377543965</v>
      </c>
      <c r="J7016" s="40">
        <v>116.78329133333401</v>
      </c>
      <c r="K7016" s="40">
        <v>13.198548510651136</v>
      </c>
      <c r="L7016" s="40"/>
      <c r="M7016" s="40"/>
      <c r="N7016" s="40"/>
    </row>
    <row r="7017" spans="4:14" x14ac:dyDescent="0.25">
      <c r="D7017" s="40">
        <v>116.81199500000515</v>
      </c>
      <c r="E7017" s="40">
        <v>21.13050329314779</v>
      </c>
      <c r="F7017" s="40">
        <v>116.79999999999998</v>
      </c>
      <c r="G7017" s="40">
        <v>21.618178794660384</v>
      </c>
      <c r="H7017" s="40">
        <v>116.80000000000001</v>
      </c>
      <c r="I7017" s="40">
        <v>20.083678377543965</v>
      </c>
      <c r="J7017" s="40">
        <v>116.799957994048</v>
      </c>
      <c r="K7017" s="40">
        <v>13.198548510651136</v>
      </c>
      <c r="L7017" s="40"/>
      <c r="M7017" s="40"/>
      <c r="N7017" s="40"/>
    </row>
    <row r="7018" spans="4:14" x14ac:dyDescent="0.25">
      <c r="D7018" s="40">
        <v>116.82866100000516</v>
      </c>
      <c r="E7018" s="40">
        <v>21.13050329314779</v>
      </c>
      <c r="F7018" s="40">
        <v>116.816667</v>
      </c>
      <c r="G7018" s="40">
        <v>21.618178794660384</v>
      </c>
      <c r="H7018" s="40">
        <v>116.816667</v>
      </c>
      <c r="I7018" s="40">
        <v>20.087031113687221</v>
      </c>
      <c r="J7018" s="40">
        <v>116.81662465476199</v>
      </c>
      <c r="K7018" s="40">
        <v>13.198548510651136</v>
      </c>
      <c r="L7018" s="40"/>
      <c r="M7018" s="40"/>
      <c r="N7018" s="40"/>
    </row>
    <row r="7019" spans="4:14" x14ac:dyDescent="0.25">
      <c r="D7019" s="40">
        <v>116.84532700000516</v>
      </c>
      <c r="E7019" s="40">
        <v>21.13050329314779</v>
      </c>
      <c r="F7019" s="40">
        <v>116.83333299999998</v>
      </c>
      <c r="G7019" s="40">
        <v>21.618178794660384</v>
      </c>
      <c r="H7019" s="40">
        <v>116.83333400000001</v>
      </c>
      <c r="I7019" s="40">
        <v>20.087031113687221</v>
      </c>
      <c r="J7019" s="40">
        <v>116.833291315477</v>
      </c>
      <c r="K7019" s="40">
        <v>13.193697466941904</v>
      </c>
      <c r="L7019" s="40"/>
      <c r="M7019" s="40"/>
      <c r="N7019" s="40"/>
    </row>
    <row r="7020" spans="4:14" x14ac:dyDescent="0.25">
      <c r="D7020" s="40">
        <v>116.86199300000516</v>
      </c>
      <c r="E7020" s="40">
        <v>21.13050329314779</v>
      </c>
      <c r="F7020" s="40">
        <v>116.85</v>
      </c>
      <c r="G7020" s="40">
        <v>21.618178794660384</v>
      </c>
      <c r="H7020" s="40">
        <v>116.85</v>
      </c>
      <c r="I7020" s="40">
        <v>20.090383849830481</v>
      </c>
      <c r="J7020" s="40">
        <v>116.84995797619101</v>
      </c>
      <c r="K7020" s="40">
        <v>13.193697466941904</v>
      </c>
      <c r="L7020" s="40"/>
      <c r="M7020" s="40"/>
      <c r="N7020" s="40"/>
    </row>
    <row r="7021" spans="4:14" x14ac:dyDescent="0.25">
      <c r="D7021" s="40">
        <v>116.87865900000516</v>
      </c>
      <c r="E7021" s="40">
        <v>21.13050329314779</v>
      </c>
      <c r="F7021" s="40">
        <v>116.86666700000001</v>
      </c>
      <c r="G7021" s="40">
        <v>21.618178794660384</v>
      </c>
      <c r="H7021" s="40">
        <v>116.86666700000001</v>
      </c>
      <c r="I7021" s="40">
        <v>20.090383849830481</v>
      </c>
      <c r="J7021" s="40">
        <v>116.866624636905</v>
      </c>
      <c r="K7021" s="40">
        <v>13.193697466941904</v>
      </c>
      <c r="L7021" s="40"/>
      <c r="M7021" s="40"/>
      <c r="N7021" s="40"/>
    </row>
    <row r="7022" spans="4:14" x14ac:dyDescent="0.25">
      <c r="D7022" s="40">
        <v>116.89532500000516</v>
      </c>
      <c r="E7022" s="40">
        <v>21.13050329314779</v>
      </c>
      <c r="F7022" s="40">
        <v>116.88333299999999</v>
      </c>
      <c r="G7022" s="40">
        <v>21.618178794660384</v>
      </c>
      <c r="H7022" s="40">
        <v>116.88333400000002</v>
      </c>
      <c r="I7022" s="40">
        <v>20.093637976087244</v>
      </c>
      <c r="J7022" s="40">
        <v>116.88329129762</v>
      </c>
      <c r="K7022" s="40">
        <v>13.193697466941904</v>
      </c>
      <c r="L7022" s="40"/>
      <c r="M7022" s="40"/>
      <c r="N7022" s="40"/>
    </row>
    <row r="7023" spans="4:14" x14ac:dyDescent="0.25">
      <c r="D7023" s="40">
        <v>116.91199100000516</v>
      </c>
      <c r="E7023" s="40">
        <v>21.135204025308092</v>
      </c>
      <c r="F7023" s="40">
        <v>116.9</v>
      </c>
      <c r="G7023" s="40">
        <v>21.618178794660384</v>
      </c>
      <c r="H7023" s="40">
        <v>116.9</v>
      </c>
      <c r="I7023" s="40">
        <v>20.093637976087244</v>
      </c>
      <c r="J7023" s="40">
        <v>116.899957958334</v>
      </c>
      <c r="K7023" s="40">
        <v>13.193697466941904</v>
      </c>
      <c r="L7023" s="40"/>
      <c r="M7023" s="40"/>
      <c r="N7023" s="40"/>
    </row>
    <row r="7024" spans="4:14" x14ac:dyDescent="0.25">
      <c r="D7024" s="40">
        <v>116.92865700000516</v>
      </c>
      <c r="E7024" s="40">
        <v>21.135204025308092</v>
      </c>
      <c r="F7024" s="40">
        <v>116.91666699999999</v>
      </c>
      <c r="G7024" s="40">
        <v>21.618178794660384</v>
      </c>
      <c r="H7024" s="40">
        <v>116.91666700000002</v>
      </c>
      <c r="I7024" s="40">
        <v>20.093637976087244</v>
      </c>
      <c r="J7024" s="40">
        <v>116.91662461904799</v>
      </c>
      <c r="K7024" s="40">
        <v>13.193697466941904</v>
      </c>
      <c r="L7024" s="40"/>
      <c r="M7024" s="40"/>
      <c r="N7024" s="40"/>
    </row>
    <row r="7025" spans="4:14" x14ac:dyDescent="0.25">
      <c r="D7025" s="40">
        <v>116.94532300000516</v>
      </c>
      <c r="E7025" s="40">
        <v>21.135204025308092</v>
      </c>
      <c r="F7025" s="40">
        <v>116.933333</v>
      </c>
      <c r="G7025" s="40">
        <v>21.618178794660384</v>
      </c>
      <c r="H7025" s="40">
        <v>116.933334</v>
      </c>
      <c r="I7025" s="40">
        <v>20.0969907122305</v>
      </c>
      <c r="J7025" s="40">
        <v>116.933291279762</v>
      </c>
      <c r="K7025" s="40">
        <v>13.193697466941904</v>
      </c>
      <c r="L7025" s="40"/>
      <c r="M7025" s="40"/>
      <c r="N7025" s="40"/>
    </row>
    <row r="7026" spans="4:14" x14ac:dyDescent="0.25">
      <c r="D7026" s="40">
        <v>116.96198900000516</v>
      </c>
      <c r="E7026" s="40">
        <v>21.140047203897637</v>
      </c>
      <c r="F7026" s="40">
        <v>116.94999999999999</v>
      </c>
      <c r="G7026" s="40">
        <v>21.618178794660384</v>
      </c>
      <c r="H7026" s="40">
        <v>116.95000000000002</v>
      </c>
      <c r="I7026" s="40">
        <v>20.0969907122305</v>
      </c>
      <c r="J7026" s="40">
        <v>116.94995794047701</v>
      </c>
      <c r="K7026" s="40">
        <v>13.193697466941904</v>
      </c>
      <c r="L7026" s="40"/>
      <c r="M7026" s="40"/>
      <c r="N7026" s="40"/>
    </row>
    <row r="7027" spans="4:14" x14ac:dyDescent="0.25">
      <c r="D7027" s="40">
        <v>116.97865500000516</v>
      </c>
      <c r="E7027" s="40">
        <v>21.140047203897637</v>
      </c>
      <c r="F7027" s="40">
        <v>116.966667</v>
      </c>
      <c r="G7027" s="40">
        <v>21.618178794660384</v>
      </c>
      <c r="H7027" s="40">
        <v>116.966667</v>
      </c>
      <c r="I7027" s="40">
        <v>20.0969907122305</v>
      </c>
      <c r="J7027" s="40">
        <v>116.966624601191</v>
      </c>
      <c r="K7027" s="40">
        <v>13.193697466941904</v>
      </c>
      <c r="L7027" s="40"/>
      <c r="M7027" s="40"/>
      <c r="N7027" s="40"/>
    </row>
    <row r="7028" spans="4:14" x14ac:dyDescent="0.25">
      <c r="D7028" s="40">
        <v>116.99532100000516</v>
      </c>
      <c r="E7028" s="40">
        <v>21.140047203897637</v>
      </c>
      <c r="F7028" s="40">
        <v>116.98333299999999</v>
      </c>
      <c r="G7028" s="40">
        <v>21.618178794660384</v>
      </c>
      <c r="H7028" s="40">
        <v>116.98333400000001</v>
      </c>
      <c r="I7028" s="40">
        <v>20.10034344837393</v>
      </c>
      <c r="J7028" s="40">
        <v>116.98329126190499</v>
      </c>
      <c r="K7028" s="40">
        <v>13.193697466941904</v>
      </c>
      <c r="L7028" s="40"/>
      <c r="M7028" s="40"/>
      <c r="N7028" s="40"/>
    </row>
    <row r="7029" spans="4:14" x14ac:dyDescent="0.25">
      <c r="D7029" s="40">
        <v>117.01198700000516</v>
      </c>
      <c r="E7029" s="40">
        <v>21.140047203897637</v>
      </c>
      <c r="F7029" s="40">
        <v>117</v>
      </c>
      <c r="G7029" s="40">
        <v>21.618178794660384</v>
      </c>
      <c r="H7029" s="40">
        <v>117</v>
      </c>
      <c r="I7029" s="40">
        <v>20.10034344837393</v>
      </c>
      <c r="J7029" s="40">
        <v>116.99995792262</v>
      </c>
      <c r="K7029" s="40">
        <v>13.193697466941904</v>
      </c>
      <c r="L7029" s="40"/>
      <c r="M7029" s="40"/>
      <c r="N7029" s="40"/>
    </row>
    <row r="7030" spans="4:14" x14ac:dyDescent="0.25">
      <c r="D7030" s="40">
        <v>117.02865300000516</v>
      </c>
      <c r="E7030" s="40">
        <v>21.144890382487187</v>
      </c>
      <c r="F7030" s="40">
        <v>117.01666699999998</v>
      </c>
      <c r="G7030" s="40">
        <v>21.622794178630286</v>
      </c>
      <c r="H7030" s="40">
        <v>117.01666700000001</v>
      </c>
      <c r="I7030" s="40">
        <v>20.10369618451719</v>
      </c>
      <c r="J7030" s="40">
        <v>117.01662458333401</v>
      </c>
      <c r="K7030" s="40">
        <v>13.193697466941904</v>
      </c>
      <c r="L7030" s="40"/>
      <c r="M7030" s="40"/>
      <c r="N7030" s="40"/>
    </row>
    <row r="7031" spans="4:14" x14ac:dyDescent="0.25">
      <c r="D7031" s="40">
        <v>117.04531900000516</v>
      </c>
      <c r="E7031" s="40">
        <v>21.144890382487187</v>
      </c>
      <c r="F7031" s="40">
        <v>117.033333</v>
      </c>
      <c r="G7031" s="40">
        <v>21.622794178630286</v>
      </c>
      <c r="H7031" s="40">
        <v>117.033334</v>
      </c>
      <c r="I7031" s="40">
        <v>20.10369618451719</v>
      </c>
      <c r="J7031" s="40">
        <v>117.033291244048</v>
      </c>
      <c r="K7031" s="40">
        <v>13.193697466941904</v>
      </c>
      <c r="L7031" s="40"/>
      <c r="M7031" s="40"/>
      <c r="N7031" s="40"/>
    </row>
    <row r="7032" spans="4:14" x14ac:dyDescent="0.25">
      <c r="D7032" s="40">
        <v>117.06198500000517</v>
      </c>
      <c r="E7032" s="40">
        <v>21.144890382487187</v>
      </c>
      <c r="F7032" s="40">
        <v>117.04999999999998</v>
      </c>
      <c r="G7032" s="40">
        <v>21.622794178630286</v>
      </c>
      <c r="H7032" s="40">
        <v>117.05000000000001</v>
      </c>
      <c r="I7032" s="40">
        <v>20.10369618451719</v>
      </c>
      <c r="J7032" s="40">
        <v>117.049957904763</v>
      </c>
      <c r="K7032" s="40">
        <v>13.193697466941904</v>
      </c>
      <c r="L7032" s="40"/>
      <c r="M7032" s="40"/>
      <c r="N7032" s="40"/>
    </row>
    <row r="7033" spans="4:14" x14ac:dyDescent="0.25">
      <c r="D7033" s="40">
        <v>117.07865100000517</v>
      </c>
      <c r="E7033" s="40">
        <v>21.144890382487187</v>
      </c>
      <c r="F7033" s="40">
        <v>117.066667</v>
      </c>
      <c r="G7033" s="40">
        <v>21.622794178630286</v>
      </c>
      <c r="H7033" s="40">
        <v>117.066667</v>
      </c>
      <c r="I7033" s="40">
        <v>20.10695031077395</v>
      </c>
      <c r="J7033" s="40">
        <v>117.066624565477</v>
      </c>
      <c r="K7033" s="40">
        <v>13.188846423232672</v>
      </c>
      <c r="L7033" s="40"/>
      <c r="M7033" s="40"/>
      <c r="N7033" s="40"/>
    </row>
    <row r="7034" spans="4:14" x14ac:dyDescent="0.25">
      <c r="D7034" s="40">
        <v>117.09531700000517</v>
      </c>
      <c r="E7034" s="40">
        <v>21.144890382487187</v>
      </c>
      <c r="F7034" s="40">
        <v>117.08333299999998</v>
      </c>
      <c r="G7034" s="40">
        <v>21.622794178630286</v>
      </c>
      <c r="H7034" s="40">
        <v>117.08333400000001</v>
      </c>
      <c r="I7034" s="40">
        <v>20.10695031077395</v>
      </c>
      <c r="J7034" s="40">
        <v>117.08329122619099</v>
      </c>
      <c r="K7034" s="40">
        <v>13.193697466941904</v>
      </c>
      <c r="L7034" s="40"/>
      <c r="M7034" s="40"/>
      <c r="N7034" s="40"/>
    </row>
    <row r="7035" spans="4:14" x14ac:dyDescent="0.25">
      <c r="D7035" s="40">
        <v>117.11198300000517</v>
      </c>
      <c r="E7035" s="40">
        <v>21.144890382487187</v>
      </c>
      <c r="F7035" s="40">
        <v>117.1</v>
      </c>
      <c r="G7035" s="40">
        <v>21.622794178630286</v>
      </c>
      <c r="H7035" s="40">
        <v>117.1</v>
      </c>
      <c r="I7035" s="40">
        <v>20.11030304691721</v>
      </c>
      <c r="J7035" s="40">
        <v>117.099957886905</v>
      </c>
      <c r="K7035" s="40">
        <v>13.193697466941904</v>
      </c>
      <c r="L7035" s="40"/>
      <c r="M7035" s="40"/>
      <c r="N7035" s="40"/>
    </row>
    <row r="7036" spans="4:14" x14ac:dyDescent="0.25">
      <c r="D7036" s="40">
        <v>117.12864900000517</v>
      </c>
      <c r="E7036" s="40">
        <v>21.149591114647485</v>
      </c>
      <c r="F7036" s="40">
        <v>117.11666700000001</v>
      </c>
      <c r="G7036" s="40">
        <v>21.622794178630286</v>
      </c>
      <c r="H7036" s="40">
        <v>117.11666700000001</v>
      </c>
      <c r="I7036" s="40">
        <v>20.11030304691721</v>
      </c>
      <c r="J7036" s="40">
        <v>117.11662454762001</v>
      </c>
      <c r="K7036" s="40">
        <v>13.188846423232672</v>
      </c>
      <c r="L7036" s="40"/>
      <c r="M7036" s="40"/>
      <c r="N7036" s="40"/>
    </row>
    <row r="7037" spans="4:14" x14ac:dyDescent="0.25">
      <c r="D7037" s="40">
        <v>117.14531500000517</v>
      </c>
      <c r="E7037" s="40">
        <v>21.149591114647485</v>
      </c>
      <c r="F7037" s="40">
        <v>117.13333299999999</v>
      </c>
      <c r="G7037" s="40">
        <v>21.627549422720378</v>
      </c>
      <c r="H7037" s="40">
        <v>117.13333400000002</v>
      </c>
      <c r="I7037" s="40">
        <v>20.11030304691721</v>
      </c>
      <c r="J7037" s="40">
        <v>117.133291208334</v>
      </c>
      <c r="K7037" s="40">
        <v>13.188846423232672</v>
      </c>
      <c r="L7037" s="40"/>
      <c r="M7037" s="40"/>
      <c r="N7037" s="40"/>
    </row>
    <row r="7038" spans="4:14" x14ac:dyDescent="0.25">
      <c r="D7038" s="40">
        <v>117.16198100000517</v>
      </c>
      <c r="E7038" s="40">
        <v>21.149591114647485</v>
      </c>
      <c r="F7038" s="40">
        <v>117.15</v>
      </c>
      <c r="G7038" s="40">
        <v>21.627549422720378</v>
      </c>
      <c r="H7038" s="40">
        <v>117.15</v>
      </c>
      <c r="I7038" s="40">
        <v>20.113655783060644</v>
      </c>
      <c r="J7038" s="40">
        <v>117.149957869048</v>
      </c>
      <c r="K7038" s="40">
        <v>13.188846423232672</v>
      </c>
      <c r="L7038" s="40"/>
      <c r="M7038" s="40"/>
      <c r="N7038" s="40"/>
    </row>
    <row r="7039" spans="4:14" x14ac:dyDescent="0.25">
      <c r="D7039" s="40">
        <v>117.17864700000517</v>
      </c>
      <c r="E7039" s="40">
        <v>21.149591114647485</v>
      </c>
      <c r="F7039" s="40">
        <v>117.16666699999999</v>
      </c>
      <c r="G7039" s="40">
        <v>21.627549422720378</v>
      </c>
      <c r="H7039" s="40">
        <v>117.16666700000002</v>
      </c>
      <c r="I7039" s="40">
        <v>20.113655783060644</v>
      </c>
      <c r="J7039" s="40">
        <v>117.166624529762</v>
      </c>
      <c r="K7039" s="40">
        <v>13.188846423232672</v>
      </c>
      <c r="L7039" s="40"/>
      <c r="M7039" s="40"/>
      <c r="N7039" s="40"/>
    </row>
    <row r="7040" spans="4:14" x14ac:dyDescent="0.25">
      <c r="D7040" s="40">
        <v>117.19531300000517</v>
      </c>
      <c r="E7040" s="40">
        <v>21.144890382487187</v>
      </c>
      <c r="F7040" s="40">
        <v>117.183333</v>
      </c>
      <c r="G7040" s="40">
        <v>21.627549422720378</v>
      </c>
      <c r="H7040" s="40">
        <v>117.183334</v>
      </c>
      <c r="I7040" s="40">
        <v>20.116909909317403</v>
      </c>
      <c r="J7040" s="40">
        <v>117.18329119047699</v>
      </c>
      <c r="K7040" s="40">
        <v>13.188846423232672</v>
      </c>
      <c r="L7040" s="40"/>
      <c r="M7040" s="40"/>
      <c r="N7040" s="40"/>
    </row>
    <row r="7041" spans="4:14" x14ac:dyDescent="0.25">
      <c r="D7041" s="40">
        <v>117.21197900000517</v>
      </c>
      <c r="E7041" s="40">
        <v>21.144890382487187</v>
      </c>
      <c r="F7041" s="40">
        <v>117.19999999999999</v>
      </c>
      <c r="G7041" s="40">
        <v>21.627549422720378</v>
      </c>
      <c r="H7041" s="40">
        <v>117.20000000000002</v>
      </c>
      <c r="I7041" s="40">
        <v>20.116909909317403</v>
      </c>
      <c r="J7041" s="40">
        <v>117.199957851191</v>
      </c>
      <c r="K7041" s="40">
        <v>13.188846423232672</v>
      </c>
      <c r="L7041" s="40"/>
      <c r="M7041" s="40"/>
      <c r="N7041" s="40"/>
    </row>
    <row r="7042" spans="4:14" x14ac:dyDescent="0.25">
      <c r="D7042" s="40">
        <v>117.22864500000517</v>
      </c>
      <c r="E7042" s="40">
        <v>21.144890382487187</v>
      </c>
      <c r="F7042" s="40">
        <v>117.216667</v>
      </c>
      <c r="G7042" s="40">
        <v>21.627549422720378</v>
      </c>
      <c r="H7042" s="40">
        <v>117.216667</v>
      </c>
      <c r="I7042" s="40">
        <v>20.116909909317403</v>
      </c>
      <c r="J7042" s="40">
        <v>117.216624511905</v>
      </c>
      <c r="K7042" s="40">
        <v>13.188846423232672</v>
      </c>
      <c r="L7042" s="40"/>
      <c r="M7042" s="40"/>
      <c r="N7042" s="40"/>
    </row>
    <row r="7043" spans="4:14" x14ac:dyDescent="0.25">
      <c r="D7043" s="40">
        <v>117.24531100000517</v>
      </c>
      <c r="E7043" s="40">
        <v>21.144890382487187</v>
      </c>
      <c r="F7043" s="40">
        <v>117.23333299999999</v>
      </c>
      <c r="G7043" s="40">
        <v>21.627549422720378</v>
      </c>
      <c r="H7043" s="40">
        <v>117.23333400000001</v>
      </c>
      <c r="I7043" s="40">
        <v>20.120262645460659</v>
      </c>
      <c r="J7043" s="40">
        <v>117.23329117262</v>
      </c>
      <c r="K7043" s="40">
        <v>13.188846423232672</v>
      </c>
      <c r="L7043" s="40"/>
      <c r="M7043" s="40"/>
      <c r="N7043" s="40"/>
    </row>
    <row r="7044" spans="4:14" x14ac:dyDescent="0.25">
      <c r="D7044" s="40">
        <v>117.26197700000517</v>
      </c>
      <c r="E7044" s="40">
        <v>21.144890382487187</v>
      </c>
      <c r="F7044" s="40">
        <v>117.25</v>
      </c>
      <c r="G7044" s="40">
        <v>21.632304666810601</v>
      </c>
      <c r="H7044" s="40">
        <v>117.25</v>
      </c>
      <c r="I7044" s="40">
        <v>20.120262645460659</v>
      </c>
      <c r="J7044" s="40">
        <v>117.24995783333399</v>
      </c>
      <c r="K7044" s="40">
        <v>13.193697466941904</v>
      </c>
      <c r="L7044" s="40"/>
      <c r="M7044" s="40"/>
      <c r="N7044" s="40"/>
    </row>
    <row r="7045" spans="4:14" x14ac:dyDescent="0.25">
      <c r="D7045" s="40">
        <v>117.27864300000518</v>
      </c>
      <c r="E7045" s="40">
        <v>21.144890382487187</v>
      </c>
      <c r="F7045" s="40">
        <v>117.26666699999998</v>
      </c>
      <c r="G7045" s="40">
        <v>21.632304666810601</v>
      </c>
      <c r="H7045" s="40">
        <v>117.26666700000001</v>
      </c>
      <c r="I7045" s="40">
        <v>20.123615381603919</v>
      </c>
      <c r="J7045" s="40">
        <v>117.266624494048</v>
      </c>
      <c r="K7045" s="40">
        <v>13.193697466941904</v>
      </c>
      <c r="L7045" s="40"/>
      <c r="M7045" s="40"/>
      <c r="N7045" s="40"/>
    </row>
    <row r="7046" spans="4:14" x14ac:dyDescent="0.25">
      <c r="D7046" s="40">
        <v>117.29530900000518</v>
      </c>
      <c r="E7046" s="40">
        <v>21.144890382487187</v>
      </c>
      <c r="F7046" s="40">
        <v>117.283333</v>
      </c>
      <c r="G7046" s="40">
        <v>21.632304666810601</v>
      </c>
      <c r="H7046" s="40">
        <v>117.283334</v>
      </c>
      <c r="I7046" s="40">
        <v>20.123615381603919</v>
      </c>
      <c r="J7046" s="40">
        <v>117.28329115476301</v>
      </c>
      <c r="K7046" s="40">
        <v>13.193697466941904</v>
      </c>
      <c r="L7046" s="40"/>
      <c r="M7046" s="40"/>
      <c r="N7046" s="40"/>
    </row>
    <row r="7047" spans="4:14" x14ac:dyDescent="0.25">
      <c r="D7047" s="40">
        <v>117.31197500000518</v>
      </c>
      <c r="E7047" s="40">
        <v>21.144890382487187</v>
      </c>
      <c r="F7047" s="40">
        <v>117.29999999999998</v>
      </c>
      <c r="G7047" s="40">
        <v>21.632304666810601</v>
      </c>
      <c r="H7047" s="40">
        <v>117.30000000000001</v>
      </c>
      <c r="I7047" s="40">
        <v>20.126869507860683</v>
      </c>
      <c r="J7047" s="40">
        <v>117.299957815477</v>
      </c>
      <c r="K7047" s="40">
        <v>13.193697466941904</v>
      </c>
      <c r="L7047" s="40"/>
      <c r="M7047" s="40"/>
      <c r="N7047" s="40"/>
    </row>
    <row r="7048" spans="4:14" x14ac:dyDescent="0.25">
      <c r="D7048" s="40">
        <v>117.32864100000518</v>
      </c>
      <c r="E7048" s="40">
        <v>21.144890382487187</v>
      </c>
      <c r="F7048" s="40">
        <v>117.316667</v>
      </c>
      <c r="G7048" s="40">
        <v>21.632304666810601</v>
      </c>
      <c r="H7048" s="40">
        <v>117.316667</v>
      </c>
      <c r="I7048" s="40">
        <v>20.126869507860683</v>
      </c>
      <c r="J7048" s="40">
        <v>117.316624476191</v>
      </c>
      <c r="K7048" s="40">
        <v>13.193697466941904</v>
      </c>
      <c r="L7048" s="40"/>
      <c r="M7048" s="40"/>
      <c r="N7048" s="40"/>
    </row>
    <row r="7049" spans="4:14" x14ac:dyDescent="0.25">
      <c r="D7049" s="40">
        <v>117.34530700000518</v>
      </c>
      <c r="E7049" s="40">
        <v>21.144890382487187</v>
      </c>
      <c r="F7049" s="40">
        <v>117.33333299999998</v>
      </c>
      <c r="G7049" s="40">
        <v>21.632304666810601</v>
      </c>
      <c r="H7049" s="40">
        <v>117.33333400000001</v>
      </c>
      <c r="I7049" s="40">
        <v>20.130222244003939</v>
      </c>
      <c r="J7049" s="40">
        <v>117.333291136905</v>
      </c>
      <c r="K7049" s="40">
        <v>13.193697466941904</v>
      </c>
      <c r="L7049" s="40"/>
      <c r="M7049" s="40"/>
      <c r="N7049" s="40"/>
    </row>
    <row r="7050" spans="4:14" x14ac:dyDescent="0.25">
      <c r="D7050" s="40">
        <v>117.36197300000518</v>
      </c>
      <c r="E7050" s="40">
        <v>21.144890382487187</v>
      </c>
      <c r="F7050" s="40">
        <v>117.35</v>
      </c>
      <c r="G7050" s="40">
        <v>21.632304666810601</v>
      </c>
      <c r="H7050" s="40">
        <v>117.35</v>
      </c>
      <c r="I7050" s="40">
        <v>20.130222244003939</v>
      </c>
      <c r="J7050" s="40">
        <v>117.34995779761999</v>
      </c>
      <c r="K7050" s="40">
        <v>13.193697466941904</v>
      </c>
      <c r="L7050" s="40"/>
      <c r="M7050" s="40"/>
      <c r="N7050" s="40"/>
    </row>
    <row r="7051" spans="4:14" x14ac:dyDescent="0.25">
      <c r="D7051" s="40">
        <v>117.37863900000518</v>
      </c>
      <c r="E7051" s="40">
        <v>21.144890382487187</v>
      </c>
      <c r="F7051" s="40">
        <v>117.36666700000001</v>
      </c>
      <c r="G7051" s="40">
        <v>21.632304666810601</v>
      </c>
      <c r="H7051" s="40">
        <v>117.36666700000001</v>
      </c>
      <c r="I7051" s="40">
        <v>20.133574980147372</v>
      </c>
      <c r="J7051" s="40">
        <v>117.366624458334</v>
      </c>
      <c r="K7051" s="40">
        <v>13.193697466941904</v>
      </c>
      <c r="L7051" s="40"/>
      <c r="M7051" s="40"/>
      <c r="N7051" s="40"/>
    </row>
    <row r="7052" spans="4:14" x14ac:dyDescent="0.25">
      <c r="D7052" s="40">
        <v>117.39530500000518</v>
      </c>
      <c r="E7052" s="40">
        <v>21.144890382487187</v>
      </c>
      <c r="F7052" s="40">
        <v>117.38333299999999</v>
      </c>
      <c r="G7052" s="40">
        <v>21.632304666810601</v>
      </c>
      <c r="H7052" s="40">
        <v>117.38333400000002</v>
      </c>
      <c r="I7052" s="40">
        <v>20.133574980147372</v>
      </c>
      <c r="J7052" s="40">
        <v>117.383291119048</v>
      </c>
      <c r="K7052" s="40">
        <v>13.193697466941904</v>
      </c>
      <c r="L7052" s="40"/>
      <c r="M7052" s="40"/>
      <c r="N7052" s="40"/>
    </row>
    <row r="7053" spans="4:14" x14ac:dyDescent="0.25">
      <c r="D7053" s="40">
        <v>117.41197100000518</v>
      </c>
      <c r="E7053" s="40">
        <v>21.144890382487187</v>
      </c>
      <c r="F7053" s="40">
        <v>117.4</v>
      </c>
      <c r="G7053" s="40">
        <v>21.632304666810601</v>
      </c>
      <c r="H7053" s="40">
        <v>117.4</v>
      </c>
      <c r="I7053" s="40">
        <v>20.136829106404132</v>
      </c>
      <c r="J7053" s="40">
        <v>117.399957779762</v>
      </c>
      <c r="K7053" s="40">
        <v>13.193697466941904</v>
      </c>
      <c r="L7053" s="40"/>
      <c r="M7053" s="40"/>
      <c r="N7053" s="40"/>
    </row>
    <row r="7054" spans="4:14" x14ac:dyDescent="0.25">
      <c r="D7054" s="40">
        <v>117.42863700000518</v>
      </c>
      <c r="E7054" s="40">
        <v>21.144890382487187</v>
      </c>
      <c r="F7054" s="40">
        <v>117.41666699999999</v>
      </c>
      <c r="G7054" s="40">
        <v>21.632304666810601</v>
      </c>
      <c r="H7054" s="40">
        <v>117.41666700000002</v>
      </c>
      <c r="I7054" s="40">
        <v>20.136829106404132</v>
      </c>
      <c r="J7054" s="40">
        <v>117.41662444047699</v>
      </c>
      <c r="K7054" s="40">
        <v>13.193697466941904</v>
      </c>
      <c r="L7054" s="40"/>
      <c r="M7054" s="40"/>
      <c r="N7054" s="40"/>
    </row>
    <row r="7055" spans="4:14" x14ac:dyDescent="0.25">
      <c r="D7055" s="40">
        <v>117.44530300000518</v>
      </c>
      <c r="E7055" s="40">
        <v>21.144890382487187</v>
      </c>
      <c r="F7055" s="40">
        <v>117.433333</v>
      </c>
      <c r="G7055" s="40">
        <v>21.636920050780503</v>
      </c>
      <c r="H7055" s="40">
        <v>117.433334</v>
      </c>
      <c r="I7055" s="40">
        <v>20.140181842547392</v>
      </c>
      <c r="J7055" s="40">
        <v>117.433291101191</v>
      </c>
      <c r="K7055" s="40">
        <v>13.193697466941904</v>
      </c>
      <c r="L7055" s="40"/>
      <c r="M7055" s="40"/>
      <c r="N7055" s="40"/>
    </row>
    <row r="7056" spans="4:14" x14ac:dyDescent="0.25">
      <c r="D7056" s="40">
        <v>117.46196900000518</v>
      </c>
      <c r="E7056" s="40">
        <v>21.144890382487187</v>
      </c>
      <c r="F7056" s="40">
        <v>117.44999999999999</v>
      </c>
      <c r="G7056" s="40">
        <v>21.636920050780503</v>
      </c>
      <c r="H7056" s="40">
        <v>117.45000000000002</v>
      </c>
      <c r="I7056" s="40">
        <v>20.140181842547392</v>
      </c>
      <c r="J7056" s="40">
        <v>117.449957761905</v>
      </c>
      <c r="K7056" s="40">
        <v>13.193697466941904</v>
      </c>
      <c r="L7056" s="40"/>
      <c r="M7056" s="40"/>
      <c r="N7056" s="40"/>
    </row>
    <row r="7057" spans="4:14" x14ac:dyDescent="0.25">
      <c r="D7057" s="40">
        <v>117.47863500000518</v>
      </c>
      <c r="E7057" s="40">
        <v>21.144890382487187</v>
      </c>
      <c r="F7057" s="40">
        <v>117.466667</v>
      </c>
      <c r="G7057" s="40">
        <v>21.636920050780503</v>
      </c>
      <c r="H7057" s="40">
        <v>117.466667</v>
      </c>
      <c r="I7057" s="40">
        <v>20.140181842547392</v>
      </c>
      <c r="J7057" s="40">
        <v>117.46662442262</v>
      </c>
      <c r="K7057" s="40">
        <v>13.193697466941904</v>
      </c>
      <c r="L7057" s="40"/>
      <c r="M7057" s="40"/>
      <c r="N7057" s="40"/>
    </row>
    <row r="7058" spans="4:14" x14ac:dyDescent="0.25">
      <c r="D7058" s="40">
        <v>117.49530100000518</v>
      </c>
      <c r="E7058" s="40">
        <v>21.144890382487187</v>
      </c>
      <c r="F7058" s="40">
        <v>117.48333299999999</v>
      </c>
      <c r="G7058" s="40">
        <v>21.636920050780503</v>
      </c>
      <c r="H7058" s="40">
        <v>117.48333400000001</v>
      </c>
      <c r="I7058" s="40">
        <v>20.143534578690648</v>
      </c>
      <c r="J7058" s="40">
        <v>117.483291083334</v>
      </c>
      <c r="K7058" s="40">
        <v>13.193697466941904</v>
      </c>
      <c r="L7058" s="40"/>
      <c r="M7058" s="40"/>
      <c r="N7058" s="40"/>
    </row>
    <row r="7059" spans="4:14" x14ac:dyDescent="0.25">
      <c r="D7059" s="40">
        <v>117.51196700000519</v>
      </c>
      <c r="E7059" s="40">
        <v>21.149591114647485</v>
      </c>
      <c r="F7059" s="40">
        <v>117.5</v>
      </c>
      <c r="G7059" s="40">
        <v>21.636920050780503</v>
      </c>
      <c r="H7059" s="40">
        <v>117.5</v>
      </c>
      <c r="I7059" s="40">
        <v>20.143534578690648</v>
      </c>
      <c r="J7059" s="40">
        <v>117.499957744048</v>
      </c>
      <c r="K7059" s="40">
        <v>13.193697466941904</v>
      </c>
      <c r="L7059" s="40"/>
      <c r="M7059" s="40"/>
      <c r="N7059" s="40"/>
    </row>
    <row r="7060" spans="4:14" x14ac:dyDescent="0.25">
      <c r="D7060" s="40">
        <v>117.52863300000519</v>
      </c>
      <c r="E7060" s="40">
        <v>21.149591114647485</v>
      </c>
      <c r="F7060" s="40">
        <v>117.51666699999998</v>
      </c>
      <c r="G7060" s="40">
        <v>21.641675294870595</v>
      </c>
      <c r="H7060" s="40">
        <v>117.51666700000001</v>
      </c>
      <c r="I7060" s="40">
        <v>20.146788704947411</v>
      </c>
      <c r="J7060" s="40">
        <v>117.51662440476299</v>
      </c>
      <c r="K7060" s="40">
        <v>13.193697466941904</v>
      </c>
      <c r="L7060" s="40"/>
      <c r="M7060" s="40"/>
      <c r="N7060" s="40"/>
    </row>
    <row r="7061" spans="4:14" x14ac:dyDescent="0.25">
      <c r="D7061" s="40">
        <v>117.54529900000519</v>
      </c>
      <c r="E7061" s="40">
        <v>21.149591114647485</v>
      </c>
      <c r="F7061" s="40">
        <v>117.533333</v>
      </c>
      <c r="G7061" s="40">
        <v>21.641675294870595</v>
      </c>
      <c r="H7061" s="40">
        <v>117.533334</v>
      </c>
      <c r="I7061" s="40">
        <v>20.146788704947411</v>
      </c>
      <c r="J7061" s="40">
        <v>117.533291065477</v>
      </c>
      <c r="K7061" s="40">
        <v>13.193697466941904</v>
      </c>
      <c r="L7061" s="40"/>
      <c r="M7061" s="40"/>
      <c r="N7061" s="40"/>
    </row>
    <row r="7062" spans="4:14" x14ac:dyDescent="0.25">
      <c r="D7062" s="40">
        <v>117.56196500000519</v>
      </c>
      <c r="E7062" s="40">
        <v>21.149591114647485</v>
      </c>
      <c r="F7062" s="40">
        <v>117.54999999999998</v>
      </c>
      <c r="G7062" s="40">
        <v>21.641675294870595</v>
      </c>
      <c r="H7062" s="40">
        <v>117.55000000000001</v>
      </c>
      <c r="I7062" s="40">
        <v>20.146788704947411</v>
      </c>
      <c r="J7062" s="40">
        <v>117.549957726191</v>
      </c>
      <c r="K7062" s="40">
        <v>13.193697466941904</v>
      </c>
      <c r="L7062" s="40"/>
      <c r="M7062" s="40"/>
      <c r="N7062" s="40"/>
    </row>
    <row r="7063" spans="4:14" x14ac:dyDescent="0.25">
      <c r="D7063" s="40">
        <v>117.57863100000519</v>
      </c>
      <c r="E7063" s="40">
        <v>21.149591114647485</v>
      </c>
      <c r="F7063" s="40">
        <v>117.566667</v>
      </c>
      <c r="G7063" s="40">
        <v>21.641675294870595</v>
      </c>
      <c r="H7063" s="40">
        <v>117.566667</v>
      </c>
      <c r="I7063" s="40">
        <v>20.150141441090845</v>
      </c>
      <c r="J7063" s="40">
        <v>117.566624386905</v>
      </c>
      <c r="K7063" s="40">
        <v>13.193697466941904</v>
      </c>
      <c r="L7063" s="40"/>
      <c r="M7063" s="40"/>
      <c r="N7063" s="40"/>
    </row>
    <row r="7064" spans="4:14" x14ac:dyDescent="0.25">
      <c r="D7064" s="40">
        <v>117.59529700000519</v>
      </c>
      <c r="E7064" s="40">
        <v>21.149591114647485</v>
      </c>
      <c r="F7064" s="40">
        <v>117.58333299999998</v>
      </c>
      <c r="G7064" s="40">
        <v>21.641675294870595</v>
      </c>
      <c r="H7064" s="40">
        <v>117.58333400000001</v>
      </c>
      <c r="I7064" s="40">
        <v>20.150141441090845</v>
      </c>
      <c r="J7064" s="40">
        <v>117.58329104761999</v>
      </c>
      <c r="K7064" s="40">
        <v>13.193697466941904</v>
      </c>
      <c r="L7064" s="40"/>
      <c r="M7064" s="40"/>
      <c r="N7064" s="40"/>
    </row>
    <row r="7065" spans="4:14" x14ac:dyDescent="0.25">
      <c r="D7065" s="40">
        <v>117.61196300000519</v>
      </c>
      <c r="E7065" s="40">
        <v>21.149591114647485</v>
      </c>
      <c r="F7065" s="40">
        <v>117.6</v>
      </c>
      <c r="G7065" s="40">
        <v>21.646430538960814</v>
      </c>
      <c r="H7065" s="40">
        <v>117.6</v>
      </c>
      <c r="I7065" s="40">
        <v>20.153494177234101</v>
      </c>
      <c r="J7065" s="40">
        <v>117.599957708334</v>
      </c>
      <c r="K7065" s="40">
        <v>13.198548510651136</v>
      </c>
      <c r="L7065" s="40"/>
      <c r="M7065" s="40"/>
      <c r="N7065" s="40"/>
    </row>
    <row r="7066" spans="4:14" x14ac:dyDescent="0.25">
      <c r="D7066" s="40">
        <v>117.62862900000519</v>
      </c>
      <c r="E7066" s="40">
        <v>21.149591114647485</v>
      </c>
      <c r="F7066" s="40">
        <v>117.61666700000001</v>
      </c>
      <c r="G7066" s="40">
        <v>21.646430538960814</v>
      </c>
      <c r="H7066" s="40">
        <v>117.61666700000001</v>
      </c>
      <c r="I7066" s="40">
        <v>20.153494177234101</v>
      </c>
      <c r="J7066" s="40">
        <v>117.616624369048</v>
      </c>
      <c r="K7066" s="40">
        <v>13.198548510651136</v>
      </c>
      <c r="L7066" s="40"/>
      <c r="M7066" s="40"/>
      <c r="N7066" s="40"/>
    </row>
    <row r="7067" spans="4:14" x14ac:dyDescent="0.25">
      <c r="D7067" s="40">
        <v>117.64529500000519</v>
      </c>
      <c r="E7067" s="40">
        <v>21.149591114647485</v>
      </c>
      <c r="F7067" s="40">
        <v>117.63333299999999</v>
      </c>
      <c r="G7067" s="40">
        <v>21.646430538960814</v>
      </c>
      <c r="H7067" s="40">
        <v>117.63333400000002</v>
      </c>
      <c r="I7067" s="40">
        <v>20.153494177234101</v>
      </c>
      <c r="J7067" s="40">
        <v>117.63329102976201</v>
      </c>
      <c r="K7067" s="40">
        <v>13.198548510651136</v>
      </c>
      <c r="L7067" s="40"/>
      <c r="M7067" s="40"/>
      <c r="N7067" s="40"/>
    </row>
    <row r="7068" spans="4:14" x14ac:dyDescent="0.25">
      <c r="D7068" s="40">
        <v>117.66196100000519</v>
      </c>
      <c r="E7068" s="40">
        <v>21.149591114647485</v>
      </c>
      <c r="F7068" s="40">
        <v>117.65</v>
      </c>
      <c r="G7068" s="40">
        <v>21.646430538960814</v>
      </c>
      <c r="H7068" s="40">
        <v>117.65</v>
      </c>
      <c r="I7068" s="40">
        <v>20.156748303490865</v>
      </c>
      <c r="J7068" s="40">
        <v>117.649957690477</v>
      </c>
      <c r="K7068" s="40">
        <v>13.198548510651136</v>
      </c>
      <c r="L7068" s="40"/>
      <c r="M7068" s="40"/>
      <c r="N7068" s="40"/>
    </row>
    <row r="7069" spans="4:14" x14ac:dyDescent="0.25">
      <c r="D7069" s="40">
        <v>117.67862700000519</v>
      </c>
      <c r="E7069" s="40">
        <v>21.149591114647485</v>
      </c>
      <c r="F7069" s="40">
        <v>117.66666699999999</v>
      </c>
      <c r="G7069" s="40">
        <v>21.646430538960814</v>
      </c>
      <c r="H7069" s="40">
        <v>117.66666700000002</v>
      </c>
      <c r="I7069" s="40">
        <v>20.156748303490865</v>
      </c>
      <c r="J7069" s="40">
        <v>117.666624351191</v>
      </c>
      <c r="K7069" s="40">
        <v>13.198548510651136</v>
      </c>
      <c r="L7069" s="40"/>
      <c r="M7069" s="40"/>
      <c r="N7069" s="40"/>
    </row>
    <row r="7070" spans="4:14" x14ac:dyDescent="0.25">
      <c r="D7070" s="40">
        <v>117.69529300000519</v>
      </c>
      <c r="E7070" s="40">
        <v>21.149591114647485</v>
      </c>
      <c r="F7070" s="40">
        <v>117.683333</v>
      </c>
      <c r="G7070" s="40">
        <v>21.646430538960814</v>
      </c>
      <c r="H7070" s="40">
        <v>117.683334</v>
      </c>
      <c r="I7070" s="40">
        <v>20.156748303490865</v>
      </c>
      <c r="J7070" s="40">
        <v>117.683291011905</v>
      </c>
      <c r="K7070" s="40">
        <v>13.198548510651136</v>
      </c>
      <c r="L7070" s="40"/>
      <c r="M7070" s="40"/>
      <c r="N7070" s="40"/>
    </row>
    <row r="7071" spans="4:14" x14ac:dyDescent="0.25">
      <c r="D7071" s="40">
        <v>117.71195900000519</v>
      </c>
      <c r="E7071" s="40">
        <v>21.149591114647485</v>
      </c>
      <c r="F7071" s="40">
        <v>117.69999999999999</v>
      </c>
      <c r="G7071" s="40">
        <v>21.646430538960814</v>
      </c>
      <c r="H7071" s="40">
        <v>117.70000000000002</v>
      </c>
      <c r="I7071" s="40">
        <v>20.160101039634121</v>
      </c>
      <c r="J7071" s="40">
        <v>117.69995767262</v>
      </c>
      <c r="K7071" s="40">
        <v>13.198548510651136</v>
      </c>
      <c r="L7071" s="40"/>
      <c r="M7071" s="40"/>
      <c r="N7071" s="40"/>
    </row>
    <row r="7072" spans="4:14" x14ac:dyDescent="0.25">
      <c r="D7072" s="40">
        <v>117.7286250000052</v>
      </c>
      <c r="E7072" s="40">
        <v>21.149591114647485</v>
      </c>
      <c r="F7072" s="40">
        <v>117.716667</v>
      </c>
      <c r="G7072" s="40">
        <v>21.646430538960814</v>
      </c>
      <c r="H7072" s="40">
        <v>117.716667</v>
      </c>
      <c r="I7072" s="40">
        <v>20.160101039634121</v>
      </c>
      <c r="J7072" s="40">
        <v>117.716624333334</v>
      </c>
      <c r="K7072" s="40">
        <v>13.198548510651136</v>
      </c>
      <c r="L7072" s="40"/>
      <c r="M7072" s="40"/>
      <c r="N7072" s="40"/>
    </row>
    <row r="7073" spans="4:14" x14ac:dyDescent="0.25">
      <c r="D7073" s="40">
        <v>117.7452910000052</v>
      </c>
      <c r="E7073" s="40">
        <v>21.149591114647485</v>
      </c>
      <c r="F7073" s="40">
        <v>117.73333299999999</v>
      </c>
      <c r="G7073" s="40">
        <v>21.646430538960814</v>
      </c>
      <c r="H7073" s="40">
        <v>117.73333400000001</v>
      </c>
      <c r="I7073" s="40">
        <v>20.163453775777377</v>
      </c>
      <c r="J7073" s="40">
        <v>117.73329099404801</v>
      </c>
      <c r="K7073" s="40">
        <v>13.203256876604197</v>
      </c>
      <c r="L7073" s="40"/>
      <c r="M7073" s="40"/>
      <c r="N7073" s="40"/>
    </row>
    <row r="7074" spans="4:14" x14ac:dyDescent="0.25">
      <c r="D7074" s="40">
        <v>117.7619570000052</v>
      </c>
      <c r="E7074" s="40">
        <v>21.144890382487187</v>
      </c>
      <c r="F7074" s="40">
        <v>117.75</v>
      </c>
      <c r="G7074" s="40">
        <v>21.651045922930717</v>
      </c>
      <c r="H7074" s="40">
        <v>117.75</v>
      </c>
      <c r="I7074" s="40">
        <v>20.163453775777377</v>
      </c>
      <c r="J7074" s="40">
        <v>117.74995765476299</v>
      </c>
      <c r="K7074" s="40">
        <v>13.203256876604197</v>
      </c>
      <c r="L7074" s="40"/>
      <c r="M7074" s="40"/>
      <c r="N7074" s="40"/>
    </row>
    <row r="7075" spans="4:14" x14ac:dyDescent="0.25">
      <c r="D7075" s="40">
        <v>117.7786230000052</v>
      </c>
      <c r="E7075" s="40">
        <v>21.144890382487187</v>
      </c>
      <c r="F7075" s="40">
        <v>117.76666699999998</v>
      </c>
      <c r="G7075" s="40">
        <v>21.651045922930717</v>
      </c>
      <c r="H7075" s="40">
        <v>117.76666700000001</v>
      </c>
      <c r="I7075" s="40">
        <v>20.163453775777377</v>
      </c>
      <c r="J7075" s="40">
        <v>117.766624315477</v>
      </c>
      <c r="K7075" s="40">
        <v>13.203256876604197</v>
      </c>
      <c r="L7075" s="40"/>
      <c r="M7075" s="40"/>
      <c r="N7075" s="40"/>
    </row>
    <row r="7076" spans="4:14" x14ac:dyDescent="0.25">
      <c r="D7076" s="40">
        <v>117.7952890000052</v>
      </c>
      <c r="E7076" s="40">
        <v>21.144890382487187</v>
      </c>
      <c r="F7076" s="40">
        <v>117.783333</v>
      </c>
      <c r="G7076" s="40">
        <v>21.651045922930717</v>
      </c>
      <c r="H7076" s="40">
        <v>117.783334</v>
      </c>
      <c r="I7076" s="40">
        <v>20.16670790203414</v>
      </c>
      <c r="J7076" s="40">
        <v>117.783290976191</v>
      </c>
      <c r="K7076" s="40">
        <v>13.203256876604197</v>
      </c>
      <c r="L7076" s="40"/>
      <c r="M7076" s="40"/>
      <c r="N7076" s="40"/>
    </row>
    <row r="7077" spans="4:14" x14ac:dyDescent="0.25">
      <c r="D7077" s="40">
        <v>117.8119550000052</v>
      </c>
      <c r="E7077" s="40">
        <v>21.144890382487187</v>
      </c>
      <c r="F7077" s="40">
        <v>117.79999999999998</v>
      </c>
      <c r="G7077" s="40">
        <v>21.651045922930717</v>
      </c>
      <c r="H7077" s="40">
        <v>117.80000000000001</v>
      </c>
      <c r="I7077" s="40">
        <v>20.16670790203414</v>
      </c>
      <c r="J7077" s="40">
        <v>117.79995763690501</v>
      </c>
      <c r="K7077" s="40">
        <v>13.203256876604197</v>
      </c>
      <c r="L7077" s="40"/>
      <c r="M7077" s="40"/>
      <c r="N7077" s="40"/>
    </row>
    <row r="7078" spans="4:14" x14ac:dyDescent="0.25">
      <c r="D7078" s="40">
        <v>117.8286210000052</v>
      </c>
      <c r="E7078" s="40">
        <v>21.144890382487187</v>
      </c>
      <c r="F7078" s="40">
        <v>117.816667</v>
      </c>
      <c r="G7078" s="40">
        <v>21.655801167020932</v>
      </c>
      <c r="H7078" s="40">
        <v>117.816667</v>
      </c>
      <c r="I7078" s="40">
        <v>20.170060638177574</v>
      </c>
      <c r="J7078" s="40">
        <v>117.81662429762</v>
      </c>
      <c r="K7078" s="40">
        <v>13.203256876604197</v>
      </c>
      <c r="L7078" s="40"/>
      <c r="M7078" s="40"/>
      <c r="N7078" s="40"/>
    </row>
    <row r="7079" spans="4:14" x14ac:dyDescent="0.25">
      <c r="D7079" s="40">
        <v>117.8452870000052</v>
      </c>
      <c r="E7079" s="40">
        <v>21.144890382487187</v>
      </c>
      <c r="F7079" s="40">
        <v>117.83333299999998</v>
      </c>
      <c r="G7079" s="40">
        <v>21.655801167020932</v>
      </c>
      <c r="H7079" s="40">
        <v>117.83333400000001</v>
      </c>
      <c r="I7079" s="40">
        <v>20.170060638177574</v>
      </c>
      <c r="J7079" s="40">
        <v>117.833290958334</v>
      </c>
      <c r="K7079" s="40">
        <v>13.203256876604197</v>
      </c>
      <c r="L7079" s="40"/>
      <c r="M7079" s="40"/>
      <c r="N7079" s="40"/>
    </row>
    <row r="7080" spans="4:14" x14ac:dyDescent="0.25">
      <c r="D7080" s="40">
        <v>117.8619530000052</v>
      </c>
      <c r="E7080" s="40">
        <v>21.140047203897637</v>
      </c>
      <c r="F7080" s="40">
        <v>117.85</v>
      </c>
      <c r="G7080" s="40">
        <v>21.655801167020932</v>
      </c>
      <c r="H7080" s="40">
        <v>117.85</v>
      </c>
      <c r="I7080" s="40">
        <v>20.173413374320834</v>
      </c>
      <c r="J7080" s="40">
        <v>117.849957619048</v>
      </c>
      <c r="K7080" s="40">
        <v>13.208107920313303</v>
      </c>
      <c r="L7080" s="40"/>
      <c r="M7080" s="40"/>
      <c r="N7080" s="40"/>
    </row>
    <row r="7081" spans="4:14" x14ac:dyDescent="0.25">
      <c r="D7081" s="40">
        <v>117.8786190000052</v>
      </c>
      <c r="E7081" s="40">
        <v>21.140047203897637</v>
      </c>
      <c r="F7081" s="40">
        <v>117.86666700000001</v>
      </c>
      <c r="G7081" s="40">
        <v>21.655801167020932</v>
      </c>
      <c r="H7081" s="40">
        <v>117.86666700000001</v>
      </c>
      <c r="I7081" s="40">
        <v>20.173413374320834</v>
      </c>
      <c r="J7081" s="40">
        <v>117.86662427976199</v>
      </c>
      <c r="K7081" s="40">
        <v>13.208107920313303</v>
      </c>
      <c r="L7081" s="40"/>
      <c r="M7081" s="40"/>
      <c r="N7081" s="40"/>
    </row>
    <row r="7082" spans="4:14" x14ac:dyDescent="0.25">
      <c r="D7082" s="40">
        <v>117.8952850000052</v>
      </c>
      <c r="E7082" s="40">
        <v>21.140047203897637</v>
      </c>
      <c r="F7082" s="40">
        <v>117.88333299999999</v>
      </c>
      <c r="G7082" s="40">
        <v>21.655801167020932</v>
      </c>
      <c r="H7082" s="40">
        <v>117.88333400000002</v>
      </c>
      <c r="I7082" s="40">
        <v>20.176667500577597</v>
      </c>
      <c r="J7082" s="40">
        <v>117.883290940477</v>
      </c>
      <c r="K7082" s="40">
        <v>13.208107920313303</v>
      </c>
      <c r="L7082" s="40"/>
      <c r="M7082" s="40"/>
      <c r="N7082" s="40"/>
    </row>
    <row r="7083" spans="4:14" x14ac:dyDescent="0.25">
      <c r="D7083" s="40">
        <v>117.9119510000052</v>
      </c>
      <c r="E7083" s="40">
        <v>21.135204025308092</v>
      </c>
      <c r="F7083" s="40">
        <v>117.9</v>
      </c>
      <c r="G7083" s="40">
        <v>21.655801167020932</v>
      </c>
      <c r="H7083" s="40">
        <v>117.9</v>
      </c>
      <c r="I7083" s="40">
        <v>20.176667500577597</v>
      </c>
      <c r="J7083" s="40">
        <v>117.89995760119101</v>
      </c>
      <c r="K7083" s="40">
        <v>13.203256876604197</v>
      </c>
      <c r="L7083" s="40"/>
      <c r="M7083" s="40"/>
      <c r="N7083" s="40"/>
    </row>
    <row r="7084" spans="4:14" x14ac:dyDescent="0.25">
      <c r="D7084" s="40">
        <v>117.9286170000052</v>
      </c>
      <c r="E7084" s="40">
        <v>21.135204025308092</v>
      </c>
      <c r="F7084" s="40">
        <v>117.91666699999999</v>
      </c>
      <c r="G7084" s="40">
        <v>21.655801167020932</v>
      </c>
      <c r="H7084" s="40">
        <v>117.91666700000002</v>
      </c>
      <c r="I7084" s="40">
        <v>20.18002023672085</v>
      </c>
      <c r="J7084" s="40">
        <v>117.916624261905</v>
      </c>
      <c r="K7084" s="40">
        <v>13.203256876604197</v>
      </c>
      <c r="L7084" s="40"/>
      <c r="M7084" s="40"/>
      <c r="N7084" s="40"/>
    </row>
    <row r="7085" spans="4:14" x14ac:dyDescent="0.25">
      <c r="D7085" s="40">
        <v>117.9452830000052</v>
      </c>
      <c r="E7085" s="40">
        <v>21.13050329314779</v>
      </c>
      <c r="F7085" s="40">
        <v>117.933333</v>
      </c>
      <c r="G7085" s="40">
        <v>21.655801167020932</v>
      </c>
      <c r="H7085" s="40">
        <v>117.933334</v>
      </c>
      <c r="I7085" s="40">
        <v>20.18002023672085</v>
      </c>
      <c r="J7085" s="40">
        <v>117.93329092262</v>
      </c>
      <c r="K7085" s="40">
        <v>13.203256876604197</v>
      </c>
      <c r="L7085" s="40"/>
      <c r="M7085" s="40"/>
      <c r="N7085" s="40"/>
    </row>
    <row r="7086" spans="4:14" x14ac:dyDescent="0.25">
      <c r="D7086" s="40">
        <v>117.96194900000521</v>
      </c>
      <c r="E7086" s="40">
        <v>21.13050329314779</v>
      </c>
      <c r="F7086" s="40">
        <v>117.94999999999999</v>
      </c>
      <c r="G7086" s="40">
        <v>21.655801167020932</v>
      </c>
      <c r="H7086" s="40">
        <v>117.95000000000002</v>
      </c>
      <c r="I7086" s="40">
        <v>20.18337297286411</v>
      </c>
      <c r="J7086" s="40">
        <v>117.949957583334</v>
      </c>
      <c r="K7086" s="40">
        <v>13.208107920313303</v>
      </c>
      <c r="L7086" s="40"/>
      <c r="M7086" s="40"/>
      <c r="N7086" s="40"/>
    </row>
    <row r="7087" spans="4:14" x14ac:dyDescent="0.25">
      <c r="D7087" s="40">
        <v>117.97861500000521</v>
      </c>
      <c r="E7087" s="40">
        <v>21.13050329314779</v>
      </c>
      <c r="F7087" s="40">
        <v>117.966667</v>
      </c>
      <c r="G7087" s="40">
        <v>21.655801167020932</v>
      </c>
      <c r="H7087" s="40">
        <v>117.966667</v>
      </c>
      <c r="I7087" s="40">
        <v>20.18337297286411</v>
      </c>
      <c r="J7087" s="40">
        <v>117.96662424404801</v>
      </c>
      <c r="K7087" s="40">
        <v>13.208107920313303</v>
      </c>
      <c r="L7087" s="40"/>
      <c r="M7087" s="40"/>
      <c r="N7087" s="40"/>
    </row>
    <row r="7088" spans="4:14" x14ac:dyDescent="0.25">
      <c r="D7088" s="40">
        <v>117.99528100000521</v>
      </c>
      <c r="E7088" s="40">
        <v>21.125660114558244</v>
      </c>
      <c r="F7088" s="40">
        <v>117.98333299999999</v>
      </c>
      <c r="G7088" s="40">
        <v>21.655801167020932</v>
      </c>
      <c r="H7088" s="40">
        <v>117.98333400000001</v>
      </c>
      <c r="I7088" s="40">
        <v>20.186627099120873</v>
      </c>
      <c r="J7088" s="40">
        <v>117.983290904763</v>
      </c>
      <c r="K7088" s="40">
        <v>13.208107920313303</v>
      </c>
      <c r="L7088" s="40"/>
      <c r="M7088" s="40"/>
      <c r="N7088" s="40"/>
    </row>
    <row r="7089" spans="4:14" x14ac:dyDescent="0.25">
      <c r="D7089" s="40">
        <v>118.01194700000521</v>
      </c>
      <c r="E7089" s="40">
        <v>21.125660114558244</v>
      </c>
      <c r="F7089" s="40">
        <v>118</v>
      </c>
      <c r="G7089" s="40">
        <v>21.655801167020932</v>
      </c>
      <c r="H7089" s="40">
        <v>118</v>
      </c>
      <c r="I7089" s="40">
        <v>20.186627099120873</v>
      </c>
      <c r="J7089" s="40">
        <v>117.999957565477</v>
      </c>
      <c r="K7089" s="40">
        <v>13.208107920313303</v>
      </c>
      <c r="L7089" s="40"/>
      <c r="M7089" s="40"/>
      <c r="N7089" s="40"/>
    </row>
    <row r="7090" spans="4:14" x14ac:dyDescent="0.25">
      <c r="D7090" s="40">
        <v>118.02861300000521</v>
      </c>
      <c r="E7090" s="40">
        <v>21.125660114558244</v>
      </c>
      <c r="F7090" s="40">
        <v>118.01666699999998</v>
      </c>
      <c r="G7090" s="40">
        <v>21.655801167020932</v>
      </c>
      <c r="H7090" s="40">
        <v>118.01666700000001</v>
      </c>
      <c r="I7090" s="40">
        <v>20.189979835264307</v>
      </c>
      <c r="J7090" s="40">
        <v>118.016624226191</v>
      </c>
      <c r="K7090" s="40">
        <v>13.208107920313303</v>
      </c>
      <c r="L7090" s="40"/>
      <c r="M7090" s="40"/>
      <c r="N7090" s="40"/>
    </row>
    <row r="7091" spans="4:14" x14ac:dyDescent="0.25">
      <c r="D7091" s="40">
        <v>118.04527900000521</v>
      </c>
      <c r="E7091" s="40">
        <v>21.125660114558244</v>
      </c>
      <c r="F7091" s="40">
        <v>118.033333</v>
      </c>
      <c r="G7091" s="40">
        <v>21.660556411111028</v>
      </c>
      <c r="H7091" s="40">
        <v>118.033334</v>
      </c>
      <c r="I7091" s="40">
        <v>20.189979835264307</v>
      </c>
      <c r="J7091" s="40">
        <v>118.03329088690499</v>
      </c>
      <c r="K7091" s="40">
        <v>13.208107920313303</v>
      </c>
      <c r="L7091" s="40"/>
      <c r="M7091" s="40"/>
      <c r="N7091" s="40"/>
    </row>
    <row r="7092" spans="4:14" x14ac:dyDescent="0.25">
      <c r="D7092" s="40">
        <v>118.06194500000521</v>
      </c>
      <c r="E7092" s="40">
        <v>21.125660114558244</v>
      </c>
      <c r="F7092" s="40">
        <v>118.04999999999998</v>
      </c>
      <c r="G7092" s="40">
        <v>21.660556411111028</v>
      </c>
      <c r="H7092" s="40">
        <v>118.05000000000001</v>
      </c>
      <c r="I7092" s="40">
        <v>20.193332571407563</v>
      </c>
      <c r="J7092" s="40">
        <v>118.04995754762</v>
      </c>
      <c r="K7092" s="40">
        <v>13.208107920313303</v>
      </c>
      <c r="L7092" s="40"/>
      <c r="M7092" s="40"/>
      <c r="N7092" s="40"/>
    </row>
    <row r="7093" spans="4:14" x14ac:dyDescent="0.25">
      <c r="D7093" s="40">
        <v>118.07861100000521</v>
      </c>
      <c r="E7093" s="40">
        <v>21.125660114558244</v>
      </c>
      <c r="F7093" s="40">
        <v>118.066667</v>
      </c>
      <c r="G7093" s="40">
        <v>21.660556411111028</v>
      </c>
      <c r="H7093" s="40">
        <v>118.066667</v>
      </c>
      <c r="I7093" s="40">
        <v>20.193332571407563</v>
      </c>
      <c r="J7093" s="40">
        <v>118.06662420833401</v>
      </c>
      <c r="K7093" s="40">
        <v>13.208107920313303</v>
      </c>
      <c r="L7093" s="40"/>
      <c r="M7093" s="40"/>
      <c r="N7093" s="40"/>
    </row>
    <row r="7094" spans="4:14" x14ac:dyDescent="0.25">
      <c r="D7094" s="40">
        <v>118.09527700000521</v>
      </c>
      <c r="E7094" s="40">
        <v>21.125660114558244</v>
      </c>
      <c r="F7094" s="40">
        <v>118.08333299999998</v>
      </c>
      <c r="G7094" s="40">
        <v>21.660556411111028</v>
      </c>
      <c r="H7094" s="40">
        <v>118.08333400000001</v>
      </c>
      <c r="I7094" s="40">
        <v>20.196586697664326</v>
      </c>
      <c r="J7094" s="40">
        <v>118.083290869048</v>
      </c>
      <c r="K7094" s="40">
        <v>13.208107920313303</v>
      </c>
      <c r="L7094" s="40"/>
      <c r="M7094" s="40"/>
      <c r="N7094" s="40"/>
    </row>
    <row r="7095" spans="4:14" x14ac:dyDescent="0.25">
      <c r="D7095" s="40">
        <v>118.11194300000521</v>
      </c>
      <c r="E7095" s="40">
        <v>21.125660114558244</v>
      </c>
      <c r="F7095" s="40">
        <v>118.1</v>
      </c>
      <c r="G7095" s="40">
        <v>21.660556411111028</v>
      </c>
      <c r="H7095" s="40">
        <v>118.1</v>
      </c>
      <c r="I7095" s="40">
        <v>20.196586697664326</v>
      </c>
      <c r="J7095" s="40">
        <v>118.09995752976199</v>
      </c>
      <c r="K7095" s="40">
        <v>13.208107920313303</v>
      </c>
      <c r="L7095" s="40"/>
      <c r="M7095" s="40"/>
      <c r="N7095" s="40"/>
    </row>
    <row r="7096" spans="4:14" x14ac:dyDescent="0.25">
      <c r="D7096" s="40">
        <v>118.12860900000521</v>
      </c>
      <c r="E7096" s="40">
        <v>21.125660114558244</v>
      </c>
      <c r="F7096" s="40">
        <v>118.11666700000001</v>
      </c>
      <c r="G7096" s="40">
        <v>21.66517179508093</v>
      </c>
      <c r="H7096" s="40">
        <v>118.11666700000001</v>
      </c>
      <c r="I7096" s="40">
        <v>20.199939433807579</v>
      </c>
      <c r="J7096" s="40">
        <v>118.116624190477</v>
      </c>
      <c r="K7096" s="40">
        <v>13.208107920313303</v>
      </c>
      <c r="L7096" s="40"/>
      <c r="M7096" s="40"/>
      <c r="N7096" s="40"/>
    </row>
    <row r="7097" spans="4:14" x14ac:dyDescent="0.25">
      <c r="D7097" s="40">
        <v>118.14527500000521</v>
      </c>
      <c r="E7097" s="40">
        <v>21.125660114558244</v>
      </c>
      <c r="F7097" s="40">
        <v>118.13333299999999</v>
      </c>
      <c r="G7097" s="40">
        <v>21.66517179508093</v>
      </c>
      <c r="H7097" s="40">
        <v>118.13333400000002</v>
      </c>
      <c r="I7097" s="40">
        <v>20.199939433807579</v>
      </c>
      <c r="J7097" s="40">
        <v>118.13329085119101</v>
      </c>
      <c r="K7097" s="40">
        <v>13.208107920313303</v>
      </c>
      <c r="L7097" s="40"/>
      <c r="M7097" s="40"/>
      <c r="N7097" s="40"/>
    </row>
    <row r="7098" spans="4:14" x14ac:dyDescent="0.25">
      <c r="D7098" s="40">
        <v>118.16194100000521</v>
      </c>
      <c r="E7098" s="40">
        <v>21.120816935968691</v>
      </c>
      <c r="F7098" s="40">
        <v>118.15</v>
      </c>
      <c r="G7098" s="40">
        <v>21.66517179508093</v>
      </c>
      <c r="H7098" s="40">
        <v>118.15</v>
      </c>
      <c r="I7098" s="40">
        <v>20.203292169951013</v>
      </c>
      <c r="J7098" s="40">
        <v>118.149957511905</v>
      </c>
      <c r="K7098" s="40">
        <v>13.203256876604197</v>
      </c>
      <c r="L7098" s="40"/>
      <c r="M7098" s="40"/>
      <c r="N7098" s="40"/>
    </row>
    <row r="7099" spans="4:14" x14ac:dyDescent="0.25">
      <c r="D7099" s="40">
        <v>118.17860700000521</v>
      </c>
      <c r="E7099" s="40">
        <v>21.125660114558244</v>
      </c>
      <c r="F7099" s="40">
        <v>118.16666699999999</v>
      </c>
      <c r="G7099" s="40">
        <v>21.66517179508093</v>
      </c>
      <c r="H7099" s="40">
        <v>118.16666700000002</v>
      </c>
      <c r="I7099" s="40">
        <v>20.203292169951013</v>
      </c>
      <c r="J7099" s="40">
        <v>118.16662417262</v>
      </c>
      <c r="K7099" s="40">
        <v>13.203256876604197</v>
      </c>
      <c r="L7099" s="40"/>
      <c r="M7099" s="40"/>
      <c r="N7099" s="40"/>
    </row>
    <row r="7100" spans="4:14" x14ac:dyDescent="0.25">
      <c r="D7100" s="40">
        <v>118.19527300000522</v>
      </c>
      <c r="E7100" s="40">
        <v>21.125660114558244</v>
      </c>
      <c r="F7100" s="40">
        <v>118.183333</v>
      </c>
      <c r="G7100" s="40">
        <v>21.66517179508093</v>
      </c>
      <c r="H7100" s="40">
        <v>118.183334</v>
      </c>
      <c r="I7100" s="40">
        <v>20.206546296207776</v>
      </c>
      <c r="J7100" s="40">
        <v>118.183290833334</v>
      </c>
      <c r="K7100" s="40">
        <v>13.203256876604197</v>
      </c>
      <c r="L7100" s="40"/>
      <c r="M7100" s="40"/>
      <c r="N7100" s="40"/>
    </row>
    <row r="7101" spans="4:14" x14ac:dyDescent="0.25">
      <c r="D7101" s="40">
        <v>118.21193900000522</v>
      </c>
      <c r="E7101" s="40">
        <v>21.125660114558244</v>
      </c>
      <c r="F7101" s="40">
        <v>118.19999999999999</v>
      </c>
      <c r="G7101" s="40">
        <v>21.66517179508093</v>
      </c>
      <c r="H7101" s="40">
        <v>118.20000000000002</v>
      </c>
      <c r="I7101" s="40">
        <v>20.206546296207776</v>
      </c>
      <c r="J7101" s="40">
        <v>118.19995749404799</v>
      </c>
      <c r="K7101" s="40">
        <v>13.203256876604197</v>
      </c>
      <c r="L7101" s="40"/>
      <c r="M7101" s="40"/>
      <c r="N7101" s="40"/>
    </row>
    <row r="7102" spans="4:14" x14ac:dyDescent="0.25">
      <c r="D7102" s="40">
        <v>118.22860500000522</v>
      </c>
      <c r="E7102" s="40">
        <v>21.125660114558244</v>
      </c>
      <c r="F7102" s="40">
        <v>118.216667</v>
      </c>
      <c r="G7102" s="40">
        <v>21.66517179508093</v>
      </c>
      <c r="H7102" s="40">
        <v>118.216667</v>
      </c>
      <c r="I7102" s="40">
        <v>20.206546296207776</v>
      </c>
      <c r="J7102" s="40">
        <v>118.216624154763</v>
      </c>
      <c r="K7102" s="40">
        <v>13.203256876604197</v>
      </c>
      <c r="L7102" s="40"/>
      <c r="M7102" s="40"/>
      <c r="N7102" s="40"/>
    </row>
    <row r="7103" spans="4:14" x14ac:dyDescent="0.25">
      <c r="D7103" s="40">
        <v>118.24527100000522</v>
      </c>
      <c r="E7103" s="40">
        <v>21.125660114558244</v>
      </c>
      <c r="F7103" s="40">
        <v>118.23333299999999</v>
      </c>
      <c r="G7103" s="40">
        <v>21.66517179508093</v>
      </c>
      <c r="H7103" s="40">
        <v>118.23333400000001</v>
      </c>
      <c r="I7103" s="40">
        <v>20.209899032351036</v>
      </c>
      <c r="J7103" s="40">
        <v>118.23329081547701</v>
      </c>
      <c r="K7103" s="40">
        <v>13.203256876604197</v>
      </c>
      <c r="L7103" s="40"/>
      <c r="M7103" s="40"/>
      <c r="N7103" s="40"/>
    </row>
    <row r="7104" spans="4:14" x14ac:dyDescent="0.25">
      <c r="D7104" s="40">
        <v>118.26193700000522</v>
      </c>
      <c r="E7104" s="40">
        <v>21.125660114558244</v>
      </c>
      <c r="F7104" s="40">
        <v>118.25</v>
      </c>
      <c r="G7104" s="40">
        <v>21.66517179508093</v>
      </c>
      <c r="H7104" s="40">
        <v>118.25</v>
      </c>
      <c r="I7104" s="40">
        <v>20.209899032351036</v>
      </c>
      <c r="J7104" s="40">
        <v>118.249957476191</v>
      </c>
      <c r="K7104" s="40">
        <v>13.203256876604197</v>
      </c>
      <c r="L7104" s="40"/>
      <c r="M7104" s="40"/>
      <c r="N7104" s="40"/>
    </row>
    <row r="7105" spans="4:14" x14ac:dyDescent="0.25">
      <c r="D7105" s="40">
        <v>118.27860300000522</v>
      </c>
      <c r="E7105" s="40">
        <v>21.125660114558244</v>
      </c>
      <c r="F7105" s="40">
        <v>118.26666699999998</v>
      </c>
      <c r="G7105" s="40">
        <v>21.669927039171146</v>
      </c>
      <c r="H7105" s="40">
        <v>118.26666700000001</v>
      </c>
      <c r="I7105" s="40">
        <v>20.213251768494292</v>
      </c>
      <c r="J7105" s="40">
        <v>118.26662413690499</v>
      </c>
      <c r="K7105" s="40">
        <v>13.203256876604197</v>
      </c>
      <c r="L7105" s="40"/>
      <c r="M7105" s="40"/>
      <c r="N7105" s="40"/>
    </row>
    <row r="7106" spans="4:14" x14ac:dyDescent="0.25">
      <c r="D7106" s="40">
        <v>118.29526900000522</v>
      </c>
      <c r="E7106" s="40">
        <v>21.125660114558244</v>
      </c>
      <c r="F7106" s="40">
        <v>118.283333</v>
      </c>
      <c r="G7106" s="40">
        <v>21.669927039171146</v>
      </c>
      <c r="H7106" s="40">
        <v>118.283334</v>
      </c>
      <c r="I7106" s="40">
        <v>20.213251768494292</v>
      </c>
      <c r="J7106" s="40">
        <v>118.28329079762</v>
      </c>
      <c r="K7106" s="40">
        <v>13.203256876604197</v>
      </c>
      <c r="L7106" s="40"/>
      <c r="M7106" s="40"/>
      <c r="N7106" s="40"/>
    </row>
    <row r="7107" spans="4:14" x14ac:dyDescent="0.25">
      <c r="D7107" s="40">
        <v>118.31193500000522</v>
      </c>
      <c r="E7107" s="40">
        <v>21.125660114558244</v>
      </c>
      <c r="F7107" s="40">
        <v>118.29999999999998</v>
      </c>
      <c r="G7107" s="40">
        <v>21.669927039171146</v>
      </c>
      <c r="H7107" s="40">
        <v>118.30000000000001</v>
      </c>
      <c r="I7107" s="40">
        <v>20.216505894751055</v>
      </c>
      <c r="J7107" s="40">
        <v>118.29995745833401</v>
      </c>
      <c r="K7107" s="40">
        <v>13.203256876604197</v>
      </c>
      <c r="L7107" s="40"/>
      <c r="M7107" s="40"/>
      <c r="N7107" s="40"/>
    </row>
    <row r="7108" spans="4:14" x14ac:dyDescent="0.25">
      <c r="D7108" s="40">
        <v>118.32860100000522</v>
      </c>
      <c r="E7108" s="40">
        <v>21.125660114558244</v>
      </c>
      <c r="F7108" s="40">
        <v>118.316667</v>
      </c>
      <c r="G7108" s="40">
        <v>21.669927039171146</v>
      </c>
      <c r="H7108" s="40">
        <v>118.316667</v>
      </c>
      <c r="I7108" s="40">
        <v>20.216505894751055</v>
      </c>
      <c r="J7108" s="40">
        <v>118.316624119048</v>
      </c>
      <c r="K7108" s="40">
        <v>13.203256876604197</v>
      </c>
      <c r="L7108" s="40"/>
      <c r="M7108" s="40"/>
      <c r="N7108" s="40"/>
    </row>
    <row r="7109" spans="4:14" x14ac:dyDescent="0.25">
      <c r="D7109" s="40">
        <v>118.34526700000522</v>
      </c>
      <c r="E7109" s="40">
        <v>21.13050329314779</v>
      </c>
      <c r="F7109" s="40">
        <v>118.33333299999998</v>
      </c>
      <c r="G7109" s="40">
        <v>21.669927039171146</v>
      </c>
      <c r="H7109" s="40">
        <v>118.33333400000001</v>
      </c>
      <c r="I7109" s="40">
        <v>20.219858630894311</v>
      </c>
      <c r="J7109" s="40">
        <v>118.333290779762</v>
      </c>
      <c r="K7109" s="40">
        <v>13.203256876604197</v>
      </c>
      <c r="L7109" s="40"/>
      <c r="M7109" s="40"/>
      <c r="N7109" s="40"/>
    </row>
    <row r="7110" spans="4:14" x14ac:dyDescent="0.25">
      <c r="D7110" s="40">
        <v>118.36193300000522</v>
      </c>
      <c r="E7110" s="40">
        <v>21.13050329314779</v>
      </c>
      <c r="F7110" s="40">
        <v>118.35</v>
      </c>
      <c r="G7110" s="40">
        <v>21.669927039171146</v>
      </c>
      <c r="H7110" s="40">
        <v>118.35</v>
      </c>
      <c r="I7110" s="40">
        <v>20.219858630894311</v>
      </c>
      <c r="J7110" s="40">
        <v>118.349957440477</v>
      </c>
      <c r="K7110" s="40">
        <v>13.208107920313303</v>
      </c>
      <c r="L7110" s="40"/>
      <c r="M7110" s="40"/>
      <c r="N7110" s="40"/>
    </row>
    <row r="7111" spans="4:14" x14ac:dyDescent="0.25">
      <c r="D7111" s="40">
        <v>118.37859900000522</v>
      </c>
      <c r="E7111" s="40">
        <v>21.13050329314779</v>
      </c>
      <c r="F7111" s="40">
        <v>118.36666700000001</v>
      </c>
      <c r="G7111" s="40">
        <v>21.669927039171146</v>
      </c>
      <c r="H7111" s="40">
        <v>118.36666700000001</v>
      </c>
      <c r="I7111" s="40">
        <v>20.223211367037745</v>
      </c>
      <c r="J7111" s="40">
        <v>118.36662410119099</v>
      </c>
      <c r="K7111" s="40">
        <v>13.208107920313303</v>
      </c>
      <c r="L7111" s="40"/>
      <c r="M7111" s="40"/>
      <c r="N7111" s="40"/>
    </row>
    <row r="7112" spans="4:14" x14ac:dyDescent="0.25">
      <c r="D7112" s="40">
        <v>118.39526500000522</v>
      </c>
      <c r="E7112" s="40">
        <v>21.13050329314779</v>
      </c>
      <c r="F7112" s="40">
        <v>118.38333299999999</v>
      </c>
      <c r="G7112" s="40">
        <v>21.669927039171146</v>
      </c>
      <c r="H7112" s="40">
        <v>118.38333400000002</v>
      </c>
      <c r="I7112" s="40">
        <v>20.226564103181001</v>
      </c>
      <c r="J7112" s="40">
        <v>118.383290761905</v>
      </c>
      <c r="K7112" s="40">
        <v>13.208107920313303</v>
      </c>
      <c r="L7112" s="40"/>
      <c r="M7112" s="40"/>
      <c r="N7112" s="40"/>
    </row>
    <row r="7113" spans="4:14" x14ac:dyDescent="0.25">
      <c r="D7113" s="40">
        <v>118.41193100000523</v>
      </c>
      <c r="E7113" s="40">
        <v>21.135204025308092</v>
      </c>
      <c r="F7113" s="40">
        <v>118.4</v>
      </c>
      <c r="G7113" s="40">
        <v>21.669927039171146</v>
      </c>
      <c r="H7113" s="40">
        <v>118.4</v>
      </c>
      <c r="I7113" s="40">
        <v>20.226564103181001</v>
      </c>
      <c r="J7113" s="40">
        <v>118.39995742262001</v>
      </c>
      <c r="K7113" s="40">
        <v>13.208107920313303</v>
      </c>
      <c r="L7113" s="40"/>
      <c r="M7113" s="40"/>
      <c r="N7113" s="40"/>
    </row>
    <row r="7114" spans="4:14" x14ac:dyDescent="0.25">
      <c r="D7114" s="40">
        <v>118.42859700000523</v>
      </c>
      <c r="E7114" s="40">
        <v>21.135204025308092</v>
      </c>
      <c r="F7114" s="40">
        <v>118.41666699999999</v>
      </c>
      <c r="G7114" s="40">
        <v>21.669927039171146</v>
      </c>
      <c r="H7114" s="40">
        <v>118.41666700000002</v>
      </c>
      <c r="I7114" s="40">
        <v>20.229818229437765</v>
      </c>
      <c r="J7114" s="40">
        <v>118.416624083334</v>
      </c>
      <c r="K7114" s="40">
        <v>13.208107920313303</v>
      </c>
      <c r="L7114" s="40"/>
      <c r="M7114" s="40"/>
      <c r="N7114" s="40"/>
    </row>
    <row r="7115" spans="4:14" x14ac:dyDescent="0.25">
      <c r="D7115" s="40">
        <v>118.44526300000523</v>
      </c>
      <c r="E7115" s="40">
        <v>21.135204025308092</v>
      </c>
      <c r="F7115" s="40">
        <v>118.433333</v>
      </c>
      <c r="G7115" s="40">
        <v>21.669927039171146</v>
      </c>
      <c r="H7115" s="40">
        <v>118.433334</v>
      </c>
      <c r="I7115" s="40">
        <v>20.229818229437765</v>
      </c>
      <c r="J7115" s="40">
        <v>118.43329074404799</v>
      </c>
      <c r="K7115" s="40">
        <v>13.208107920313303</v>
      </c>
      <c r="L7115" s="40"/>
      <c r="M7115" s="40"/>
      <c r="N7115" s="40"/>
    </row>
    <row r="7116" spans="4:14" x14ac:dyDescent="0.25">
      <c r="D7116" s="40">
        <v>118.46192900000523</v>
      </c>
      <c r="E7116" s="40">
        <v>21.140047203897637</v>
      </c>
      <c r="F7116" s="40">
        <v>118.44999999999999</v>
      </c>
      <c r="G7116" s="40">
        <v>21.669927039171146</v>
      </c>
      <c r="H7116" s="40">
        <v>118.45000000000002</v>
      </c>
      <c r="I7116" s="40">
        <v>20.233170965581024</v>
      </c>
      <c r="J7116" s="40">
        <v>118.449957404763</v>
      </c>
      <c r="K7116" s="40">
        <v>13.208107920313303</v>
      </c>
      <c r="L7116" s="40"/>
      <c r="M7116" s="40"/>
      <c r="N7116" s="40"/>
    </row>
    <row r="7117" spans="4:14" x14ac:dyDescent="0.25">
      <c r="D7117" s="40">
        <v>118.47859500000523</v>
      </c>
      <c r="E7117" s="40">
        <v>21.140047203897637</v>
      </c>
      <c r="F7117" s="40">
        <v>118.466667</v>
      </c>
      <c r="G7117" s="40">
        <v>21.669927039171146</v>
      </c>
      <c r="H7117" s="40">
        <v>118.466667</v>
      </c>
      <c r="I7117" s="40">
        <v>20.236523701724451</v>
      </c>
      <c r="J7117" s="40">
        <v>118.46662406547701</v>
      </c>
      <c r="K7117" s="40">
        <v>13.208107920313303</v>
      </c>
      <c r="L7117" s="40"/>
      <c r="M7117" s="40"/>
      <c r="N7117" s="40"/>
    </row>
    <row r="7118" spans="4:14" x14ac:dyDescent="0.25">
      <c r="D7118" s="40">
        <v>118.49526100000523</v>
      </c>
      <c r="E7118" s="40">
        <v>21.140047203897637</v>
      </c>
      <c r="F7118" s="40">
        <v>118.48333299999999</v>
      </c>
      <c r="G7118" s="40">
        <v>21.669927039171146</v>
      </c>
      <c r="H7118" s="40">
        <v>118.48333400000001</v>
      </c>
      <c r="I7118" s="40">
        <v>20.236523701724451</v>
      </c>
      <c r="J7118" s="40">
        <v>118.483290726191</v>
      </c>
      <c r="K7118" s="40">
        <v>13.208107920313303</v>
      </c>
      <c r="L7118" s="40"/>
      <c r="M7118" s="40"/>
      <c r="N7118" s="40"/>
    </row>
    <row r="7119" spans="4:14" x14ac:dyDescent="0.25">
      <c r="D7119" s="40">
        <v>118.51192700000523</v>
      </c>
      <c r="E7119" s="40">
        <v>21.140047203897637</v>
      </c>
      <c r="F7119" s="40">
        <v>118.5</v>
      </c>
      <c r="G7119" s="40">
        <v>21.669927039171146</v>
      </c>
      <c r="H7119" s="40">
        <v>118.5</v>
      </c>
      <c r="I7119" s="40">
        <v>20.23977782798104</v>
      </c>
      <c r="J7119" s="40">
        <v>118.499957386905</v>
      </c>
      <c r="K7119" s="40">
        <v>13.208107920313303</v>
      </c>
      <c r="L7119" s="40"/>
      <c r="M7119" s="40"/>
      <c r="N7119" s="40"/>
    </row>
    <row r="7120" spans="4:14" x14ac:dyDescent="0.25">
      <c r="D7120" s="40">
        <v>118.52859300000523</v>
      </c>
      <c r="E7120" s="40">
        <v>21.140047203897637</v>
      </c>
      <c r="F7120" s="40">
        <v>118.51666699999998</v>
      </c>
      <c r="G7120" s="40">
        <v>21.669927039171146</v>
      </c>
      <c r="H7120" s="40">
        <v>118.51666700000001</v>
      </c>
      <c r="I7120" s="40">
        <v>20.23977782798104</v>
      </c>
      <c r="J7120" s="40">
        <v>118.51662404762</v>
      </c>
      <c r="K7120" s="40">
        <v>13.203256876604197</v>
      </c>
      <c r="L7120" s="40"/>
      <c r="M7120" s="40"/>
      <c r="N7120" s="40"/>
    </row>
    <row r="7121" spans="4:14" x14ac:dyDescent="0.25">
      <c r="D7121" s="40">
        <v>118.54525900000523</v>
      </c>
      <c r="E7121" s="40">
        <v>21.144890382487187</v>
      </c>
      <c r="F7121" s="40">
        <v>118.533333</v>
      </c>
      <c r="G7121" s="40">
        <v>21.669927039171146</v>
      </c>
      <c r="H7121" s="40">
        <v>118.533334</v>
      </c>
      <c r="I7121" s="40">
        <v>20.23977782798104</v>
      </c>
      <c r="J7121" s="40">
        <v>118.53329070833399</v>
      </c>
      <c r="K7121" s="40">
        <v>13.203256876604197</v>
      </c>
      <c r="L7121" s="40"/>
      <c r="M7121" s="40"/>
      <c r="N7121" s="40"/>
    </row>
    <row r="7122" spans="4:14" x14ac:dyDescent="0.25">
      <c r="D7122" s="40">
        <v>118.56192500000523</v>
      </c>
      <c r="E7122" s="40">
        <v>21.144890382487187</v>
      </c>
      <c r="F7122" s="40">
        <v>118.54999999999998</v>
      </c>
      <c r="G7122" s="40">
        <v>21.669927039171146</v>
      </c>
      <c r="H7122" s="40">
        <v>118.55000000000001</v>
      </c>
      <c r="I7122" s="40">
        <v>20.243130564124474</v>
      </c>
      <c r="J7122" s="40">
        <v>118.549957369048</v>
      </c>
      <c r="K7122" s="40">
        <v>13.203256876604197</v>
      </c>
      <c r="L7122" s="40"/>
      <c r="M7122" s="40"/>
      <c r="N7122" s="40"/>
    </row>
    <row r="7123" spans="4:14" x14ac:dyDescent="0.25">
      <c r="D7123" s="40">
        <v>118.57859100000523</v>
      </c>
      <c r="E7123" s="40">
        <v>21.144890382487187</v>
      </c>
      <c r="F7123" s="40">
        <v>118.566667</v>
      </c>
      <c r="G7123" s="40">
        <v>21.674682283261244</v>
      </c>
      <c r="H7123" s="40">
        <v>118.566667</v>
      </c>
      <c r="I7123" s="40">
        <v>20.243130564124474</v>
      </c>
      <c r="J7123" s="40">
        <v>118.56662402976301</v>
      </c>
      <c r="K7123" s="40">
        <v>13.203256876604197</v>
      </c>
      <c r="L7123" s="40"/>
      <c r="M7123" s="40"/>
      <c r="N7123" s="40"/>
    </row>
    <row r="7124" spans="4:14" x14ac:dyDescent="0.25">
      <c r="D7124" s="40">
        <v>118.59525700000523</v>
      </c>
      <c r="E7124" s="40">
        <v>21.144890382487187</v>
      </c>
      <c r="F7124" s="40">
        <v>118.58333299999998</v>
      </c>
      <c r="G7124" s="40">
        <v>21.674682283261244</v>
      </c>
      <c r="H7124" s="40">
        <v>118.58333400000001</v>
      </c>
      <c r="I7124" s="40">
        <v>20.24648330026773</v>
      </c>
      <c r="J7124" s="40">
        <v>118.583290690477</v>
      </c>
      <c r="K7124" s="40">
        <v>13.203256876604197</v>
      </c>
      <c r="L7124" s="40"/>
      <c r="M7124" s="40"/>
      <c r="N7124" s="40"/>
    </row>
    <row r="7125" spans="4:14" x14ac:dyDescent="0.25">
      <c r="D7125" s="40">
        <v>118.61192300000523</v>
      </c>
      <c r="E7125" s="40">
        <v>21.144890382487187</v>
      </c>
      <c r="F7125" s="40">
        <v>118.6</v>
      </c>
      <c r="G7125" s="40">
        <v>21.674682283261244</v>
      </c>
      <c r="H7125" s="40">
        <v>118.6</v>
      </c>
      <c r="I7125" s="40">
        <v>20.249737426524494</v>
      </c>
      <c r="J7125" s="40">
        <v>118.59995735119099</v>
      </c>
      <c r="K7125" s="40">
        <v>13.203256876604197</v>
      </c>
      <c r="L7125" s="40"/>
      <c r="M7125" s="40"/>
      <c r="N7125" s="40"/>
    </row>
    <row r="7126" spans="4:14" x14ac:dyDescent="0.25">
      <c r="D7126" s="40">
        <v>118.62858900000523</v>
      </c>
      <c r="E7126" s="40">
        <v>21.144890382487187</v>
      </c>
      <c r="F7126" s="40">
        <v>118.61666700000001</v>
      </c>
      <c r="G7126" s="40">
        <v>21.674682283261244</v>
      </c>
      <c r="H7126" s="40">
        <v>118.61666700000001</v>
      </c>
      <c r="I7126" s="40">
        <v>20.249737426524494</v>
      </c>
      <c r="J7126" s="40">
        <v>118.616624011905</v>
      </c>
      <c r="K7126" s="40">
        <v>13.203256876604197</v>
      </c>
      <c r="L7126" s="40"/>
      <c r="M7126" s="40"/>
      <c r="N7126" s="40"/>
    </row>
    <row r="7127" spans="4:14" x14ac:dyDescent="0.25">
      <c r="D7127" s="40">
        <v>118.64525500000524</v>
      </c>
      <c r="E7127" s="40">
        <v>21.149591114647485</v>
      </c>
      <c r="F7127" s="40">
        <v>118.63333299999999</v>
      </c>
      <c r="G7127" s="40">
        <v>21.674682283261244</v>
      </c>
      <c r="H7127" s="40">
        <v>118.63333400000002</v>
      </c>
      <c r="I7127" s="40">
        <v>20.253090162667753</v>
      </c>
      <c r="J7127" s="40">
        <v>118.63329067262001</v>
      </c>
      <c r="K7127" s="40">
        <v>13.203256876604197</v>
      </c>
      <c r="L7127" s="40"/>
      <c r="M7127" s="40"/>
      <c r="N7127" s="40"/>
    </row>
    <row r="7128" spans="4:14" x14ac:dyDescent="0.25">
      <c r="D7128" s="40">
        <v>118.66192100000524</v>
      </c>
      <c r="E7128" s="40">
        <v>21.149591114647485</v>
      </c>
      <c r="F7128" s="40">
        <v>118.65</v>
      </c>
      <c r="G7128" s="40">
        <v>21.674682283261244</v>
      </c>
      <c r="H7128" s="40">
        <v>118.65</v>
      </c>
      <c r="I7128" s="40">
        <v>20.253090162667753</v>
      </c>
      <c r="J7128" s="40">
        <v>118.649957333334</v>
      </c>
      <c r="K7128" s="40">
        <v>13.203256876604197</v>
      </c>
      <c r="L7128" s="40"/>
      <c r="M7128" s="40"/>
      <c r="N7128" s="40"/>
    </row>
    <row r="7129" spans="4:14" x14ac:dyDescent="0.25">
      <c r="D7129" s="40">
        <v>118.67858700000524</v>
      </c>
      <c r="E7129" s="40">
        <v>21.149591114647485</v>
      </c>
      <c r="F7129" s="40">
        <v>118.66666699999999</v>
      </c>
      <c r="G7129" s="40">
        <v>21.679297667231147</v>
      </c>
      <c r="H7129" s="40">
        <v>118.66666700000002</v>
      </c>
      <c r="I7129" s="40">
        <v>20.256442898811184</v>
      </c>
      <c r="J7129" s="40">
        <v>118.666623994048</v>
      </c>
      <c r="K7129" s="40">
        <v>13.203256876604197</v>
      </c>
      <c r="L7129" s="40"/>
      <c r="M7129" s="40"/>
      <c r="N7129" s="40"/>
    </row>
    <row r="7130" spans="4:14" x14ac:dyDescent="0.25">
      <c r="D7130" s="40">
        <v>118.69525300000524</v>
      </c>
      <c r="E7130" s="40">
        <v>21.149591114647485</v>
      </c>
      <c r="F7130" s="40">
        <v>118.683333</v>
      </c>
      <c r="G7130" s="40">
        <v>21.679297667231147</v>
      </c>
      <c r="H7130" s="40">
        <v>118.683334</v>
      </c>
      <c r="I7130" s="40">
        <v>20.256442898811184</v>
      </c>
      <c r="J7130" s="40">
        <v>118.683290654763</v>
      </c>
      <c r="K7130" s="40">
        <v>13.203256876604197</v>
      </c>
      <c r="L7130" s="40"/>
      <c r="M7130" s="40"/>
      <c r="N7130" s="40"/>
    </row>
    <row r="7131" spans="4:14" x14ac:dyDescent="0.25">
      <c r="D7131" s="40">
        <v>118.71191900000524</v>
      </c>
      <c r="E7131" s="40">
        <v>21.154434293237031</v>
      </c>
      <c r="F7131" s="40">
        <v>118.69999999999999</v>
      </c>
      <c r="G7131" s="40">
        <v>21.679297667231147</v>
      </c>
      <c r="H7131" s="40">
        <v>118.70000000000002</v>
      </c>
      <c r="I7131" s="40">
        <v>20.259697025067947</v>
      </c>
      <c r="J7131" s="40">
        <v>118.69995731547699</v>
      </c>
      <c r="K7131" s="40">
        <v>13.203256876604197</v>
      </c>
      <c r="L7131" s="40"/>
      <c r="M7131" s="40"/>
      <c r="N7131" s="40"/>
    </row>
    <row r="7132" spans="4:14" x14ac:dyDescent="0.25">
      <c r="D7132" s="40">
        <v>118.72858500000524</v>
      </c>
      <c r="E7132" s="40">
        <v>21.154434293237031</v>
      </c>
      <c r="F7132" s="40">
        <v>118.716667</v>
      </c>
      <c r="G7132" s="40">
        <v>21.679297667231147</v>
      </c>
      <c r="H7132" s="40">
        <v>118.716667</v>
      </c>
      <c r="I7132" s="40">
        <v>20.259697025067947</v>
      </c>
      <c r="J7132" s="40">
        <v>118.716623976191</v>
      </c>
      <c r="K7132" s="40">
        <v>13.203256876604197</v>
      </c>
      <c r="L7132" s="40"/>
      <c r="M7132" s="40"/>
      <c r="N7132" s="40"/>
    </row>
    <row r="7133" spans="4:14" x14ac:dyDescent="0.25">
      <c r="D7133" s="40">
        <v>118.74525100000524</v>
      </c>
      <c r="E7133" s="40">
        <v>21.154434293237031</v>
      </c>
      <c r="F7133" s="40">
        <v>118.73333299999999</v>
      </c>
      <c r="G7133" s="40">
        <v>21.679297667231147</v>
      </c>
      <c r="H7133" s="40">
        <v>118.73333400000001</v>
      </c>
      <c r="I7133" s="40">
        <v>20.263049761211203</v>
      </c>
      <c r="J7133" s="40">
        <v>118.733290636905</v>
      </c>
      <c r="K7133" s="40">
        <v>13.203256876604197</v>
      </c>
      <c r="L7133" s="40"/>
      <c r="M7133" s="40"/>
      <c r="N7133" s="40"/>
    </row>
    <row r="7134" spans="4:14" x14ac:dyDescent="0.25">
      <c r="D7134" s="40">
        <v>118.76191700000524</v>
      </c>
      <c r="E7134" s="40">
        <v>21.154434293237031</v>
      </c>
      <c r="F7134" s="40">
        <v>118.75</v>
      </c>
      <c r="G7134" s="40">
        <v>21.679297667231147</v>
      </c>
      <c r="H7134" s="40">
        <v>118.75</v>
      </c>
      <c r="I7134" s="40">
        <v>20.266402497354463</v>
      </c>
      <c r="J7134" s="40">
        <v>118.74995729762</v>
      </c>
      <c r="K7134" s="40">
        <v>13.203256876604197</v>
      </c>
      <c r="L7134" s="40"/>
      <c r="M7134" s="40"/>
      <c r="N7134" s="40"/>
    </row>
    <row r="7135" spans="4:14" x14ac:dyDescent="0.25">
      <c r="D7135" s="40">
        <v>118.77858300000524</v>
      </c>
      <c r="E7135" s="40">
        <v>21.154434293237031</v>
      </c>
      <c r="F7135" s="40">
        <v>118.76666699999998</v>
      </c>
      <c r="G7135" s="40">
        <v>21.679297667231147</v>
      </c>
      <c r="H7135" s="40">
        <v>118.76666700000001</v>
      </c>
      <c r="I7135" s="40">
        <v>20.266402497354463</v>
      </c>
      <c r="J7135" s="40">
        <v>118.76662395833399</v>
      </c>
      <c r="K7135" s="40">
        <v>13.203256876604197</v>
      </c>
      <c r="L7135" s="40"/>
      <c r="M7135" s="40"/>
      <c r="N7135" s="40"/>
    </row>
    <row r="7136" spans="4:14" x14ac:dyDescent="0.25">
      <c r="D7136" s="40">
        <v>118.79524900000524</v>
      </c>
      <c r="E7136" s="40">
        <v>21.154434293237031</v>
      </c>
      <c r="F7136" s="40">
        <v>118.783333</v>
      </c>
      <c r="G7136" s="40">
        <v>21.679297667231147</v>
      </c>
      <c r="H7136" s="40">
        <v>118.783334</v>
      </c>
      <c r="I7136" s="40">
        <v>20.269656623611226</v>
      </c>
      <c r="J7136" s="40">
        <v>118.783290619048</v>
      </c>
      <c r="K7136" s="40">
        <v>13.203256876604197</v>
      </c>
      <c r="L7136" s="40"/>
      <c r="M7136" s="40"/>
      <c r="N7136" s="40"/>
    </row>
    <row r="7137" spans="4:14" x14ac:dyDescent="0.25">
      <c r="D7137" s="40">
        <v>118.81191500000524</v>
      </c>
      <c r="E7137" s="40">
        <v>21.159277471826581</v>
      </c>
      <c r="F7137" s="40">
        <v>118.79999999999998</v>
      </c>
      <c r="G7137" s="40">
        <v>21.679297667231147</v>
      </c>
      <c r="H7137" s="40">
        <v>118.80000000000001</v>
      </c>
      <c r="I7137" s="40">
        <v>20.269656623611226</v>
      </c>
      <c r="J7137" s="40">
        <v>118.79995727976301</v>
      </c>
      <c r="K7137" s="40">
        <v>13.203256876604197</v>
      </c>
      <c r="L7137" s="40"/>
      <c r="M7137" s="40"/>
      <c r="N7137" s="40"/>
    </row>
    <row r="7138" spans="4:14" x14ac:dyDescent="0.25">
      <c r="D7138" s="40">
        <v>118.82858100000524</v>
      </c>
      <c r="E7138" s="40">
        <v>21.159277471826581</v>
      </c>
      <c r="F7138" s="40">
        <v>118.816667</v>
      </c>
      <c r="G7138" s="40">
        <v>21.684052911321363</v>
      </c>
      <c r="H7138" s="40">
        <v>118.816667</v>
      </c>
      <c r="I7138" s="40">
        <v>20.273009359754482</v>
      </c>
      <c r="J7138" s="40">
        <v>118.816623940477</v>
      </c>
      <c r="K7138" s="40">
        <v>13.203256876604197</v>
      </c>
      <c r="L7138" s="40"/>
      <c r="M7138" s="40"/>
      <c r="N7138" s="40"/>
    </row>
    <row r="7139" spans="4:14" x14ac:dyDescent="0.25">
      <c r="D7139" s="40">
        <v>118.84524700000524</v>
      </c>
      <c r="E7139" s="40">
        <v>21.159277471826581</v>
      </c>
      <c r="F7139" s="40">
        <v>118.83333299999998</v>
      </c>
      <c r="G7139" s="40">
        <v>21.684052911321363</v>
      </c>
      <c r="H7139" s="40">
        <v>118.83333400000001</v>
      </c>
      <c r="I7139" s="40">
        <v>20.273009359754482</v>
      </c>
      <c r="J7139" s="40">
        <v>118.833290601191</v>
      </c>
      <c r="K7139" s="40">
        <v>13.198548510651136</v>
      </c>
      <c r="L7139" s="40"/>
      <c r="M7139" s="40"/>
      <c r="N7139" s="40"/>
    </row>
    <row r="7140" spans="4:14" x14ac:dyDescent="0.25">
      <c r="D7140" s="40">
        <v>118.86191300000525</v>
      </c>
      <c r="E7140" s="40">
        <v>21.159277471826581</v>
      </c>
      <c r="F7140" s="40">
        <v>118.85</v>
      </c>
      <c r="G7140" s="40">
        <v>21.684052911321363</v>
      </c>
      <c r="H7140" s="40">
        <v>118.85</v>
      </c>
      <c r="I7140" s="40">
        <v>20.276362095897912</v>
      </c>
      <c r="J7140" s="40">
        <v>118.849957261905</v>
      </c>
      <c r="K7140" s="40">
        <v>13.198548510651136</v>
      </c>
      <c r="L7140" s="40"/>
      <c r="M7140" s="40"/>
      <c r="N7140" s="40"/>
    </row>
    <row r="7141" spans="4:14" x14ac:dyDescent="0.25">
      <c r="D7141" s="40">
        <v>118.87857900000525</v>
      </c>
      <c r="E7141" s="40">
        <v>21.159277471826581</v>
      </c>
      <c r="F7141" s="40">
        <v>118.86666700000001</v>
      </c>
      <c r="G7141" s="40">
        <v>21.684052911321363</v>
      </c>
      <c r="H7141" s="40">
        <v>118.86666700000001</v>
      </c>
      <c r="I7141" s="40">
        <v>20.276362095897912</v>
      </c>
      <c r="J7141" s="40">
        <v>118.86662392261999</v>
      </c>
      <c r="K7141" s="40">
        <v>13.198548510651136</v>
      </c>
      <c r="L7141" s="40"/>
      <c r="M7141" s="40"/>
      <c r="N7141" s="40"/>
    </row>
    <row r="7142" spans="4:14" x14ac:dyDescent="0.25">
      <c r="D7142" s="40">
        <v>118.89524500000525</v>
      </c>
      <c r="E7142" s="40">
        <v>21.159277471826581</v>
      </c>
      <c r="F7142" s="40">
        <v>118.88333299999999</v>
      </c>
      <c r="G7142" s="40">
        <v>21.684052911321363</v>
      </c>
      <c r="H7142" s="40">
        <v>118.88333400000002</v>
      </c>
      <c r="I7142" s="40">
        <v>20.279616222154676</v>
      </c>
      <c r="J7142" s="40">
        <v>118.883290583334</v>
      </c>
      <c r="K7142" s="40">
        <v>13.198548510651136</v>
      </c>
      <c r="L7142" s="40"/>
      <c r="M7142" s="40"/>
      <c r="N7142" s="40"/>
    </row>
    <row r="7143" spans="4:14" x14ac:dyDescent="0.25">
      <c r="D7143" s="40">
        <v>118.91191100000525</v>
      </c>
      <c r="E7143" s="40">
        <v>21.159277471826581</v>
      </c>
      <c r="F7143" s="40">
        <v>118.9</v>
      </c>
      <c r="G7143" s="40">
        <v>21.684052911321363</v>
      </c>
      <c r="H7143" s="40">
        <v>118.9</v>
      </c>
      <c r="I7143" s="40">
        <v>20.282968958297932</v>
      </c>
      <c r="J7143" s="40">
        <v>118.899957244048</v>
      </c>
      <c r="K7143" s="40">
        <v>13.203256876604197</v>
      </c>
      <c r="L7143" s="40"/>
      <c r="M7143" s="40"/>
      <c r="N7143" s="40"/>
    </row>
    <row r="7144" spans="4:14" x14ac:dyDescent="0.25">
      <c r="D7144" s="40">
        <v>118.92857700000525</v>
      </c>
      <c r="E7144" s="40">
        <v>21.159277471826581</v>
      </c>
      <c r="F7144" s="40">
        <v>118.91666699999999</v>
      </c>
      <c r="G7144" s="40">
        <v>21.684052911321363</v>
      </c>
      <c r="H7144" s="40">
        <v>118.91666700000002</v>
      </c>
      <c r="I7144" s="40">
        <v>20.282968958297932</v>
      </c>
      <c r="J7144" s="40">
        <v>118.916623904763</v>
      </c>
      <c r="K7144" s="40">
        <v>13.203256876604197</v>
      </c>
      <c r="L7144" s="40"/>
      <c r="M7144" s="40"/>
      <c r="N7144" s="40"/>
    </row>
    <row r="7145" spans="4:14" x14ac:dyDescent="0.25">
      <c r="D7145" s="40">
        <v>118.94524300000525</v>
      </c>
      <c r="E7145" s="40">
        <v>21.159277471826581</v>
      </c>
      <c r="F7145" s="40">
        <v>118.933333</v>
      </c>
      <c r="G7145" s="40">
        <v>21.684052911321363</v>
      </c>
      <c r="H7145" s="40">
        <v>118.933334</v>
      </c>
      <c r="I7145" s="40">
        <v>20.286321694441192</v>
      </c>
      <c r="J7145" s="40">
        <v>118.93329056547699</v>
      </c>
      <c r="K7145" s="40">
        <v>13.203256876604197</v>
      </c>
      <c r="L7145" s="40"/>
      <c r="M7145" s="40"/>
      <c r="N7145" s="40"/>
    </row>
    <row r="7146" spans="4:14" x14ac:dyDescent="0.25">
      <c r="D7146" s="40">
        <v>118.96190900000525</v>
      </c>
      <c r="E7146" s="40">
        <v>21.159277471826581</v>
      </c>
      <c r="F7146" s="40">
        <v>118.94999999999999</v>
      </c>
      <c r="G7146" s="40">
        <v>21.684052911321363</v>
      </c>
      <c r="H7146" s="40">
        <v>118.95000000000002</v>
      </c>
      <c r="I7146" s="40">
        <v>20.286321694441192</v>
      </c>
      <c r="J7146" s="40">
        <v>118.949957226191</v>
      </c>
      <c r="K7146" s="40">
        <v>13.203256876604197</v>
      </c>
      <c r="L7146" s="40"/>
      <c r="M7146" s="40"/>
      <c r="N7146" s="40"/>
    </row>
    <row r="7147" spans="4:14" x14ac:dyDescent="0.25">
      <c r="D7147" s="40">
        <v>118.97857500000525</v>
      </c>
      <c r="E7147" s="40">
        <v>21.159277471826581</v>
      </c>
      <c r="F7147" s="40">
        <v>118.966667</v>
      </c>
      <c r="G7147" s="40">
        <v>21.684052911321363</v>
      </c>
      <c r="H7147" s="40">
        <v>118.966667</v>
      </c>
      <c r="I7147" s="40">
        <v>20.289575820697955</v>
      </c>
      <c r="J7147" s="40">
        <v>118.966623886905</v>
      </c>
      <c r="K7147" s="40">
        <v>13.203256876604197</v>
      </c>
      <c r="L7147" s="40"/>
      <c r="M7147" s="40"/>
      <c r="N7147" s="40"/>
    </row>
    <row r="7148" spans="4:14" x14ac:dyDescent="0.25">
      <c r="D7148" s="40">
        <v>118.99524100000525</v>
      </c>
      <c r="E7148" s="40">
        <v>21.159277471826581</v>
      </c>
      <c r="F7148" s="40">
        <v>118.98333299999999</v>
      </c>
      <c r="G7148" s="40">
        <v>21.684052911321363</v>
      </c>
      <c r="H7148" s="40">
        <v>118.98333400000001</v>
      </c>
      <c r="I7148" s="40">
        <v>20.289575820697955</v>
      </c>
      <c r="J7148" s="40">
        <v>118.98329054762</v>
      </c>
      <c r="K7148" s="40">
        <v>13.203256876604197</v>
      </c>
      <c r="L7148" s="40"/>
      <c r="M7148" s="40"/>
      <c r="N7148" s="40"/>
    </row>
    <row r="7149" spans="4:14" x14ac:dyDescent="0.25">
      <c r="D7149" s="40">
        <v>119.01190700000525</v>
      </c>
      <c r="E7149" s="40">
        <v>21.159277471826581</v>
      </c>
      <c r="F7149" s="40">
        <v>119</v>
      </c>
      <c r="G7149" s="40">
        <v>21.684052911321363</v>
      </c>
      <c r="H7149" s="40">
        <v>119</v>
      </c>
      <c r="I7149" s="40">
        <v>20.292928556841389</v>
      </c>
      <c r="J7149" s="40">
        <v>118.999957208334</v>
      </c>
      <c r="K7149" s="40">
        <v>13.203256876604197</v>
      </c>
      <c r="L7149" s="40"/>
      <c r="M7149" s="40"/>
      <c r="N7149" s="40"/>
    </row>
    <row r="7150" spans="4:14" x14ac:dyDescent="0.25">
      <c r="D7150" s="40">
        <v>119.02857300000525</v>
      </c>
      <c r="E7150" s="40">
        <v>21.154434293237031</v>
      </c>
      <c r="F7150" s="40">
        <v>119.01666699999998</v>
      </c>
      <c r="G7150" s="40">
        <v>21.684052911321363</v>
      </c>
      <c r="H7150" s="40">
        <v>119.01666700000001</v>
      </c>
      <c r="I7150" s="40">
        <v>20.292928556841389</v>
      </c>
      <c r="J7150" s="40">
        <v>119.016623869048</v>
      </c>
      <c r="K7150" s="40">
        <v>13.203256876604197</v>
      </c>
      <c r="L7150" s="40"/>
      <c r="M7150" s="40"/>
      <c r="N7150" s="40"/>
    </row>
    <row r="7151" spans="4:14" x14ac:dyDescent="0.25">
      <c r="D7151" s="40">
        <v>119.04523900000525</v>
      </c>
      <c r="E7151" s="40">
        <v>21.154434293237031</v>
      </c>
      <c r="F7151" s="40">
        <v>119.033333</v>
      </c>
      <c r="G7151" s="40">
        <v>21.684052911321363</v>
      </c>
      <c r="H7151" s="40">
        <v>119.033334</v>
      </c>
      <c r="I7151" s="40">
        <v>20.296281292984641</v>
      </c>
      <c r="J7151" s="40">
        <v>119.03329052976299</v>
      </c>
      <c r="K7151" s="40">
        <v>13.203256876604197</v>
      </c>
      <c r="L7151" s="40"/>
      <c r="M7151" s="40"/>
      <c r="N7151" s="40"/>
    </row>
    <row r="7152" spans="4:14" x14ac:dyDescent="0.25">
      <c r="D7152" s="40">
        <v>119.06190500000525</v>
      </c>
      <c r="E7152" s="40">
        <v>21.154434293237031</v>
      </c>
      <c r="F7152" s="40">
        <v>119.04999999999998</v>
      </c>
      <c r="G7152" s="40">
        <v>21.684052911321363</v>
      </c>
      <c r="H7152" s="40">
        <v>119.05000000000001</v>
      </c>
      <c r="I7152" s="40">
        <v>20.296281292984641</v>
      </c>
      <c r="J7152" s="40">
        <v>119.049957190477</v>
      </c>
      <c r="K7152" s="40">
        <v>13.203256876604197</v>
      </c>
      <c r="L7152" s="40"/>
      <c r="M7152" s="40"/>
      <c r="N7152" s="40"/>
    </row>
    <row r="7153" spans="4:14" x14ac:dyDescent="0.25">
      <c r="D7153" s="40">
        <v>119.07857100000525</v>
      </c>
      <c r="E7153" s="40">
        <v>21.154434293237031</v>
      </c>
      <c r="F7153" s="40">
        <v>119.066667</v>
      </c>
      <c r="G7153" s="40">
        <v>21.684052911321363</v>
      </c>
      <c r="H7153" s="40">
        <v>119.066667</v>
      </c>
      <c r="I7153" s="40">
        <v>20.299535419241405</v>
      </c>
      <c r="J7153" s="40">
        <v>119.066623851191</v>
      </c>
      <c r="K7153" s="40">
        <v>13.203256876604197</v>
      </c>
      <c r="L7153" s="40"/>
      <c r="M7153" s="40"/>
      <c r="N7153" s="40"/>
    </row>
    <row r="7154" spans="4:14" x14ac:dyDescent="0.25">
      <c r="D7154" s="40">
        <v>119.09523700000526</v>
      </c>
      <c r="E7154" s="40">
        <v>21.154434293237031</v>
      </c>
      <c r="F7154" s="40">
        <v>119.08333299999998</v>
      </c>
      <c r="G7154" s="40">
        <v>21.684052911321363</v>
      </c>
      <c r="H7154" s="40">
        <v>119.08333400000001</v>
      </c>
      <c r="I7154" s="40">
        <v>20.299535419241405</v>
      </c>
      <c r="J7154" s="40">
        <v>119.08329051190501</v>
      </c>
      <c r="K7154" s="40">
        <v>13.203256876604197</v>
      </c>
      <c r="L7154" s="40"/>
      <c r="M7154" s="40"/>
      <c r="N7154" s="40"/>
    </row>
    <row r="7155" spans="4:14" x14ac:dyDescent="0.25">
      <c r="D7155" s="40">
        <v>119.11190300000526</v>
      </c>
      <c r="E7155" s="40">
        <v>21.154434293237031</v>
      </c>
      <c r="F7155" s="40">
        <v>119.1</v>
      </c>
      <c r="G7155" s="40">
        <v>21.684052911321363</v>
      </c>
      <c r="H7155" s="40">
        <v>119.1</v>
      </c>
      <c r="I7155" s="40">
        <v>20.302888155384665</v>
      </c>
      <c r="J7155" s="40">
        <v>119.09995717261999</v>
      </c>
      <c r="K7155" s="40">
        <v>13.203256876604197</v>
      </c>
      <c r="L7155" s="40"/>
      <c r="M7155" s="40"/>
      <c r="N7155" s="40"/>
    </row>
    <row r="7156" spans="4:14" x14ac:dyDescent="0.25">
      <c r="D7156" s="40">
        <v>119.12856900000526</v>
      </c>
      <c r="E7156" s="40">
        <v>21.154434293237031</v>
      </c>
      <c r="F7156" s="40">
        <v>119.11666700000001</v>
      </c>
      <c r="G7156" s="40">
        <v>21.684052911321363</v>
      </c>
      <c r="H7156" s="40">
        <v>119.11666700000001</v>
      </c>
      <c r="I7156" s="40">
        <v>20.302888155384665</v>
      </c>
      <c r="J7156" s="40">
        <v>119.116623833334</v>
      </c>
      <c r="K7156" s="40">
        <v>13.203256876604197</v>
      </c>
      <c r="L7156" s="40"/>
      <c r="M7156" s="40"/>
      <c r="N7156" s="40"/>
    </row>
    <row r="7157" spans="4:14" x14ac:dyDescent="0.25">
      <c r="D7157" s="40">
        <v>119.14523500000526</v>
      </c>
      <c r="E7157" s="40">
        <v>21.154434293237031</v>
      </c>
      <c r="F7157" s="40">
        <v>119.13333299999999</v>
      </c>
      <c r="G7157" s="40">
        <v>21.684052911321363</v>
      </c>
      <c r="H7157" s="40">
        <v>119.13333400000002</v>
      </c>
      <c r="I7157" s="40">
        <v>20.306240891527921</v>
      </c>
      <c r="J7157" s="40">
        <v>119.133290494048</v>
      </c>
      <c r="K7157" s="40">
        <v>13.208107920313303</v>
      </c>
      <c r="L7157" s="40"/>
      <c r="M7157" s="40"/>
      <c r="N7157" s="40"/>
    </row>
    <row r="7158" spans="4:14" x14ac:dyDescent="0.25">
      <c r="D7158" s="40">
        <v>119.16190100000526</v>
      </c>
      <c r="E7158" s="40">
        <v>21.154434293237031</v>
      </c>
      <c r="F7158" s="40">
        <v>119.15</v>
      </c>
      <c r="G7158" s="40">
        <v>21.684052911321363</v>
      </c>
      <c r="H7158" s="40">
        <v>119.15</v>
      </c>
      <c r="I7158" s="40">
        <v>20.306240891527921</v>
      </c>
      <c r="J7158" s="40">
        <v>119.149957154763</v>
      </c>
      <c r="K7158" s="40">
        <v>13.208107920313303</v>
      </c>
      <c r="L7158" s="40"/>
      <c r="M7158" s="40"/>
      <c r="N7158" s="40"/>
    </row>
    <row r="7159" spans="4:14" x14ac:dyDescent="0.25">
      <c r="D7159" s="40">
        <v>119.17856700000526</v>
      </c>
      <c r="E7159" s="40">
        <v>21.154434293237031</v>
      </c>
      <c r="F7159" s="40">
        <v>119.16666699999999</v>
      </c>
      <c r="G7159" s="40">
        <v>21.684052911321363</v>
      </c>
      <c r="H7159" s="40">
        <v>119.16666700000002</v>
      </c>
      <c r="I7159" s="40">
        <v>20.309495017784684</v>
      </c>
      <c r="J7159" s="40">
        <v>119.166623815477</v>
      </c>
      <c r="K7159" s="40">
        <v>13.208107920313303</v>
      </c>
      <c r="L7159" s="40"/>
      <c r="M7159" s="40"/>
      <c r="N7159" s="40"/>
    </row>
    <row r="7160" spans="4:14" x14ac:dyDescent="0.25">
      <c r="D7160" s="40">
        <v>119.19523300000526</v>
      </c>
      <c r="E7160" s="40">
        <v>21.154434293237031</v>
      </c>
      <c r="F7160" s="40">
        <v>119.183333</v>
      </c>
      <c r="G7160" s="40">
        <v>21.684052911321363</v>
      </c>
      <c r="H7160" s="40">
        <v>119.183334</v>
      </c>
      <c r="I7160" s="40">
        <v>20.309495017784684</v>
      </c>
      <c r="J7160" s="40">
        <v>119.183290476191</v>
      </c>
      <c r="K7160" s="40">
        <v>13.208107920313303</v>
      </c>
      <c r="L7160" s="40"/>
      <c r="M7160" s="40"/>
      <c r="N7160" s="40"/>
    </row>
    <row r="7161" spans="4:14" x14ac:dyDescent="0.25">
      <c r="D7161" s="40">
        <v>119.21189900000526</v>
      </c>
      <c r="E7161" s="40">
        <v>21.149591114647485</v>
      </c>
      <c r="F7161" s="40">
        <v>119.19999999999999</v>
      </c>
      <c r="G7161" s="40">
        <v>21.684052911321363</v>
      </c>
      <c r="H7161" s="40">
        <v>119.20000000000002</v>
      </c>
      <c r="I7161" s="40">
        <v>20.312847753928118</v>
      </c>
      <c r="J7161" s="40">
        <v>119.199957136905</v>
      </c>
      <c r="K7161" s="40">
        <v>13.212958964022533</v>
      </c>
      <c r="L7161" s="40"/>
      <c r="M7161" s="40"/>
      <c r="N7161" s="40"/>
    </row>
    <row r="7162" spans="4:14" x14ac:dyDescent="0.25">
      <c r="D7162" s="40">
        <v>119.22856500000526</v>
      </c>
      <c r="E7162" s="40">
        <v>21.149591114647485</v>
      </c>
      <c r="F7162" s="40">
        <v>119.216667</v>
      </c>
      <c r="G7162" s="40">
        <v>21.684052911321363</v>
      </c>
      <c r="H7162" s="40">
        <v>119.216667</v>
      </c>
      <c r="I7162" s="40">
        <v>20.312847753928118</v>
      </c>
      <c r="J7162" s="40">
        <v>119.21662379762</v>
      </c>
      <c r="K7162" s="40">
        <v>13.212958964022533</v>
      </c>
      <c r="L7162" s="40"/>
      <c r="M7162" s="40"/>
      <c r="N7162" s="40"/>
    </row>
    <row r="7163" spans="4:14" x14ac:dyDescent="0.25">
      <c r="D7163" s="40">
        <v>119.24523100000526</v>
      </c>
      <c r="E7163" s="40">
        <v>21.144890382487187</v>
      </c>
      <c r="F7163" s="40">
        <v>119.23333299999999</v>
      </c>
      <c r="G7163" s="40">
        <v>21.684052911321363</v>
      </c>
      <c r="H7163" s="40">
        <v>119.23333400000001</v>
      </c>
      <c r="I7163" s="40">
        <v>20.316200490071374</v>
      </c>
      <c r="J7163" s="40">
        <v>119.233290458334</v>
      </c>
      <c r="K7163" s="40">
        <v>13.212958964022533</v>
      </c>
      <c r="L7163" s="40"/>
      <c r="M7163" s="40"/>
      <c r="N7163" s="40"/>
    </row>
    <row r="7164" spans="4:14" x14ac:dyDescent="0.25">
      <c r="D7164" s="40">
        <v>119.26189700000526</v>
      </c>
      <c r="E7164" s="40">
        <v>21.144890382487187</v>
      </c>
      <c r="F7164" s="40">
        <v>119.25</v>
      </c>
      <c r="G7164" s="40">
        <v>21.684052911321363</v>
      </c>
      <c r="H7164" s="40">
        <v>119.25</v>
      </c>
      <c r="I7164" s="40">
        <v>20.316200490071374</v>
      </c>
      <c r="J7164" s="40">
        <v>119.24995711904801</v>
      </c>
      <c r="K7164" s="40">
        <v>13.212958964022533</v>
      </c>
      <c r="L7164" s="40"/>
      <c r="M7164" s="40"/>
      <c r="N7164" s="40"/>
    </row>
    <row r="7165" spans="4:14" x14ac:dyDescent="0.25">
      <c r="D7165" s="40">
        <v>119.27856300000526</v>
      </c>
      <c r="E7165" s="40">
        <v>21.144890382487187</v>
      </c>
      <c r="F7165" s="40">
        <v>119.26666699999998</v>
      </c>
      <c r="G7165" s="40">
        <v>21.684052911321363</v>
      </c>
      <c r="H7165" s="40">
        <v>119.26666700000001</v>
      </c>
      <c r="I7165" s="40">
        <v>20.319454616328137</v>
      </c>
      <c r="J7165" s="40">
        <v>119.26662377976299</v>
      </c>
      <c r="K7165" s="40">
        <v>13.212958964022533</v>
      </c>
      <c r="L7165" s="40"/>
      <c r="M7165" s="40"/>
      <c r="N7165" s="40"/>
    </row>
    <row r="7166" spans="4:14" x14ac:dyDescent="0.25">
      <c r="D7166" s="40">
        <v>119.29522900000526</v>
      </c>
      <c r="E7166" s="40">
        <v>21.144890382487187</v>
      </c>
      <c r="F7166" s="40">
        <v>119.283333</v>
      </c>
      <c r="G7166" s="40">
        <v>21.688808155411458</v>
      </c>
      <c r="H7166" s="40">
        <v>119.283334</v>
      </c>
      <c r="I7166" s="40">
        <v>20.319454616328137</v>
      </c>
      <c r="J7166" s="40">
        <v>119.283290440477</v>
      </c>
      <c r="K7166" s="40">
        <v>13.212958964022533</v>
      </c>
      <c r="L7166" s="40"/>
      <c r="M7166" s="40"/>
      <c r="N7166" s="40"/>
    </row>
    <row r="7167" spans="4:14" x14ac:dyDescent="0.25">
      <c r="D7167" s="40">
        <v>119.31189500000526</v>
      </c>
      <c r="E7167" s="40">
        <v>21.140047203897637</v>
      </c>
      <c r="F7167" s="40">
        <v>119.29999999999998</v>
      </c>
      <c r="G7167" s="40">
        <v>21.688808155411458</v>
      </c>
      <c r="H7167" s="40">
        <v>119.30000000000001</v>
      </c>
      <c r="I7167" s="40">
        <v>20.322807352471393</v>
      </c>
      <c r="J7167" s="40">
        <v>119.299957101191</v>
      </c>
      <c r="K7167" s="40">
        <v>13.212958964022533</v>
      </c>
      <c r="L7167" s="40"/>
      <c r="M7167" s="40"/>
      <c r="N7167" s="40"/>
    </row>
    <row r="7168" spans="4:14" x14ac:dyDescent="0.25">
      <c r="D7168" s="40">
        <v>119.32856100000527</v>
      </c>
      <c r="E7168" s="40">
        <v>21.140047203897637</v>
      </c>
      <c r="F7168" s="40">
        <v>119.316667</v>
      </c>
      <c r="G7168" s="40">
        <v>21.688808155411458</v>
      </c>
      <c r="H7168" s="40">
        <v>119.316667</v>
      </c>
      <c r="I7168" s="40">
        <v>20.322807352471393</v>
      </c>
      <c r="J7168" s="40">
        <v>119.31662376190501</v>
      </c>
      <c r="K7168" s="40">
        <v>13.208107920313303</v>
      </c>
      <c r="L7168" s="40"/>
      <c r="M7168" s="40"/>
      <c r="N7168" s="40"/>
    </row>
    <row r="7169" spans="4:14" x14ac:dyDescent="0.25">
      <c r="D7169" s="40">
        <v>119.34522700000527</v>
      </c>
      <c r="E7169" s="40">
        <v>21.144890382487187</v>
      </c>
      <c r="F7169" s="40">
        <v>119.33333299999998</v>
      </c>
      <c r="G7169" s="40">
        <v>21.688808155411458</v>
      </c>
      <c r="H7169" s="40">
        <v>119.33333400000001</v>
      </c>
      <c r="I7169" s="40">
        <v>20.322807352471393</v>
      </c>
      <c r="J7169" s="40">
        <v>119.33329042262</v>
      </c>
      <c r="K7169" s="40">
        <v>13.208107920313303</v>
      </c>
      <c r="L7169" s="40"/>
      <c r="M7169" s="40"/>
      <c r="N7169" s="40"/>
    </row>
    <row r="7170" spans="4:14" x14ac:dyDescent="0.25">
      <c r="D7170" s="40">
        <v>119.36189300000527</v>
      </c>
      <c r="E7170" s="40">
        <v>21.144890382487187</v>
      </c>
      <c r="F7170" s="40">
        <v>119.35</v>
      </c>
      <c r="G7170" s="40">
        <v>21.688808155411458</v>
      </c>
      <c r="H7170" s="40">
        <v>119.35</v>
      </c>
      <c r="I7170" s="40">
        <v>20.326160088614827</v>
      </c>
      <c r="J7170" s="40">
        <v>119.349957083334</v>
      </c>
      <c r="K7170" s="40">
        <v>13.208107920313303</v>
      </c>
      <c r="L7170" s="40"/>
      <c r="M7170" s="40"/>
      <c r="N7170" s="40"/>
    </row>
    <row r="7171" spans="4:14" x14ac:dyDescent="0.25">
      <c r="D7171" s="40">
        <v>119.37855900000527</v>
      </c>
      <c r="E7171" s="40">
        <v>21.144890382487187</v>
      </c>
      <c r="F7171" s="40">
        <v>119.36666700000001</v>
      </c>
      <c r="G7171" s="40">
        <v>21.688808155411458</v>
      </c>
      <c r="H7171" s="40">
        <v>119.36666700000001</v>
      </c>
      <c r="I7171" s="40">
        <v>20.326160088614827</v>
      </c>
      <c r="J7171" s="40">
        <v>119.366623744048</v>
      </c>
      <c r="K7171" s="40">
        <v>13.208107920313303</v>
      </c>
      <c r="L7171" s="40"/>
      <c r="M7171" s="40"/>
      <c r="N7171" s="40"/>
    </row>
    <row r="7172" spans="4:14" x14ac:dyDescent="0.25">
      <c r="D7172" s="40">
        <v>119.39522500000527</v>
      </c>
      <c r="E7172" s="40">
        <v>21.144890382487187</v>
      </c>
      <c r="F7172" s="40">
        <v>119.38333299999999</v>
      </c>
      <c r="G7172" s="40">
        <v>21.688808155411458</v>
      </c>
      <c r="H7172" s="40">
        <v>119.38333400000002</v>
      </c>
      <c r="I7172" s="40">
        <v>20.329414214871413</v>
      </c>
      <c r="J7172" s="40">
        <v>119.383290404763</v>
      </c>
      <c r="K7172" s="40">
        <v>13.208107920313303</v>
      </c>
      <c r="L7172" s="40"/>
      <c r="M7172" s="40"/>
      <c r="N7172" s="40"/>
    </row>
    <row r="7173" spans="4:14" x14ac:dyDescent="0.25">
      <c r="D7173" s="40">
        <v>119.41189100000527</v>
      </c>
      <c r="E7173" s="40">
        <v>21.144890382487187</v>
      </c>
      <c r="F7173" s="40">
        <v>119.4</v>
      </c>
      <c r="G7173" s="40">
        <v>21.688808155411458</v>
      </c>
      <c r="H7173" s="40">
        <v>119.4</v>
      </c>
      <c r="I7173" s="40">
        <v>20.329414214871413</v>
      </c>
      <c r="J7173" s="40">
        <v>119.399957065477</v>
      </c>
      <c r="K7173" s="40">
        <v>13.208107920313303</v>
      </c>
      <c r="L7173" s="40"/>
      <c r="M7173" s="40"/>
      <c r="N7173" s="40"/>
    </row>
    <row r="7174" spans="4:14" x14ac:dyDescent="0.25">
      <c r="D7174" s="40">
        <v>119.42855700000527</v>
      </c>
      <c r="E7174" s="40">
        <v>21.144890382487187</v>
      </c>
      <c r="F7174" s="40">
        <v>119.41666699999999</v>
      </c>
      <c r="G7174" s="40">
        <v>21.69342353938136</v>
      </c>
      <c r="H7174" s="40">
        <v>119.41666700000002</v>
      </c>
      <c r="I7174" s="40">
        <v>20.329414214871413</v>
      </c>
      <c r="J7174" s="40">
        <v>119.41662372619101</v>
      </c>
      <c r="K7174" s="40">
        <v>13.208107920313303</v>
      </c>
      <c r="L7174" s="40"/>
      <c r="M7174" s="40"/>
      <c r="N7174" s="40"/>
    </row>
    <row r="7175" spans="4:14" x14ac:dyDescent="0.25">
      <c r="D7175" s="40">
        <v>119.44522300000527</v>
      </c>
      <c r="E7175" s="40">
        <v>21.144890382487187</v>
      </c>
      <c r="F7175" s="40">
        <v>119.433333</v>
      </c>
      <c r="G7175" s="40">
        <v>21.69342353938136</v>
      </c>
      <c r="H7175" s="40">
        <v>119.433334</v>
      </c>
      <c r="I7175" s="40">
        <v>20.332766951014847</v>
      </c>
      <c r="J7175" s="40">
        <v>119.433290386905</v>
      </c>
      <c r="K7175" s="40">
        <v>13.208107920313303</v>
      </c>
      <c r="L7175" s="40"/>
      <c r="M7175" s="40"/>
      <c r="N7175" s="40"/>
    </row>
    <row r="7176" spans="4:14" x14ac:dyDescent="0.25">
      <c r="D7176" s="40">
        <v>119.46188900000527</v>
      </c>
      <c r="E7176" s="40">
        <v>21.144890382487187</v>
      </c>
      <c r="F7176" s="40">
        <v>119.44999999999999</v>
      </c>
      <c r="G7176" s="40">
        <v>21.69342353938136</v>
      </c>
      <c r="H7176" s="40">
        <v>119.45000000000002</v>
      </c>
      <c r="I7176" s="40">
        <v>20.332766951014847</v>
      </c>
      <c r="J7176" s="40">
        <v>119.44995704762</v>
      </c>
      <c r="K7176" s="40">
        <v>13.208107920313303</v>
      </c>
      <c r="L7176" s="40"/>
      <c r="M7176" s="40"/>
      <c r="N7176" s="40"/>
    </row>
    <row r="7177" spans="4:14" x14ac:dyDescent="0.25">
      <c r="D7177" s="40">
        <v>119.47855500000527</v>
      </c>
      <c r="E7177" s="40">
        <v>21.140047203897637</v>
      </c>
      <c r="F7177" s="40">
        <v>119.466667</v>
      </c>
      <c r="G7177" s="40">
        <v>21.69342353938136</v>
      </c>
      <c r="H7177" s="40">
        <v>119.466667</v>
      </c>
      <c r="I7177" s="40">
        <v>20.336119687158103</v>
      </c>
      <c r="J7177" s="40">
        <v>119.466623708334</v>
      </c>
      <c r="K7177" s="40">
        <v>13.208107920313303</v>
      </c>
      <c r="L7177" s="40"/>
      <c r="M7177" s="40"/>
      <c r="N7177" s="40"/>
    </row>
    <row r="7178" spans="4:14" x14ac:dyDescent="0.25">
      <c r="D7178" s="40">
        <v>119.49522100000527</v>
      </c>
      <c r="E7178" s="40">
        <v>21.144890382487187</v>
      </c>
      <c r="F7178" s="40">
        <v>119.48333299999999</v>
      </c>
      <c r="G7178" s="40">
        <v>21.69342353938136</v>
      </c>
      <c r="H7178" s="40">
        <v>119.48333400000001</v>
      </c>
      <c r="I7178" s="40">
        <v>20.336119687158103</v>
      </c>
      <c r="J7178" s="40">
        <v>119.48329036904801</v>
      </c>
      <c r="K7178" s="40">
        <v>13.208107920313303</v>
      </c>
      <c r="L7178" s="40"/>
      <c r="M7178" s="40"/>
      <c r="N7178" s="40"/>
    </row>
    <row r="7179" spans="4:14" x14ac:dyDescent="0.25">
      <c r="D7179" s="40">
        <v>119.51188700000527</v>
      </c>
      <c r="E7179" s="40">
        <v>21.144890382487187</v>
      </c>
      <c r="F7179" s="40">
        <v>119.5</v>
      </c>
      <c r="G7179" s="40">
        <v>21.69342353938136</v>
      </c>
      <c r="H7179" s="40">
        <v>119.5</v>
      </c>
      <c r="I7179" s="40">
        <v>20.339373813414866</v>
      </c>
      <c r="J7179" s="40">
        <v>119.499957029763</v>
      </c>
      <c r="K7179" s="40">
        <v>13.208107920313303</v>
      </c>
      <c r="L7179" s="40"/>
      <c r="M7179" s="40"/>
      <c r="N7179" s="40"/>
    </row>
    <row r="7180" spans="4:14" x14ac:dyDescent="0.25">
      <c r="D7180" s="40">
        <v>119.52855300000527</v>
      </c>
      <c r="E7180" s="40">
        <v>21.144890382487187</v>
      </c>
      <c r="F7180" s="40">
        <v>119.51666699999998</v>
      </c>
      <c r="G7180" s="40">
        <v>21.69342353938136</v>
      </c>
      <c r="H7180" s="40">
        <v>119.51666700000001</v>
      </c>
      <c r="I7180" s="40">
        <v>20.339373813414866</v>
      </c>
      <c r="J7180" s="40">
        <v>119.516623690477</v>
      </c>
      <c r="K7180" s="40">
        <v>13.212958964022533</v>
      </c>
      <c r="L7180" s="40"/>
      <c r="M7180" s="40"/>
      <c r="N7180" s="40"/>
    </row>
    <row r="7181" spans="4:14" x14ac:dyDescent="0.25">
      <c r="D7181" s="40">
        <v>119.54521900000528</v>
      </c>
      <c r="E7181" s="40">
        <v>21.140047203897637</v>
      </c>
      <c r="F7181" s="40">
        <v>119.533333</v>
      </c>
      <c r="G7181" s="40">
        <v>21.69342353938136</v>
      </c>
      <c r="H7181" s="40">
        <v>119.533334</v>
      </c>
      <c r="I7181" s="40">
        <v>20.342726549558122</v>
      </c>
      <c r="J7181" s="40">
        <v>119.533290351191</v>
      </c>
      <c r="K7181" s="40">
        <v>13.212958964022533</v>
      </c>
      <c r="L7181" s="40"/>
      <c r="M7181" s="40"/>
      <c r="N7181" s="40"/>
    </row>
    <row r="7182" spans="4:14" x14ac:dyDescent="0.25">
      <c r="D7182" s="40">
        <v>119.56188500000528</v>
      </c>
      <c r="E7182" s="40">
        <v>21.140047203897637</v>
      </c>
      <c r="F7182" s="40">
        <v>119.54999999999998</v>
      </c>
      <c r="G7182" s="40">
        <v>21.69342353938136</v>
      </c>
      <c r="H7182" s="40">
        <v>119.55000000000001</v>
      </c>
      <c r="I7182" s="40">
        <v>20.342726549558122</v>
      </c>
      <c r="J7182" s="40">
        <v>119.54995701190499</v>
      </c>
      <c r="K7182" s="40">
        <v>13.208107920313303</v>
      </c>
      <c r="L7182" s="40"/>
      <c r="M7182" s="40"/>
      <c r="N7182" s="40"/>
    </row>
    <row r="7183" spans="4:14" x14ac:dyDescent="0.25">
      <c r="D7183" s="40">
        <v>119.57855100000528</v>
      </c>
      <c r="E7183" s="40">
        <v>21.140047203897637</v>
      </c>
      <c r="F7183" s="40">
        <v>119.566667</v>
      </c>
      <c r="G7183" s="40">
        <v>21.69342353938136</v>
      </c>
      <c r="H7183" s="40">
        <v>119.566667</v>
      </c>
      <c r="I7183" s="40">
        <v>20.346079285701556</v>
      </c>
      <c r="J7183" s="40">
        <v>119.56662367262</v>
      </c>
      <c r="K7183" s="40">
        <v>13.208107920313303</v>
      </c>
      <c r="L7183" s="40"/>
      <c r="M7183" s="40"/>
      <c r="N7183" s="40"/>
    </row>
    <row r="7184" spans="4:14" x14ac:dyDescent="0.25">
      <c r="D7184" s="40">
        <v>119.59521700000528</v>
      </c>
      <c r="E7184" s="40">
        <v>21.140047203897637</v>
      </c>
      <c r="F7184" s="40">
        <v>119.58333299999998</v>
      </c>
      <c r="G7184" s="40">
        <v>21.69342353938136</v>
      </c>
      <c r="H7184" s="40">
        <v>119.58333400000001</v>
      </c>
      <c r="I7184" s="40">
        <v>20.346079285701556</v>
      </c>
      <c r="J7184" s="40">
        <v>119.58329033333401</v>
      </c>
      <c r="K7184" s="40">
        <v>13.208107920313303</v>
      </c>
      <c r="L7184" s="40"/>
      <c r="M7184" s="40"/>
      <c r="N7184" s="40"/>
    </row>
    <row r="7185" spans="4:14" x14ac:dyDescent="0.25">
      <c r="D7185" s="40">
        <v>119.61188300000528</v>
      </c>
      <c r="E7185" s="40">
        <v>21.140047203897637</v>
      </c>
      <c r="F7185" s="40">
        <v>119.6</v>
      </c>
      <c r="G7185" s="40">
        <v>21.69342353938136</v>
      </c>
      <c r="H7185" s="40">
        <v>119.6</v>
      </c>
      <c r="I7185" s="40">
        <v>20.34933341195832</v>
      </c>
      <c r="J7185" s="40">
        <v>119.599956994048</v>
      </c>
      <c r="K7185" s="40">
        <v>13.208107920313303</v>
      </c>
      <c r="L7185" s="40"/>
      <c r="M7185" s="40"/>
      <c r="N7185" s="40"/>
    </row>
    <row r="7186" spans="4:14" x14ac:dyDescent="0.25">
      <c r="D7186" s="40">
        <v>119.62854900000528</v>
      </c>
      <c r="E7186" s="40">
        <v>21.140047203897637</v>
      </c>
      <c r="F7186" s="40">
        <v>119.61666700000001</v>
      </c>
      <c r="G7186" s="40">
        <v>21.69342353938136</v>
      </c>
      <c r="H7186" s="40">
        <v>119.61666700000001</v>
      </c>
      <c r="I7186" s="40">
        <v>20.34933341195832</v>
      </c>
      <c r="J7186" s="40">
        <v>119.616623654763</v>
      </c>
      <c r="K7186" s="40">
        <v>13.208107920313303</v>
      </c>
      <c r="L7186" s="40"/>
      <c r="M7186" s="40"/>
      <c r="N7186" s="40"/>
    </row>
    <row r="7187" spans="4:14" x14ac:dyDescent="0.25">
      <c r="D7187" s="40">
        <v>119.64521500000528</v>
      </c>
      <c r="E7187" s="40">
        <v>21.140047203897637</v>
      </c>
      <c r="F7187" s="40">
        <v>119.63333299999999</v>
      </c>
      <c r="G7187" s="40">
        <v>21.698178783471576</v>
      </c>
      <c r="H7187" s="40">
        <v>119.63333400000002</v>
      </c>
      <c r="I7187" s="40">
        <v>20.352686148101579</v>
      </c>
      <c r="J7187" s="40">
        <v>119.633290315477</v>
      </c>
      <c r="K7187" s="40">
        <v>13.203256876604197</v>
      </c>
      <c r="L7187" s="40"/>
      <c r="M7187" s="40"/>
      <c r="N7187" s="40"/>
    </row>
    <row r="7188" spans="4:14" x14ac:dyDescent="0.25">
      <c r="D7188" s="40">
        <v>119.66188100000528</v>
      </c>
      <c r="E7188" s="40">
        <v>21.144890382487187</v>
      </c>
      <c r="F7188" s="40">
        <v>119.65</v>
      </c>
      <c r="G7188" s="40">
        <v>21.698178783471576</v>
      </c>
      <c r="H7188" s="40">
        <v>119.65</v>
      </c>
      <c r="I7188" s="40">
        <v>20.356038884244832</v>
      </c>
      <c r="J7188" s="40">
        <v>119.64995697619101</v>
      </c>
      <c r="K7188" s="40">
        <v>13.203256876604197</v>
      </c>
      <c r="L7188" s="40"/>
      <c r="M7188" s="40"/>
      <c r="N7188" s="40"/>
    </row>
    <row r="7189" spans="4:14" x14ac:dyDescent="0.25">
      <c r="D7189" s="40">
        <v>119.67854700000528</v>
      </c>
      <c r="E7189" s="40">
        <v>21.144890382487187</v>
      </c>
      <c r="F7189" s="40">
        <v>119.66666699999999</v>
      </c>
      <c r="G7189" s="40">
        <v>21.698178783471576</v>
      </c>
      <c r="H7189" s="40">
        <v>119.66666700000002</v>
      </c>
      <c r="I7189" s="40">
        <v>20.356038884244832</v>
      </c>
      <c r="J7189" s="40">
        <v>119.666623636905</v>
      </c>
      <c r="K7189" s="40">
        <v>13.203256876604197</v>
      </c>
      <c r="L7189" s="40"/>
      <c r="M7189" s="40"/>
      <c r="N7189" s="40"/>
    </row>
    <row r="7190" spans="4:14" x14ac:dyDescent="0.25">
      <c r="D7190" s="40">
        <v>119.69521300000528</v>
      </c>
      <c r="E7190" s="40">
        <v>21.144890382487187</v>
      </c>
      <c r="F7190" s="40">
        <v>119.683333</v>
      </c>
      <c r="G7190" s="40">
        <v>21.698178783471576</v>
      </c>
      <c r="H7190" s="40">
        <v>119.683334</v>
      </c>
      <c r="I7190" s="40">
        <v>20.359391620388266</v>
      </c>
      <c r="J7190" s="40">
        <v>119.68329029762</v>
      </c>
      <c r="K7190" s="40">
        <v>13.203256876604197</v>
      </c>
      <c r="L7190" s="40"/>
      <c r="M7190" s="40"/>
      <c r="N7190" s="40"/>
    </row>
    <row r="7191" spans="4:14" x14ac:dyDescent="0.25">
      <c r="D7191" s="40">
        <v>119.71187900000528</v>
      </c>
      <c r="E7191" s="40">
        <v>21.144890382487187</v>
      </c>
      <c r="F7191" s="40">
        <v>119.69999999999999</v>
      </c>
      <c r="G7191" s="40">
        <v>21.698178783471576</v>
      </c>
      <c r="H7191" s="40">
        <v>119.70000000000002</v>
      </c>
      <c r="I7191" s="40">
        <v>20.359391620388266</v>
      </c>
      <c r="J7191" s="40">
        <v>119.699956958334</v>
      </c>
      <c r="K7191" s="40">
        <v>13.203256876604197</v>
      </c>
      <c r="L7191" s="40"/>
      <c r="M7191" s="40"/>
      <c r="N7191" s="40"/>
    </row>
    <row r="7192" spans="4:14" x14ac:dyDescent="0.25">
      <c r="D7192" s="40">
        <v>119.72854500000528</v>
      </c>
      <c r="E7192" s="40">
        <v>21.144890382487187</v>
      </c>
      <c r="F7192" s="40">
        <v>119.716667</v>
      </c>
      <c r="G7192" s="40">
        <v>21.698178783471576</v>
      </c>
      <c r="H7192" s="40">
        <v>119.716667</v>
      </c>
      <c r="I7192" s="40">
        <v>20.362645746644855</v>
      </c>
      <c r="J7192" s="40">
        <v>119.71662361904799</v>
      </c>
      <c r="K7192" s="40">
        <v>13.203256876604197</v>
      </c>
      <c r="L7192" s="40"/>
      <c r="M7192" s="40"/>
      <c r="N7192" s="40"/>
    </row>
    <row r="7193" spans="4:14" x14ac:dyDescent="0.25">
      <c r="D7193" s="40">
        <v>119.74521100000528</v>
      </c>
      <c r="E7193" s="40">
        <v>21.144890382487187</v>
      </c>
      <c r="F7193" s="40">
        <v>119.73333299999999</v>
      </c>
      <c r="G7193" s="40">
        <v>21.698178783471576</v>
      </c>
      <c r="H7193" s="40">
        <v>119.73333400000001</v>
      </c>
      <c r="I7193" s="40">
        <v>20.362645746644855</v>
      </c>
      <c r="J7193" s="40">
        <v>119.733290279763</v>
      </c>
      <c r="K7193" s="40">
        <v>13.203256876604197</v>
      </c>
      <c r="L7193" s="40"/>
      <c r="M7193" s="40"/>
      <c r="N7193" s="40"/>
    </row>
    <row r="7194" spans="4:14" x14ac:dyDescent="0.25">
      <c r="D7194" s="40">
        <v>119.76187700000528</v>
      </c>
      <c r="E7194" s="40">
        <v>21.140047203897637</v>
      </c>
      <c r="F7194" s="40">
        <v>119.75</v>
      </c>
      <c r="G7194" s="40">
        <v>21.698178783471576</v>
      </c>
      <c r="H7194" s="40">
        <v>119.75</v>
      </c>
      <c r="I7194" s="40">
        <v>20.365998482788285</v>
      </c>
      <c r="J7194" s="40">
        <v>119.74995694047701</v>
      </c>
      <c r="K7194" s="40">
        <v>13.203256876604197</v>
      </c>
      <c r="L7194" s="40"/>
      <c r="M7194" s="40"/>
      <c r="N7194" s="40"/>
    </row>
    <row r="7195" spans="4:14" x14ac:dyDescent="0.25">
      <c r="D7195" s="40">
        <v>119.77854300000529</v>
      </c>
      <c r="E7195" s="40">
        <v>21.140047203897637</v>
      </c>
      <c r="F7195" s="40">
        <v>119.76666699999998</v>
      </c>
      <c r="G7195" s="40">
        <v>21.698178783471576</v>
      </c>
      <c r="H7195" s="40">
        <v>119.76666700000001</v>
      </c>
      <c r="I7195" s="40">
        <v>20.369351218931545</v>
      </c>
      <c r="J7195" s="40">
        <v>119.766623601191</v>
      </c>
      <c r="K7195" s="40">
        <v>13.203256876604197</v>
      </c>
      <c r="L7195" s="40"/>
      <c r="M7195" s="40"/>
      <c r="N7195" s="40"/>
    </row>
    <row r="7196" spans="4:14" x14ac:dyDescent="0.25">
      <c r="D7196" s="40">
        <v>119.79520900000529</v>
      </c>
      <c r="E7196" s="40">
        <v>21.140047203897637</v>
      </c>
      <c r="F7196" s="40">
        <v>119.783333</v>
      </c>
      <c r="G7196" s="40">
        <v>21.698178783471576</v>
      </c>
      <c r="H7196" s="40">
        <v>119.783334</v>
      </c>
      <c r="I7196" s="40">
        <v>20.369351218931545</v>
      </c>
      <c r="J7196" s="40">
        <v>119.78329026190499</v>
      </c>
      <c r="K7196" s="40">
        <v>13.208107920313303</v>
      </c>
      <c r="L7196" s="40"/>
      <c r="M7196" s="40"/>
      <c r="N7196" s="40"/>
    </row>
    <row r="7197" spans="4:14" x14ac:dyDescent="0.25">
      <c r="D7197" s="40">
        <v>119.81187500000529</v>
      </c>
      <c r="E7197" s="40">
        <v>21.135204025308092</v>
      </c>
      <c r="F7197" s="40">
        <v>119.79999999999998</v>
      </c>
      <c r="G7197" s="40">
        <v>21.698178783471576</v>
      </c>
      <c r="H7197" s="40">
        <v>119.80000000000001</v>
      </c>
      <c r="I7197" s="40">
        <v>20.372605345188308</v>
      </c>
      <c r="J7197" s="40">
        <v>119.79995692262</v>
      </c>
      <c r="K7197" s="40">
        <v>13.208107920313303</v>
      </c>
      <c r="L7197" s="40"/>
      <c r="M7197" s="40"/>
      <c r="N7197" s="40"/>
    </row>
    <row r="7198" spans="4:14" x14ac:dyDescent="0.25">
      <c r="D7198" s="40">
        <v>119.82854100000529</v>
      </c>
      <c r="E7198" s="40">
        <v>21.135204025308092</v>
      </c>
      <c r="F7198" s="40">
        <v>119.816667</v>
      </c>
      <c r="G7198" s="40">
        <v>21.698178783471576</v>
      </c>
      <c r="H7198" s="40">
        <v>119.816667</v>
      </c>
      <c r="I7198" s="40">
        <v>20.375958081331561</v>
      </c>
      <c r="J7198" s="40">
        <v>119.81662358333401</v>
      </c>
      <c r="K7198" s="40">
        <v>13.208107920313303</v>
      </c>
      <c r="L7198" s="40"/>
      <c r="M7198" s="40"/>
      <c r="N7198" s="40"/>
    </row>
    <row r="7199" spans="4:14" x14ac:dyDescent="0.25">
      <c r="D7199" s="40">
        <v>119.84520700000529</v>
      </c>
      <c r="E7199" s="40">
        <v>21.135204025308092</v>
      </c>
      <c r="F7199" s="40">
        <v>119.83333299999998</v>
      </c>
      <c r="G7199" s="40">
        <v>21.698178783471576</v>
      </c>
      <c r="H7199" s="40">
        <v>119.83333400000001</v>
      </c>
      <c r="I7199" s="40">
        <v>20.379310817474995</v>
      </c>
      <c r="J7199" s="40">
        <v>119.833290244048</v>
      </c>
      <c r="K7199" s="40">
        <v>13.208107920313303</v>
      </c>
      <c r="L7199" s="40"/>
      <c r="M7199" s="40"/>
      <c r="N7199" s="40"/>
    </row>
    <row r="7200" spans="4:14" x14ac:dyDescent="0.25">
      <c r="D7200" s="40">
        <v>119.86187300000529</v>
      </c>
      <c r="E7200" s="40">
        <v>21.135204025308092</v>
      </c>
      <c r="F7200" s="40">
        <v>119.85</v>
      </c>
      <c r="G7200" s="40">
        <v>21.698178783471576</v>
      </c>
      <c r="H7200" s="40">
        <v>119.85</v>
      </c>
      <c r="I7200" s="40">
        <v>20.379310817474995</v>
      </c>
      <c r="J7200" s="40">
        <v>119.849956904763</v>
      </c>
      <c r="K7200" s="40">
        <v>13.203256876604197</v>
      </c>
      <c r="L7200" s="40"/>
      <c r="M7200" s="40"/>
      <c r="N7200" s="40"/>
    </row>
    <row r="7201" spans="4:14" x14ac:dyDescent="0.25">
      <c r="D7201" s="40">
        <v>119.87853900000529</v>
      </c>
      <c r="E7201" s="40">
        <v>21.135204025308092</v>
      </c>
      <c r="F7201" s="40">
        <v>119.86666700000001</v>
      </c>
      <c r="G7201" s="40">
        <v>21.698178783471576</v>
      </c>
      <c r="H7201" s="40">
        <v>119.86666700000001</v>
      </c>
      <c r="I7201" s="40">
        <v>20.382564943731758</v>
      </c>
      <c r="J7201" s="40">
        <v>119.866623565477</v>
      </c>
      <c r="K7201" s="40">
        <v>13.203256876604197</v>
      </c>
      <c r="L7201" s="40"/>
      <c r="M7201" s="40"/>
      <c r="N7201" s="40"/>
    </row>
    <row r="7202" spans="4:14" x14ac:dyDescent="0.25">
      <c r="D7202" s="40">
        <v>119.89520500000529</v>
      </c>
      <c r="E7202" s="40">
        <v>21.140047203897637</v>
      </c>
      <c r="F7202" s="40">
        <v>119.88333299999999</v>
      </c>
      <c r="G7202" s="40">
        <v>21.698178783471576</v>
      </c>
      <c r="H7202" s="40">
        <v>119.88333400000002</v>
      </c>
      <c r="I7202" s="40">
        <v>20.382564943731758</v>
      </c>
      <c r="J7202" s="40">
        <v>119.88329022619099</v>
      </c>
      <c r="K7202" s="40">
        <v>13.203256876604197</v>
      </c>
      <c r="L7202" s="40"/>
      <c r="M7202" s="40"/>
      <c r="N7202" s="40"/>
    </row>
    <row r="7203" spans="4:14" x14ac:dyDescent="0.25">
      <c r="D7203" s="40">
        <v>119.91187100000529</v>
      </c>
      <c r="E7203" s="40">
        <v>21.140047203897637</v>
      </c>
      <c r="F7203" s="40">
        <v>119.9</v>
      </c>
      <c r="G7203" s="40">
        <v>21.702934027561671</v>
      </c>
      <c r="H7203" s="40">
        <v>119.9</v>
      </c>
      <c r="I7203" s="40">
        <v>20.385917679875018</v>
      </c>
      <c r="J7203" s="40">
        <v>119.899956886905</v>
      </c>
      <c r="K7203" s="40">
        <v>13.203256876604197</v>
      </c>
      <c r="L7203" s="40"/>
      <c r="M7203" s="40"/>
      <c r="N7203" s="40"/>
    </row>
    <row r="7204" spans="4:14" x14ac:dyDescent="0.25">
      <c r="D7204" s="40">
        <v>119.92853700000529</v>
      </c>
      <c r="E7204" s="40">
        <v>21.140047203897637</v>
      </c>
      <c r="F7204" s="40">
        <v>119.91666699999999</v>
      </c>
      <c r="G7204" s="40">
        <v>21.702934027561671</v>
      </c>
      <c r="H7204" s="40">
        <v>119.91666700000002</v>
      </c>
      <c r="I7204" s="40">
        <v>20.385917679875018</v>
      </c>
      <c r="J7204" s="40">
        <v>119.91662354762001</v>
      </c>
      <c r="K7204" s="40">
        <v>13.203256876604197</v>
      </c>
      <c r="L7204" s="40"/>
      <c r="M7204" s="40"/>
      <c r="N7204" s="40"/>
    </row>
    <row r="7205" spans="4:14" x14ac:dyDescent="0.25">
      <c r="D7205" s="40">
        <v>119.94520300000529</v>
      </c>
      <c r="E7205" s="40">
        <v>21.140047203897637</v>
      </c>
      <c r="F7205" s="40">
        <v>119.933333</v>
      </c>
      <c r="G7205" s="40">
        <v>21.702934027561671</v>
      </c>
      <c r="H7205" s="40">
        <v>119.933334</v>
      </c>
      <c r="I7205" s="40">
        <v>20.389270416018274</v>
      </c>
      <c r="J7205" s="40">
        <v>119.933290208334</v>
      </c>
      <c r="K7205" s="40">
        <v>13.203256876604197</v>
      </c>
      <c r="L7205" s="40"/>
      <c r="M7205" s="40"/>
      <c r="N7205" s="40"/>
    </row>
    <row r="7206" spans="4:14" x14ac:dyDescent="0.25">
      <c r="D7206" s="40">
        <v>119.96186900000529</v>
      </c>
      <c r="E7206" s="40">
        <v>21.140047203897637</v>
      </c>
      <c r="F7206" s="40">
        <v>119.94999999999999</v>
      </c>
      <c r="G7206" s="40">
        <v>21.702934027561671</v>
      </c>
      <c r="H7206" s="40">
        <v>119.95000000000002</v>
      </c>
      <c r="I7206" s="40">
        <v>20.389270416018274</v>
      </c>
      <c r="J7206" s="40">
        <v>119.94995686904799</v>
      </c>
      <c r="K7206" s="40">
        <v>13.203256876604197</v>
      </c>
      <c r="L7206" s="40"/>
      <c r="M7206" s="40"/>
      <c r="N7206" s="40"/>
    </row>
    <row r="7207" spans="4:14" x14ac:dyDescent="0.25">
      <c r="D7207" s="40">
        <v>119.97853500000529</v>
      </c>
      <c r="E7207" s="40">
        <v>21.140047203897637</v>
      </c>
      <c r="F7207" s="40">
        <v>119.966667</v>
      </c>
      <c r="G7207" s="40">
        <v>21.707549411531573</v>
      </c>
      <c r="H7207" s="40">
        <v>119.966667</v>
      </c>
      <c r="I7207" s="40">
        <v>20.392524542275037</v>
      </c>
      <c r="J7207" s="40">
        <v>119.966623529763</v>
      </c>
      <c r="K7207" s="40">
        <v>13.203256876604197</v>
      </c>
      <c r="L7207" s="40"/>
      <c r="M7207" s="40"/>
      <c r="N7207" s="40"/>
    </row>
    <row r="7208" spans="4:14" x14ac:dyDescent="0.25">
      <c r="D7208" s="40">
        <v>119.9952010000053</v>
      </c>
      <c r="E7208" s="40">
        <v>21.140047203897637</v>
      </c>
      <c r="F7208" s="40">
        <v>119.98333299999999</v>
      </c>
      <c r="G7208" s="40">
        <v>21.707549411531573</v>
      </c>
      <c r="H7208" s="40">
        <v>119.98333400000001</v>
      </c>
      <c r="I7208" s="40">
        <v>20.392524542275037</v>
      </c>
      <c r="J7208" s="40">
        <v>119.98329019047701</v>
      </c>
      <c r="K7208" s="40">
        <v>13.203256876604197</v>
      </c>
      <c r="L7208" s="40"/>
      <c r="M7208" s="40"/>
      <c r="N7208" s="40"/>
    </row>
    <row r="7209" spans="4:14" x14ac:dyDescent="0.25">
      <c r="D7209" s="40">
        <v>120.0118670000053</v>
      </c>
      <c r="E7209" s="40">
        <v>21.140047203897637</v>
      </c>
      <c r="F7209" s="40">
        <v>120</v>
      </c>
      <c r="G7209" s="40">
        <v>21.707549411531573</v>
      </c>
      <c r="H7209" s="40">
        <v>120</v>
      </c>
      <c r="I7209" s="40">
        <v>20.392524542275037</v>
      </c>
      <c r="J7209" s="40">
        <v>119.999956851191</v>
      </c>
      <c r="K7209" s="40">
        <v>13.203256876604197</v>
      </c>
      <c r="L7209" s="40"/>
      <c r="M7209" s="40"/>
      <c r="N7209" s="40"/>
    </row>
    <row r="7210" spans="4:14" x14ac:dyDescent="0.25">
      <c r="D7210" s="40">
        <v>120.0285330000053</v>
      </c>
      <c r="E7210" s="40">
        <v>21.140047203897637</v>
      </c>
      <c r="F7210" s="40">
        <v>120.01666699999998</v>
      </c>
      <c r="G7210" s="40">
        <v>21.707549411531573</v>
      </c>
      <c r="H7210" s="40">
        <v>120.01666700000001</v>
      </c>
      <c r="I7210" s="40">
        <v>20.395877278418297</v>
      </c>
      <c r="J7210" s="40">
        <v>120.016623511905</v>
      </c>
      <c r="K7210" s="40">
        <v>13.203256876604197</v>
      </c>
      <c r="L7210" s="40"/>
      <c r="M7210" s="40"/>
      <c r="N7210" s="40"/>
    </row>
    <row r="7211" spans="4:14" x14ac:dyDescent="0.25">
      <c r="D7211" s="40">
        <v>120.0451990000053</v>
      </c>
      <c r="E7211" s="40">
        <v>21.140047203897637</v>
      </c>
      <c r="F7211" s="40">
        <v>120.033333</v>
      </c>
      <c r="G7211" s="40">
        <v>21.707549411531573</v>
      </c>
      <c r="H7211" s="40">
        <v>120.033334</v>
      </c>
      <c r="I7211" s="40">
        <v>20.395877278418297</v>
      </c>
      <c r="J7211" s="40">
        <v>120.03329017262</v>
      </c>
      <c r="K7211" s="40">
        <v>13.208107920313303</v>
      </c>
      <c r="L7211" s="40"/>
      <c r="M7211" s="40"/>
      <c r="N7211" s="40"/>
    </row>
    <row r="7212" spans="4:14" x14ac:dyDescent="0.25">
      <c r="D7212" s="40">
        <v>120.0618650000053</v>
      </c>
      <c r="E7212" s="40">
        <v>21.140047203897637</v>
      </c>
      <c r="F7212" s="40">
        <v>120.04999999999998</v>
      </c>
      <c r="G7212" s="40">
        <v>21.712304655621793</v>
      </c>
      <c r="H7212" s="40">
        <v>120.05000000000001</v>
      </c>
      <c r="I7212" s="40">
        <v>20.399230014561727</v>
      </c>
      <c r="J7212" s="40">
        <v>120.04995683333399</v>
      </c>
      <c r="K7212" s="40">
        <v>13.208107920313303</v>
      </c>
      <c r="L7212" s="40"/>
      <c r="M7212" s="40"/>
      <c r="N7212" s="40"/>
    </row>
    <row r="7213" spans="4:14" x14ac:dyDescent="0.25">
      <c r="D7213" s="40">
        <v>120.0785310000053</v>
      </c>
      <c r="E7213" s="40">
        <v>21.140047203897637</v>
      </c>
      <c r="F7213" s="40">
        <v>120.066667</v>
      </c>
      <c r="G7213" s="40">
        <v>21.712304655621793</v>
      </c>
      <c r="H7213" s="40">
        <v>120.066667</v>
      </c>
      <c r="I7213" s="40">
        <v>20.399230014561727</v>
      </c>
      <c r="J7213" s="40">
        <v>120.066623494048</v>
      </c>
      <c r="K7213" s="40">
        <v>13.208107920313303</v>
      </c>
      <c r="L7213" s="40"/>
      <c r="M7213" s="40"/>
      <c r="N7213" s="40"/>
    </row>
    <row r="7214" spans="4:14" x14ac:dyDescent="0.25">
      <c r="D7214" s="40">
        <v>120.0951970000053</v>
      </c>
      <c r="E7214" s="40">
        <v>21.140047203897637</v>
      </c>
      <c r="F7214" s="40">
        <v>120.08333299999998</v>
      </c>
      <c r="G7214" s="40">
        <v>21.712304655621793</v>
      </c>
      <c r="H7214" s="40">
        <v>120.08333400000001</v>
      </c>
      <c r="I7214" s="40">
        <v>20.40248414081849</v>
      </c>
      <c r="J7214" s="40">
        <v>120.08329015476301</v>
      </c>
      <c r="K7214" s="40">
        <v>13.208107920313303</v>
      </c>
      <c r="L7214" s="40"/>
      <c r="M7214" s="40"/>
      <c r="N7214" s="40"/>
    </row>
    <row r="7215" spans="4:14" x14ac:dyDescent="0.25">
      <c r="D7215" s="40">
        <v>120.1118630000053</v>
      </c>
      <c r="E7215" s="40">
        <v>21.144890382487187</v>
      </c>
      <c r="F7215" s="40">
        <v>120.1</v>
      </c>
      <c r="G7215" s="40">
        <v>21.717059899712009</v>
      </c>
      <c r="H7215" s="40">
        <v>120.1</v>
      </c>
      <c r="I7215" s="40">
        <v>20.40248414081849</v>
      </c>
      <c r="J7215" s="40">
        <v>120.099956815477</v>
      </c>
      <c r="K7215" s="40">
        <v>13.212958964022533</v>
      </c>
      <c r="L7215" s="40"/>
      <c r="M7215" s="40"/>
      <c r="N7215" s="40"/>
    </row>
    <row r="7216" spans="4:14" x14ac:dyDescent="0.25">
      <c r="D7216" s="40">
        <v>120.1285290000053</v>
      </c>
      <c r="E7216" s="40">
        <v>21.144890382487187</v>
      </c>
      <c r="F7216" s="40">
        <v>120.11666700000001</v>
      </c>
      <c r="G7216" s="40">
        <v>21.717059899712009</v>
      </c>
      <c r="H7216" s="40">
        <v>120.11666700000001</v>
      </c>
      <c r="I7216" s="40">
        <v>20.405836876961747</v>
      </c>
      <c r="J7216" s="40">
        <v>120.11662347619099</v>
      </c>
      <c r="K7216" s="40">
        <v>13.212958964022533</v>
      </c>
      <c r="L7216" s="40"/>
      <c r="M7216" s="40"/>
      <c r="N7216" s="40"/>
    </row>
    <row r="7217" spans="4:14" x14ac:dyDescent="0.25">
      <c r="D7217" s="40">
        <v>120.1451950000053</v>
      </c>
      <c r="E7217" s="40">
        <v>21.144890382487187</v>
      </c>
      <c r="F7217" s="40">
        <v>120.13333299999999</v>
      </c>
      <c r="G7217" s="40">
        <v>21.717059899712009</v>
      </c>
      <c r="H7217" s="40">
        <v>120.13333400000002</v>
      </c>
      <c r="I7217" s="40">
        <v>20.405836876961747</v>
      </c>
      <c r="J7217" s="40">
        <v>120.133290136905</v>
      </c>
      <c r="K7217" s="40">
        <v>13.212958964022533</v>
      </c>
      <c r="L7217" s="40"/>
      <c r="M7217" s="40"/>
      <c r="N7217" s="40"/>
    </row>
    <row r="7218" spans="4:14" x14ac:dyDescent="0.25">
      <c r="D7218" s="40">
        <v>120.1618610000053</v>
      </c>
      <c r="E7218" s="40">
        <v>21.144890382487187</v>
      </c>
      <c r="F7218" s="40">
        <v>120.15</v>
      </c>
      <c r="G7218" s="40">
        <v>21.717059899712009</v>
      </c>
      <c r="H7218" s="40">
        <v>120.15</v>
      </c>
      <c r="I7218" s="40">
        <v>20.409189613105003</v>
      </c>
      <c r="J7218" s="40">
        <v>120.14995679762001</v>
      </c>
      <c r="K7218" s="40">
        <v>13.217667329975594</v>
      </c>
      <c r="L7218" s="40"/>
      <c r="M7218" s="40"/>
      <c r="N7218" s="40"/>
    </row>
    <row r="7219" spans="4:14" x14ac:dyDescent="0.25">
      <c r="D7219" s="40">
        <v>120.1785270000053</v>
      </c>
      <c r="E7219" s="40">
        <v>21.149591114647485</v>
      </c>
      <c r="F7219" s="40">
        <v>120.16666699999999</v>
      </c>
      <c r="G7219" s="40">
        <v>21.717059899712009</v>
      </c>
      <c r="H7219" s="40">
        <v>120.16666700000002</v>
      </c>
      <c r="I7219" s="40">
        <v>20.409189613105003</v>
      </c>
      <c r="J7219" s="40">
        <v>120.166623458334</v>
      </c>
      <c r="K7219" s="40">
        <v>13.2225183736847</v>
      </c>
      <c r="L7219" s="40"/>
      <c r="M7219" s="40"/>
      <c r="N7219" s="40"/>
    </row>
    <row r="7220" spans="4:14" x14ac:dyDescent="0.25">
      <c r="D7220" s="40">
        <v>120.1951930000053</v>
      </c>
      <c r="E7220" s="40">
        <v>21.149591114647485</v>
      </c>
      <c r="F7220" s="40">
        <v>120.183333</v>
      </c>
      <c r="G7220" s="40">
        <v>21.717059899712009</v>
      </c>
      <c r="H7220" s="40">
        <v>120.183334</v>
      </c>
      <c r="I7220" s="40">
        <v>20.412443739361766</v>
      </c>
      <c r="J7220" s="40">
        <v>120.183290119048</v>
      </c>
      <c r="K7220" s="40">
        <v>13.2225183736847</v>
      </c>
      <c r="L7220" s="40"/>
      <c r="M7220" s="40"/>
      <c r="N7220" s="40"/>
    </row>
    <row r="7221" spans="4:14" x14ac:dyDescent="0.25">
      <c r="D7221" s="40">
        <v>120.2118590000053</v>
      </c>
      <c r="E7221" s="40">
        <v>21.149591114647485</v>
      </c>
      <c r="F7221" s="40">
        <v>120.19999999999999</v>
      </c>
      <c r="G7221" s="40">
        <v>21.717059899712009</v>
      </c>
      <c r="H7221" s="40">
        <v>120.20000000000002</v>
      </c>
      <c r="I7221" s="40">
        <v>20.412443739361766</v>
      </c>
      <c r="J7221" s="40">
        <v>120.199956779763</v>
      </c>
      <c r="K7221" s="40">
        <v>13.2225183736847</v>
      </c>
      <c r="L7221" s="40"/>
      <c r="M7221" s="40"/>
      <c r="N7221" s="40"/>
    </row>
    <row r="7222" spans="4:14" x14ac:dyDescent="0.25">
      <c r="D7222" s="40">
        <v>120.22852500000531</v>
      </c>
      <c r="E7222" s="40">
        <v>21.154434293237031</v>
      </c>
      <c r="F7222" s="40">
        <v>120.216667</v>
      </c>
      <c r="G7222" s="40">
        <v>21.717059899712009</v>
      </c>
      <c r="H7222" s="40">
        <v>120.216667</v>
      </c>
      <c r="I7222" s="40">
        <v>20.415796475505196</v>
      </c>
      <c r="J7222" s="40">
        <v>120.21662344047699</v>
      </c>
      <c r="K7222" s="40">
        <v>13.227369417393932</v>
      </c>
      <c r="L7222" s="40"/>
      <c r="M7222" s="40"/>
      <c r="N7222" s="40"/>
    </row>
    <row r="7223" spans="4:14" x14ac:dyDescent="0.25">
      <c r="D7223" s="40">
        <v>120.24519100000531</v>
      </c>
      <c r="E7223" s="40">
        <v>21.154434293237031</v>
      </c>
      <c r="F7223" s="40">
        <v>120.23333299999999</v>
      </c>
      <c r="G7223" s="40">
        <v>21.717059899712009</v>
      </c>
      <c r="H7223" s="40">
        <v>120.23333400000001</v>
      </c>
      <c r="I7223" s="40">
        <v>20.415796475505196</v>
      </c>
      <c r="J7223" s="40">
        <v>120.233290101191</v>
      </c>
      <c r="K7223" s="40">
        <v>13.227369417393932</v>
      </c>
      <c r="L7223" s="40"/>
      <c r="M7223" s="40"/>
      <c r="N7223" s="40"/>
    </row>
    <row r="7224" spans="4:14" x14ac:dyDescent="0.25">
      <c r="D7224" s="40">
        <v>120.26185700000531</v>
      </c>
      <c r="E7224" s="40">
        <v>21.159277471826581</v>
      </c>
      <c r="F7224" s="40">
        <v>120.25</v>
      </c>
      <c r="G7224" s="40">
        <v>21.717059899712009</v>
      </c>
      <c r="H7224" s="40">
        <v>120.25</v>
      </c>
      <c r="I7224" s="40">
        <v>20.419149211648456</v>
      </c>
      <c r="J7224" s="40">
        <v>120.249956761905</v>
      </c>
      <c r="K7224" s="40">
        <v>13.227369417393932</v>
      </c>
      <c r="L7224" s="40"/>
      <c r="M7224" s="40"/>
      <c r="N7224" s="40"/>
    </row>
    <row r="7225" spans="4:14" x14ac:dyDescent="0.25">
      <c r="D7225" s="40">
        <v>120.27852300000531</v>
      </c>
      <c r="E7225" s="40">
        <v>21.159277471826581</v>
      </c>
      <c r="F7225" s="40">
        <v>120.26666699999998</v>
      </c>
      <c r="G7225" s="40">
        <v>21.72167528368179</v>
      </c>
      <c r="H7225" s="40">
        <v>120.26666700000001</v>
      </c>
      <c r="I7225" s="40">
        <v>20.419149211648456</v>
      </c>
      <c r="J7225" s="40">
        <v>120.26662342262</v>
      </c>
      <c r="K7225" s="40">
        <v>13.227369417393932</v>
      </c>
      <c r="L7225" s="40"/>
      <c r="M7225" s="40"/>
      <c r="N7225" s="40"/>
    </row>
    <row r="7226" spans="4:14" x14ac:dyDescent="0.25">
      <c r="D7226" s="40">
        <v>120.29518900000531</v>
      </c>
      <c r="E7226" s="40">
        <v>21.159277471826581</v>
      </c>
      <c r="F7226" s="40">
        <v>120.283333</v>
      </c>
      <c r="G7226" s="40">
        <v>21.72167528368179</v>
      </c>
      <c r="H7226" s="40">
        <v>120.283334</v>
      </c>
      <c r="I7226" s="40">
        <v>20.422403337905219</v>
      </c>
      <c r="J7226" s="40">
        <v>120.28329008333399</v>
      </c>
      <c r="K7226" s="40">
        <v>13.227369417393932</v>
      </c>
      <c r="L7226" s="40"/>
      <c r="M7226" s="40"/>
      <c r="N7226" s="40"/>
    </row>
    <row r="7227" spans="4:14" x14ac:dyDescent="0.25">
      <c r="D7227" s="40">
        <v>120.31185500000531</v>
      </c>
      <c r="E7227" s="40">
        <v>21.159277471826581</v>
      </c>
      <c r="F7227" s="40">
        <v>120.29999999999998</v>
      </c>
      <c r="G7227" s="40">
        <v>21.72167528368179</v>
      </c>
      <c r="H7227" s="40">
        <v>120.30000000000001</v>
      </c>
      <c r="I7227" s="40">
        <v>20.422403337905219</v>
      </c>
      <c r="J7227" s="40">
        <v>120.299956744048</v>
      </c>
      <c r="K7227" s="40">
        <v>13.232077783346993</v>
      </c>
      <c r="L7227" s="40"/>
      <c r="M7227" s="40"/>
      <c r="N7227" s="40"/>
    </row>
    <row r="7228" spans="4:14" x14ac:dyDescent="0.25">
      <c r="D7228" s="40">
        <v>120.32852100000531</v>
      </c>
      <c r="E7228" s="40">
        <v>21.163978203987007</v>
      </c>
      <c r="F7228" s="40">
        <v>120.316667</v>
      </c>
      <c r="G7228" s="40">
        <v>21.72167528368179</v>
      </c>
      <c r="H7228" s="40">
        <v>120.316667</v>
      </c>
      <c r="I7228" s="40">
        <v>20.422403337905219</v>
      </c>
      <c r="J7228" s="40">
        <v>120.31662340476301</v>
      </c>
      <c r="K7228" s="40">
        <v>13.232077783346993</v>
      </c>
      <c r="L7228" s="40"/>
      <c r="M7228" s="40"/>
      <c r="N7228" s="40"/>
    </row>
    <row r="7229" spans="4:14" x14ac:dyDescent="0.25">
      <c r="D7229" s="40">
        <v>120.34518700000531</v>
      </c>
      <c r="E7229" s="40">
        <v>21.163978203987007</v>
      </c>
      <c r="F7229" s="40">
        <v>120.33333299999998</v>
      </c>
      <c r="G7229" s="40">
        <v>21.72167528368179</v>
      </c>
      <c r="H7229" s="40">
        <v>120.33333400000001</v>
      </c>
      <c r="I7229" s="40">
        <v>20.425756074048476</v>
      </c>
      <c r="J7229" s="40">
        <v>120.333290065477</v>
      </c>
      <c r="K7229" s="40">
        <v>13.232077783346993</v>
      </c>
      <c r="L7229" s="40"/>
      <c r="M7229" s="40"/>
      <c r="N7229" s="40"/>
    </row>
    <row r="7230" spans="4:14" x14ac:dyDescent="0.25">
      <c r="D7230" s="40">
        <v>120.36185300000531</v>
      </c>
      <c r="E7230" s="40">
        <v>21.163978203987007</v>
      </c>
      <c r="F7230" s="40">
        <v>120.35</v>
      </c>
      <c r="G7230" s="40">
        <v>21.72167528368179</v>
      </c>
      <c r="H7230" s="40">
        <v>120.35</v>
      </c>
      <c r="I7230" s="40">
        <v>20.425756074048476</v>
      </c>
      <c r="J7230" s="40">
        <v>120.349956726191</v>
      </c>
      <c r="K7230" s="40">
        <v>13.232077783346993</v>
      </c>
      <c r="L7230" s="40"/>
      <c r="M7230" s="40"/>
      <c r="N7230" s="40"/>
    </row>
    <row r="7231" spans="4:14" x14ac:dyDescent="0.25">
      <c r="D7231" s="40">
        <v>120.37851900000531</v>
      </c>
      <c r="E7231" s="40">
        <v>21.163978203987007</v>
      </c>
      <c r="F7231" s="40">
        <v>120.36666700000001</v>
      </c>
      <c r="G7231" s="40">
        <v>21.72167528368179</v>
      </c>
      <c r="H7231" s="40">
        <v>120.36666700000001</v>
      </c>
      <c r="I7231" s="40">
        <v>20.429108810191735</v>
      </c>
      <c r="J7231" s="40">
        <v>120.366623386905</v>
      </c>
      <c r="K7231" s="40">
        <v>13.232077783346993</v>
      </c>
      <c r="L7231" s="40"/>
      <c r="M7231" s="40"/>
      <c r="N7231" s="40"/>
    </row>
    <row r="7232" spans="4:14" x14ac:dyDescent="0.25">
      <c r="D7232" s="40">
        <v>120.39518500000531</v>
      </c>
      <c r="E7232" s="40">
        <v>21.163978203987007</v>
      </c>
      <c r="F7232" s="40">
        <v>120.38333299999999</v>
      </c>
      <c r="G7232" s="40">
        <v>21.72167528368179</v>
      </c>
      <c r="H7232" s="40">
        <v>120.38333400000002</v>
      </c>
      <c r="I7232" s="40">
        <v>20.432362936448499</v>
      </c>
      <c r="J7232" s="40">
        <v>120.38329004761999</v>
      </c>
      <c r="K7232" s="40">
        <v>13.227369417393932</v>
      </c>
      <c r="L7232" s="40"/>
      <c r="M7232" s="40"/>
      <c r="N7232" s="40"/>
    </row>
    <row r="7233" spans="4:14" x14ac:dyDescent="0.25">
      <c r="D7233" s="40">
        <v>120.41185100000531</v>
      </c>
      <c r="E7233" s="40">
        <v>21.163978203987007</v>
      </c>
      <c r="F7233" s="40">
        <v>120.4</v>
      </c>
      <c r="G7233" s="40">
        <v>21.72167528368179</v>
      </c>
      <c r="H7233" s="40">
        <v>120.4</v>
      </c>
      <c r="I7233" s="40">
        <v>20.432362936448499</v>
      </c>
      <c r="J7233" s="40">
        <v>120.399956708334</v>
      </c>
      <c r="K7233" s="40">
        <v>13.227369417393932</v>
      </c>
      <c r="L7233" s="40"/>
      <c r="M7233" s="40"/>
      <c r="N7233" s="40"/>
    </row>
    <row r="7234" spans="4:14" x14ac:dyDescent="0.25">
      <c r="D7234" s="40">
        <v>120.42851700000531</v>
      </c>
      <c r="E7234" s="40">
        <v>21.163978203987007</v>
      </c>
      <c r="F7234" s="40">
        <v>120.41666699999999</v>
      </c>
      <c r="G7234" s="40">
        <v>21.72167528368179</v>
      </c>
      <c r="H7234" s="40">
        <v>120.41666700000002</v>
      </c>
      <c r="I7234" s="40">
        <v>20.435715672591929</v>
      </c>
      <c r="J7234" s="40">
        <v>120.416623369048</v>
      </c>
      <c r="K7234" s="40">
        <v>13.232077783346993</v>
      </c>
      <c r="L7234" s="40"/>
      <c r="M7234" s="40"/>
      <c r="N7234" s="40"/>
    </row>
    <row r="7235" spans="4:14" x14ac:dyDescent="0.25">
      <c r="D7235" s="40">
        <v>120.44518300000531</v>
      </c>
      <c r="E7235" s="40">
        <v>21.163978203987007</v>
      </c>
      <c r="F7235" s="40">
        <v>120.433333</v>
      </c>
      <c r="G7235" s="40">
        <v>21.72167528368179</v>
      </c>
      <c r="H7235" s="40">
        <v>120.433334</v>
      </c>
      <c r="I7235" s="40">
        <v>20.435715672591929</v>
      </c>
      <c r="J7235" s="40">
        <v>120.433290029763</v>
      </c>
      <c r="K7235" s="40">
        <v>13.236928827056097</v>
      </c>
      <c r="L7235" s="40"/>
      <c r="M7235" s="40"/>
      <c r="N7235" s="40"/>
    </row>
    <row r="7236" spans="4:14" x14ac:dyDescent="0.25">
      <c r="D7236" s="40">
        <v>120.46184900000532</v>
      </c>
      <c r="E7236" s="40">
        <v>21.163978203987007</v>
      </c>
      <c r="F7236" s="40">
        <v>120.44999999999999</v>
      </c>
      <c r="G7236" s="40">
        <v>21.72167528368179</v>
      </c>
      <c r="H7236" s="40">
        <v>120.45000000000002</v>
      </c>
      <c r="I7236" s="40">
        <v>20.439068408735185</v>
      </c>
      <c r="J7236" s="40">
        <v>120.44995669047699</v>
      </c>
      <c r="K7236" s="40">
        <v>13.241779870765329</v>
      </c>
      <c r="L7236" s="40"/>
      <c r="M7236" s="40"/>
      <c r="N7236" s="40"/>
    </row>
    <row r="7237" spans="4:14" x14ac:dyDescent="0.25">
      <c r="D7237" s="40">
        <v>120.47851500000532</v>
      </c>
      <c r="E7237" s="40">
        <v>21.163978203987007</v>
      </c>
      <c r="F7237" s="40">
        <v>120.466667</v>
      </c>
      <c r="G7237" s="40">
        <v>21.72167528368179</v>
      </c>
      <c r="H7237" s="40">
        <v>120.466667</v>
      </c>
      <c r="I7237" s="40">
        <v>20.439068408735185</v>
      </c>
      <c r="J7237" s="40">
        <v>120.466623351191</v>
      </c>
      <c r="K7237" s="40">
        <v>13.236928827056097</v>
      </c>
      <c r="L7237" s="40"/>
      <c r="M7237" s="40"/>
      <c r="N7237" s="40"/>
    </row>
    <row r="7238" spans="4:14" x14ac:dyDescent="0.25">
      <c r="D7238" s="40">
        <v>120.49518100000532</v>
      </c>
      <c r="E7238" s="40">
        <v>21.163978203987007</v>
      </c>
      <c r="F7238" s="40">
        <v>120.48333299999999</v>
      </c>
      <c r="G7238" s="40">
        <v>21.72167528368179</v>
      </c>
      <c r="H7238" s="40">
        <v>120.48333400000001</v>
      </c>
      <c r="I7238" s="40">
        <v>20.442322534991948</v>
      </c>
      <c r="J7238" s="40">
        <v>120.483290011905</v>
      </c>
      <c r="K7238" s="40">
        <v>13.232077783346993</v>
      </c>
      <c r="L7238" s="40"/>
      <c r="M7238" s="40"/>
      <c r="N7238" s="40"/>
    </row>
    <row r="7239" spans="4:14" x14ac:dyDescent="0.25">
      <c r="D7239" s="40">
        <v>120.51184700000532</v>
      </c>
      <c r="E7239" s="40">
        <v>21.163978203987007</v>
      </c>
      <c r="F7239" s="40">
        <v>120.5</v>
      </c>
      <c r="G7239" s="40">
        <v>21.717059899712009</v>
      </c>
      <c r="H7239" s="40">
        <v>120.5</v>
      </c>
      <c r="I7239" s="40">
        <v>20.442322534991948</v>
      </c>
      <c r="J7239" s="40">
        <v>120.49995667262</v>
      </c>
      <c r="K7239" s="40">
        <v>13.227369417393932</v>
      </c>
      <c r="L7239" s="40"/>
      <c r="M7239" s="40"/>
      <c r="N7239" s="40"/>
    </row>
    <row r="7240" spans="4:14" x14ac:dyDescent="0.25">
      <c r="D7240" s="40">
        <v>120.52851300000532</v>
      </c>
      <c r="E7240" s="40">
        <v>21.163978203987007</v>
      </c>
      <c r="F7240" s="40">
        <v>120.51666699999998</v>
      </c>
      <c r="G7240" s="40">
        <v>21.717059899712009</v>
      </c>
      <c r="H7240" s="40">
        <v>120.51666700000001</v>
      </c>
      <c r="I7240" s="40">
        <v>20.445675271135208</v>
      </c>
      <c r="J7240" s="40">
        <v>120.516623333334</v>
      </c>
      <c r="K7240" s="40">
        <v>13.2225183736847</v>
      </c>
      <c r="L7240" s="40"/>
      <c r="M7240" s="40"/>
      <c r="N7240" s="40"/>
    </row>
    <row r="7241" spans="4:14" x14ac:dyDescent="0.25">
      <c r="D7241" s="40">
        <v>120.54517900000532</v>
      </c>
      <c r="E7241" s="40">
        <v>21.163978203987007</v>
      </c>
      <c r="F7241" s="40">
        <v>120.533333</v>
      </c>
      <c r="G7241" s="40">
        <v>21.717059899712009</v>
      </c>
      <c r="H7241" s="40">
        <v>120.533334</v>
      </c>
      <c r="I7241" s="40">
        <v>20.445675271135208</v>
      </c>
      <c r="J7241" s="40">
        <v>120.533289994048</v>
      </c>
      <c r="K7241" s="40">
        <v>13.2225183736847</v>
      </c>
      <c r="L7241" s="40"/>
      <c r="M7241" s="40"/>
      <c r="N7241" s="40"/>
    </row>
    <row r="7242" spans="4:14" x14ac:dyDescent="0.25">
      <c r="D7242" s="40">
        <v>120.56184500000532</v>
      </c>
      <c r="E7242" s="40">
        <v>21.163978203987007</v>
      </c>
      <c r="F7242" s="40">
        <v>120.54999999999998</v>
      </c>
      <c r="G7242" s="40">
        <v>21.717059899712009</v>
      </c>
      <c r="H7242" s="40">
        <v>120.55000000000001</v>
      </c>
      <c r="I7242" s="40">
        <v>20.449028007278642</v>
      </c>
      <c r="J7242" s="40">
        <v>120.54995665476299</v>
      </c>
      <c r="K7242" s="40">
        <v>13.217667329975594</v>
      </c>
      <c r="L7242" s="40"/>
      <c r="M7242" s="40"/>
      <c r="N7242" s="40"/>
    </row>
    <row r="7243" spans="4:14" x14ac:dyDescent="0.25">
      <c r="D7243" s="40">
        <v>120.57851100000532</v>
      </c>
      <c r="E7243" s="40">
        <v>21.163978203987007</v>
      </c>
      <c r="F7243" s="40">
        <v>120.566667</v>
      </c>
      <c r="G7243" s="40">
        <v>21.72167528368179</v>
      </c>
      <c r="H7243" s="40">
        <v>120.566667</v>
      </c>
      <c r="I7243" s="40">
        <v>20.452282133535228</v>
      </c>
      <c r="J7243" s="40">
        <v>120.566623315477</v>
      </c>
      <c r="K7243" s="40">
        <v>13.217667329975594</v>
      </c>
      <c r="L7243" s="40"/>
      <c r="M7243" s="40"/>
      <c r="N7243" s="40"/>
    </row>
    <row r="7244" spans="4:14" x14ac:dyDescent="0.25">
      <c r="D7244" s="40">
        <v>120.59517700000532</v>
      </c>
      <c r="E7244" s="40">
        <v>21.163978203987007</v>
      </c>
      <c r="F7244" s="40">
        <v>120.58333299999998</v>
      </c>
      <c r="G7244" s="40">
        <v>21.72167528368179</v>
      </c>
      <c r="H7244" s="40">
        <v>120.58333400000001</v>
      </c>
      <c r="I7244" s="40">
        <v>20.452282133535228</v>
      </c>
      <c r="J7244" s="40">
        <v>120.583289976191</v>
      </c>
      <c r="K7244" s="40">
        <v>13.217667329975594</v>
      </c>
      <c r="L7244" s="40"/>
      <c r="M7244" s="40"/>
      <c r="N7244" s="40"/>
    </row>
    <row r="7245" spans="4:14" x14ac:dyDescent="0.25">
      <c r="D7245" s="40">
        <v>120.61184300000532</v>
      </c>
      <c r="E7245" s="40">
        <v>21.163978203987007</v>
      </c>
      <c r="F7245" s="40">
        <v>120.6</v>
      </c>
      <c r="G7245" s="40">
        <v>21.72167528368179</v>
      </c>
      <c r="H7245" s="40">
        <v>120.6</v>
      </c>
      <c r="I7245" s="40">
        <v>20.455634869678658</v>
      </c>
      <c r="J7245" s="40">
        <v>120.59995663690501</v>
      </c>
      <c r="K7245" s="40">
        <v>13.217667329975594</v>
      </c>
      <c r="L7245" s="40"/>
      <c r="M7245" s="40"/>
      <c r="N7245" s="40"/>
    </row>
    <row r="7246" spans="4:14" x14ac:dyDescent="0.25">
      <c r="D7246" s="40">
        <v>120.62850900000532</v>
      </c>
      <c r="E7246" s="40">
        <v>21.163978203987007</v>
      </c>
      <c r="F7246" s="40">
        <v>120.61666700000001</v>
      </c>
      <c r="G7246" s="40">
        <v>21.72167528368179</v>
      </c>
      <c r="H7246" s="40">
        <v>120.61666700000001</v>
      </c>
      <c r="I7246" s="40">
        <v>20.455634869678658</v>
      </c>
      <c r="J7246" s="40">
        <v>120.61662329762</v>
      </c>
      <c r="K7246" s="40">
        <v>13.217667329975594</v>
      </c>
      <c r="L7246" s="40"/>
      <c r="M7246" s="40"/>
      <c r="N7246" s="40"/>
    </row>
    <row r="7247" spans="4:14" x14ac:dyDescent="0.25">
      <c r="D7247" s="40">
        <v>120.64517500000532</v>
      </c>
      <c r="E7247" s="40">
        <v>21.163978203987007</v>
      </c>
      <c r="F7247" s="40">
        <v>120.63333299999999</v>
      </c>
      <c r="G7247" s="40">
        <v>21.72167528368179</v>
      </c>
      <c r="H7247" s="40">
        <v>120.63333400000002</v>
      </c>
      <c r="I7247" s="40">
        <v>20.458987605821914</v>
      </c>
      <c r="J7247" s="40">
        <v>120.633289958334</v>
      </c>
      <c r="K7247" s="40">
        <v>13.217667329975594</v>
      </c>
      <c r="L7247" s="40"/>
      <c r="M7247" s="40"/>
      <c r="N7247" s="40"/>
    </row>
    <row r="7248" spans="4:14" x14ac:dyDescent="0.25">
      <c r="D7248" s="40">
        <v>120.66184100000532</v>
      </c>
      <c r="E7248" s="40">
        <v>21.163978203987007</v>
      </c>
      <c r="F7248" s="40">
        <v>120.65</v>
      </c>
      <c r="G7248" s="40">
        <v>21.72643052777201</v>
      </c>
      <c r="H7248" s="40">
        <v>120.65</v>
      </c>
      <c r="I7248" s="40">
        <v>20.458987605821914</v>
      </c>
      <c r="J7248" s="40">
        <v>120.649956619048</v>
      </c>
      <c r="K7248" s="40">
        <v>13.217667329975594</v>
      </c>
      <c r="L7248" s="40"/>
      <c r="M7248" s="40"/>
      <c r="N7248" s="40"/>
    </row>
    <row r="7249" spans="4:14" x14ac:dyDescent="0.25">
      <c r="D7249" s="40">
        <v>120.67850700000533</v>
      </c>
      <c r="E7249" s="40">
        <v>21.163978203987007</v>
      </c>
      <c r="F7249" s="40">
        <v>120.66666699999999</v>
      </c>
      <c r="G7249" s="40">
        <v>21.72643052777201</v>
      </c>
      <c r="H7249" s="40">
        <v>120.66666700000002</v>
      </c>
      <c r="I7249" s="40">
        <v>20.462241732078677</v>
      </c>
      <c r="J7249" s="40">
        <v>120.666623279763</v>
      </c>
      <c r="K7249" s="40">
        <v>13.217667329975594</v>
      </c>
      <c r="L7249" s="40"/>
      <c r="M7249" s="40"/>
      <c r="N7249" s="40"/>
    </row>
    <row r="7250" spans="4:14" x14ac:dyDescent="0.25">
      <c r="D7250" s="40">
        <v>120.69517300000533</v>
      </c>
      <c r="E7250" s="40">
        <v>21.163978203987007</v>
      </c>
      <c r="F7250" s="40">
        <v>120.683333</v>
      </c>
      <c r="G7250" s="40">
        <v>21.72643052777201</v>
      </c>
      <c r="H7250" s="40">
        <v>120.683334</v>
      </c>
      <c r="I7250" s="40">
        <v>20.462241732078677</v>
      </c>
      <c r="J7250" s="40">
        <v>120.683289940477</v>
      </c>
      <c r="K7250" s="40">
        <v>13.217667329975594</v>
      </c>
      <c r="L7250" s="40"/>
      <c r="M7250" s="40"/>
      <c r="N7250" s="40"/>
    </row>
    <row r="7251" spans="4:14" x14ac:dyDescent="0.25">
      <c r="D7251" s="40">
        <v>120.71183900000533</v>
      </c>
      <c r="E7251" s="40">
        <v>21.159277471826581</v>
      </c>
      <c r="F7251" s="40">
        <v>120.69999999999999</v>
      </c>
      <c r="G7251" s="40">
        <v>21.72643052777201</v>
      </c>
      <c r="H7251" s="40">
        <v>120.70000000000002</v>
      </c>
      <c r="I7251" s="40">
        <v>20.465594468221937</v>
      </c>
      <c r="J7251" s="40">
        <v>120.699956601191</v>
      </c>
      <c r="K7251" s="40">
        <v>13.217667329975594</v>
      </c>
      <c r="L7251" s="40"/>
      <c r="M7251" s="40"/>
      <c r="N7251" s="40"/>
    </row>
    <row r="7252" spans="4:14" x14ac:dyDescent="0.25">
      <c r="D7252" s="40">
        <v>120.72850500000533</v>
      </c>
      <c r="E7252" s="40">
        <v>21.159277471826581</v>
      </c>
      <c r="F7252" s="40">
        <v>120.716667</v>
      </c>
      <c r="G7252" s="40">
        <v>21.72643052777201</v>
      </c>
      <c r="H7252" s="40">
        <v>120.716667</v>
      </c>
      <c r="I7252" s="40">
        <v>20.465594468221937</v>
      </c>
      <c r="J7252" s="40">
        <v>120.716623261905</v>
      </c>
      <c r="K7252" s="40">
        <v>13.217667329975594</v>
      </c>
      <c r="L7252" s="40"/>
      <c r="M7252" s="40"/>
      <c r="N7252" s="40"/>
    </row>
    <row r="7253" spans="4:14" x14ac:dyDescent="0.25">
      <c r="D7253" s="40">
        <v>120.74517100000533</v>
      </c>
      <c r="E7253" s="40">
        <v>21.154434293237031</v>
      </c>
      <c r="F7253" s="40">
        <v>120.73333299999999</v>
      </c>
      <c r="G7253" s="40">
        <v>21.72643052777201</v>
      </c>
      <c r="H7253" s="40">
        <v>120.73333400000001</v>
      </c>
      <c r="I7253" s="40">
        <v>20.468947204365371</v>
      </c>
      <c r="J7253" s="40">
        <v>120.73328992262</v>
      </c>
      <c r="K7253" s="40">
        <v>13.2225183736847</v>
      </c>
      <c r="L7253" s="40"/>
      <c r="M7253" s="40"/>
      <c r="N7253" s="40"/>
    </row>
    <row r="7254" spans="4:14" x14ac:dyDescent="0.25">
      <c r="D7254" s="40">
        <v>120.76183700000533</v>
      </c>
      <c r="E7254" s="40">
        <v>21.154434293237031</v>
      </c>
      <c r="F7254" s="40">
        <v>120.75</v>
      </c>
      <c r="G7254" s="40">
        <v>21.731185771862226</v>
      </c>
      <c r="H7254" s="40">
        <v>120.75</v>
      </c>
      <c r="I7254" s="40">
        <v>20.472201330622134</v>
      </c>
      <c r="J7254" s="40">
        <v>120.749956583334</v>
      </c>
      <c r="K7254" s="40">
        <v>13.2225183736847</v>
      </c>
      <c r="L7254" s="40"/>
      <c r="M7254" s="40"/>
      <c r="N7254" s="40"/>
    </row>
    <row r="7255" spans="4:14" x14ac:dyDescent="0.25">
      <c r="D7255" s="40">
        <v>120.77850300000533</v>
      </c>
      <c r="E7255" s="40">
        <v>21.154434293237031</v>
      </c>
      <c r="F7255" s="40">
        <v>120.76666699999998</v>
      </c>
      <c r="G7255" s="40">
        <v>21.731185771862226</v>
      </c>
      <c r="H7255" s="40">
        <v>120.76666700000001</v>
      </c>
      <c r="I7255" s="40">
        <v>20.472201330622134</v>
      </c>
      <c r="J7255" s="40">
        <v>120.76662324404801</v>
      </c>
      <c r="K7255" s="40">
        <v>13.2225183736847</v>
      </c>
      <c r="L7255" s="40"/>
      <c r="M7255" s="40"/>
      <c r="N7255" s="40"/>
    </row>
    <row r="7256" spans="4:14" x14ac:dyDescent="0.25">
      <c r="D7256" s="40">
        <v>120.79516900000533</v>
      </c>
      <c r="E7256" s="40">
        <v>21.154434293237031</v>
      </c>
      <c r="F7256" s="40">
        <v>120.783333</v>
      </c>
      <c r="G7256" s="40">
        <v>21.731185771862226</v>
      </c>
      <c r="H7256" s="40">
        <v>120.783334</v>
      </c>
      <c r="I7256" s="40">
        <v>20.475554066765387</v>
      </c>
      <c r="J7256" s="40">
        <v>120.783289904763</v>
      </c>
      <c r="K7256" s="40">
        <v>13.227369417393932</v>
      </c>
      <c r="L7256" s="40"/>
      <c r="M7256" s="40"/>
      <c r="N7256" s="40"/>
    </row>
    <row r="7257" spans="4:14" x14ac:dyDescent="0.25">
      <c r="D7257" s="40">
        <v>120.81183500000533</v>
      </c>
      <c r="E7257" s="40">
        <v>21.154434293237031</v>
      </c>
      <c r="F7257" s="40">
        <v>120.79999999999998</v>
      </c>
      <c r="G7257" s="40">
        <v>21.731185771862226</v>
      </c>
      <c r="H7257" s="40">
        <v>120.80000000000001</v>
      </c>
      <c r="I7257" s="40">
        <v>20.475554066765387</v>
      </c>
      <c r="J7257" s="40">
        <v>120.799956565477</v>
      </c>
      <c r="K7257" s="40">
        <v>13.232077783346993</v>
      </c>
      <c r="L7257" s="40"/>
      <c r="M7257" s="40"/>
      <c r="N7257" s="40"/>
    </row>
    <row r="7258" spans="4:14" x14ac:dyDescent="0.25">
      <c r="D7258" s="40">
        <v>120.82850100000533</v>
      </c>
      <c r="E7258" s="40">
        <v>21.154434293237031</v>
      </c>
      <c r="F7258" s="40">
        <v>120.816667</v>
      </c>
      <c r="G7258" s="40">
        <v>21.731185771862226</v>
      </c>
      <c r="H7258" s="40">
        <v>120.816667</v>
      </c>
      <c r="I7258" s="40">
        <v>20.478906802908647</v>
      </c>
      <c r="J7258" s="40">
        <v>120.816623226191</v>
      </c>
      <c r="K7258" s="40">
        <v>13.232077783346993</v>
      </c>
      <c r="L7258" s="40"/>
      <c r="M7258" s="40"/>
      <c r="N7258" s="40"/>
    </row>
    <row r="7259" spans="4:14" x14ac:dyDescent="0.25">
      <c r="D7259" s="40">
        <v>120.84516700000533</v>
      </c>
      <c r="E7259" s="40">
        <v>21.149591114647485</v>
      </c>
      <c r="F7259" s="40">
        <v>120.83333299999998</v>
      </c>
      <c r="G7259" s="40">
        <v>21.731185771862226</v>
      </c>
      <c r="H7259" s="40">
        <v>120.83333400000001</v>
      </c>
      <c r="I7259" s="40">
        <v>20.478906802908647</v>
      </c>
      <c r="J7259" s="40">
        <v>120.83328988690501</v>
      </c>
      <c r="K7259" s="40">
        <v>13.232077783346993</v>
      </c>
      <c r="L7259" s="40"/>
      <c r="M7259" s="40"/>
      <c r="N7259" s="40"/>
    </row>
    <row r="7260" spans="4:14" x14ac:dyDescent="0.25">
      <c r="D7260" s="40">
        <v>120.86183300000533</v>
      </c>
      <c r="E7260" s="40">
        <v>21.149591114647485</v>
      </c>
      <c r="F7260" s="40">
        <v>120.85</v>
      </c>
      <c r="G7260" s="40">
        <v>21.735801155832004</v>
      </c>
      <c r="H7260" s="40">
        <v>120.85</v>
      </c>
      <c r="I7260" s="40">
        <v>20.482259539051903</v>
      </c>
      <c r="J7260" s="40">
        <v>120.84995654762</v>
      </c>
      <c r="K7260" s="40">
        <v>13.227369417393932</v>
      </c>
      <c r="L7260" s="40"/>
      <c r="M7260" s="40"/>
      <c r="N7260" s="40"/>
    </row>
    <row r="7261" spans="4:14" x14ac:dyDescent="0.25">
      <c r="D7261" s="40">
        <v>120.87849900000533</v>
      </c>
      <c r="E7261" s="40">
        <v>21.144890382487187</v>
      </c>
      <c r="F7261" s="40">
        <v>120.86666700000001</v>
      </c>
      <c r="G7261" s="40">
        <v>21.735801155832004</v>
      </c>
      <c r="H7261" s="40">
        <v>120.86666700000001</v>
      </c>
      <c r="I7261" s="40">
        <v>20.482259539051903</v>
      </c>
      <c r="J7261" s="40">
        <v>120.866623208334</v>
      </c>
      <c r="K7261" s="40">
        <v>13.2225183736847</v>
      </c>
      <c r="L7261" s="40"/>
      <c r="M7261" s="40"/>
      <c r="N7261" s="40"/>
    </row>
    <row r="7262" spans="4:14" x14ac:dyDescent="0.25">
      <c r="D7262" s="40">
        <v>120.89516500000533</v>
      </c>
      <c r="E7262" s="40">
        <v>21.144890382487187</v>
      </c>
      <c r="F7262" s="40">
        <v>120.88333299999999</v>
      </c>
      <c r="G7262" s="40">
        <v>21.735801155832004</v>
      </c>
      <c r="H7262" s="40">
        <v>120.88333400000002</v>
      </c>
      <c r="I7262" s="40">
        <v>20.485513665308666</v>
      </c>
      <c r="J7262" s="40">
        <v>120.883289869048</v>
      </c>
      <c r="K7262" s="40">
        <v>13.227369417393932</v>
      </c>
      <c r="L7262" s="40"/>
      <c r="M7262" s="40"/>
      <c r="N7262" s="40"/>
    </row>
    <row r="7263" spans="4:14" x14ac:dyDescent="0.25">
      <c r="D7263" s="40">
        <v>120.91183100000534</v>
      </c>
      <c r="E7263" s="40">
        <v>21.140047203897637</v>
      </c>
      <c r="F7263" s="40">
        <v>120.9</v>
      </c>
      <c r="G7263" s="40">
        <v>21.735801155832004</v>
      </c>
      <c r="H7263" s="40">
        <v>120.9</v>
      </c>
      <c r="I7263" s="40">
        <v>20.485513665308666</v>
      </c>
      <c r="J7263" s="40">
        <v>120.899956529763</v>
      </c>
      <c r="K7263" s="40">
        <v>13.232077783346993</v>
      </c>
      <c r="L7263" s="40"/>
      <c r="M7263" s="40"/>
      <c r="N7263" s="40"/>
    </row>
    <row r="7264" spans="4:14" x14ac:dyDescent="0.25">
      <c r="D7264" s="40">
        <v>120.92849700000534</v>
      </c>
      <c r="E7264" s="40">
        <v>21.140047203897637</v>
      </c>
      <c r="F7264" s="40">
        <v>120.91666699999999</v>
      </c>
      <c r="G7264" s="40">
        <v>21.735801155832004</v>
      </c>
      <c r="H7264" s="40">
        <v>120.91666700000002</v>
      </c>
      <c r="I7264" s="40">
        <v>20.4888664014521</v>
      </c>
      <c r="J7264" s="40">
        <v>120.916623190477</v>
      </c>
      <c r="K7264" s="40">
        <v>13.236928827056097</v>
      </c>
      <c r="L7264" s="40"/>
      <c r="M7264" s="40"/>
      <c r="N7264" s="40"/>
    </row>
    <row r="7265" spans="4:14" x14ac:dyDescent="0.25">
      <c r="D7265" s="40">
        <v>120.94516300000534</v>
      </c>
      <c r="E7265" s="40">
        <v>21.140047203897637</v>
      </c>
      <c r="F7265" s="40">
        <v>120.933333</v>
      </c>
      <c r="G7265" s="40">
        <v>21.735801155832004</v>
      </c>
      <c r="H7265" s="40">
        <v>120.933334</v>
      </c>
      <c r="I7265" s="40">
        <v>20.4888664014521</v>
      </c>
      <c r="J7265" s="40">
        <v>120.93328985119101</v>
      </c>
      <c r="K7265" s="40">
        <v>13.241779870765329</v>
      </c>
      <c r="L7265" s="40"/>
      <c r="M7265" s="40"/>
      <c r="N7265" s="40"/>
    </row>
    <row r="7266" spans="4:14" x14ac:dyDescent="0.25">
      <c r="D7266" s="40">
        <v>120.96182900000534</v>
      </c>
      <c r="E7266" s="40">
        <v>21.135204025308092</v>
      </c>
      <c r="F7266" s="40">
        <v>120.94999999999999</v>
      </c>
      <c r="G7266" s="40">
        <v>21.735801155832004</v>
      </c>
      <c r="H7266" s="40">
        <v>120.95000000000002</v>
      </c>
      <c r="I7266" s="40">
        <v>20.492219137595356</v>
      </c>
      <c r="J7266" s="40">
        <v>120.949956511905</v>
      </c>
      <c r="K7266" s="40">
        <v>13.24648823671839</v>
      </c>
      <c r="L7266" s="40"/>
      <c r="M7266" s="40"/>
      <c r="N7266" s="40"/>
    </row>
    <row r="7267" spans="4:14" x14ac:dyDescent="0.25">
      <c r="D7267" s="40">
        <v>120.97849500000534</v>
      </c>
      <c r="E7267" s="40">
        <v>21.135204025308092</v>
      </c>
      <c r="F7267" s="40">
        <v>120.966667</v>
      </c>
      <c r="G7267" s="40">
        <v>21.740556399922223</v>
      </c>
      <c r="H7267" s="40">
        <v>120.966667</v>
      </c>
      <c r="I7267" s="40">
        <v>20.492219137595356</v>
      </c>
      <c r="J7267" s="40">
        <v>120.96662317262</v>
      </c>
      <c r="K7267" s="40">
        <v>13.24648823671839</v>
      </c>
      <c r="L7267" s="40"/>
      <c r="M7267" s="40"/>
      <c r="N7267" s="40"/>
    </row>
    <row r="7268" spans="4:14" x14ac:dyDescent="0.25">
      <c r="D7268" s="40">
        <v>120.99516100000534</v>
      </c>
      <c r="E7268" s="40">
        <v>21.13050329314779</v>
      </c>
      <c r="F7268" s="40">
        <v>120.98333299999999</v>
      </c>
      <c r="G7268" s="40">
        <v>21.740556399922223</v>
      </c>
      <c r="H7268" s="40">
        <v>120.98333400000001</v>
      </c>
      <c r="I7268" s="40">
        <v>20.495473263852116</v>
      </c>
      <c r="J7268" s="40">
        <v>120.983289833334</v>
      </c>
      <c r="K7268" s="40">
        <v>13.24648823671839</v>
      </c>
      <c r="L7268" s="40"/>
      <c r="M7268" s="40"/>
      <c r="N7268" s="40"/>
    </row>
    <row r="7269" spans="4:14" x14ac:dyDescent="0.25">
      <c r="D7269" s="40">
        <v>121.01182700000534</v>
      </c>
      <c r="E7269" s="40">
        <v>21.125660114558244</v>
      </c>
      <c r="F7269" s="40">
        <v>121</v>
      </c>
      <c r="G7269" s="40">
        <v>21.740556399922223</v>
      </c>
      <c r="H7269" s="40">
        <v>121</v>
      </c>
      <c r="I7269" s="40">
        <v>20.495473263852116</v>
      </c>
      <c r="J7269" s="40">
        <v>120.99995649404801</v>
      </c>
      <c r="K7269" s="40">
        <v>13.24648823671839</v>
      </c>
      <c r="L7269" s="40"/>
      <c r="M7269" s="40"/>
      <c r="N7269" s="40"/>
    </row>
    <row r="7270" spans="4:14" x14ac:dyDescent="0.25">
      <c r="D7270" s="40">
        <v>121.02849300000534</v>
      </c>
      <c r="E7270" s="40">
        <v>21.125660114558244</v>
      </c>
      <c r="F7270" s="40">
        <v>121.01666699999998</v>
      </c>
      <c r="G7270" s="40">
        <v>21.740556399922223</v>
      </c>
      <c r="H7270" s="40">
        <v>121.01666700000001</v>
      </c>
      <c r="I7270" s="40">
        <v>20.498825999995375</v>
      </c>
      <c r="J7270" s="40">
        <v>121.016623154763</v>
      </c>
      <c r="K7270" s="40">
        <v>13.24648823671839</v>
      </c>
      <c r="L7270" s="40"/>
      <c r="M7270" s="40"/>
      <c r="N7270" s="40"/>
    </row>
    <row r="7271" spans="4:14" x14ac:dyDescent="0.25">
      <c r="D7271" s="40">
        <v>121.04515900000534</v>
      </c>
      <c r="E7271" s="40">
        <v>21.120816935968691</v>
      </c>
      <c r="F7271" s="40">
        <v>121.033333</v>
      </c>
      <c r="G7271" s="40">
        <v>21.740556399922223</v>
      </c>
      <c r="H7271" s="40">
        <v>121.033334</v>
      </c>
      <c r="I7271" s="40">
        <v>20.498825999995375</v>
      </c>
      <c r="J7271" s="40">
        <v>121.033289815477</v>
      </c>
      <c r="K7271" s="40">
        <v>13.24648823671839</v>
      </c>
      <c r="L7271" s="40"/>
      <c r="M7271" s="40"/>
      <c r="N7271" s="40"/>
    </row>
    <row r="7272" spans="4:14" x14ac:dyDescent="0.25">
      <c r="D7272" s="40">
        <v>121.06182500000534</v>
      </c>
      <c r="E7272" s="40">
        <v>21.120816935968691</v>
      </c>
      <c r="F7272" s="40">
        <v>121.04999999999998</v>
      </c>
      <c r="G7272" s="40">
        <v>21.740556399922223</v>
      </c>
      <c r="H7272" s="40">
        <v>121.05000000000001</v>
      </c>
      <c r="I7272" s="40">
        <v>20.502178736138809</v>
      </c>
      <c r="J7272" s="40">
        <v>121.049956476191</v>
      </c>
      <c r="K7272" s="40">
        <v>13.24648823671839</v>
      </c>
      <c r="L7272" s="40"/>
      <c r="M7272" s="40"/>
      <c r="N7272" s="40"/>
    </row>
    <row r="7273" spans="4:14" x14ac:dyDescent="0.25">
      <c r="D7273" s="40">
        <v>121.07849100000534</v>
      </c>
      <c r="E7273" s="40">
        <v>21.120816935968691</v>
      </c>
      <c r="F7273" s="40">
        <v>121.066667</v>
      </c>
      <c r="G7273" s="40">
        <v>21.740556399922223</v>
      </c>
      <c r="H7273" s="40">
        <v>121.066667</v>
      </c>
      <c r="I7273" s="40">
        <v>20.502178736138809</v>
      </c>
      <c r="J7273" s="40">
        <v>121.06662313690499</v>
      </c>
      <c r="K7273" s="40">
        <v>13.24648823671839</v>
      </c>
      <c r="L7273" s="40"/>
      <c r="M7273" s="40"/>
      <c r="N7273" s="40"/>
    </row>
    <row r="7274" spans="4:14" x14ac:dyDescent="0.25">
      <c r="D7274" s="40">
        <v>121.09515700000534</v>
      </c>
      <c r="E7274" s="40">
        <v>21.120816935968691</v>
      </c>
      <c r="F7274" s="40">
        <v>121.08333299999998</v>
      </c>
      <c r="G7274" s="40">
        <v>21.740556399922223</v>
      </c>
      <c r="H7274" s="40">
        <v>121.08333400000001</v>
      </c>
      <c r="I7274" s="40">
        <v>20.505432862395395</v>
      </c>
      <c r="J7274" s="40">
        <v>121.08328979762</v>
      </c>
      <c r="K7274" s="40">
        <v>13.24648823671839</v>
      </c>
      <c r="L7274" s="40"/>
      <c r="M7274" s="40"/>
      <c r="N7274" s="40"/>
    </row>
    <row r="7275" spans="4:14" x14ac:dyDescent="0.25">
      <c r="D7275" s="40">
        <v>121.11182300000534</v>
      </c>
      <c r="E7275" s="40">
        <v>21.120816935968691</v>
      </c>
      <c r="F7275" s="40">
        <v>121.1</v>
      </c>
      <c r="G7275" s="40">
        <v>21.740556399922223</v>
      </c>
      <c r="H7275" s="40">
        <v>121.1</v>
      </c>
      <c r="I7275" s="40">
        <v>20.505432862395395</v>
      </c>
      <c r="J7275" s="40">
        <v>121.09995645833401</v>
      </c>
      <c r="K7275" s="40">
        <v>13.24648823671839</v>
      </c>
      <c r="L7275" s="40"/>
      <c r="M7275" s="40"/>
      <c r="N7275" s="40"/>
    </row>
    <row r="7276" spans="4:14" x14ac:dyDescent="0.25">
      <c r="D7276" s="40">
        <v>121.12848900000535</v>
      </c>
      <c r="E7276" s="40">
        <v>21.120816935968691</v>
      </c>
      <c r="F7276" s="40">
        <v>121.11666700000001</v>
      </c>
      <c r="G7276" s="40">
        <v>21.740556399922223</v>
      </c>
      <c r="H7276" s="40">
        <v>121.11666700000001</v>
      </c>
      <c r="I7276" s="40">
        <v>20.508785598538829</v>
      </c>
      <c r="J7276" s="40">
        <v>121.116623119048</v>
      </c>
      <c r="K7276" s="40">
        <v>13.24648823671839</v>
      </c>
      <c r="L7276" s="40"/>
      <c r="M7276" s="40"/>
      <c r="N7276" s="40"/>
    </row>
    <row r="7277" spans="4:14" x14ac:dyDescent="0.25">
      <c r="D7277" s="40">
        <v>121.14515500000535</v>
      </c>
      <c r="E7277" s="40">
        <v>21.125660114558244</v>
      </c>
      <c r="F7277" s="40">
        <v>121.13333299999999</v>
      </c>
      <c r="G7277" s="40">
        <v>21.740556399922223</v>
      </c>
      <c r="H7277" s="40">
        <v>121.13333400000002</v>
      </c>
      <c r="I7277" s="40">
        <v>20.512138334682088</v>
      </c>
      <c r="J7277" s="40">
        <v>121.133289779763</v>
      </c>
      <c r="K7277" s="40">
        <v>13.24648823671839</v>
      </c>
      <c r="L7277" s="40"/>
      <c r="M7277" s="40"/>
      <c r="N7277" s="40"/>
    </row>
    <row r="7278" spans="4:14" x14ac:dyDescent="0.25">
      <c r="D7278" s="40">
        <v>121.16182100000535</v>
      </c>
      <c r="E7278" s="40">
        <v>21.13050329314779</v>
      </c>
      <c r="F7278" s="40">
        <v>121.15</v>
      </c>
      <c r="G7278" s="40">
        <v>21.740556399922223</v>
      </c>
      <c r="H7278" s="40">
        <v>121.15</v>
      </c>
      <c r="I7278" s="40">
        <v>20.512138334682088</v>
      </c>
      <c r="J7278" s="40">
        <v>121.149956440477</v>
      </c>
      <c r="K7278" s="40">
        <v>13.241779870765329</v>
      </c>
      <c r="L7278" s="40"/>
      <c r="M7278" s="40"/>
      <c r="N7278" s="40"/>
    </row>
    <row r="7279" spans="4:14" x14ac:dyDescent="0.25">
      <c r="D7279" s="40">
        <v>121.17848700000535</v>
      </c>
      <c r="E7279" s="40">
        <v>21.13050329314779</v>
      </c>
      <c r="F7279" s="40">
        <v>121.16666699999999</v>
      </c>
      <c r="G7279" s="40">
        <v>21.740556399922223</v>
      </c>
      <c r="H7279" s="40">
        <v>121.16666700000002</v>
      </c>
      <c r="I7279" s="40">
        <v>20.515392460938848</v>
      </c>
      <c r="J7279" s="40">
        <v>121.16662310119101</v>
      </c>
      <c r="K7279" s="40">
        <v>13.241779870765329</v>
      </c>
      <c r="L7279" s="40"/>
      <c r="M7279" s="40"/>
      <c r="N7279" s="40"/>
    </row>
    <row r="7280" spans="4:14" x14ac:dyDescent="0.25">
      <c r="D7280" s="40">
        <v>121.19515300000535</v>
      </c>
      <c r="E7280" s="40">
        <v>21.13050329314779</v>
      </c>
      <c r="F7280" s="40">
        <v>121.183333</v>
      </c>
      <c r="G7280" s="40">
        <v>21.740556399922223</v>
      </c>
      <c r="H7280" s="40">
        <v>121.183334</v>
      </c>
      <c r="I7280" s="40">
        <v>20.515392460938848</v>
      </c>
      <c r="J7280" s="40">
        <v>121.183289761905</v>
      </c>
      <c r="K7280" s="40">
        <v>13.241779870765329</v>
      </c>
      <c r="L7280" s="40"/>
      <c r="M7280" s="40"/>
      <c r="N7280" s="40"/>
    </row>
    <row r="7281" spans="4:14" x14ac:dyDescent="0.25">
      <c r="D7281" s="40">
        <v>121.21181900000535</v>
      </c>
      <c r="E7281" s="40">
        <v>21.135204025308092</v>
      </c>
      <c r="F7281" s="40">
        <v>121.19999999999999</v>
      </c>
      <c r="G7281" s="40">
        <v>21.740556399922223</v>
      </c>
      <c r="H7281" s="40">
        <v>121.20000000000002</v>
      </c>
      <c r="I7281" s="40">
        <v>20.518745197082104</v>
      </c>
      <c r="J7281" s="40">
        <v>121.19995642262001</v>
      </c>
      <c r="K7281" s="40">
        <v>13.241779870765329</v>
      </c>
      <c r="L7281" s="40"/>
      <c r="M7281" s="40"/>
      <c r="N7281" s="40"/>
    </row>
    <row r="7282" spans="4:14" x14ac:dyDescent="0.25">
      <c r="D7282" s="40">
        <v>121.22848500000535</v>
      </c>
      <c r="E7282" s="40">
        <v>21.135204025308092</v>
      </c>
      <c r="F7282" s="40">
        <v>121.216667</v>
      </c>
      <c r="G7282" s="40">
        <v>21.740556399922223</v>
      </c>
      <c r="H7282" s="40">
        <v>121.216667</v>
      </c>
      <c r="I7282" s="40">
        <v>20.518745197082104</v>
      </c>
      <c r="J7282" s="40">
        <v>121.216623083334</v>
      </c>
      <c r="K7282" s="40">
        <v>13.241779870765329</v>
      </c>
      <c r="L7282" s="40"/>
      <c r="M7282" s="40"/>
      <c r="N7282" s="40"/>
    </row>
    <row r="7283" spans="4:14" x14ac:dyDescent="0.25">
      <c r="D7283" s="40">
        <v>121.24515100000535</v>
      </c>
      <c r="E7283" s="40">
        <v>21.140047203897637</v>
      </c>
      <c r="F7283" s="40">
        <v>121.23333299999999</v>
      </c>
      <c r="G7283" s="40">
        <v>21.740556399922223</v>
      </c>
      <c r="H7283" s="40">
        <v>121.23333400000001</v>
      </c>
      <c r="I7283" s="40">
        <v>20.522097933225538</v>
      </c>
      <c r="J7283" s="40">
        <v>121.23328974404799</v>
      </c>
      <c r="K7283" s="40">
        <v>13.241779870765329</v>
      </c>
      <c r="L7283" s="40"/>
      <c r="M7283" s="40"/>
      <c r="N7283" s="40"/>
    </row>
    <row r="7284" spans="4:14" x14ac:dyDescent="0.25">
      <c r="D7284" s="40">
        <v>121.26181700000535</v>
      </c>
      <c r="E7284" s="40">
        <v>21.140047203897637</v>
      </c>
      <c r="F7284" s="40">
        <v>121.25</v>
      </c>
      <c r="G7284" s="40">
        <v>21.740556399922223</v>
      </c>
      <c r="H7284" s="40">
        <v>121.25</v>
      </c>
      <c r="I7284" s="40">
        <v>20.522097933225538</v>
      </c>
      <c r="J7284" s="40">
        <v>121.249956404763</v>
      </c>
      <c r="K7284" s="40">
        <v>13.241779870765329</v>
      </c>
      <c r="L7284" s="40"/>
      <c r="M7284" s="40"/>
      <c r="N7284" s="40"/>
    </row>
    <row r="7285" spans="4:14" x14ac:dyDescent="0.25">
      <c r="D7285" s="40">
        <v>121.27848300000535</v>
      </c>
      <c r="E7285" s="40">
        <v>21.140047203897637</v>
      </c>
      <c r="F7285" s="40">
        <v>121.26666699999998</v>
      </c>
      <c r="G7285" s="40">
        <v>21.745311644012439</v>
      </c>
      <c r="H7285" s="40">
        <v>121.26666700000001</v>
      </c>
      <c r="I7285" s="40">
        <v>20.525352059482302</v>
      </c>
      <c r="J7285" s="40">
        <v>121.26662306547701</v>
      </c>
      <c r="K7285" s="40">
        <v>13.241779870765329</v>
      </c>
      <c r="L7285" s="40"/>
      <c r="M7285" s="40"/>
      <c r="N7285" s="40"/>
    </row>
    <row r="7286" spans="4:14" x14ac:dyDescent="0.25">
      <c r="D7286" s="40">
        <v>121.29514900000535</v>
      </c>
      <c r="E7286" s="40">
        <v>21.144890382487187</v>
      </c>
      <c r="F7286" s="40">
        <v>121.283333</v>
      </c>
      <c r="G7286" s="40">
        <v>21.745311644012439</v>
      </c>
      <c r="H7286" s="40">
        <v>121.283334</v>
      </c>
      <c r="I7286" s="40">
        <v>20.525352059482302</v>
      </c>
      <c r="J7286" s="40">
        <v>121.283289726191</v>
      </c>
      <c r="K7286" s="40">
        <v>13.236928827056097</v>
      </c>
      <c r="L7286" s="40"/>
      <c r="M7286" s="40"/>
      <c r="N7286" s="40"/>
    </row>
    <row r="7287" spans="4:14" x14ac:dyDescent="0.25">
      <c r="D7287" s="40">
        <v>121.31181500000535</v>
      </c>
      <c r="E7287" s="40">
        <v>21.149591114647485</v>
      </c>
      <c r="F7287" s="40">
        <v>121.29999999999998</v>
      </c>
      <c r="G7287" s="40">
        <v>21.745311644012439</v>
      </c>
      <c r="H7287" s="40">
        <v>121.30000000000001</v>
      </c>
      <c r="I7287" s="40">
        <v>20.528704795625561</v>
      </c>
      <c r="J7287" s="40">
        <v>121.299956386905</v>
      </c>
      <c r="K7287" s="40">
        <v>13.236928827056097</v>
      </c>
      <c r="L7287" s="40"/>
      <c r="M7287" s="40"/>
      <c r="N7287" s="40"/>
    </row>
    <row r="7288" spans="4:14" x14ac:dyDescent="0.25">
      <c r="D7288" s="40">
        <v>121.32848100000535</v>
      </c>
      <c r="E7288" s="40">
        <v>21.154434293237031</v>
      </c>
      <c r="F7288" s="40">
        <v>121.316667</v>
      </c>
      <c r="G7288" s="40">
        <v>21.745311644012439</v>
      </c>
      <c r="H7288" s="40">
        <v>121.316667</v>
      </c>
      <c r="I7288" s="40">
        <v>20.528704795625561</v>
      </c>
      <c r="J7288" s="40">
        <v>121.31662304762</v>
      </c>
      <c r="K7288" s="40">
        <v>13.236928827056097</v>
      </c>
      <c r="L7288" s="40"/>
      <c r="M7288" s="40"/>
      <c r="N7288" s="40"/>
    </row>
    <row r="7289" spans="4:14" x14ac:dyDescent="0.25">
      <c r="D7289" s="40">
        <v>121.34514700000535</v>
      </c>
      <c r="E7289" s="40">
        <v>21.159277471826581</v>
      </c>
      <c r="F7289" s="40">
        <v>121.33333299999998</v>
      </c>
      <c r="G7289" s="40">
        <v>21.745311644012439</v>
      </c>
      <c r="H7289" s="40">
        <v>121.33333400000001</v>
      </c>
      <c r="I7289" s="40">
        <v>20.532057531768817</v>
      </c>
      <c r="J7289" s="40">
        <v>121.33328970833399</v>
      </c>
      <c r="K7289" s="40">
        <v>13.232077783346993</v>
      </c>
      <c r="L7289" s="40"/>
      <c r="M7289" s="40"/>
      <c r="N7289" s="40"/>
    </row>
    <row r="7290" spans="4:14" x14ac:dyDescent="0.25">
      <c r="D7290" s="40">
        <v>121.36181300000536</v>
      </c>
      <c r="E7290" s="40">
        <v>21.163978203987007</v>
      </c>
      <c r="F7290" s="40">
        <v>121.35</v>
      </c>
      <c r="G7290" s="40">
        <v>21.750066888102534</v>
      </c>
      <c r="H7290" s="40">
        <v>121.35</v>
      </c>
      <c r="I7290" s="40">
        <v>20.532057531768817</v>
      </c>
      <c r="J7290" s="40">
        <v>121.349956369048</v>
      </c>
      <c r="K7290" s="40">
        <v>13.232077783346993</v>
      </c>
      <c r="L7290" s="40"/>
      <c r="M7290" s="40"/>
      <c r="N7290" s="40"/>
    </row>
    <row r="7291" spans="4:14" x14ac:dyDescent="0.25">
      <c r="D7291" s="40">
        <v>121.37847900000536</v>
      </c>
      <c r="E7291" s="40">
        <v>21.168821382576429</v>
      </c>
      <c r="F7291" s="40">
        <v>121.36666700000001</v>
      </c>
      <c r="G7291" s="40">
        <v>21.750066888102534</v>
      </c>
      <c r="H7291" s="40">
        <v>121.36666700000001</v>
      </c>
      <c r="I7291" s="40">
        <v>20.535311658025577</v>
      </c>
      <c r="J7291" s="40">
        <v>121.36662302976301</v>
      </c>
      <c r="K7291" s="40">
        <v>13.232077783346993</v>
      </c>
      <c r="L7291" s="40"/>
      <c r="M7291" s="40"/>
      <c r="N7291" s="40"/>
    </row>
    <row r="7292" spans="4:14" x14ac:dyDescent="0.25">
      <c r="D7292" s="40">
        <v>121.39514500000536</v>
      </c>
      <c r="E7292" s="40">
        <v>21.173664561165978</v>
      </c>
      <c r="F7292" s="40">
        <v>121.38333299999999</v>
      </c>
      <c r="G7292" s="40">
        <v>21.750066888102534</v>
      </c>
      <c r="H7292" s="40">
        <v>121.38333400000002</v>
      </c>
      <c r="I7292" s="40">
        <v>20.538664394168833</v>
      </c>
      <c r="J7292" s="40">
        <v>121.383289690477</v>
      </c>
      <c r="K7292" s="40">
        <v>13.232077783346993</v>
      </c>
      <c r="L7292" s="40"/>
      <c r="M7292" s="40"/>
      <c r="N7292" s="40"/>
    </row>
    <row r="7293" spans="4:14" x14ac:dyDescent="0.25">
      <c r="D7293" s="40">
        <v>121.41181100000536</v>
      </c>
      <c r="E7293" s="40">
        <v>21.178365293326401</v>
      </c>
      <c r="F7293" s="40">
        <v>121.4</v>
      </c>
      <c r="G7293" s="40">
        <v>21.750066888102534</v>
      </c>
      <c r="H7293" s="40">
        <v>121.4</v>
      </c>
      <c r="I7293" s="40">
        <v>20.538664394168833</v>
      </c>
      <c r="J7293" s="40">
        <v>121.39995635119099</v>
      </c>
      <c r="K7293" s="40">
        <v>13.232077783346993</v>
      </c>
      <c r="L7293" s="40"/>
      <c r="M7293" s="40"/>
      <c r="N7293" s="40"/>
    </row>
    <row r="7294" spans="4:14" x14ac:dyDescent="0.25">
      <c r="D7294" s="40">
        <v>121.42847700000536</v>
      </c>
      <c r="E7294" s="40">
        <v>21.178365293326401</v>
      </c>
      <c r="F7294" s="40">
        <v>121.41666699999999</v>
      </c>
      <c r="G7294" s="40">
        <v>21.750066888102534</v>
      </c>
      <c r="H7294" s="40">
        <v>121.41666700000002</v>
      </c>
      <c r="I7294" s="40">
        <v>20.542017130312267</v>
      </c>
      <c r="J7294" s="40">
        <v>121.416623011905</v>
      </c>
      <c r="K7294" s="40">
        <v>13.232077783346993</v>
      </c>
      <c r="L7294" s="40"/>
      <c r="M7294" s="40"/>
      <c r="N7294" s="40"/>
    </row>
    <row r="7295" spans="4:14" x14ac:dyDescent="0.25">
      <c r="D7295" s="40">
        <v>121.44514300000536</v>
      </c>
      <c r="E7295" s="40">
        <v>21.183208471915826</v>
      </c>
      <c r="F7295" s="40">
        <v>121.433333</v>
      </c>
      <c r="G7295" s="40">
        <v>21.750066888102534</v>
      </c>
      <c r="H7295" s="40">
        <v>121.433334</v>
      </c>
      <c r="I7295" s="40">
        <v>20.545271256569031</v>
      </c>
      <c r="J7295" s="40">
        <v>121.43328967262001</v>
      </c>
      <c r="K7295" s="40">
        <v>13.232077783346993</v>
      </c>
      <c r="L7295" s="40"/>
      <c r="M7295" s="40"/>
      <c r="N7295" s="40"/>
    </row>
    <row r="7296" spans="4:14" x14ac:dyDescent="0.25">
      <c r="D7296" s="40">
        <v>121.46180900000536</v>
      </c>
      <c r="E7296" s="40">
        <v>21.183208471915826</v>
      </c>
      <c r="F7296" s="40">
        <v>121.44999999999999</v>
      </c>
      <c r="G7296" s="40">
        <v>21.750066888102534</v>
      </c>
      <c r="H7296" s="40">
        <v>121.45000000000002</v>
      </c>
      <c r="I7296" s="40">
        <v>20.545271256569031</v>
      </c>
      <c r="J7296" s="40">
        <v>121.449956333334</v>
      </c>
      <c r="K7296" s="40">
        <v>13.236928827056097</v>
      </c>
      <c r="L7296" s="40"/>
      <c r="M7296" s="40"/>
      <c r="N7296" s="40"/>
    </row>
    <row r="7297" spans="4:14" x14ac:dyDescent="0.25">
      <c r="D7297" s="40">
        <v>121.47847500000536</v>
      </c>
      <c r="E7297" s="40">
        <v>21.183208471915826</v>
      </c>
      <c r="F7297" s="40">
        <v>121.466667</v>
      </c>
      <c r="G7297" s="40">
        <v>21.750066888102534</v>
      </c>
      <c r="H7297" s="40">
        <v>121.466667</v>
      </c>
      <c r="I7297" s="40">
        <v>20.54862399271229</v>
      </c>
      <c r="J7297" s="40">
        <v>121.466622994048</v>
      </c>
      <c r="K7297" s="40">
        <v>13.236928827056097</v>
      </c>
      <c r="L7297" s="40"/>
      <c r="M7297" s="40"/>
      <c r="N7297" s="40"/>
    </row>
    <row r="7298" spans="4:14" x14ac:dyDescent="0.25">
      <c r="D7298" s="40">
        <v>121.49514100000536</v>
      </c>
      <c r="E7298" s="40">
        <v>21.188051650505372</v>
      </c>
      <c r="F7298" s="40">
        <v>121.48333299999999</v>
      </c>
      <c r="G7298" s="40">
        <v>21.750066888102534</v>
      </c>
      <c r="H7298" s="40">
        <v>121.48333400000001</v>
      </c>
      <c r="I7298" s="40">
        <v>20.551976728855546</v>
      </c>
      <c r="J7298" s="40">
        <v>121.483289654763</v>
      </c>
      <c r="K7298" s="40">
        <v>13.232077783346993</v>
      </c>
      <c r="L7298" s="40"/>
      <c r="M7298" s="40"/>
      <c r="N7298" s="40"/>
    </row>
    <row r="7299" spans="4:14" x14ac:dyDescent="0.25">
      <c r="D7299" s="40">
        <v>121.51180700000536</v>
      </c>
      <c r="E7299" s="40">
        <v>21.188051650505372</v>
      </c>
      <c r="F7299" s="40">
        <v>121.5</v>
      </c>
      <c r="G7299" s="40">
        <v>21.750066888102534</v>
      </c>
      <c r="H7299" s="40">
        <v>121.5</v>
      </c>
      <c r="I7299" s="40">
        <v>20.551976728855546</v>
      </c>
      <c r="J7299" s="40">
        <v>121.49995631547699</v>
      </c>
      <c r="K7299" s="40">
        <v>13.232077783346993</v>
      </c>
      <c r="L7299" s="40"/>
      <c r="M7299" s="40"/>
      <c r="N7299" s="40"/>
    </row>
    <row r="7300" spans="4:14" x14ac:dyDescent="0.25">
      <c r="D7300" s="40">
        <v>121.52847300000536</v>
      </c>
      <c r="E7300" s="40">
        <v>21.188051650505372</v>
      </c>
      <c r="F7300" s="40">
        <v>121.51666699999998</v>
      </c>
      <c r="G7300" s="40">
        <v>21.750066888102534</v>
      </c>
      <c r="H7300" s="40">
        <v>121.51666700000001</v>
      </c>
      <c r="I7300" s="40">
        <v>20.55523085511231</v>
      </c>
      <c r="J7300" s="40">
        <v>121.516622976191</v>
      </c>
      <c r="K7300" s="40">
        <v>13.232077783346993</v>
      </c>
      <c r="L7300" s="40"/>
      <c r="M7300" s="40"/>
      <c r="N7300" s="40"/>
    </row>
    <row r="7301" spans="4:14" x14ac:dyDescent="0.25">
      <c r="D7301" s="40">
        <v>121.54513900000536</v>
      </c>
      <c r="E7301" s="40">
        <v>21.188051650505372</v>
      </c>
      <c r="F7301" s="40">
        <v>121.533333</v>
      </c>
      <c r="G7301" s="40">
        <v>21.750066888102534</v>
      </c>
      <c r="H7301" s="40">
        <v>121.533334</v>
      </c>
      <c r="I7301" s="40">
        <v>20.55523085511231</v>
      </c>
      <c r="J7301" s="40">
        <v>121.533289636905</v>
      </c>
      <c r="K7301" s="40">
        <v>13.232077783346993</v>
      </c>
      <c r="L7301" s="40"/>
      <c r="M7301" s="40"/>
      <c r="N7301" s="40"/>
    </row>
    <row r="7302" spans="4:14" x14ac:dyDescent="0.25">
      <c r="D7302" s="40">
        <v>121.56180500000536</v>
      </c>
      <c r="E7302" s="40">
        <v>21.188051650505372</v>
      </c>
      <c r="F7302" s="40">
        <v>121.54999999999998</v>
      </c>
      <c r="G7302" s="40">
        <v>21.754682272072436</v>
      </c>
      <c r="H7302" s="40">
        <v>121.55000000000001</v>
      </c>
      <c r="I7302" s="40">
        <v>20.55858359125574</v>
      </c>
      <c r="J7302" s="40">
        <v>121.54995629762</v>
      </c>
      <c r="K7302" s="40">
        <v>13.232077783346993</v>
      </c>
      <c r="L7302" s="40"/>
      <c r="M7302" s="40"/>
      <c r="N7302" s="40"/>
    </row>
    <row r="7303" spans="4:14" x14ac:dyDescent="0.25">
      <c r="D7303" s="40">
        <v>121.57847100000536</v>
      </c>
      <c r="E7303" s="40">
        <v>21.188051650505372</v>
      </c>
      <c r="F7303" s="40">
        <v>121.566667</v>
      </c>
      <c r="G7303" s="40">
        <v>21.754682272072436</v>
      </c>
      <c r="H7303" s="40">
        <v>121.566667</v>
      </c>
      <c r="I7303" s="40">
        <v>20.55858359125574</v>
      </c>
      <c r="J7303" s="40">
        <v>121.56662295833399</v>
      </c>
      <c r="K7303" s="40">
        <v>13.232077783346993</v>
      </c>
      <c r="L7303" s="40"/>
      <c r="M7303" s="40"/>
      <c r="N7303" s="40"/>
    </row>
    <row r="7304" spans="4:14" x14ac:dyDescent="0.25">
      <c r="D7304" s="40">
        <v>121.59513700000537</v>
      </c>
      <c r="E7304" s="40">
        <v>21.188051650505372</v>
      </c>
      <c r="F7304" s="40">
        <v>121.58333299999998</v>
      </c>
      <c r="G7304" s="40">
        <v>21.754682272072436</v>
      </c>
      <c r="H7304" s="40">
        <v>121.58333400000001</v>
      </c>
      <c r="I7304" s="40">
        <v>20.561936327399</v>
      </c>
      <c r="J7304" s="40">
        <v>121.583289619048</v>
      </c>
      <c r="K7304" s="40">
        <v>13.232077783346993</v>
      </c>
      <c r="L7304" s="40"/>
      <c r="M7304" s="40"/>
      <c r="N7304" s="40"/>
    </row>
    <row r="7305" spans="4:14" x14ac:dyDescent="0.25">
      <c r="D7305" s="40">
        <v>121.61180300000537</v>
      </c>
      <c r="E7305" s="40">
        <v>21.188051650505372</v>
      </c>
      <c r="F7305" s="40">
        <v>121.6</v>
      </c>
      <c r="G7305" s="40">
        <v>21.754682272072436</v>
      </c>
      <c r="H7305" s="40">
        <v>121.6</v>
      </c>
      <c r="I7305" s="40">
        <v>20.561936327399</v>
      </c>
      <c r="J7305" s="40">
        <v>121.59995627976301</v>
      </c>
      <c r="K7305" s="40">
        <v>13.232077783346993</v>
      </c>
      <c r="L7305" s="40"/>
      <c r="M7305" s="40"/>
      <c r="N7305" s="40"/>
    </row>
    <row r="7306" spans="4:14" x14ac:dyDescent="0.25">
      <c r="D7306" s="40">
        <v>121.62846900000537</v>
      </c>
      <c r="E7306" s="40">
        <v>21.188051650505372</v>
      </c>
      <c r="F7306" s="40">
        <v>121.61666700000001</v>
      </c>
      <c r="G7306" s="40">
        <v>21.754682272072436</v>
      </c>
      <c r="H7306" s="40">
        <v>121.61666700000001</v>
      </c>
      <c r="I7306" s="40">
        <v>20.565190453655763</v>
      </c>
      <c r="J7306" s="40">
        <v>121.616622940477</v>
      </c>
      <c r="K7306" s="40">
        <v>13.232077783346993</v>
      </c>
      <c r="L7306" s="40"/>
      <c r="M7306" s="40"/>
      <c r="N7306" s="40"/>
    </row>
    <row r="7307" spans="4:14" x14ac:dyDescent="0.25">
      <c r="D7307" s="40">
        <v>121.64513500000537</v>
      </c>
      <c r="E7307" s="40">
        <v>21.188051650505372</v>
      </c>
      <c r="F7307" s="40">
        <v>121.63333299999999</v>
      </c>
      <c r="G7307" s="40">
        <v>21.754682272072436</v>
      </c>
      <c r="H7307" s="40">
        <v>121.63333400000002</v>
      </c>
      <c r="I7307" s="40">
        <v>20.568543189799019</v>
      </c>
      <c r="J7307" s="40">
        <v>121.633289601191</v>
      </c>
      <c r="K7307" s="40">
        <v>13.227369417393932</v>
      </c>
      <c r="L7307" s="40"/>
      <c r="M7307" s="40"/>
      <c r="N7307" s="40"/>
    </row>
    <row r="7308" spans="4:14" x14ac:dyDescent="0.25">
      <c r="D7308" s="40">
        <v>121.66180100000537</v>
      </c>
      <c r="E7308" s="40">
        <v>21.188051650505372</v>
      </c>
      <c r="F7308" s="40">
        <v>121.65</v>
      </c>
      <c r="G7308" s="40">
        <v>21.754682272072436</v>
      </c>
      <c r="H7308" s="40">
        <v>121.65</v>
      </c>
      <c r="I7308" s="40">
        <v>20.568543189799019</v>
      </c>
      <c r="J7308" s="40">
        <v>121.649956261905</v>
      </c>
      <c r="K7308" s="40">
        <v>13.227369417393932</v>
      </c>
      <c r="L7308" s="40"/>
      <c r="M7308" s="40"/>
      <c r="N7308" s="40"/>
    </row>
    <row r="7309" spans="4:14" x14ac:dyDescent="0.25">
      <c r="D7309" s="40">
        <v>121.67846700000537</v>
      </c>
      <c r="E7309" s="40">
        <v>21.188051650505372</v>
      </c>
      <c r="F7309" s="40">
        <v>121.66666699999999</v>
      </c>
      <c r="G7309" s="40">
        <v>21.759437516162656</v>
      </c>
      <c r="H7309" s="40">
        <v>121.66666700000002</v>
      </c>
      <c r="I7309" s="40">
        <v>20.571895925942279</v>
      </c>
      <c r="J7309" s="40">
        <v>121.66662292261999</v>
      </c>
      <c r="K7309" s="40">
        <v>13.227369417393932</v>
      </c>
      <c r="L7309" s="40"/>
      <c r="M7309" s="40"/>
      <c r="N7309" s="40"/>
    </row>
    <row r="7310" spans="4:14" x14ac:dyDescent="0.25">
      <c r="D7310" s="40">
        <v>121.69513300000537</v>
      </c>
      <c r="E7310" s="40">
        <v>21.188051650505372</v>
      </c>
      <c r="F7310" s="40">
        <v>121.683333</v>
      </c>
      <c r="G7310" s="40">
        <v>21.759437516162656</v>
      </c>
      <c r="H7310" s="40">
        <v>121.683334</v>
      </c>
      <c r="I7310" s="40">
        <v>20.575150052199042</v>
      </c>
      <c r="J7310" s="40">
        <v>121.683289583334</v>
      </c>
      <c r="K7310" s="40">
        <v>13.227369417393932</v>
      </c>
      <c r="L7310" s="40"/>
      <c r="M7310" s="40"/>
      <c r="N7310" s="40"/>
    </row>
    <row r="7311" spans="4:14" x14ac:dyDescent="0.25">
      <c r="D7311" s="40">
        <v>121.71179900000537</v>
      </c>
      <c r="E7311" s="40">
        <v>21.188051650505372</v>
      </c>
      <c r="F7311" s="40">
        <v>121.69999999999999</v>
      </c>
      <c r="G7311" s="40">
        <v>21.759437516162656</v>
      </c>
      <c r="H7311" s="40">
        <v>121.70000000000002</v>
      </c>
      <c r="I7311" s="40">
        <v>20.575150052199042</v>
      </c>
      <c r="J7311" s="40">
        <v>121.699956244048</v>
      </c>
      <c r="K7311" s="40">
        <v>13.227369417393932</v>
      </c>
      <c r="L7311" s="40"/>
      <c r="M7311" s="40"/>
      <c r="N7311" s="40"/>
    </row>
    <row r="7312" spans="4:14" x14ac:dyDescent="0.25">
      <c r="D7312" s="40">
        <v>121.72846500000537</v>
      </c>
      <c r="E7312" s="40">
        <v>21.183208471915826</v>
      </c>
      <c r="F7312" s="40">
        <v>121.716667</v>
      </c>
      <c r="G7312" s="40">
        <v>21.759437516162656</v>
      </c>
      <c r="H7312" s="40">
        <v>121.716667</v>
      </c>
      <c r="I7312" s="40">
        <v>20.578502788342472</v>
      </c>
      <c r="J7312" s="40">
        <v>121.716622904763</v>
      </c>
      <c r="K7312" s="40">
        <v>13.227369417393932</v>
      </c>
      <c r="L7312" s="40"/>
      <c r="M7312" s="40"/>
      <c r="N7312" s="40"/>
    </row>
    <row r="7313" spans="4:14" x14ac:dyDescent="0.25">
      <c r="D7313" s="40">
        <v>121.74513100000537</v>
      </c>
      <c r="E7313" s="40">
        <v>21.183208471915826</v>
      </c>
      <c r="F7313" s="40">
        <v>121.73333299999999</v>
      </c>
      <c r="G7313" s="40">
        <v>21.754682272072436</v>
      </c>
      <c r="H7313" s="40">
        <v>121.73333400000001</v>
      </c>
      <c r="I7313" s="40">
        <v>20.578502788342472</v>
      </c>
      <c r="J7313" s="40">
        <v>121.73328956547699</v>
      </c>
      <c r="K7313" s="40">
        <v>13.227369417393932</v>
      </c>
      <c r="L7313" s="40"/>
      <c r="M7313" s="40"/>
      <c r="N7313" s="40"/>
    </row>
    <row r="7314" spans="4:14" x14ac:dyDescent="0.25">
      <c r="D7314" s="40">
        <v>121.76179700000537</v>
      </c>
      <c r="E7314" s="40">
        <v>21.178365293326401</v>
      </c>
      <c r="F7314" s="40">
        <v>121.75</v>
      </c>
      <c r="G7314" s="40">
        <v>21.754682272072436</v>
      </c>
      <c r="H7314" s="40">
        <v>121.75</v>
      </c>
      <c r="I7314" s="40">
        <v>20.581855524485729</v>
      </c>
      <c r="J7314" s="40">
        <v>121.749956226191</v>
      </c>
      <c r="K7314" s="40">
        <v>13.227369417393932</v>
      </c>
      <c r="L7314" s="40"/>
      <c r="M7314" s="40"/>
      <c r="N7314" s="40"/>
    </row>
    <row r="7315" spans="4:14" x14ac:dyDescent="0.25">
      <c r="D7315" s="40">
        <v>121.77846300000537</v>
      </c>
      <c r="E7315" s="40">
        <v>21.178365293326401</v>
      </c>
      <c r="F7315" s="40">
        <v>121.76666699999998</v>
      </c>
      <c r="G7315" s="40">
        <v>21.759437516162656</v>
      </c>
      <c r="H7315" s="40">
        <v>121.76666700000001</v>
      </c>
      <c r="I7315" s="40">
        <v>20.585109650742492</v>
      </c>
      <c r="J7315" s="40">
        <v>121.766622886905</v>
      </c>
      <c r="K7315" s="40">
        <v>13.227369417393932</v>
      </c>
      <c r="L7315" s="40"/>
      <c r="M7315" s="40"/>
      <c r="N7315" s="40"/>
    </row>
    <row r="7316" spans="4:14" x14ac:dyDescent="0.25">
      <c r="D7316" s="40">
        <v>121.79512900000537</v>
      </c>
      <c r="E7316" s="40">
        <v>21.173664561165978</v>
      </c>
      <c r="F7316" s="40">
        <v>121.783333</v>
      </c>
      <c r="G7316" s="40">
        <v>21.759437516162656</v>
      </c>
      <c r="H7316" s="40">
        <v>121.783334</v>
      </c>
      <c r="I7316" s="40">
        <v>20.585109650742492</v>
      </c>
      <c r="J7316" s="40">
        <v>121.78328954762</v>
      </c>
      <c r="K7316" s="40">
        <v>13.227369417393932</v>
      </c>
      <c r="L7316" s="40"/>
      <c r="M7316" s="40"/>
      <c r="N7316" s="40"/>
    </row>
    <row r="7317" spans="4:14" x14ac:dyDescent="0.25">
      <c r="D7317" s="40">
        <v>121.81179500000538</v>
      </c>
      <c r="E7317" s="40">
        <v>21.173664561165978</v>
      </c>
      <c r="F7317" s="40">
        <v>121.79999999999998</v>
      </c>
      <c r="G7317" s="40">
        <v>21.759437516162656</v>
      </c>
      <c r="H7317" s="40">
        <v>121.80000000000001</v>
      </c>
      <c r="I7317" s="40">
        <v>20.588462386885748</v>
      </c>
      <c r="J7317" s="40">
        <v>121.799956208334</v>
      </c>
      <c r="K7317" s="40">
        <v>13.227369417393932</v>
      </c>
      <c r="L7317" s="40"/>
      <c r="M7317" s="40"/>
      <c r="N7317" s="40"/>
    </row>
    <row r="7318" spans="4:14" x14ac:dyDescent="0.25">
      <c r="D7318" s="40">
        <v>121.82846100000538</v>
      </c>
      <c r="E7318" s="40">
        <v>21.173664561165978</v>
      </c>
      <c r="F7318" s="40">
        <v>121.816667</v>
      </c>
      <c r="G7318" s="40">
        <v>21.759437516162656</v>
      </c>
      <c r="H7318" s="40">
        <v>121.816667</v>
      </c>
      <c r="I7318" s="40">
        <v>20.588462386885748</v>
      </c>
      <c r="J7318" s="40">
        <v>121.816622869048</v>
      </c>
      <c r="K7318" s="40">
        <v>13.227369417393932</v>
      </c>
      <c r="L7318" s="40"/>
      <c r="M7318" s="40"/>
      <c r="N7318" s="40"/>
    </row>
    <row r="7319" spans="4:14" x14ac:dyDescent="0.25">
      <c r="D7319" s="40">
        <v>121.84512700000538</v>
      </c>
      <c r="E7319" s="40">
        <v>21.173664561165978</v>
      </c>
      <c r="F7319" s="40">
        <v>121.83333299999998</v>
      </c>
      <c r="G7319" s="40">
        <v>21.759437516162656</v>
      </c>
      <c r="H7319" s="40">
        <v>121.83333400000001</v>
      </c>
      <c r="I7319" s="40">
        <v>20.591815123029178</v>
      </c>
      <c r="J7319" s="40">
        <v>121.83328952976299</v>
      </c>
      <c r="K7319" s="40">
        <v>13.227369417393932</v>
      </c>
      <c r="L7319" s="40"/>
      <c r="M7319" s="40"/>
      <c r="N7319" s="40"/>
    </row>
    <row r="7320" spans="4:14" x14ac:dyDescent="0.25">
      <c r="D7320" s="40">
        <v>121.86179300000538</v>
      </c>
      <c r="E7320" s="40">
        <v>21.168821382576429</v>
      </c>
      <c r="F7320" s="40">
        <v>121.85</v>
      </c>
      <c r="G7320" s="40">
        <v>21.759437516162656</v>
      </c>
      <c r="H7320" s="40">
        <v>121.85</v>
      </c>
      <c r="I7320" s="40">
        <v>20.591815123029178</v>
      </c>
      <c r="J7320" s="40">
        <v>121.849956190477</v>
      </c>
      <c r="K7320" s="40">
        <v>13.2225183736847</v>
      </c>
      <c r="L7320" s="40"/>
      <c r="M7320" s="40"/>
      <c r="N7320" s="40"/>
    </row>
    <row r="7321" spans="4:14" x14ac:dyDescent="0.25">
      <c r="D7321" s="40">
        <v>121.87845900000538</v>
      </c>
      <c r="E7321" s="40">
        <v>21.173664561165978</v>
      </c>
      <c r="F7321" s="40">
        <v>121.86666700000001</v>
      </c>
      <c r="G7321" s="40">
        <v>21.759437516162656</v>
      </c>
      <c r="H7321" s="40">
        <v>121.86666700000001</v>
      </c>
      <c r="I7321" s="40">
        <v>20.595069249285771</v>
      </c>
      <c r="J7321" s="40">
        <v>121.866622851191</v>
      </c>
      <c r="K7321" s="40">
        <v>13.2225183736847</v>
      </c>
      <c r="L7321" s="40"/>
      <c r="M7321" s="40"/>
      <c r="N7321" s="40"/>
    </row>
    <row r="7322" spans="4:14" x14ac:dyDescent="0.25">
      <c r="D7322" s="40">
        <v>121.89512500000538</v>
      </c>
      <c r="E7322" s="40">
        <v>21.168821382576429</v>
      </c>
      <c r="F7322" s="40">
        <v>121.88333299999999</v>
      </c>
      <c r="G7322" s="40">
        <v>21.759437516162656</v>
      </c>
      <c r="H7322" s="40">
        <v>121.88333400000002</v>
      </c>
      <c r="I7322" s="40">
        <v>20.595069249285771</v>
      </c>
      <c r="J7322" s="40">
        <v>121.88328951190501</v>
      </c>
      <c r="K7322" s="40">
        <v>13.2225183736847</v>
      </c>
      <c r="L7322" s="40"/>
      <c r="M7322" s="40"/>
      <c r="N7322" s="40"/>
    </row>
    <row r="7323" spans="4:14" x14ac:dyDescent="0.25">
      <c r="D7323" s="40">
        <v>121.91179100000538</v>
      </c>
      <c r="E7323" s="40">
        <v>21.168821382576429</v>
      </c>
      <c r="F7323" s="40">
        <v>121.9</v>
      </c>
      <c r="G7323" s="40">
        <v>21.759437516162656</v>
      </c>
      <c r="H7323" s="40">
        <v>121.9</v>
      </c>
      <c r="I7323" s="40">
        <v>20.598421985429201</v>
      </c>
      <c r="J7323" s="40">
        <v>121.89995617261999</v>
      </c>
      <c r="K7323" s="40">
        <v>13.2225183736847</v>
      </c>
      <c r="L7323" s="40"/>
      <c r="M7323" s="40"/>
      <c r="N7323" s="40"/>
    </row>
    <row r="7324" spans="4:14" x14ac:dyDescent="0.25">
      <c r="D7324" s="40">
        <v>121.92845700000538</v>
      </c>
      <c r="E7324" s="40">
        <v>21.168821382576429</v>
      </c>
      <c r="F7324" s="40">
        <v>121.91666699999999</v>
      </c>
      <c r="G7324" s="40">
        <v>21.759437516162656</v>
      </c>
      <c r="H7324" s="40">
        <v>121.91666700000002</v>
      </c>
      <c r="I7324" s="40">
        <v>20.601774721572458</v>
      </c>
      <c r="J7324" s="40">
        <v>121.916622833334</v>
      </c>
      <c r="K7324" s="40">
        <v>13.2225183736847</v>
      </c>
      <c r="L7324" s="40"/>
      <c r="M7324" s="40"/>
      <c r="N7324" s="40"/>
    </row>
    <row r="7325" spans="4:14" x14ac:dyDescent="0.25">
      <c r="D7325" s="40">
        <v>121.94512300000538</v>
      </c>
      <c r="E7325" s="40">
        <v>21.168821382576429</v>
      </c>
      <c r="F7325" s="40">
        <v>121.933333</v>
      </c>
      <c r="G7325" s="40">
        <v>21.759437516162656</v>
      </c>
      <c r="H7325" s="40">
        <v>121.933334</v>
      </c>
      <c r="I7325" s="40">
        <v>20.601774721572458</v>
      </c>
      <c r="J7325" s="40">
        <v>121.933289494048</v>
      </c>
      <c r="K7325" s="40">
        <v>13.2225183736847</v>
      </c>
      <c r="L7325" s="40"/>
      <c r="M7325" s="40"/>
      <c r="N7325" s="40"/>
    </row>
    <row r="7326" spans="4:14" x14ac:dyDescent="0.25">
      <c r="D7326" s="40">
        <v>121.96178900000538</v>
      </c>
      <c r="E7326" s="40">
        <v>21.168821382576429</v>
      </c>
      <c r="F7326" s="40">
        <v>121.94999999999999</v>
      </c>
      <c r="G7326" s="40">
        <v>21.764192760252875</v>
      </c>
      <c r="H7326" s="40">
        <v>121.95000000000002</v>
      </c>
      <c r="I7326" s="40">
        <v>20.605028847829221</v>
      </c>
      <c r="J7326" s="40">
        <v>121.949956154763</v>
      </c>
      <c r="K7326" s="40">
        <v>13.2225183736847</v>
      </c>
      <c r="L7326" s="40"/>
      <c r="M7326" s="40"/>
      <c r="N7326" s="40"/>
    </row>
    <row r="7327" spans="4:14" x14ac:dyDescent="0.25">
      <c r="D7327" s="40">
        <v>121.97845500000538</v>
      </c>
      <c r="E7327" s="40">
        <v>21.168821382576429</v>
      </c>
      <c r="F7327" s="40">
        <v>121.966667</v>
      </c>
      <c r="G7327" s="40">
        <v>21.764192760252875</v>
      </c>
      <c r="H7327" s="40">
        <v>121.966667</v>
      </c>
      <c r="I7327" s="40">
        <v>20.605028847829221</v>
      </c>
      <c r="J7327" s="40">
        <v>121.966622815477</v>
      </c>
      <c r="K7327" s="40">
        <v>13.2225183736847</v>
      </c>
      <c r="L7327" s="40"/>
      <c r="M7327" s="40"/>
      <c r="N7327" s="40"/>
    </row>
    <row r="7328" spans="4:14" x14ac:dyDescent="0.25">
      <c r="D7328" s="40">
        <v>121.99512100000538</v>
      </c>
      <c r="E7328" s="40">
        <v>21.168821382576429</v>
      </c>
      <c r="F7328" s="40">
        <v>121.98333299999999</v>
      </c>
      <c r="G7328" s="40">
        <v>21.764192760252875</v>
      </c>
      <c r="H7328" s="40">
        <v>121.98333400000001</v>
      </c>
      <c r="I7328" s="40">
        <v>20.608381583972481</v>
      </c>
      <c r="J7328" s="40">
        <v>121.983289476191</v>
      </c>
      <c r="K7328" s="40">
        <v>13.2225183736847</v>
      </c>
      <c r="L7328" s="40"/>
      <c r="M7328" s="40"/>
      <c r="N7328" s="40"/>
    </row>
    <row r="7329" spans="4:14" x14ac:dyDescent="0.25">
      <c r="D7329" s="40">
        <v>122.01178700000538</v>
      </c>
      <c r="E7329" s="40">
        <v>21.168821382576429</v>
      </c>
      <c r="F7329" s="40">
        <v>122</v>
      </c>
      <c r="G7329" s="40">
        <v>21.764192760252875</v>
      </c>
      <c r="H7329" s="40">
        <v>122</v>
      </c>
      <c r="I7329" s="40">
        <v>20.611734320115911</v>
      </c>
      <c r="J7329" s="40">
        <v>121.999956136905</v>
      </c>
      <c r="K7329" s="40">
        <v>13.2225183736847</v>
      </c>
      <c r="L7329" s="40"/>
      <c r="M7329" s="40"/>
      <c r="N7329" s="40"/>
    </row>
    <row r="7330" spans="4:14" x14ac:dyDescent="0.25">
      <c r="D7330" s="40">
        <v>122.02845300000538</v>
      </c>
      <c r="E7330" s="40">
        <v>21.168821382576429</v>
      </c>
      <c r="F7330" s="40">
        <v>122.01666699999998</v>
      </c>
      <c r="G7330" s="40">
        <v>21.764192760252875</v>
      </c>
      <c r="H7330" s="40">
        <v>122.01666700000001</v>
      </c>
      <c r="I7330" s="40">
        <v>20.611734320115911</v>
      </c>
      <c r="J7330" s="40">
        <v>122.01662279762</v>
      </c>
      <c r="K7330" s="40">
        <v>13.2225183736847</v>
      </c>
      <c r="L7330" s="40"/>
      <c r="M7330" s="40"/>
      <c r="N7330" s="40"/>
    </row>
    <row r="7331" spans="4:14" x14ac:dyDescent="0.25">
      <c r="D7331" s="40">
        <v>122.04511900000539</v>
      </c>
      <c r="E7331" s="40">
        <v>21.168821382576429</v>
      </c>
      <c r="F7331" s="40">
        <v>122.033333</v>
      </c>
      <c r="G7331" s="40">
        <v>21.764192760252875</v>
      </c>
      <c r="H7331" s="40">
        <v>122.033334</v>
      </c>
      <c r="I7331" s="40">
        <v>20.615087056259167</v>
      </c>
      <c r="J7331" s="40">
        <v>122.033289458334</v>
      </c>
      <c r="K7331" s="40">
        <v>13.2225183736847</v>
      </c>
      <c r="L7331" s="40"/>
      <c r="M7331" s="40"/>
      <c r="N7331" s="40"/>
    </row>
    <row r="7332" spans="4:14" x14ac:dyDescent="0.25">
      <c r="D7332" s="40">
        <v>122.06178500000539</v>
      </c>
      <c r="E7332" s="40">
        <v>21.163978203987007</v>
      </c>
      <c r="F7332" s="40">
        <v>122.04999999999998</v>
      </c>
      <c r="G7332" s="40">
        <v>21.764192760252875</v>
      </c>
      <c r="H7332" s="40">
        <v>122.05000000000001</v>
      </c>
      <c r="I7332" s="40">
        <v>20.61834118251593</v>
      </c>
      <c r="J7332" s="40">
        <v>122.04995611904801</v>
      </c>
      <c r="K7332" s="40">
        <v>13.2225183736847</v>
      </c>
      <c r="L7332" s="40"/>
      <c r="M7332" s="40"/>
      <c r="N7332" s="40"/>
    </row>
    <row r="7333" spans="4:14" x14ac:dyDescent="0.25">
      <c r="D7333" s="40">
        <v>122.07845100000539</v>
      </c>
      <c r="E7333" s="40">
        <v>21.163978203987007</v>
      </c>
      <c r="F7333" s="40">
        <v>122.066667</v>
      </c>
      <c r="G7333" s="40">
        <v>21.764192760252875</v>
      </c>
      <c r="H7333" s="40">
        <v>122.066667</v>
      </c>
      <c r="I7333" s="40">
        <v>20.61834118251593</v>
      </c>
      <c r="J7333" s="40">
        <v>122.06662277976299</v>
      </c>
      <c r="K7333" s="40">
        <v>13.2225183736847</v>
      </c>
      <c r="L7333" s="40"/>
      <c r="M7333" s="40"/>
      <c r="N7333" s="40"/>
    </row>
    <row r="7334" spans="4:14" x14ac:dyDescent="0.25">
      <c r="D7334" s="40">
        <v>122.09511700000539</v>
      </c>
      <c r="E7334" s="40">
        <v>21.163978203987007</v>
      </c>
      <c r="F7334" s="40">
        <v>122.08333299999998</v>
      </c>
      <c r="G7334" s="40">
        <v>21.764192760252875</v>
      </c>
      <c r="H7334" s="40">
        <v>122.08333400000001</v>
      </c>
      <c r="I7334" s="40">
        <v>20.62169391865919</v>
      </c>
      <c r="J7334" s="40">
        <v>122.083289440477</v>
      </c>
      <c r="K7334" s="40">
        <v>13.2225183736847</v>
      </c>
      <c r="L7334" s="40"/>
      <c r="M7334" s="40"/>
      <c r="N7334" s="40"/>
    </row>
    <row r="7335" spans="4:14" x14ac:dyDescent="0.25">
      <c r="D7335" s="40">
        <v>122.11178300000539</v>
      </c>
      <c r="E7335" s="40">
        <v>21.163978203987007</v>
      </c>
      <c r="F7335" s="40">
        <v>122.1</v>
      </c>
      <c r="G7335" s="40">
        <v>21.768808144222653</v>
      </c>
      <c r="H7335" s="40">
        <v>122.1</v>
      </c>
      <c r="I7335" s="40">
        <v>20.62504665480262</v>
      </c>
      <c r="J7335" s="40">
        <v>122.099956101191</v>
      </c>
      <c r="K7335" s="40">
        <v>13.2225183736847</v>
      </c>
      <c r="L7335" s="40"/>
      <c r="M7335" s="40"/>
      <c r="N7335" s="40"/>
    </row>
    <row r="7336" spans="4:14" x14ac:dyDescent="0.25">
      <c r="D7336" s="40">
        <v>122.12844900000539</v>
      </c>
      <c r="E7336" s="40">
        <v>21.163978203987007</v>
      </c>
      <c r="F7336" s="40">
        <v>122.11666700000001</v>
      </c>
      <c r="G7336" s="40">
        <v>21.768808144222653</v>
      </c>
      <c r="H7336" s="40">
        <v>122.11666700000001</v>
      </c>
      <c r="I7336" s="40">
        <v>20.62504665480262</v>
      </c>
      <c r="J7336" s="40">
        <v>122.11662276190501</v>
      </c>
      <c r="K7336" s="40">
        <v>13.2225183736847</v>
      </c>
      <c r="L7336" s="40"/>
      <c r="M7336" s="40"/>
      <c r="N7336" s="40"/>
    </row>
    <row r="7337" spans="4:14" x14ac:dyDescent="0.25">
      <c r="D7337" s="40">
        <v>122.14511500000539</v>
      </c>
      <c r="E7337" s="40">
        <v>21.163978203987007</v>
      </c>
      <c r="F7337" s="40">
        <v>122.13333299999999</v>
      </c>
      <c r="G7337" s="40">
        <v>21.768808144222653</v>
      </c>
      <c r="H7337" s="40">
        <v>122.13333400000002</v>
      </c>
      <c r="I7337" s="40">
        <v>20.62830078105921</v>
      </c>
      <c r="J7337" s="40">
        <v>122.13328942262</v>
      </c>
      <c r="K7337" s="40">
        <v>13.2225183736847</v>
      </c>
      <c r="L7337" s="40"/>
      <c r="M7337" s="40"/>
      <c r="N7337" s="40"/>
    </row>
    <row r="7338" spans="4:14" x14ac:dyDescent="0.25">
      <c r="D7338" s="40">
        <v>122.16178100000539</v>
      </c>
      <c r="E7338" s="40">
        <v>21.163978203987007</v>
      </c>
      <c r="F7338" s="40">
        <v>122.15</v>
      </c>
      <c r="G7338" s="40">
        <v>21.768808144222653</v>
      </c>
      <c r="H7338" s="40">
        <v>122.15</v>
      </c>
      <c r="I7338" s="40">
        <v>20.62830078105921</v>
      </c>
      <c r="J7338" s="40">
        <v>122.149956083334</v>
      </c>
      <c r="K7338" s="40">
        <v>13.2225183736847</v>
      </c>
      <c r="L7338" s="40"/>
      <c r="M7338" s="40"/>
      <c r="N7338" s="40"/>
    </row>
    <row r="7339" spans="4:14" x14ac:dyDescent="0.25">
      <c r="D7339" s="40">
        <v>122.17844700000539</v>
      </c>
      <c r="E7339" s="40">
        <v>21.163978203987007</v>
      </c>
      <c r="F7339" s="40">
        <v>122.16666699999999</v>
      </c>
      <c r="G7339" s="40">
        <v>21.773563388312869</v>
      </c>
      <c r="H7339" s="40">
        <v>122.16666700000002</v>
      </c>
      <c r="I7339" s="40">
        <v>20.631653517202643</v>
      </c>
      <c r="J7339" s="40">
        <v>122.166622744048</v>
      </c>
      <c r="K7339" s="40">
        <v>13.2225183736847</v>
      </c>
      <c r="L7339" s="40"/>
      <c r="M7339" s="40"/>
      <c r="N7339" s="40"/>
    </row>
    <row r="7340" spans="4:14" x14ac:dyDescent="0.25">
      <c r="D7340" s="40">
        <v>122.19511300000539</v>
      </c>
      <c r="E7340" s="40">
        <v>21.163978203987007</v>
      </c>
      <c r="F7340" s="40">
        <v>122.183333</v>
      </c>
      <c r="G7340" s="40">
        <v>21.773563388312869</v>
      </c>
      <c r="H7340" s="40">
        <v>122.183334</v>
      </c>
      <c r="I7340" s="40">
        <v>20.631653517202643</v>
      </c>
      <c r="J7340" s="40">
        <v>122.183289404763</v>
      </c>
      <c r="K7340" s="40">
        <v>13.2225183736847</v>
      </c>
      <c r="L7340" s="40"/>
      <c r="M7340" s="40"/>
      <c r="N7340" s="40"/>
    </row>
    <row r="7341" spans="4:14" x14ac:dyDescent="0.25">
      <c r="D7341" s="40">
        <v>122.21177900000539</v>
      </c>
      <c r="E7341" s="40">
        <v>21.163978203987007</v>
      </c>
      <c r="F7341" s="40">
        <v>122.19999999999999</v>
      </c>
      <c r="G7341" s="40">
        <v>21.773563388312869</v>
      </c>
      <c r="H7341" s="40">
        <v>122.20000000000002</v>
      </c>
      <c r="I7341" s="40">
        <v>20.635006253345896</v>
      </c>
      <c r="J7341" s="40">
        <v>122.199956065477</v>
      </c>
      <c r="K7341" s="40">
        <v>13.2225183736847</v>
      </c>
      <c r="L7341" s="40"/>
      <c r="M7341" s="40"/>
      <c r="N7341" s="40"/>
    </row>
    <row r="7342" spans="4:14" x14ac:dyDescent="0.25">
      <c r="D7342" s="40">
        <v>122.22844500000539</v>
      </c>
      <c r="E7342" s="40">
        <v>21.163978203987007</v>
      </c>
      <c r="F7342" s="40">
        <v>122.216667</v>
      </c>
      <c r="G7342" s="40">
        <v>21.773563388312869</v>
      </c>
      <c r="H7342" s="40">
        <v>122.216667</v>
      </c>
      <c r="I7342" s="40">
        <v>20.635006253345896</v>
      </c>
      <c r="J7342" s="40">
        <v>122.21662272619101</v>
      </c>
      <c r="K7342" s="40">
        <v>13.2225183736847</v>
      </c>
      <c r="L7342" s="40"/>
      <c r="M7342" s="40"/>
      <c r="N7342" s="40"/>
    </row>
    <row r="7343" spans="4:14" x14ac:dyDescent="0.25">
      <c r="D7343" s="40">
        <v>122.24511100000539</v>
      </c>
      <c r="E7343" s="40">
        <v>21.163978203987007</v>
      </c>
      <c r="F7343" s="40">
        <v>122.23333299999999</v>
      </c>
      <c r="G7343" s="40">
        <v>21.778318632403089</v>
      </c>
      <c r="H7343" s="40">
        <v>122.23333400000001</v>
      </c>
      <c r="I7343" s="40">
        <v>20.638260379602659</v>
      </c>
      <c r="J7343" s="40">
        <v>122.233289386905</v>
      </c>
      <c r="K7343" s="40">
        <v>13.2225183736847</v>
      </c>
      <c r="L7343" s="40"/>
      <c r="M7343" s="40"/>
      <c r="N7343" s="40"/>
    </row>
    <row r="7344" spans="4:14" x14ac:dyDescent="0.25">
      <c r="D7344" s="40">
        <v>122.2617770000054</v>
      </c>
      <c r="E7344" s="40">
        <v>21.163978203987007</v>
      </c>
      <c r="F7344" s="40">
        <v>122.25</v>
      </c>
      <c r="G7344" s="40">
        <v>21.778318632403089</v>
      </c>
      <c r="H7344" s="40">
        <v>122.25</v>
      </c>
      <c r="I7344" s="40">
        <v>20.638260379602659</v>
      </c>
      <c r="J7344" s="40">
        <v>122.24995604762</v>
      </c>
      <c r="K7344" s="40">
        <v>13.2225183736847</v>
      </c>
      <c r="L7344" s="40"/>
      <c r="M7344" s="40"/>
      <c r="N7344" s="40"/>
    </row>
    <row r="7345" spans="4:14" x14ac:dyDescent="0.25">
      <c r="D7345" s="40">
        <v>122.2784430000054</v>
      </c>
      <c r="E7345" s="40">
        <v>21.163978203987007</v>
      </c>
      <c r="F7345" s="40">
        <v>122.26666699999998</v>
      </c>
      <c r="G7345" s="40">
        <v>21.778318632403089</v>
      </c>
      <c r="H7345" s="40">
        <v>122.26666700000001</v>
      </c>
      <c r="I7345" s="40">
        <v>20.641613115745919</v>
      </c>
      <c r="J7345" s="40">
        <v>122.266622708334</v>
      </c>
      <c r="K7345" s="40">
        <v>13.227369417393932</v>
      </c>
      <c r="L7345" s="40"/>
      <c r="M7345" s="40"/>
      <c r="N7345" s="40"/>
    </row>
    <row r="7346" spans="4:14" x14ac:dyDescent="0.25">
      <c r="D7346" s="40">
        <v>122.2951090000054</v>
      </c>
      <c r="E7346" s="40">
        <v>21.163978203987007</v>
      </c>
      <c r="F7346" s="40">
        <v>122.283333</v>
      </c>
      <c r="G7346" s="40">
        <v>21.782934016372867</v>
      </c>
      <c r="H7346" s="40">
        <v>122.283334</v>
      </c>
      <c r="I7346" s="40">
        <v>20.641613115745919</v>
      </c>
      <c r="J7346" s="40">
        <v>122.28328936904801</v>
      </c>
      <c r="K7346" s="40">
        <v>13.232077783346993</v>
      </c>
      <c r="L7346" s="40"/>
      <c r="M7346" s="40"/>
      <c r="N7346" s="40"/>
    </row>
    <row r="7347" spans="4:14" x14ac:dyDescent="0.25">
      <c r="D7347" s="40">
        <v>122.3117750000054</v>
      </c>
      <c r="E7347" s="40">
        <v>21.163978203987007</v>
      </c>
      <c r="F7347" s="40">
        <v>122.29999999999998</v>
      </c>
      <c r="G7347" s="40">
        <v>21.782934016372867</v>
      </c>
      <c r="H7347" s="40">
        <v>122.30000000000001</v>
      </c>
      <c r="I7347" s="40">
        <v>20.644965851889353</v>
      </c>
      <c r="J7347" s="40">
        <v>122.299956029763</v>
      </c>
      <c r="K7347" s="40">
        <v>13.232077783346993</v>
      </c>
      <c r="L7347" s="40"/>
      <c r="M7347" s="40"/>
      <c r="N7347" s="40"/>
    </row>
    <row r="7348" spans="4:14" x14ac:dyDescent="0.25">
      <c r="D7348" s="40">
        <v>122.3284410000054</v>
      </c>
      <c r="E7348" s="40">
        <v>21.163978203987007</v>
      </c>
      <c r="F7348" s="40">
        <v>122.316667</v>
      </c>
      <c r="G7348" s="40">
        <v>21.782934016372867</v>
      </c>
      <c r="H7348" s="40">
        <v>122.316667</v>
      </c>
      <c r="I7348" s="40">
        <v>20.644965851889353</v>
      </c>
      <c r="J7348" s="40">
        <v>122.316622690477</v>
      </c>
      <c r="K7348" s="40">
        <v>13.232077783346993</v>
      </c>
      <c r="L7348" s="40"/>
      <c r="M7348" s="40"/>
      <c r="N7348" s="40"/>
    </row>
    <row r="7349" spans="4:14" x14ac:dyDescent="0.25">
      <c r="D7349" s="40">
        <v>122.3451070000054</v>
      </c>
      <c r="E7349" s="40">
        <v>21.163978203987007</v>
      </c>
      <c r="F7349" s="40">
        <v>122.33333299999998</v>
      </c>
      <c r="G7349" s="40">
        <v>21.782934016372867</v>
      </c>
      <c r="H7349" s="40">
        <v>122.33333400000001</v>
      </c>
      <c r="I7349" s="40">
        <v>20.648219978146116</v>
      </c>
      <c r="J7349" s="40">
        <v>122.333289351191</v>
      </c>
      <c r="K7349" s="40">
        <v>13.232077783346993</v>
      </c>
      <c r="L7349" s="40"/>
      <c r="M7349" s="40"/>
      <c r="N7349" s="40"/>
    </row>
    <row r="7350" spans="4:14" x14ac:dyDescent="0.25">
      <c r="D7350" s="40">
        <v>122.3617730000054</v>
      </c>
      <c r="E7350" s="40">
        <v>21.163978203987007</v>
      </c>
      <c r="F7350" s="40">
        <v>122.35</v>
      </c>
      <c r="G7350" s="40">
        <v>21.782934016372867</v>
      </c>
      <c r="H7350" s="40">
        <v>122.35</v>
      </c>
      <c r="I7350" s="40">
        <v>20.648219978146116</v>
      </c>
      <c r="J7350" s="40">
        <v>122.34995601190499</v>
      </c>
      <c r="K7350" s="40">
        <v>13.232077783346993</v>
      </c>
      <c r="L7350" s="40"/>
      <c r="M7350" s="40"/>
      <c r="N7350" s="40"/>
    </row>
    <row r="7351" spans="4:14" x14ac:dyDescent="0.25">
      <c r="D7351" s="40">
        <v>122.3784390000054</v>
      </c>
      <c r="E7351" s="40">
        <v>21.163978203987007</v>
      </c>
      <c r="F7351" s="40">
        <v>122.36666700000001</v>
      </c>
      <c r="G7351" s="40">
        <v>21.787689260463083</v>
      </c>
      <c r="H7351" s="40">
        <v>122.36666700000001</v>
      </c>
      <c r="I7351" s="40">
        <v>20.651572714289372</v>
      </c>
      <c r="J7351" s="40">
        <v>122.36662267262</v>
      </c>
      <c r="K7351" s="40">
        <v>13.232077783346993</v>
      </c>
      <c r="L7351" s="40"/>
      <c r="M7351" s="40"/>
      <c r="N7351" s="40"/>
    </row>
    <row r="7352" spans="4:14" x14ac:dyDescent="0.25">
      <c r="D7352" s="40">
        <v>122.3951050000054</v>
      </c>
      <c r="E7352" s="40">
        <v>21.159277471826581</v>
      </c>
      <c r="F7352" s="40">
        <v>122.38333299999999</v>
      </c>
      <c r="G7352" s="40">
        <v>21.787689260463083</v>
      </c>
      <c r="H7352" s="40">
        <v>122.38333400000002</v>
      </c>
      <c r="I7352" s="40">
        <v>20.654925450432629</v>
      </c>
      <c r="J7352" s="40">
        <v>122.38328933333401</v>
      </c>
      <c r="K7352" s="40">
        <v>13.232077783346993</v>
      </c>
      <c r="L7352" s="40"/>
      <c r="M7352" s="40"/>
      <c r="N7352" s="40"/>
    </row>
    <row r="7353" spans="4:14" x14ac:dyDescent="0.25">
      <c r="D7353" s="40">
        <v>122.4117710000054</v>
      </c>
      <c r="E7353" s="40">
        <v>21.159277471826581</v>
      </c>
      <c r="F7353" s="40">
        <v>122.4</v>
      </c>
      <c r="G7353" s="40">
        <v>21.787689260463083</v>
      </c>
      <c r="H7353" s="40">
        <v>122.4</v>
      </c>
      <c r="I7353" s="40">
        <v>20.654925450432629</v>
      </c>
      <c r="J7353" s="40">
        <v>122.399955994048</v>
      </c>
      <c r="K7353" s="40">
        <v>13.227369417393932</v>
      </c>
      <c r="L7353" s="40"/>
      <c r="M7353" s="40"/>
      <c r="N7353" s="40"/>
    </row>
    <row r="7354" spans="4:14" x14ac:dyDescent="0.25">
      <c r="D7354" s="40">
        <v>122.4284370000054</v>
      </c>
      <c r="E7354" s="40">
        <v>21.159277471826581</v>
      </c>
      <c r="F7354" s="40">
        <v>122.41666699999999</v>
      </c>
      <c r="G7354" s="40">
        <v>21.787689260463083</v>
      </c>
      <c r="H7354" s="40">
        <v>122.41666700000002</v>
      </c>
      <c r="I7354" s="40">
        <v>20.658179576689392</v>
      </c>
      <c r="J7354" s="40">
        <v>122.416622654763</v>
      </c>
      <c r="K7354" s="40">
        <v>13.232077783346993</v>
      </c>
      <c r="L7354" s="40"/>
      <c r="M7354" s="40"/>
      <c r="N7354" s="40"/>
    </row>
    <row r="7355" spans="4:14" x14ac:dyDescent="0.25">
      <c r="D7355" s="40">
        <v>122.4451030000054</v>
      </c>
      <c r="E7355" s="40">
        <v>21.159277471826581</v>
      </c>
      <c r="F7355" s="40">
        <v>122.433333</v>
      </c>
      <c r="G7355" s="40">
        <v>21.787689260463083</v>
      </c>
      <c r="H7355" s="40">
        <v>122.433334</v>
      </c>
      <c r="I7355" s="40">
        <v>20.658179576689392</v>
      </c>
      <c r="J7355" s="40">
        <v>122.433289315477</v>
      </c>
      <c r="K7355" s="40">
        <v>13.232077783346993</v>
      </c>
      <c r="L7355" s="40"/>
      <c r="M7355" s="40"/>
      <c r="N7355" s="40"/>
    </row>
    <row r="7356" spans="4:14" x14ac:dyDescent="0.25">
      <c r="D7356" s="40">
        <v>122.4617690000054</v>
      </c>
      <c r="E7356" s="40">
        <v>21.159277471826581</v>
      </c>
      <c r="F7356" s="40">
        <v>122.44999999999999</v>
      </c>
      <c r="G7356" s="40">
        <v>21.787689260463083</v>
      </c>
      <c r="H7356" s="40">
        <v>122.45000000000002</v>
      </c>
      <c r="I7356" s="40">
        <v>20.661532312832648</v>
      </c>
      <c r="J7356" s="40">
        <v>122.44995597619101</v>
      </c>
      <c r="K7356" s="40">
        <v>13.232077783346993</v>
      </c>
      <c r="L7356" s="40"/>
      <c r="M7356" s="40"/>
      <c r="N7356" s="40"/>
    </row>
    <row r="7357" spans="4:14" x14ac:dyDescent="0.25">
      <c r="D7357" s="40">
        <v>122.4784350000054</v>
      </c>
      <c r="E7357" s="40">
        <v>21.154434293237031</v>
      </c>
      <c r="F7357" s="40">
        <v>122.466667</v>
      </c>
      <c r="G7357" s="40">
        <v>21.787689260463083</v>
      </c>
      <c r="H7357" s="40">
        <v>122.466667</v>
      </c>
      <c r="I7357" s="40">
        <v>20.661532312832648</v>
      </c>
      <c r="J7357" s="40">
        <v>122.466622636905</v>
      </c>
      <c r="K7357" s="40">
        <v>13.232077783346993</v>
      </c>
      <c r="L7357" s="40"/>
      <c r="M7357" s="40"/>
      <c r="N7357" s="40"/>
    </row>
    <row r="7358" spans="4:14" x14ac:dyDescent="0.25">
      <c r="D7358" s="40">
        <v>122.49510100000541</v>
      </c>
      <c r="E7358" s="40">
        <v>21.154434293237031</v>
      </c>
      <c r="F7358" s="40">
        <v>122.48333299999999</v>
      </c>
      <c r="G7358" s="40">
        <v>21.787689260463083</v>
      </c>
      <c r="H7358" s="40">
        <v>122.48333400000001</v>
      </c>
      <c r="I7358" s="40">
        <v>20.664885048976082</v>
      </c>
      <c r="J7358" s="40">
        <v>122.48328929762</v>
      </c>
      <c r="K7358" s="40">
        <v>13.232077783346993</v>
      </c>
      <c r="L7358" s="40"/>
      <c r="M7358" s="40"/>
      <c r="N7358" s="40"/>
    </row>
    <row r="7359" spans="4:14" x14ac:dyDescent="0.25">
      <c r="D7359" s="40">
        <v>122.51176700000541</v>
      </c>
      <c r="E7359" s="40">
        <v>21.154434293237031</v>
      </c>
      <c r="F7359" s="40">
        <v>122.5</v>
      </c>
      <c r="G7359" s="40">
        <v>21.787689260463083</v>
      </c>
      <c r="H7359" s="40">
        <v>122.5</v>
      </c>
      <c r="I7359" s="40">
        <v>20.664885048976082</v>
      </c>
      <c r="J7359" s="40">
        <v>122.499955958334</v>
      </c>
      <c r="K7359" s="40">
        <v>13.232077783346993</v>
      </c>
      <c r="L7359" s="40"/>
      <c r="M7359" s="40"/>
      <c r="N7359" s="40"/>
    </row>
    <row r="7360" spans="4:14" x14ac:dyDescent="0.25">
      <c r="D7360" s="40">
        <v>122.52843300000541</v>
      </c>
      <c r="E7360" s="40">
        <v>21.154434293237031</v>
      </c>
      <c r="F7360" s="40">
        <v>122.51666699999998</v>
      </c>
      <c r="G7360" s="40">
        <v>21.782934016372867</v>
      </c>
      <c r="H7360" s="40">
        <v>122.51666700000001</v>
      </c>
      <c r="I7360" s="40">
        <v>20.668139175232845</v>
      </c>
      <c r="J7360" s="40">
        <v>122.51662261904799</v>
      </c>
      <c r="K7360" s="40">
        <v>13.227369417393932</v>
      </c>
      <c r="L7360" s="40"/>
      <c r="M7360" s="40"/>
      <c r="N7360" s="40"/>
    </row>
    <row r="7361" spans="4:14" x14ac:dyDescent="0.25">
      <c r="D7361" s="40">
        <v>122.54509900000541</v>
      </c>
      <c r="E7361" s="40">
        <v>21.154434293237031</v>
      </c>
      <c r="F7361" s="40">
        <v>122.533333</v>
      </c>
      <c r="G7361" s="40">
        <v>21.787689260463083</v>
      </c>
      <c r="H7361" s="40">
        <v>122.533334</v>
      </c>
      <c r="I7361" s="40">
        <v>20.668139175232845</v>
      </c>
      <c r="J7361" s="40">
        <v>122.533289279763</v>
      </c>
      <c r="K7361" s="40">
        <v>13.227369417393932</v>
      </c>
      <c r="L7361" s="40"/>
      <c r="M7361" s="40"/>
      <c r="N7361" s="40"/>
    </row>
    <row r="7362" spans="4:14" x14ac:dyDescent="0.25">
      <c r="D7362" s="40">
        <v>122.56176500000541</v>
      </c>
      <c r="E7362" s="40">
        <v>21.154434293237031</v>
      </c>
      <c r="F7362" s="40">
        <v>122.54999999999998</v>
      </c>
      <c r="G7362" s="40">
        <v>21.787689260463083</v>
      </c>
      <c r="H7362" s="40">
        <v>122.55000000000001</v>
      </c>
      <c r="I7362" s="40">
        <v>20.671491911376101</v>
      </c>
      <c r="J7362" s="40">
        <v>122.54995594047701</v>
      </c>
      <c r="K7362" s="40">
        <v>13.232077783346993</v>
      </c>
      <c r="L7362" s="40"/>
      <c r="M7362" s="40"/>
      <c r="N7362" s="40"/>
    </row>
    <row r="7363" spans="4:14" x14ac:dyDescent="0.25">
      <c r="D7363" s="40">
        <v>122.57843100000541</v>
      </c>
      <c r="E7363" s="40">
        <v>21.154434293237031</v>
      </c>
      <c r="F7363" s="40">
        <v>122.566667</v>
      </c>
      <c r="G7363" s="40">
        <v>21.787689260463083</v>
      </c>
      <c r="H7363" s="40">
        <v>122.566667</v>
      </c>
      <c r="I7363" s="40">
        <v>20.674844647519357</v>
      </c>
      <c r="J7363" s="40">
        <v>122.566622601191</v>
      </c>
      <c r="K7363" s="40">
        <v>13.232077783346993</v>
      </c>
      <c r="L7363" s="40"/>
      <c r="M7363" s="40"/>
      <c r="N7363" s="40"/>
    </row>
    <row r="7364" spans="4:14" x14ac:dyDescent="0.25">
      <c r="D7364" s="40">
        <v>122.59509700000541</v>
      </c>
      <c r="E7364" s="40">
        <v>21.149591114647485</v>
      </c>
      <c r="F7364" s="40">
        <v>122.58333299999998</v>
      </c>
      <c r="G7364" s="40">
        <v>21.787689260463083</v>
      </c>
      <c r="H7364" s="40">
        <v>122.58333400000001</v>
      </c>
      <c r="I7364" s="40">
        <v>20.674844647519357</v>
      </c>
      <c r="J7364" s="40">
        <v>122.58328926190499</v>
      </c>
      <c r="K7364" s="40">
        <v>13.232077783346993</v>
      </c>
      <c r="L7364" s="40"/>
      <c r="M7364" s="40"/>
      <c r="N7364" s="40"/>
    </row>
    <row r="7365" spans="4:14" x14ac:dyDescent="0.25">
      <c r="D7365" s="40">
        <v>122.61176300000541</v>
      </c>
      <c r="E7365" s="40">
        <v>21.149591114647485</v>
      </c>
      <c r="F7365" s="40">
        <v>122.6</v>
      </c>
      <c r="G7365" s="40">
        <v>21.787689260463083</v>
      </c>
      <c r="H7365" s="40">
        <v>122.6</v>
      </c>
      <c r="I7365" s="40">
        <v>20.678098773776121</v>
      </c>
      <c r="J7365" s="40">
        <v>122.59995592262</v>
      </c>
      <c r="K7365" s="40">
        <v>13.232077783346993</v>
      </c>
      <c r="L7365" s="40"/>
      <c r="M7365" s="40"/>
      <c r="N7365" s="40"/>
    </row>
    <row r="7366" spans="4:14" x14ac:dyDescent="0.25">
      <c r="D7366" s="40">
        <v>122.62842900000541</v>
      </c>
      <c r="E7366" s="40">
        <v>21.149591114647485</v>
      </c>
      <c r="F7366" s="40">
        <v>122.61666700000001</v>
      </c>
      <c r="G7366" s="40">
        <v>21.787689260463083</v>
      </c>
      <c r="H7366" s="40">
        <v>122.61666700000001</v>
      </c>
      <c r="I7366" s="40">
        <v>20.678098773776121</v>
      </c>
      <c r="J7366" s="40">
        <v>122.61662258333401</v>
      </c>
      <c r="K7366" s="40">
        <v>13.232077783346993</v>
      </c>
      <c r="L7366" s="40"/>
      <c r="M7366" s="40"/>
      <c r="N7366" s="40"/>
    </row>
    <row r="7367" spans="4:14" x14ac:dyDescent="0.25">
      <c r="D7367" s="40">
        <v>122.64509500000541</v>
      </c>
      <c r="E7367" s="40">
        <v>21.149591114647485</v>
      </c>
      <c r="F7367" s="40">
        <v>122.63333299999999</v>
      </c>
      <c r="G7367" s="40">
        <v>21.782934016372867</v>
      </c>
      <c r="H7367" s="40">
        <v>122.63333400000002</v>
      </c>
      <c r="I7367" s="40">
        <v>20.681451509919555</v>
      </c>
      <c r="J7367" s="40">
        <v>122.633289244048</v>
      </c>
      <c r="K7367" s="40">
        <v>13.232077783346993</v>
      </c>
      <c r="L7367" s="40"/>
      <c r="M7367" s="40"/>
      <c r="N7367" s="40"/>
    </row>
    <row r="7368" spans="4:14" x14ac:dyDescent="0.25">
      <c r="D7368" s="40">
        <v>122.66176100000541</v>
      </c>
      <c r="E7368" s="40">
        <v>21.149591114647485</v>
      </c>
      <c r="F7368" s="40">
        <v>122.65</v>
      </c>
      <c r="G7368" s="40">
        <v>21.782934016372867</v>
      </c>
      <c r="H7368" s="40">
        <v>122.65</v>
      </c>
      <c r="I7368" s="40">
        <v>20.684804246062811</v>
      </c>
      <c r="J7368" s="40">
        <v>122.649955904763</v>
      </c>
      <c r="K7368" s="40">
        <v>13.232077783346993</v>
      </c>
      <c r="L7368" s="40"/>
      <c r="M7368" s="40"/>
      <c r="N7368" s="40"/>
    </row>
    <row r="7369" spans="4:14" x14ac:dyDescent="0.25">
      <c r="D7369" s="40">
        <v>122.67842700000541</v>
      </c>
      <c r="E7369" s="40">
        <v>21.149591114647485</v>
      </c>
      <c r="F7369" s="40">
        <v>122.66666699999999</v>
      </c>
      <c r="G7369" s="40">
        <v>21.782934016372867</v>
      </c>
      <c r="H7369" s="40">
        <v>122.66666700000002</v>
      </c>
      <c r="I7369" s="40">
        <v>20.684804246062811</v>
      </c>
      <c r="J7369" s="40">
        <v>122.666622565477</v>
      </c>
      <c r="K7369" s="40">
        <v>13.232077783346993</v>
      </c>
      <c r="L7369" s="40"/>
      <c r="M7369" s="40"/>
      <c r="N7369" s="40"/>
    </row>
    <row r="7370" spans="4:14" x14ac:dyDescent="0.25">
      <c r="D7370" s="40">
        <v>122.69509300000541</v>
      </c>
      <c r="E7370" s="40">
        <v>21.149591114647485</v>
      </c>
      <c r="F7370" s="40">
        <v>122.683333</v>
      </c>
      <c r="G7370" s="40">
        <v>21.782934016372867</v>
      </c>
      <c r="H7370" s="40">
        <v>122.683334</v>
      </c>
      <c r="I7370" s="40">
        <v>20.688058372319574</v>
      </c>
      <c r="J7370" s="40">
        <v>122.68328922619099</v>
      </c>
      <c r="K7370" s="40">
        <v>13.232077783346993</v>
      </c>
      <c r="L7370" s="40"/>
      <c r="M7370" s="40"/>
      <c r="N7370" s="40"/>
    </row>
    <row r="7371" spans="4:14" x14ac:dyDescent="0.25">
      <c r="D7371" s="40">
        <v>122.71175900000542</v>
      </c>
      <c r="E7371" s="40">
        <v>21.149591114647485</v>
      </c>
      <c r="F7371" s="40">
        <v>122.69999999999999</v>
      </c>
      <c r="G7371" s="40">
        <v>21.782934016372867</v>
      </c>
      <c r="H7371" s="40">
        <v>122.70000000000002</v>
      </c>
      <c r="I7371" s="40">
        <v>20.691411108462834</v>
      </c>
      <c r="J7371" s="40">
        <v>122.699955886905</v>
      </c>
      <c r="K7371" s="40">
        <v>13.232077783346993</v>
      </c>
      <c r="L7371" s="40"/>
      <c r="M7371" s="40"/>
      <c r="N7371" s="40"/>
    </row>
    <row r="7372" spans="4:14" x14ac:dyDescent="0.25">
      <c r="D7372" s="40">
        <v>122.72842500000542</v>
      </c>
      <c r="E7372" s="40">
        <v>21.149591114647485</v>
      </c>
      <c r="F7372" s="40">
        <v>122.716667</v>
      </c>
      <c r="G7372" s="40">
        <v>21.787689260463083</v>
      </c>
      <c r="H7372" s="40">
        <v>122.716667</v>
      </c>
      <c r="I7372" s="40">
        <v>20.691411108462834</v>
      </c>
      <c r="J7372" s="40">
        <v>122.71662254762001</v>
      </c>
      <c r="K7372" s="40">
        <v>13.232077783346993</v>
      </c>
      <c r="L7372" s="40"/>
      <c r="M7372" s="40"/>
      <c r="N7372" s="40"/>
    </row>
    <row r="7373" spans="4:14" x14ac:dyDescent="0.25">
      <c r="D7373" s="40">
        <v>122.74509100000542</v>
      </c>
      <c r="E7373" s="40">
        <v>21.149591114647485</v>
      </c>
      <c r="F7373" s="40">
        <v>122.73333299999999</v>
      </c>
      <c r="G7373" s="40">
        <v>21.787689260463083</v>
      </c>
      <c r="H7373" s="40">
        <v>122.73333400000001</v>
      </c>
      <c r="I7373" s="40">
        <v>20.694763844606086</v>
      </c>
      <c r="J7373" s="40">
        <v>122.733289208334</v>
      </c>
      <c r="K7373" s="40">
        <v>13.232077783346993</v>
      </c>
      <c r="L7373" s="40"/>
      <c r="M7373" s="40"/>
      <c r="N7373" s="40"/>
    </row>
    <row r="7374" spans="4:14" x14ac:dyDescent="0.25">
      <c r="D7374" s="40">
        <v>122.76175700000542</v>
      </c>
      <c r="E7374" s="40">
        <v>21.149591114647485</v>
      </c>
      <c r="F7374" s="40">
        <v>122.75</v>
      </c>
      <c r="G7374" s="40">
        <v>21.787689260463083</v>
      </c>
      <c r="H7374" s="40">
        <v>122.75</v>
      </c>
      <c r="I7374" s="40">
        <v>20.69801797086285</v>
      </c>
      <c r="J7374" s="40">
        <v>122.74995586904799</v>
      </c>
      <c r="K7374" s="40">
        <v>13.232077783346993</v>
      </c>
      <c r="L7374" s="40"/>
      <c r="M7374" s="40"/>
      <c r="N7374" s="40"/>
    </row>
    <row r="7375" spans="4:14" x14ac:dyDescent="0.25">
      <c r="D7375" s="40">
        <v>122.77842300000542</v>
      </c>
      <c r="E7375" s="40">
        <v>21.149591114647485</v>
      </c>
      <c r="F7375" s="40">
        <v>122.76666699999998</v>
      </c>
      <c r="G7375" s="40">
        <v>21.787689260463083</v>
      </c>
      <c r="H7375" s="40">
        <v>122.76666700000001</v>
      </c>
      <c r="I7375" s="40">
        <v>20.69801797086285</v>
      </c>
      <c r="J7375" s="40">
        <v>122.766622529763</v>
      </c>
      <c r="K7375" s="40">
        <v>13.232077783346993</v>
      </c>
      <c r="L7375" s="40"/>
      <c r="M7375" s="40"/>
      <c r="N7375" s="40"/>
    </row>
    <row r="7376" spans="4:14" x14ac:dyDescent="0.25">
      <c r="D7376" s="40">
        <v>122.79508900000542</v>
      </c>
      <c r="E7376" s="40">
        <v>21.149591114647485</v>
      </c>
      <c r="F7376" s="40">
        <v>122.783333</v>
      </c>
      <c r="G7376" s="40">
        <v>21.787689260463083</v>
      </c>
      <c r="H7376" s="40">
        <v>122.783334</v>
      </c>
      <c r="I7376" s="40">
        <v>20.701370707006284</v>
      </c>
      <c r="J7376" s="40">
        <v>122.78328919047701</v>
      </c>
      <c r="K7376" s="40">
        <v>13.232077783346993</v>
      </c>
      <c r="L7376" s="40"/>
      <c r="M7376" s="40"/>
      <c r="N7376" s="40"/>
    </row>
    <row r="7377" spans="4:14" x14ac:dyDescent="0.25">
      <c r="D7377" s="40">
        <v>122.81175500000542</v>
      </c>
      <c r="E7377" s="40">
        <v>21.149591114647485</v>
      </c>
      <c r="F7377" s="40">
        <v>122.79999999999998</v>
      </c>
      <c r="G7377" s="40">
        <v>21.787689260463083</v>
      </c>
      <c r="H7377" s="40">
        <v>122.80000000000001</v>
      </c>
      <c r="I7377" s="40">
        <v>20.701370707006284</v>
      </c>
      <c r="J7377" s="40">
        <v>122.799955851191</v>
      </c>
      <c r="K7377" s="40">
        <v>13.232077783346993</v>
      </c>
      <c r="L7377" s="40"/>
      <c r="M7377" s="40"/>
      <c r="N7377" s="40"/>
    </row>
    <row r="7378" spans="4:14" x14ac:dyDescent="0.25">
      <c r="D7378" s="40">
        <v>122.82842100000542</v>
      </c>
      <c r="E7378" s="40">
        <v>21.149591114647485</v>
      </c>
      <c r="F7378" s="40">
        <v>122.816667</v>
      </c>
      <c r="G7378" s="40">
        <v>21.787689260463083</v>
      </c>
      <c r="H7378" s="40">
        <v>122.816667</v>
      </c>
      <c r="I7378" s="40">
        <v>20.704723443149543</v>
      </c>
      <c r="J7378" s="40">
        <v>122.816622511905</v>
      </c>
      <c r="K7378" s="40">
        <v>13.232077783346993</v>
      </c>
      <c r="L7378" s="40"/>
      <c r="M7378" s="40"/>
      <c r="N7378" s="40"/>
    </row>
    <row r="7379" spans="4:14" x14ac:dyDescent="0.25">
      <c r="D7379" s="40">
        <v>122.84508700000542</v>
      </c>
      <c r="E7379" s="40">
        <v>21.149591114647485</v>
      </c>
      <c r="F7379" s="40">
        <v>122.83333299999998</v>
      </c>
      <c r="G7379" s="40">
        <v>21.787689260463083</v>
      </c>
      <c r="H7379" s="40">
        <v>122.83333400000001</v>
      </c>
      <c r="I7379" s="40">
        <v>20.707977569406303</v>
      </c>
      <c r="J7379" s="40">
        <v>122.83328917262</v>
      </c>
      <c r="K7379" s="40">
        <v>13.227369417393932</v>
      </c>
      <c r="L7379" s="40"/>
      <c r="M7379" s="40"/>
      <c r="N7379" s="40"/>
    </row>
    <row r="7380" spans="4:14" x14ac:dyDescent="0.25">
      <c r="D7380" s="40">
        <v>122.86175300000542</v>
      </c>
      <c r="E7380" s="40">
        <v>21.149591114647485</v>
      </c>
      <c r="F7380" s="40">
        <v>122.85</v>
      </c>
      <c r="G7380" s="40">
        <v>21.787689260463083</v>
      </c>
      <c r="H7380" s="40">
        <v>122.85</v>
      </c>
      <c r="I7380" s="40">
        <v>20.707977569406303</v>
      </c>
      <c r="J7380" s="40">
        <v>122.84995583333399</v>
      </c>
      <c r="K7380" s="40">
        <v>13.227369417393932</v>
      </c>
      <c r="L7380" s="40"/>
      <c r="M7380" s="40"/>
      <c r="N7380" s="40"/>
    </row>
    <row r="7381" spans="4:14" x14ac:dyDescent="0.25">
      <c r="D7381" s="40">
        <v>122.87841900000542</v>
      </c>
      <c r="E7381" s="40">
        <v>21.149591114647485</v>
      </c>
      <c r="F7381" s="40">
        <v>122.86666700000001</v>
      </c>
      <c r="G7381" s="40">
        <v>21.787689260463083</v>
      </c>
      <c r="H7381" s="40">
        <v>122.86666700000001</v>
      </c>
      <c r="I7381" s="40">
        <v>20.711330305549563</v>
      </c>
      <c r="J7381" s="40">
        <v>122.866622494048</v>
      </c>
      <c r="K7381" s="40">
        <v>13.227369417393932</v>
      </c>
      <c r="L7381" s="40"/>
      <c r="M7381" s="40"/>
      <c r="N7381" s="40"/>
    </row>
    <row r="7382" spans="4:14" x14ac:dyDescent="0.25">
      <c r="D7382" s="40">
        <v>122.89508500000542</v>
      </c>
      <c r="E7382" s="40">
        <v>21.149591114647485</v>
      </c>
      <c r="F7382" s="40">
        <v>122.88333299999999</v>
      </c>
      <c r="G7382" s="40">
        <v>21.787689260463083</v>
      </c>
      <c r="H7382" s="40">
        <v>122.88333400000002</v>
      </c>
      <c r="I7382" s="40">
        <v>20.711330305549563</v>
      </c>
      <c r="J7382" s="40">
        <v>122.88328915476301</v>
      </c>
      <c r="K7382" s="40">
        <v>13.227369417393932</v>
      </c>
      <c r="L7382" s="40"/>
      <c r="M7382" s="40"/>
      <c r="N7382" s="40"/>
    </row>
    <row r="7383" spans="4:14" x14ac:dyDescent="0.25">
      <c r="D7383" s="40">
        <v>122.91175100000542</v>
      </c>
      <c r="E7383" s="40">
        <v>21.149591114647485</v>
      </c>
      <c r="F7383" s="40">
        <v>122.9</v>
      </c>
      <c r="G7383" s="40">
        <v>21.792444504553302</v>
      </c>
      <c r="H7383" s="40">
        <v>122.9</v>
      </c>
      <c r="I7383" s="40">
        <v>20.714683041692993</v>
      </c>
      <c r="J7383" s="40">
        <v>122.899955815477</v>
      </c>
      <c r="K7383" s="40">
        <v>13.227369417393932</v>
      </c>
      <c r="L7383" s="40"/>
      <c r="M7383" s="40"/>
      <c r="N7383" s="40"/>
    </row>
    <row r="7384" spans="4:14" x14ac:dyDescent="0.25">
      <c r="D7384" s="40">
        <v>122.92841700000542</v>
      </c>
      <c r="E7384" s="40">
        <v>21.149591114647485</v>
      </c>
      <c r="F7384" s="40">
        <v>122.91666699999999</v>
      </c>
      <c r="G7384" s="40">
        <v>21.792444504553302</v>
      </c>
      <c r="H7384" s="40">
        <v>122.91666700000002</v>
      </c>
      <c r="I7384" s="40">
        <v>20.714683041692993</v>
      </c>
      <c r="J7384" s="40">
        <v>122.91662247619099</v>
      </c>
      <c r="K7384" s="40">
        <v>13.2225183736847</v>
      </c>
      <c r="L7384" s="40"/>
      <c r="M7384" s="40"/>
      <c r="N7384" s="40"/>
    </row>
    <row r="7385" spans="4:14" x14ac:dyDescent="0.25">
      <c r="D7385" s="40">
        <v>122.94508300000543</v>
      </c>
      <c r="E7385" s="40">
        <v>21.154434293237031</v>
      </c>
      <c r="F7385" s="40">
        <v>122.933333</v>
      </c>
      <c r="G7385" s="40">
        <v>21.792444504553302</v>
      </c>
      <c r="H7385" s="40">
        <v>122.933334</v>
      </c>
      <c r="I7385" s="40">
        <v>20.717937167949579</v>
      </c>
      <c r="J7385" s="40">
        <v>122.933289136905</v>
      </c>
      <c r="K7385" s="40">
        <v>13.2225183736847</v>
      </c>
      <c r="L7385" s="40"/>
      <c r="M7385" s="40"/>
      <c r="N7385" s="40"/>
    </row>
    <row r="7386" spans="4:14" x14ac:dyDescent="0.25">
      <c r="D7386" s="40">
        <v>122.96174900000543</v>
      </c>
      <c r="E7386" s="40">
        <v>21.154434293237031</v>
      </c>
      <c r="F7386" s="40">
        <v>122.94999999999999</v>
      </c>
      <c r="G7386" s="40">
        <v>21.792444504553302</v>
      </c>
      <c r="H7386" s="40">
        <v>122.95000000000002</v>
      </c>
      <c r="I7386" s="40">
        <v>20.717937167949579</v>
      </c>
      <c r="J7386" s="40">
        <v>122.94995579762001</v>
      </c>
      <c r="K7386" s="40">
        <v>13.2225183736847</v>
      </c>
      <c r="L7386" s="40"/>
      <c r="M7386" s="40"/>
      <c r="N7386" s="40"/>
    </row>
    <row r="7387" spans="4:14" x14ac:dyDescent="0.25">
      <c r="D7387" s="40">
        <v>122.97841500000543</v>
      </c>
      <c r="E7387" s="40">
        <v>21.154434293237031</v>
      </c>
      <c r="F7387" s="40">
        <v>122.966667</v>
      </c>
      <c r="G7387" s="40">
        <v>21.792444504553302</v>
      </c>
      <c r="H7387" s="40">
        <v>122.966667</v>
      </c>
      <c r="I7387" s="40">
        <v>20.721289904093013</v>
      </c>
      <c r="J7387" s="40">
        <v>122.966622458334</v>
      </c>
      <c r="K7387" s="40">
        <v>13.2225183736847</v>
      </c>
      <c r="L7387" s="40"/>
      <c r="M7387" s="40"/>
      <c r="N7387" s="40"/>
    </row>
    <row r="7388" spans="4:14" x14ac:dyDescent="0.25">
      <c r="D7388" s="40">
        <v>122.99508100000543</v>
      </c>
      <c r="E7388" s="40">
        <v>21.159277471826581</v>
      </c>
      <c r="F7388" s="40">
        <v>122.98333299999999</v>
      </c>
      <c r="G7388" s="40">
        <v>21.797059888523204</v>
      </c>
      <c r="H7388" s="40">
        <v>122.98333400000001</v>
      </c>
      <c r="I7388" s="40">
        <v>20.721289904093013</v>
      </c>
      <c r="J7388" s="40">
        <v>122.983289119048</v>
      </c>
      <c r="K7388" s="40">
        <v>13.2225183736847</v>
      </c>
      <c r="L7388" s="40"/>
      <c r="M7388" s="40"/>
      <c r="N7388" s="40"/>
    </row>
    <row r="7389" spans="4:14" x14ac:dyDescent="0.25">
      <c r="D7389" s="40">
        <v>123.01174700000543</v>
      </c>
      <c r="E7389" s="40">
        <v>21.159277471826581</v>
      </c>
      <c r="F7389" s="40">
        <v>123</v>
      </c>
      <c r="G7389" s="40">
        <v>21.797059888523204</v>
      </c>
      <c r="H7389" s="40">
        <v>123</v>
      </c>
      <c r="I7389" s="40">
        <v>20.724642640236272</v>
      </c>
      <c r="J7389" s="40">
        <v>122.999955779763</v>
      </c>
      <c r="K7389" s="40">
        <v>13.2225183736847</v>
      </c>
      <c r="L7389" s="40"/>
      <c r="M7389" s="40"/>
      <c r="N7389" s="40"/>
    </row>
    <row r="7390" spans="4:14" x14ac:dyDescent="0.25">
      <c r="D7390" s="40">
        <v>123.02841300000543</v>
      </c>
      <c r="E7390" s="40">
        <v>21.159277471826581</v>
      </c>
      <c r="F7390" s="40">
        <v>123.01666699999998</v>
      </c>
      <c r="G7390" s="40">
        <v>21.797059888523204</v>
      </c>
      <c r="H7390" s="40">
        <v>123.01666700000001</v>
      </c>
      <c r="I7390" s="40">
        <v>20.724642640236272</v>
      </c>
      <c r="J7390" s="40">
        <v>123.01662244047699</v>
      </c>
      <c r="K7390" s="40">
        <v>13.2225183736847</v>
      </c>
      <c r="L7390" s="40"/>
      <c r="M7390" s="40"/>
      <c r="N7390" s="40"/>
    </row>
    <row r="7391" spans="4:14" x14ac:dyDescent="0.25">
      <c r="D7391" s="40">
        <v>123.04507900000543</v>
      </c>
      <c r="E7391" s="40">
        <v>21.159277471826581</v>
      </c>
      <c r="F7391" s="40">
        <v>123.033333</v>
      </c>
      <c r="G7391" s="40">
        <v>21.797059888523204</v>
      </c>
      <c r="H7391" s="40">
        <v>123.033334</v>
      </c>
      <c r="I7391" s="40">
        <v>20.727896766493036</v>
      </c>
      <c r="J7391" s="40">
        <v>123.033289101191</v>
      </c>
      <c r="K7391" s="40">
        <v>13.2225183736847</v>
      </c>
      <c r="L7391" s="40"/>
      <c r="M7391" s="40"/>
      <c r="N7391" s="40"/>
    </row>
    <row r="7392" spans="4:14" x14ac:dyDescent="0.25">
      <c r="D7392" s="40">
        <v>123.06174500000543</v>
      </c>
      <c r="E7392" s="40">
        <v>21.159277471826581</v>
      </c>
      <c r="F7392" s="40">
        <v>123.04999999999998</v>
      </c>
      <c r="G7392" s="40">
        <v>21.797059888523204</v>
      </c>
      <c r="H7392" s="40">
        <v>123.05000000000001</v>
      </c>
      <c r="I7392" s="40">
        <v>20.727896766493036</v>
      </c>
      <c r="J7392" s="40">
        <v>123.049955761905</v>
      </c>
      <c r="K7392" s="40">
        <v>13.2225183736847</v>
      </c>
      <c r="L7392" s="40"/>
      <c r="M7392" s="40"/>
      <c r="N7392" s="40"/>
    </row>
    <row r="7393" spans="4:14" x14ac:dyDescent="0.25">
      <c r="D7393" s="40">
        <v>123.07841100000543</v>
      </c>
      <c r="E7393" s="40">
        <v>21.159277471826581</v>
      </c>
      <c r="F7393" s="40">
        <v>123.066667</v>
      </c>
      <c r="G7393" s="40">
        <v>21.797059888523204</v>
      </c>
      <c r="H7393" s="40">
        <v>123.066667</v>
      </c>
      <c r="I7393" s="40">
        <v>20.731249502636292</v>
      </c>
      <c r="J7393" s="40">
        <v>123.06662242262</v>
      </c>
      <c r="K7393" s="40">
        <v>13.2225183736847</v>
      </c>
      <c r="L7393" s="40"/>
      <c r="M7393" s="40"/>
      <c r="N7393" s="40"/>
    </row>
    <row r="7394" spans="4:14" x14ac:dyDescent="0.25">
      <c r="D7394" s="40">
        <v>123.09507700000543</v>
      </c>
      <c r="E7394" s="40">
        <v>21.159277471826581</v>
      </c>
      <c r="F7394" s="40">
        <v>123.08333299999998</v>
      </c>
      <c r="G7394" s="40">
        <v>21.797059888523204</v>
      </c>
      <c r="H7394" s="40">
        <v>123.08333400000001</v>
      </c>
      <c r="I7394" s="40">
        <v>20.731249502636292</v>
      </c>
      <c r="J7394" s="40">
        <v>123.08328908333399</v>
      </c>
      <c r="K7394" s="40">
        <v>13.2225183736847</v>
      </c>
      <c r="L7394" s="40"/>
      <c r="M7394" s="40"/>
      <c r="N7394" s="40"/>
    </row>
    <row r="7395" spans="4:14" x14ac:dyDescent="0.25">
      <c r="D7395" s="40">
        <v>123.11174300000543</v>
      </c>
      <c r="E7395" s="40">
        <v>21.159277471826581</v>
      </c>
      <c r="F7395" s="40">
        <v>123.1</v>
      </c>
      <c r="G7395" s="40">
        <v>21.797059888523204</v>
      </c>
      <c r="H7395" s="40">
        <v>123.1</v>
      </c>
      <c r="I7395" s="40">
        <v>20.734602238779722</v>
      </c>
      <c r="J7395" s="40">
        <v>123.099955744048</v>
      </c>
      <c r="K7395" s="40">
        <v>13.2225183736847</v>
      </c>
      <c r="L7395" s="40"/>
      <c r="M7395" s="40"/>
      <c r="N7395" s="40"/>
    </row>
    <row r="7396" spans="4:14" x14ac:dyDescent="0.25">
      <c r="D7396" s="40">
        <v>123.12840900000543</v>
      </c>
      <c r="E7396" s="40">
        <v>21.159277471826581</v>
      </c>
      <c r="F7396" s="40">
        <v>123.11666700000001</v>
      </c>
      <c r="G7396" s="40">
        <v>21.797059888523204</v>
      </c>
      <c r="H7396" s="40">
        <v>123.11666700000001</v>
      </c>
      <c r="I7396" s="40">
        <v>20.737856365036485</v>
      </c>
      <c r="J7396" s="40">
        <v>123.11662240476301</v>
      </c>
      <c r="K7396" s="40">
        <v>13.2225183736847</v>
      </c>
      <c r="L7396" s="40"/>
      <c r="M7396" s="40"/>
      <c r="N7396" s="40"/>
    </row>
    <row r="7397" spans="4:14" x14ac:dyDescent="0.25">
      <c r="D7397" s="40">
        <v>123.14507500000543</v>
      </c>
      <c r="E7397" s="40">
        <v>21.159277471826581</v>
      </c>
      <c r="F7397" s="40">
        <v>123.13333299999999</v>
      </c>
      <c r="G7397" s="40">
        <v>21.797059888523204</v>
      </c>
      <c r="H7397" s="40">
        <v>123.13333400000002</v>
      </c>
      <c r="I7397" s="40">
        <v>20.737856365036485</v>
      </c>
      <c r="J7397" s="40">
        <v>123.133289065477</v>
      </c>
      <c r="K7397" s="40">
        <v>13.2225183736847</v>
      </c>
      <c r="L7397" s="40"/>
      <c r="M7397" s="40"/>
      <c r="N7397" s="40"/>
    </row>
    <row r="7398" spans="4:14" x14ac:dyDescent="0.25">
      <c r="D7398" s="40">
        <v>123.16174100000543</v>
      </c>
      <c r="E7398" s="40">
        <v>21.163978203987007</v>
      </c>
      <c r="F7398" s="40">
        <v>123.15</v>
      </c>
      <c r="G7398" s="40">
        <v>21.797059888523204</v>
      </c>
      <c r="H7398" s="40">
        <v>123.15</v>
      </c>
      <c r="I7398" s="40">
        <v>20.737856365036485</v>
      </c>
      <c r="J7398" s="40">
        <v>123.149955726191</v>
      </c>
      <c r="K7398" s="40">
        <v>13.2225183736847</v>
      </c>
      <c r="L7398" s="40"/>
      <c r="M7398" s="40"/>
      <c r="N7398" s="40"/>
    </row>
    <row r="7399" spans="4:14" x14ac:dyDescent="0.25">
      <c r="D7399" s="40">
        <v>123.17840700000544</v>
      </c>
      <c r="E7399" s="40">
        <v>21.163978203987007</v>
      </c>
      <c r="F7399" s="40">
        <v>123.16666699999999</v>
      </c>
      <c r="G7399" s="40">
        <v>21.797059888523204</v>
      </c>
      <c r="H7399" s="40">
        <v>123.16666700000002</v>
      </c>
      <c r="I7399" s="40">
        <v>20.741209101179745</v>
      </c>
      <c r="J7399" s="40">
        <v>123.166622386905</v>
      </c>
      <c r="K7399" s="40">
        <v>13.2225183736847</v>
      </c>
      <c r="L7399" s="40"/>
      <c r="M7399" s="40"/>
      <c r="N7399" s="40"/>
    </row>
    <row r="7400" spans="4:14" x14ac:dyDescent="0.25">
      <c r="D7400" s="40">
        <v>123.19507300000544</v>
      </c>
      <c r="E7400" s="40">
        <v>21.163978203987007</v>
      </c>
      <c r="F7400" s="40">
        <v>123.183333</v>
      </c>
      <c r="G7400" s="40">
        <v>21.797059888523204</v>
      </c>
      <c r="H7400" s="40">
        <v>123.183334</v>
      </c>
      <c r="I7400" s="40">
        <v>20.744561837323001</v>
      </c>
      <c r="J7400" s="40">
        <v>123.18328904761999</v>
      </c>
      <c r="K7400" s="40">
        <v>13.2225183736847</v>
      </c>
      <c r="L7400" s="40"/>
      <c r="M7400" s="40"/>
      <c r="N7400" s="40"/>
    </row>
    <row r="7401" spans="4:14" x14ac:dyDescent="0.25">
      <c r="D7401" s="40">
        <v>123.21173900000544</v>
      </c>
      <c r="E7401" s="40">
        <v>21.163978203987007</v>
      </c>
      <c r="F7401" s="40">
        <v>123.19999999999999</v>
      </c>
      <c r="G7401" s="40">
        <v>21.797059888523204</v>
      </c>
      <c r="H7401" s="40">
        <v>123.20000000000002</v>
      </c>
      <c r="I7401" s="40">
        <v>20.744561837323001</v>
      </c>
      <c r="J7401" s="40">
        <v>123.199955708334</v>
      </c>
      <c r="K7401" s="40">
        <v>13.2225183736847</v>
      </c>
      <c r="L7401" s="40"/>
      <c r="M7401" s="40"/>
      <c r="N7401" s="40"/>
    </row>
    <row r="7402" spans="4:14" x14ac:dyDescent="0.25">
      <c r="D7402" s="40">
        <v>123.22840500000544</v>
      </c>
      <c r="E7402" s="40">
        <v>21.168821382576429</v>
      </c>
      <c r="F7402" s="40">
        <v>123.216667</v>
      </c>
      <c r="G7402" s="40">
        <v>21.801815132613299</v>
      </c>
      <c r="H7402" s="40">
        <v>123.216667</v>
      </c>
      <c r="I7402" s="40">
        <v>20.747914573466435</v>
      </c>
      <c r="J7402" s="40">
        <v>123.216622369048</v>
      </c>
      <c r="K7402" s="40">
        <v>13.2225183736847</v>
      </c>
      <c r="L7402" s="40"/>
      <c r="M7402" s="40"/>
      <c r="N7402" s="40"/>
    </row>
    <row r="7403" spans="4:14" x14ac:dyDescent="0.25">
      <c r="D7403" s="40">
        <v>123.24507100000544</v>
      </c>
      <c r="E7403" s="40">
        <v>21.168821382576429</v>
      </c>
      <c r="F7403" s="40">
        <v>123.23333299999999</v>
      </c>
      <c r="G7403" s="40">
        <v>21.801815132613299</v>
      </c>
      <c r="H7403" s="40">
        <v>123.23333400000001</v>
      </c>
      <c r="I7403" s="40">
        <v>20.747914573466435</v>
      </c>
      <c r="J7403" s="40">
        <v>123.233289029763</v>
      </c>
      <c r="K7403" s="40">
        <v>13.2225183736847</v>
      </c>
      <c r="L7403" s="40"/>
      <c r="M7403" s="40"/>
      <c r="N7403" s="40"/>
    </row>
    <row r="7404" spans="4:14" x14ac:dyDescent="0.25">
      <c r="D7404" s="40">
        <v>123.26173700000544</v>
      </c>
      <c r="E7404" s="40">
        <v>21.168821382576429</v>
      </c>
      <c r="F7404" s="40">
        <v>123.25</v>
      </c>
      <c r="G7404" s="40">
        <v>21.801815132613299</v>
      </c>
      <c r="H7404" s="40">
        <v>123.25</v>
      </c>
      <c r="I7404" s="40">
        <v>20.747914573466435</v>
      </c>
      <c r="J7404" s="40">
        <v>123.24995569047699</v>
      </c>
      <c r="K7404" s="40">
        <v>13.2225183736847</v>
      </c>
      <c r="L7404" s="40"/>
      <c r="M7404" s="40"/>
      <c r="N7404" s="40"/>
    </row>
    <row r="7405" spans="4:14" x14ac:dyDescent="0.25">
      <c r="D7405" s="40">
        <v>123.27840300000544</v>
      </c>
      <c r="E7405" s="40">
        <v>21.168821382576429</v>
      </c>
      <c r="F7405" s="40">
        <v>123.26666699999998</v>
      </c>
      <c r="G7405" s="40">
        <v>21.806570376703519</v>
      </c>
      <c r="H7405" s="40">
        <v>123.26666700000001</v>
      </c>
      <c r="I7405" s="40">
        <v>20.751168699723024</v>
      </c>
      <c r="J7405" s="40">
        <v>123.266622351191</v>
      </c>
      <c r="K7405" s="40">
        <v>13.2225183736847</v>
      </c>
      <c r="L7405" s="40"/>
      <c r="M7405" s="40"/>
      <c r="N7405" s="40"/>
    </row>
    <row r="7406" spans="4:14" x14ac:dyDescent="0.25">
      <c r="D7406" s="40">
        <v>123.29506900000544</v>
      </c>
      <c r="E7406" s="40">
        <v>21.173664561165978</v>
      </c>
      <c r="F7406" s="40">
        <v>123.283333</v>
      </c>
      <c r="G7406" s="40">
        <v>21.806570376703519</v>
      </c>
      <c r="H7406" s="40">
        <v>123.283334</v>
      </c>
      <c r="I7406" s="40">
        <v>20.751168699723024</v>
      </c>
      <c r="J7406" s="40">
        <v>123.283289011905</v>
      </c>
      <c r="K7406" s="40">
        <v>13.2225183736847</v>
      </c>
      <c r="L7406" s="40"/>
      <c r="M7406" s="40"/>
      <c r="N7406" s="40"/>
    </row>
    <row r="7407" spans="4:14" x14ac:dyDescent="0.25">
      <c r="D7407" s="40">
        <v>123.31173500000544</v>
      </c>
      <c r="E7407" s="40">
        <v>21.173664561165978</v>
      </c>
      <c r="F7407" s="40">
        <v>123.29999999999998</v>
      </c>
      <c r="G7407" s="40">
        <v>21.806570376703519</v>
      </c>
      <c r="H7407" s="40">
        <v>123.30000000000001</v>
      </c>
      <c r="I7407" s="40">
        <v>20.754521435866451</v>
      </c>
      <c r="J7407" s="40">
        <v>123.29995567262</v>
      </c>
      <c r="K7407" s="40">
        <v>13.2225183736847</v>
      </c>
      <c r="L7407" s="40"/>
      <c r="M7407" s="40"/>
      <c r="N7407" s="40"/>
    </row>
    <row r="7408" spans="4:14" x14ac:dyDescent="0.25">
      <c r="D7408" s="40">
        <v>123.32840100000544</v>
      </c>
      <c r="E7408" s="40">
        <v>21.178365293326401</v>
      </c>
      <c r="F7408" s="40">
        <v>123.316667</v>
      </c>
      <c r="G7408" s="40">
        <v>21.806570376703519</v>
      </c>
      <c r="H7408" s="40">
        <v>123.316667</v>
      </c>
      <c r="I7408" s="40">
        <v>20.754521435866451</v>
      </c>
      <c r="J7408" s="40">
        <v>123.316622333334</v>
      </c>
      <c r="K7408" s="40">
        <v>13.2225183736847</v>
      </c>
      <c r="L7408" s="40"/>
      <c r="M7408" s="40"/>
      <c r="N7408" s="40"/>
    </row>
    <row r="7409" spans="4:14" x14ac:dyDescent="0.25">
      <c r="D7409" s="40">
        <v>123.34506700000544</v>
      </c>
      <c r="E7409" s="40">
        <v>21.178365293326401</v>
      </c>
      <c r="F7409" s="40">
        <v>123.33333299999998</v>
      </c>
      <c r="G7409" s="40">
        <v>21.806570376703519</v>
      </c>
      <c r="H7409" s="40">
        <v>123.33333400000001</v>
      </c>
      <c r="I7409" s="40">
        <v>20.754521435866451</v>
      </c>
      <c r="J7409" s="40">
        <v>123.333288994048</v>
      </c>
      <c r="K7409" s="40">
        <v>13.227369417393932</v>
      </c>
      <c r="L7409" s="40"/>
      <c r="M7409" s="40"/>
      <c r="N7409" s="40"/>
    </row>
    <row r="7410" spans="4:14" x14ac:dyDescent="0.25">
      <c r="D7410" s="40">
        <v>123.36173300000544</v>
      </c>
      <c r="E7410" s="40">
        <v>21.178365293326401</v>
      </c>
      <c r="F7410" s="40">
        <v>123.35</v>
      </c>
      <c r="G7410" s="40">
        <v>21.806570376703519</v>
      </c>
      <c r="H7410" s="40">
        <v>123.35</v>
      </c>
      <c r="I7410" s="40">
        <v>20.757874172009711</v>
      </c>
      <c r="J7410" s="40">
        <v>123.34995565476299</v>
      </c>
      <c r="K7410" s="40">
        <v>13.227369417393932</v>
      </c>
      <c r="L7410" s="40"/>
      <c r="M7410" s="40"/>
      <c r="N7410" s="40"/>
    </row>
    <row r="7411" spans="4:14" x14ac:dyDescent="0.25">
      <c r="D7411" s="40">
        <v>123.37839900000544</v>
      </c>
      <c r="E7411" s="40">
        <v>21.178365293326401</v>
      </c>
      <c r="F7411" s="40">
        <v>123.36666700000001</v>
      </c>
      <c r="G7411" s="40">
        <v>21.806570376703519</v>
      </c>
      <c r="H7411" s="40">
        <v>123.36666700000001</v>
      </c>
      <c r="I7411" s="40">
        <v>20.757874172009711</v>
      </c>
      <c r="J7411" s="40">
        <v>123.366622315477</v>
      </c>
      <c r="K7411" s="40">
        <v>13.2225183736847</v>
      </c>
      <c r="L7411" s="40"/>
      <c r="M7411" s="40"/>
      <c r="N7411" s="40"/>
    </row>
    <row r="7412" spans="4:14" x14ac:dyDescent="0.25">
      <c r="D7412" s="40">
        <v>123.39506500000545</v>
      </c>
      <c r="E7412" s="40">
        <v>21.178365293326401</v>
      </c>
      <c r="F7412" s="40">
        <v>123.38333299999999</v>
      </c>
      <c r="G7412" s="40">
        <v>21.811185760673421</v>
      </c>
      <c r="H7412" s="40">
        <v>123.38333400000002</v>
      </c>
      <c r="I7412" s="40">
        <v>20.761128298266474</v>
      </c>
      <c r="J7412" s="40">
        <v>123.383288976191</v>
      </c>
      <c r="K7412" s="40">
        <v>13.227369417393932</v>
      </c>
      <c r="L7412" s="40"/>
      <c r="M7412" s="40"/>
      <c r="N7412" s="40"/>
    </row>
    <row r="7413" spans="4:14" x14ac:dyDescent="0.25">
      <c r="D7413" s="40">
        <v>123.41173100000545</v>
      </c>
      <c r="E7413" s="40">
        <v>21.178365293326401</v>
      </c>
      <c r="F7413" s="40">
        <v>123.4</v>
      </c>
      <c r="G7413" s="40">
        <v>21.811185760673421</v>
      </c>
      <c r="H7413" s="40">
        <v>123.4</v>
      </c>
      <c r="I7413" s="40">
        <v>20.761128298266474</v>
      </c>
      <c r="J7413" s="40">
        <v>123.39995563690501</v>
      </c>
      <c r="K7413" s="40">
        <v>13.232077783346993</v>
      </c>
      <c r="L7413" s="40"/>
      <c r="M7413" s="40"/>
      <c r="N7413" s="40"/>
    </row>
    <row r="7414" spans="4:14" x14ac:dyDescent="0.25">
      <c r="D7414" s="40">
        <v>123.42839700000545</v>
      </c>
      <c r="E7414" s="40">
        <v>21.183208471915826</v>
      </c>
      <c r="F7414" s="40">
        <v>123.41666699999999</v>
      </c>
      <c r="G7414" s="40">
        <v>21.811185760673421</v>
      </c>
      <c r="H7414" s="40">
        <v>123.41666700000002</v>
      </c>
      <c r="I7414" s="40">
        <v>20.76448103440973</v>
      </c>
      <c r="J7414" s="40">
        <v>123.41662229761999</v>
      </c>
      <c r="K7414" s="40">
        <v>13.236928827056097</v>
      </c>
      <c r="L7414" s="40"/>
      <c r="M7414" s="40"/>
      <c r="N7414" s="40"/>
    </row>
    <row r="7415" spans="4:14" x14ac:dyDescent="0.25">
      <c r="D7415" s="40">
        <v>123.44506300000545</v>
      </c>
      <c r="E7415" s="40">
        <v>21.183208471915826</v>
      </c>
      <c r="F7415" s="40">
        <v>123.433333</v>
      </c>
      <c r="G7415" s="40">
        <v>21.811185760673421</v>
      </c>
      <c r="H7415" s="40">
        <v>123.433334</v>
      </c>
      <c r="I7415" s="40">
        <v>20.76448103440973</v>
      </c>
      <c r="J7415" s="40">
        <v>123.433288958334</v>
      </c>
      <c r="K7415" s="40">
        <v>13.241779870765329</v>
      </c>
      <c r="L7415" s="40"/>
      <c r="M7415" s="40"/>
      <c r="N7415" s="40"/>
    </row>
    <row r="7416" spans="4:14" x14ac:dyDescent="0.25">
      <c r="D7416" s="40">
        <v>123.46172900000545</v>
      </c>
      <c r="E7416" s="40">
        <v>21.183208471915826</v>
      </c>
      <c r="F7416" s="40">
        <v>123.44999999999999</v>
      </c>
      <c r="G7416" s="40">
        <v>21.811185760673421</v>
      </c>
      <c r="H7416" s="40">
        <v>123.45000000000002</v>
      </c>
      <c r="I7416" s="40">
        <v>20.76448103440973</v>
      </c>
      <c r="J7416" s="40">
        <v>123.449955619048</v>
      </c>
      <c r="K7416" s="40">
        <v>13.232077783346993</v>
      </c>
      <c r="L7416" s="40"/>
      <c r="M7416" s="40"/>
      <c r="N7416" s="40"/>
    </row>
    <row r="7417" spans="4:14" x14ac:dyDescent="0.25">
      <c r="D7417" s="40">
        <v>123.47839500000545</v>
      </c>
      <c r="E7417" s="40">
        <v>21.183208471915826</v>
      </c>
      <c r="F7417" s="40">
        <v>123.466667</v>
      </c>
      <c r="G7417" s="40">
        <v>21.815941004763513</v>
      </c>
      <c r="H7417" s="40">
        <v>123.466667</v>
      </c>
      <c r="I7417" s="40">
        <v>20.767833770553164</v>
      </c>
      <c r="J7417" s="40">
        <v>123.466622279763</v>
      </c>
      <c r="K7417" s="40">
        <v>13.2225183736847</v>
      </c>
      <c r="L7417" s="40"/>
      <c r="M7417" s="40"/>
      <c r="N7417" s="40"/>
    </row>
    <row r="7418" spans="4:14" x14ac:dyDescent="0.25">
      <c r="D7418" s="40">
        <v>123.49506100000545</v>
      </c>
      <c r="E7418" s="40">
        <v>21.188051650505372</v>
      </c>
      <c r="F7418" s="40">
        <v>123.48333299999999</v>
      </c>
      <c r="G7418" s="40">
        <v>21.815941004763513</v>
      </c>
      <c r="H7418" s="40">
        <v>123.48333400000001</v>
      </c>
      <c r="I7418" s="40">
        <v>20.767833770553164</v>
      </c>
      <c r="J7418" s="40">
        <v>123.483288940477</v>
      </c>
      <c r="K7418" s="40">
        <v>13.212958964022533</v>
      </c>
      <c r="L7418" s="40"/>
      <c r="M7418" s="40"/>
      <c r="N7418" s="40"/>
    </row>
    <row r="7419" spans="4:14" x14ac:dyDescent="0.25">
      <c r="D7419" s="40">
        <v>123.51172700000545</v>
      </c>
      <c r="E7419" s="40">
        <v>21.188051650505372</v>
      </c>
      <c r="F7419" s="40">
        <v>123.5</v>
      </c>
      <c r="G7419" s="40">
        <v>21.815941004763513</v>
      </c>
      <c r="H7419" s="40">
        <v>123.5</v>
      </c>
      <c r="I7419" s="40">
        <v>20.771087896809924</v>
      </c>
      <c r="J7419" s="40">
        <v>123.499955601191</v>
      </c>
      <c r="K7419" s="40">
        <v>13.208107920313303</v>
      </c>
      <c r="L7419" s="40"/>
      <c r="M7419" s="40"/>
      <c r="N7419" s="40"/>
    </row>
    <row r="7420" spans="4:14" x14ac:dyDescent="0.25">
      <c r="D7420" s="40">
        <v>123.52839300000545</v>
      </c>
      <c r="E7420" s="40">
        <v>21.188051650505372</v>
      </c>
      <c r="F7420" s="40">
        <v>123.51666699999998</v>
      </c>
      <c r="G7420" s="40">
        <v>21.815941004763513</v>
      </c>
      <c r="H7420" s="40">
        <v>123.51666700000001</v>
      </c>
      <c r="I7420" s="40">
        <v>20.771087896809924</v>
      </c>
      <c r="J7420" s="40">
        <v>123.516622261905</v>
      </c>
      <c r="K7420" s="40">
        <v>13.203256876604197</v>
      </c>
      <c r="L7420" s="40"/>
      <c r="M7420" s="40"/>
      <c r="N7420" s="40"/>
    </row>
    <row r="7421" spans="4:14" x14ac:dyDescent="0.25">
      <c r="D7421" s="40">
        <v>123.54505900000545</v>
      </c>
      <c r="E7421" s="40">
        <v>21.188051650505372</v>
      </c>
      <c r="F7421" s="40">
        <v>123.533333</v>
      </c>
      <c r="G7421" s="40">
        <v>21.815941004763513</v>
      </c>
      <c r="H7421" s="40">
        <v>123.533334</v>
      </c>
      <c r="I7421" s="40">
        <v>20.774440632953183</v>
      </c>
      <c r="J7421" s="40">
        <v>123.53328892262</v>
      </c>
      <c r="K7421" s="40">
        <v>13.203256876604197</v>
      </c>
      <c r="L7421" s="40"/>
      <c r="M7421" s="40"/>
      <c r="N7421" s="40"/>
    </row>
    <row r="7422" spans="4:14" x14ac:dyDescent="0.25">
      <c r="D7422" s="40">
        <v>123.56172500000545</v>
      </c>
      <c r="E7422" s="40">
        <v>21.192752382665798</v>
      </c>
      <c r="F7422" s="40">
        <v>123.54999999999998</v>
      </c>
      <c r="G7422" s="40">
        <v>21.815941004763513</v>
      </c>
      <c r="H7422" s="40">
        <v>123.55000000000001</v>
      </c>
      <c r="I7422" s="40">
        <v>20.77779336909644</v>
      </c>
      <c r="J7422" s="40">
        <v>123.549955583334</v>
      </c>
      <c r="K7422" s="40">
        <v>13.203256876604197</v>
      </c>
      <c r="L7422" s="40"/>
      <c r="M7422" s="40"/>
      <c r="N7422" s="40"/>
    </row>
    <row r="7423" spans="4:14" x14ac:dyDescent="0.25">
      <c r="D7423" s="40">
        <v>123.57839100000545</v>
      </c>
      <c r="E7423" s="40">
        <v>21.192752382665798</v>
      </c>
      <c r="F7423" s="40">
        <v>123.566667</v>
      </c>
      <c r="G7423" s="40">
        <v>21.820696248853732</v>
      </c>
      <c r="H7423" s="40">
        <v>123.566667</v>
      </c>
      <c r="I7423" s="40">
        <v>20.781047495353203</v>
      </c>
      <c r="J7423" s="40">
        <v>123.56662224404801</v>
      </c>
      <c r="K7423" s="40">
        <v>13.198548510651136</v>
      </c>
      <c r="L7423" s="40"/>
      <c r="M7423" s="40"/>
      <c r="N7423" s="40"/>
    </row>
    <row r="7424" spans="4:14" x14ac:dyDescent="0.25">
      <c r="D7424" s="40">
        <v>123.59505700000545</v>
      </c>
      <c r="E7424" s="40">
        <v>21.192752382665798</v>
      </c>
      <c r="F7424" s="40">
        <v>123.58333299999998</v>
      </c>
      <c r="G7424" s="40">
        <v>21.820696248853732</v>
      </c>
      <c r="H7424" s="40">
        <v>123.58333400000001</v>
      </c>
      <c r="I7424" s="40">
        <v>20.784400231496463</v>
      </c>
      <c r="J7424" s="40">
        <v>123.58328890476299</v>
      </c>
      <c r="K7424" s="40">
        <v>13.198548510651136</v>
      </c>
      <c r="L7424" s="40"/>
      <c r="M7424" s="40"/>
      <c r="N7424" s="40"/>
    </row>
    <row r="7425" spans="4:14" x14ac:dyDescent="0.25">
      <c r="D7425" s="40">
        <v>123.61172300000545</v>
      </c>
      <c r="E7425" s="40">
        <v>21.192752382665798</v>
      </c>
      <c r="F7425" s="40">
        <v>123.6</v>
      </c>
      <c r="G7425" s="40">
        <v>21.820696248853732</v>
      </c>
      <c r="H7425" s="40">
        <v>123.6</v>
      </c>
      <c r="I7425" s="40">
        <v>20.787752967639896</v>
      </c>
      <c r="J7425" s="40">
        <v>123.599955565477</v>
      </c>
      <c r="K7425" s="40">
        <v>13.198548510651136</v>
      </c>
      <c r="L7425" s="40"/>
      <c r="M7425" s="40"/>
      <c r="N7425" s="40"/>
    </row>
    <row r="7426" spans="4:14" x14ac:dyDescent="0.25">
      <c r="D7426" s="40">
        <v>123.62838900000546</v>
      </c>
      <c r="E7426" s="40">
        <v>21.192752382665798</v>
      </c>
      <c r="F7426" s="40">
        <v>123.61666700000001</v>
      </c>
      <c r="G7426" s="40">
        <v>21.820696248853732</v>
      </c>
      <c r="H7426" s="40">
        <v>123.61666700000001</v>
      </c>
      <c r="I7426" s="40">
        <v>20.787752967639896</v>
      </c>
      <c r="J7426" s="40">
        <v>123.616622226191</v>
      </c>
      <c r="K7426" s="40">
        <v>13.198548510651136</v>
      </c>
      <c r="L7426" s="40"/>
      <c r="M7426" s="40"/>
      <c r="N7426" s="40"/>
    </row>
    <row r="7427" spans="4:14" x14ac:dyDescent="0.25">
      <c r="D7427" s="40">
        <v>123.64505500000546</v>
      </c>
      <c r="E7427" s="40">
        <v>21.192752382665798</v>
      </c>
      <c r="F7427" s="40">
        <v>123.63333299999999</v>
      </c>
      <c r="G7427" s="40">
        <v>21.820696248853732</v>
      </c>
      <c r="H7427" s="40">
        <v>123.63333400000002</v>
      </c>
      <c r="I7427" s="40">
        <v>20.79100709389666</v>
      </c>
      <c r="J7427" s="40">
        <v>123.63328888690501</v>
      </c>
      <c r="K7427" s="40">
        <v>13.198548510651136</v>
      </c>
      <c r="L7427" s="40"/>
      <c r="M7427" s="40"/>
      <c r="N7427" s="40"/>
    </row>
    <row r="7428" spans="4:14" x14ac:dyDescent="0.25">
      <c r="D7428" s="40">
        <v>123.66172100000546</v>
      </c>
      <c r="E7428" s="40">
        <v>21.192752382665798</v>
      </c>
      <c r="F7428" s="40">
        <v>123.65</v>
      </c>
      <c r="G7428" s="40">
        <v>21.820696248853732</v>
      </c>
      <c r="H7428" s="40">
        <v>123.65</v>
      </c>
      <c r="I7428" s="40">
        <v>20.79100709389666</v>
      </c>
      <c r="J7428" s="40">
        <v>123.64995554762</v>
      </c>
      <c r="K7428" s="40">
        <v>13.198548510651136</v>
      </c>
      <c r="L7428" s="40"/>
      <c r="M7428" s="40"/>
      <c r="N7428" s="40"/>
    </row>
    <row r="7429" spans="4:14" x14ac:dyDescent="0.25">
      <c r="D7429" s="40">
        <v>123.67838700000546</v>
      </c>
      <c r="E7429" s="40">
        <v>21.192752382665798</v>
      </c>
      <c r="F7429" s="40">
        <v>123.66666699999999</v>
      </c>
      <c r="G7429" s="40">
        <v>21.820696248853732</v>
      </c>
      <c r="H7429" s="40">
        <v>123.66666700000002</v>
      </c>
      <c r="I7429" s="40">
        <v>20.794359830039912</v>
      </c>
      <c r="J7429" s="40">
        <v>123.666622208334</v>
      </c>
      <c r="K7429" s="40">
        <v>13.198548510651136</v>
      </c>
      <c r="L7429" s="40"/>
      <c r="M7429" s="40"/>
      <c r="N7429" s="40"/>
    </row>
    <row r="7430" spans="4:14" x14ac:dyDescent="0.25">
      <c r="D7430" s="40">
        <v>123.69505300000546</v>
      </c>
      <c r="E7430" s="40">
        <v>21.192752382665798</v>
      </c>
      <c r="F7430" s="40">
        <v>123.683333</v>
      </c>
      <c r="G7430" s="40">
        <v>21.820696248853732</v>
      </c>
      <c r="H7430" s="40">
        <v>123.683334</v>
      </c>
      <c r="I7430" s="40">
        <v>20.794359830039912</v>
      </c>
      <c r="J7430" s="40">
        <v>123.683288869048</v>
      </c>
      <c r="K7430" s="40">
        <v>13.198548510651136</v>
      </c>
      <c r="L7430" s="40"/>
      <c r="M7430" s="40"/>
      <c r="N7430" s="40"/>
    </row>
    <row r="7431" spans="4:14" x14ac:dyDescent="0.25">
      <c r="D7431" s="40">
        <v>123.71171900000546</v>
      </c>
      <c r="E7431" s="40">
        <v>21.192752382665798</v>
      </c>
      <c r="F7431" s="40">
        <v>123.69999999999999</v>
      </c>
      <c r="G7431" s="40">
        <v>21.820696248853732</v>
      </c>
      <c r="H7431" s="40">
        <v>123.70000000000002</v>
      </c>
      <c r="I7431" s="40">
        <v>20.797712566183169</v>
      </c>
      <c r="J7431" s="40">
        <v>123.699955529763</v>
      </c>
      <c r="K7431" s="40">
        <v>13.198548510651136</v>
      </c>
      <c r="L7431" s="40"/>
      <c r="M7431" s="40"/>
      <c r="N7431" s="40"/>
    </row>
    <row r="7432" spans="4:14" x14ac:dyDescent="0.25">
      <c r="D7432" s="40">
        <v>123.72838500000546</v>
      </c>
      <c r="E7432" s="40">
        <v>21.192752382665798</v>
      </c>
      <c r="F7432" s="40">
        <v>123.716667</v>
      </c>
      <c r="G7432" s="40">
        <v>21.825311632823635</v>
      </c>
      <c r="H7432" s="40">
        <v>123.716667</v>
      </c>
      <c r="I7432" s="40">
        <v>20.800966692439932</v>
      </c>
      <c r="J7432" s="40">
        <v>123.716622190477</v>
      </c>
      <c r="K7432" s="40">
        <v>13.203256876604197</v>
      </c>
      <c r="L7432" s="40"/>
      <c r="M7432" s="40"/>
      <c r="N7432" s="40"/>
    </row>
    <row r="7433" spans="4:14" x14ac:dyDescent="0.25">
      <c r="D7433" s="40">
        <v>123.74505100000546</v>
      </c>
      <c r="E7433" s="40">
        <v>21.192752382665798</v>
      </c>
      <c r="F7433" s="40">
        <v>123.73333299999999</v>
      </c>
      <c r="G7433" s="40">
        <v>21.825311632823635</v>
      </c>
      <c r="H7433" s="40">
        <v>123.73333400000001</v>
      </c>
      <c r="I7433" s="40">
        <v>20.800966692439932</v>
      </c>
      <c r="J7433" s="40">
        <v>123.73328885119101</v>
      </c>
      <c r="K7433" s="40">
        <v>13.203256876604197</v>
      </c>
      <c r="L7433" s="40"/>
      <c r="M7433" s="40"/>
      <c r="N7433" s="40"/>
    </row>
    <row r="7434" spans="4:14" x14ac:dyDescent="0.25">
      <c r="D7434" s="40">
        <v>123.76171700000546</v>
      </c>
      <c r="E7434" s="40">
        <v>21.192752382665798</v>
      </c>
      <c r="F7434" s="40">
        <v>123.75</v>
      </c>
      <c r="G7434" s="40">
        <v>21.825311632823635</v>
      </c>
      <c r="H7434" s="40">
        <v>123.75</v>
      </c>
      <c r="I7434" s="40">
        <v>20.804319428583192</v>
      </c>
      <c r="J7434" s="40">
        <v>123.749955511905</v>
      </c>
      <c r="K7434" s="40">
        <v>13.203256876604197</v>
      </c>
      <c r="L7434" s="40"/>
      <c r="M7434" s="40"/>
      <c r="N7434" s="40"/>
    </row>
    <row r="7435" spans="4:14" x14ac:dyDescent="0.25">
      <c r="D7435" s="40">
        <v>123.77838300000546</v>
      </c>
      <c r="E7435" s="40">
        <v>21.192752382665798</v>
      </c>
      <c r="F7435" s="40">
        <v>123.76666699999998</v>
      </c>
      <c r="G7435" s="40">
        <v>21.825311632823635</v>
      </c>
      <c r="H7435" s="40">
        <v>123.76666700000001</v>
      </c>
      <c r="I7435" s="40">
        <v>20.807672164726625</v>
      </c>
      <c r="J7435" s="40">
        <v>123.76662217262</v>
      </c>
      <c r="K7435" s="40">
        <v>13.203256876604197</v>
      </c>
      <c r="L7435" s="40"/>
      <c r="M7435" s="40"/>
      <c r="N7435" s="40"/>
    </row>
    <row r="7436" spans="4:14" x14ac:dyDescent="0.25">
      <c r="D7436" s="40">
        <v>123.79504900000546</v>
      </c>
      <c r="E7436" s="40">
        <v>21.192752382665798</v>
      </c>
      <c r="F7436" s="40">
        <v>123.783333</v>
      </c>
      <c r="G7436" s="40">
        <v>21.825311632823635</v>
      </c>
      <c r="H7436" s="40">
        <v>123.783334</v>
      </c>
      <c r="I7436" s="40">
        <v>20.807672164726625</v>
      </c>
      <c r="J7436" s="40">
        <v>123.783288833334</v>
      </c>
      <c r="K7436" s="40">
        <v>13.208107920313303</v>
      </c>
      <c r="L7436" s="40"/>
      <c r="M7436" s="40"/>
      <c r="N7436" s="40"/>
    </row>
    <row r="7437" spans="4:14" x14ac:dyDescent="0.25">
      <c r="D7437" s="40">
        <v>123.81171500000546</v>
      </c>
      <c r="E7437" s="40">
        <v>21.192752382665798</v>
      </c>
      <c r="F7437" s="40">
        <v>123.79999999999998</v>
      </c>
      <c r="G7437" s="40">
        <v>21.825311632823635</v>
      </c>
      <c r="H7437" s="40">
        <v>123.80000000000001</v>
      </c>
      <c r="I7437" s="40">
        <v>20.810926290983389</v>
      </c>
      <c r="J7437" s="40">
        <v>123.79995549404801</v>
      </c>
      <c r="K7437" s="40">
        <v>13.203256876604197</v>
      </c>
      <c r="L7437" s="40"/>
      <c r="M7437" s="40"/>
      <c r="N7437" s="40"/>
    </row>
    <row r="7438" spans="4:14" x14ac:dyDescent="0.25">
      <c r="D7438" s="40">
        <v>123.82838100000546</v>
      </c>
      <c r="E7438" s="40">
        <v>21.192752382665798</v>
      </c>
      <c r="F7438" s="40">
        <v>123.816667</v>
      </c>
      <c r="G7438" s="40">
        <v>21.825311632823635</v>
      </c>
      <c r="H7438" s="40">
        <v>123.816667</v>
      </c>
      <c r="I7438" s="40">
        <v>20.814279027126641</v>
      </c>
      <c r="J7438" s="40">
        <v>123.816622154763</v>
      </c>
      <c r="K7438" s="40">
        <v>13.198548510651136</v>
      </c>
      <c r="L7438" s="40"/>
      <c r="M7438" s="40"/>
      <c r="N7438" s="40"/>
    </row>
    <row r="7439" spans="4:14" x14ac:dyDescent="0.25">
      <c r="D7439" s="40">
        <v>123.84504700000547</v>
      </c>
      <c r="E7439" s="40">
        <v>21.192752382665798</v>
      </c>
      <c r="F7439" s="40">
        <v>123.83333299999998</v>
      </c>
      <c r="G7439" s="40">
        <v>21.825311632823635</v>
      </c>
      <c r="H7439" s="40">
        <v>123.83333400000001</v>
      </c>
      <c r="I7439" s="40">
        <v>20.814279027126641</v>
      </c>
      <c r="J7439" s="40">
        <v>123.833288815477</v>
      </c>
      <c r="K7439" s="40">
        <v>13.193697466941904</v>
      </c>
      <c r="L7439" s="40"/>
      <c r="M7439" s="40"/>
      <c r="N7439" s="40"/>
    </row>
    <row r="7440" spans="4:14" x14ac:dyDescent="0.25">
      <c r="D7440" s="40">
        <v>123.86171300000547</v>
      </c>
      <c r="E7440" s="40">
        <v>21.192752382665798</v>
      </c>
      <c r="F7440" s="40">
        <v>123.85</v>
      </c>
      <c r="G7440" s="40">
        <v>21.825311632823635</v>
      </c>
      <c r="H7440" s="40">
        <v>123.85</v>
      </c>
      <c r="I7440" s="40">
        <v>20.817631763269901</v>
      </c>
      <c r="J7440" s="40">
        <v>123.849955476191</v>
      </c>
      <c r="K7440" s="40">
        <v>13.188846423232672</v>
      </c>
      <c r="L7440" s="40"/>
      <c r="M7440" s="40"/>
      <c r="N7440" s="40"/>
    </row>
    <row r="7441" spans="4:14" x14ac:dyDescent="0.25">
      <c r="D7441" s="40">
        <v>123.87837900000547</v>
      </c>
      <c r="E7441" s="40">
        <v>21.192752382665798</v>
      </c>
      <c r="F7441" s="40">
        <v>123.86666700000001</v>
      </c>
      <c r="G7441" s="40">
        <v>21.825311632823635</v>
      </c>
      <c r="H7441" s="40">
        <v>123.86666700000001</v>
      </c>
      <c r="I7441" s="40">
        <v>20.820885889526664</v>
      </c>
      <c r="J7441" s="40">
        <v>123.86662213690499</v>
      </c>
      <c r="K7441" s="40">
        <v>13.203256876604197</v>
      </c>
      <c r="L7441" s="40"/>
      <c r="M7441" s="40"/>
      <c r="N7441" s="40"/>
    </row>
    <row r="7442" spans="4:14" x14ac:dyDescent="0.25">
      <c r="D7442" s="40">
        <v>123.89504500000547</v>
      </c>
      <c r="E7442" s="40">
        <v>21.188051650505372</v>
      </c>
      <c r="F7442" s="40">
        <v>123.88333299999999</v>
      </c>
      <c r="G7442" s="40">
        <v>21.825311632823635</v>
      </c>
      <c r="H7442" s="40">
        <v>123.88333400000002</v>
      </c>
      <c r="I7442" s="40">
        <v>20.820885889526664</v>
      </c>
      <c r="J7442" s="40">
        <v>123.88328879762</v>
      </c>
      <c r="K7442" s="40">
        <v>13.212958964022533</v>
      </c>
      <c r="L7442" s="40"/>
      <c r="M7442" s="40"/>
      <c r="N7442" s="40"/>
    </row>
    <row r="7443" spans="4:14" x14ac:dyDescent="0.25">
      <c r="D7443" s="40">
        <v>123.91171100000547</v>
      </c>
      <c r="E7443" s="40">
        <v>21.188051650505372</v>
      </c>
      <c r="F7443" s="40">
        <v>123.9</v>
      </c>
      <c r="G7443" s="40">
        <v>21.825311632823635</v>
      </c>
      <c r="H7443" s="40">
        <v>123.9</v>
      </c>
      <c r="I7443" s="40">
        <v>20.824238625670098</v>
      </c>
      <c r="J7443" s="40">
        <v>123.89995545833401</v>
      </c>
      <c r="K7443" s="40">
        <v>13.217667329975594</v>
      </c>
      <c r="L7443" s="40"/>
      <c r="M7443" s="40"/>
      <c r="N7443" s="40"/>
    </row>
    <row r="7444" spans="4:14" x14ac:dyDescent="0.25">
      <c r="D7444" s="40">
        <v>123.92837700000547</v>
      </c>
      <c r="E7444" s="40">
        <v>21.188051650505372</v>
      </c>
      <c r="F7444" s="40">
        <v>123.91666699999999</v>
      </c>
      <c r="G7444" s="40">
        <v>21.830066876913726</v>
      </c>
      <c r="H7444" s="40">
        <v>123.91666700000002</v>
      </c>
      <c r="I7444" s="40">
        <v>20.824238625670098</v>
      </c>
      <c r="J7444" s="40">
        <v>123.916622119048</v>
      </c>
      <c r="K7444" s="40">
        <v>13.2225183736847</v>
      </c>
      <c r="L7444" s="40"/>
      <c r="M7444" s="40"/>
      <c r="N7444" s="40"/>
    </row>
    <row r="7445" spans="4:14" x14ac:dyDescent="0.25">
      <c r="D7445" s="40">
        <v>123.94504300000547</v>
      </c>
      <c r="E7445" s="40">
        <v>21.188051650505372</v>
      </c>
      <c r="F7445" s="40">
        <v>123.933333</v>
      </c>
      <c r="G7445" s="40">
        <v>21.830066876913726</v>
      </c>
      <c r="H7445" s="40">
        <v>123.933334</v>
      </c>
      <c r="I7445" s="40">
        <v>20.827591361813354</v>
      </c>
      <c r="J7445" s="40">
        <v>123.933288779763</v>
      </c>
      <c r="K7445" s="40">
        <v>13.227369417393932</v>
      </c>
      <c r="L7445" s="40"/>
      <c r="M7445" s="40"/>
      <c r="N7445" s="40"/>
    </row>
    <row r="7446" spans="4:14" x14ac:dyDescent="0.25">
      <c r="D7446" s="40">
        <v>123.96170900000547</v>
      </c>
      <c r="E7446" s="40">
        <v>21.188051650505372</v>
      </c>
      <c r="F7446" s="40">
        <v>123.94999999999999</v>
      </c>
      <c r="G7446" s="40">
        <v>21.830066876913726</v>
      </c>
      <c r="H7446" s="40">
        <v>123.95000000000002</v>
      </c>
      <c r="I7446" s="40">
        <v>20.827591361813354</v>
      </c>
      <c r="J7446" s="40">
        <v>123.949955440477</v>
      </c>
      <c r="K7446" s="40">
        <v>13.227369417393932</v>
      </c>
      <c r="L7446" s="40"/>
      <c r="M7446" s="40"/>
      <c r="N7446" s="40"/>
    </row>
    <row r="7447" spans="4:14" x14ac:dyDescent="0.25">
      <c r="D7447" s="40">
        <v>123.97837500000547</v>
      </c>
      <c r="E7447" s="40">
        <v>21.183208471915826</v>
      </c>
      <c r="F7447" s="40">
        <v>123.966667</v>
      </c>
      <c r="G7447" s="40">
        <v>21.830066876913726</v>
      </c>
      <c r="H7447" s="40">
        <v>123.966667</v>
      </c>
      <c r="I7447" s="40">
        <v>20.827591361813354</v>
      </c>
      <c r="J7447" s="40">
        <v>123.96662210119101</v>
      </c>
      <c r="K7447" s="40">
        <v>13.232077783346993</v>
      </c>
      <c r="L7447" s="40"/>
      <c r="M7447" s="40"/>
      <c r="N7447" s="40"/>
    </row>
    <row r="7448" spans="4:14" x14ac:dyDescent="0.25">
      <c r="D7448" s="40">
        <v>123.99504100000547</v>
      </c>
      <c r="E7448" s="40">
        <v>21.183208471915826</v>
      </c>
      <c r="F7448" s="40">
        <v>123.98333299999999</v>
      </c>
      <c r="G7448" s="40">
        <v>21.830066876913726</v>
      </c>
      <c r="H7448" s="40">
        <v>123.98333400000001</v>
      </c>
      <c r="I7448" s="40">
        <v>20.830845488070118</v>
      </c>
      <c r="J7448" s="40">
        <v>123.983288761905</v>
      </c>
      <c r="K7448" s="40">
        <v>13.232077783346993</v>
      </c>
      <c r="L7448" s="40"/>
      <c r="M7448" s="40"/>
      <c r="N7448" s="40"/>
    </row>
    <row r="7449" spans="4:14" x14ac:dyDescent="0.25">
      <c r="D7449" s="40">
        <v>124.01170700000547</v>
      </c>
      <c r="E7449" s="40">
        <v>21.183208471915826</v>
      </c>
      <c r="F7449" s="40">
        <v>124</v>
      </c>
      <c r="G7449" s="40">
        <v>21.830066876913726</v>
      </c>
      <c r="H7449" s="40">
        <v>124</v>
      </c>
      <c r="I7449" s="40">
        <v>20.830845488070118</v>
      </c>
      <c r="J7449" s="40">
        <v>123.99995542262</v>
      </c>
      <c r="K7449" s="40">
        <v>13.232077783346993</v>
      </c>
      <c r="L7449" s="40"/>
      <c r="M7449" s="40"/>
      <c r="N7449" s="40"/>
    </row>
    <row r="7450" spans="4:14" x14ac:dyDescent="0.25">
      <c r="D7450" s="40">
        <v>124.02837300000547</v>
      </c>
      <c r="E7450" s="40">
        <v>21.183208471915826</v>
      </c>
      <c r="F7450" s="40">
        <v>124.01666699999998</v>
      </c>
      <c r="G7450" s="40">
        <v>21.830066876913726</v>
      </c>
      <c r="H7450" s="40">
        <v>124.01666700000001</v>
      </c>
      <c r="I7450" s="40">
        <v>20.830845488070118</v>
      </c>
      <c r="J7450" s="40">
        <v>124.016622083334</v>
      </c>
      <c r="K7450" s="40">
        <v>13.232077783346993</v>
      </c>
      <c r="L7450" s="40"/>
      <c r="M7450" s="40"/>
      <c r="N7450" s="40"/>
    </row>
    <row r="7451" spans="4:14" x14ac:dyDescent="0.25">
      <c r="D7451" s="40">
        <v>124.04503900000547</v>
      </c>
      <c r="E7451" s="40">
        <v>21.178365293326401</v>
      </c>
      <c r="F7451" s="40">
        <v>124.033333</v>
      </c>
      <c r="G7451" s="40">
        <v>21.830066876913726</v>
      </c>
      <c r="H7451" s="40">
        <v>124.033334</v>
      </c>
      <c r="I7451" s="40">
        <v>20.834198224213374</v>
      </c>
      <c r="J7451" s="40">
        <v>124.03328874404799</v>
      </c>
      <c r="K7451" s="40">
        <v>13.232077783346993</v>
      </c>
      <c r="L7451" s="40"/>
      <c r="M7451" s="40"/>
      <c r="N7451" s="40"/>
    </row>
    <row r="7452" spans="4:14" x14ac:dyDescent="0.25">
      <c r="D7452" s="40">
        <v>124.06170500000547</v>
      </c>
      <c r="E7452" s="40">
        <v>21.178365293326401</v>
      </c>
      <c r="F7452" s="40">
        <v>124.04999999999998</v>
      </c>
      <c r="G7452" s="40">
        <v>21.830066876913726</v>
      </c>
      <c r="H7452" s="40">
        <v>124.05000000000001</v>
      </c>
      <c r="I7452" s="40">
        <v>20.83755096035663</v>
      </c>
      <c r="J7452" s="40">
        <v>124.049955404763</v>
      </c>
      <c r="K7452" s="40">
        <v>13.236928827056097</v>
      </c>
      <c r="L7452" s="40"/>
      <c r="M7452" s="40"/>
      <c r="N7452" s="40"/>
    </row>
    <row r="7453" spans="4:14" x14ac:dyDescent="0.25">
      <c r="D7453" s="40">
        <v>124.07837100000548</v>
      </c>
      <c r="E7453" s="40">
        <v>21.178365293326401</v>
      </c>
      <c r="F7453" s="40">
        <v>124.066667</v>
      </c>
      <c r="G7453" s="40">
        <v>21.830066876913726</v>
      </c>
      <c r="H7453" s="40">
        <v>124.066667</v>
      </c>
      <c r="I7453" s="40">
        <v>20.83755096035663</v>
      </c>
      <c r="J7453" s="40">
        <v>124.06662206547701</v>
      </c>
      <c r="K7453" s="40">
        <v>13.236928827056097</v>
      </c>
      <c r="L7453" s="40"/>
      <c r="M7453" s="40"/>
      <c r="N7453" s="40"/>
    </row>
    <row r="7454" spans="4:14" x14ac:dyDescent="0.25">
      <c r="D7454" s="40">
        <v>124.09503700000548</v>
      </c>
      <c r="E7454" s="40">
        <v>21.178365293326401</v>
      </c>
      <c r="F7454" s="40">
        <v>124.08333299999998</v>
      </c>
      <c r="G7454" s="40">
        <v>21.825311632823635</v>
      </c>
      <c r="H7454" s="40">
        <v>124.08333400000001</v>
      </c>
      <c r="I7454" s="40">
        <v>20.840805086613393</v>
      </c>
      <c r="J7454" s="40">
        <v>124.083288726191</v>
      </c>
      <c r="K7454" s="40">
        <v>13.232077783346993</v>
      </c>
      <c r="L7454" s="40"/>
      <c r="M7454" s="40"/>
      <c r="N7454" s="40"/>
    </row>
    <row r="7455" spans="4:14" x14ac:dyDescent="0.25">
      <c r="D7455" s="40">
        <v>124.11170300000548</v>
      </c>
      <c r="E7455" s="40">
        <v>21.178365293326401</v>
      </c>
      <c r="F7455" s="40">
        <v>124.1</v>
      </c>
      <c r="G7455" s="40">
        <v>21.825311632823635</v>
      </c>
      <c r="H7455" s="40">
        <v>124.1</v>
      </c>
      <c r="I7455" s="40">
        <v>20.840805086613393</v>
      </c>
      <c r="J7455" s="40">
        <v>124.09995538690499</v>
      </c>
      <c r="K7455" s="40">
        <v>13.227369417393932</v>
      </c>
      <c r="L7455" s="40"/>
      <c r="M7455" s="40"/>
      <c r="N7455" s="40"/>
    </row>
    <row r="7456" spans="4:14" x14ac:dyDescent="0.25">
      <c r="D7456" s="40">
        <v>124.12836900000548</v>
      </c>
      <c r="E7456" s="40">
        <v>21.178365293326401</v>
      </c>
      <c r="F7456" s="40">
        <v>124.11666700000001</v>
      </c>
      <c r="G7456" s="40">
        <v>21.825311632823635</v>
      </c>
      <c r="H7456" s="40">
        <v>124.11666700000001</v>
      </c>
      <c r="I7456" s="40">
        <v>20.844157822756827</v>
      </c>
      <c r="J7456" s="40">
        <v>124.11662204762</v>
      </c>
      <c r="K7456" s="40">
        <v>13.2225183736847</v>
      </c>
      <c r="L7456" s="40"/>
      <c r="M7456" s="40"/>
      <c r="N7456" s="40"/>
    </row>
    <row r="7457" spans="4:14" x14ac:dyDescent="0.25">
      <c r="D7457" s="40">
        <v>124.14503500000548</v>
      </c>
      <c r="E7457" s="40">
        <v>21.178365293326401</v>
      </c>
      <c r="F7457" s="40">
        <v>124.13333299999999</v>
      </c>
      <c r="G7457" s="40">
        <v>21.825311632823635</v>
      </c>
      <c r="H7457" s="40">
        <v>124.13333400000002</v>
      </c>
      <c r="I7457" s="40">
        <v>20.844157822756827</v>
      </c>
      <c r="J7457" s="40">
        <v>124.13328870833401</v>
      </c>
      <c r="K7457" s="40">
        <v>13.217667329975594</v>
      </c>
      <c r="L7457" s="40"/>
      <c r="M7457" s="40"/>
      <c r="N7457" s="40"/>
    </row>
    <row r="7458" spans="4:14" x14ac:dyDescent="0.25">
      <c r="D7458" s="40">
        <v>124.16170100000548</v>
      </c>
      <c r="E7458" s="40">
        <v>21.178365293326401</v>
      </c>
      <c r="F7458" s="40">
        <v>124.15</v>
      </c>
      <c r="G7458" s="40">
        <v>21.825311632823635</v>
      </c>
      <c r="H7458" s="40">
        <v>124.15</v>
      </c>
      <c r="I7458" s="40">
        <v>20.847510558900083</v>
      </c>
      <c r="J7458" s="40">
        <v>124.149955369048</v>
      </c>
      <c r="K7458" s="40">
        <v>13.217667329975594</v>
      </c>
      <c r="L7458" s="40"/>
      <c r="M7458" s="40"/>
      <c r="N7458" s="40"/>
    </row>
    <row r="7459" spans="4:14" x14ac:dyDescent="0.25">
      <c r="D7459" s="40">
        <v>124.17836700000548</v>
      </c>
      <c r="E7459" s="40">
        <v>21.178365293326401</v>
      </c>
      <c r="F7459" s="40">
        <v>124.16666699999999</v>
      </c>
      <c r="G7459" s="40">
        <v>21.825311632823635</v>
      </c>
      <c r="H7459" s="40">
        <v>124.16666700000002</v>
      </c>
      <c r="I7459" s="40">
        <v>20.850764685156847</v>
      </c>
      <c r="J7459" s="40">
        <v>124.166622029763</v>
      </c>
      <c r="K7459" s="40">
        <v>13.217667329975594</v>
      </c>
      <c r="L7459" s="40"/>
      <c r="M7459" s="40"/>
      <c r="N7459" s="40"/>
    </row>
    <row r="7460" spans="4:14" x14ac:dyDescent="0.25">
      <c r="D7460" s="40">
        <v>124.19503300000548</v>
      </c>
      <c r="E7460" s="40">
        <v>21.173664561165978</v>
      </c>
      <c r="F7460" s="40">
        <v>124.183333</v>
      </c>
      <c r="G7460" s="40">
        <v>21.825311632823635</v>
      </c>
      <c r="H7460" s="40">
        <v>124.183334</v>
      </c>
      <c r="I7460" s="40">
        <v>20.850764685156847</v>
      </c>
      <c r="J7460" s="40">
        <v>124.183288690477</v>
      </c>
      <c r="K7460" s="40">
        <v>13.217667329975594</v>
      </c>
      <c r="L7460" s="40"/>
      <c r="M7460" s="40"/>
      <c r="N7460" s="40"/>
    </row>
    <row r="7461" spans="4:14" x14ac:dyDescent="0.25">
      <c r="D7461" s="40">
        <v>124.21169900000548</v>
      </c>
      <c r="E7461" s="40">
        <v>21.178365293326401</v>
      </c>
      <c r="F7461" s="40">
        <v>124.19999999999999</v>
      </c>
      <c r="G7461" s="40">
        <v>21.825311632823635</v>
      </c>
      <c r="H7461" s="40">
        <v>124.20000000000002</v>
      </c>
      <c r="I7461" s="40">
        <v>20.854117421300103</v>
      </c>
      <c r="J7461" s="40">
        <v>124.19995535119099</v>
      </c>
      <c r="K7461" s="40">
        <v>13.2225183736847</v>
      </c>
      <c r="L7461" s="40"/>
      <c r="M7461" s="40"/>
      <c r="N7461" s="40"/>
    </row>
    <row r="7462" spans="4:14" x14ac:dyDescent="0.25">
      <c r="D7462" s="40">
        <v>124.22836500000548</v>
      </c>
      <c r="E7462" s="40">
        <v>21.178365293326401</v>
      </c>
      <c r="F7462" s="40">
        <v>124.216667</v>
      </c>
      <c r="G7462" s="40">
        <v>21.825311632823635</v>
      </c>
      <c r="H7462" s="40">
        <v>124.216667</v>
      </c>
      <c r="I7462" s="40">
        <v>20.854117421300103</v>
      </c>
      <c r="J7462" s="40">
        <v>124.216622011905</v>
      </c>
      <c r="K7462" s="40">
        <v>13.217667329975594</v>
      </c>
      <c r="L7462" s="40"/>
      <c r="M7462" s="40"/>
      <c r="N7462" s="40"/>
    </row>
    <row r="7463" spans="4:14" x14ac:dyDescent="0.25">
      <c r="D7463" s="40">
        <v>124.24503100000548</v>
      </c>
      <c r="E7463" s="40">
        <v>21.178365293326401</v>
      </c>
      <c r="F7463" s="40">
        <v>124.23333299999999</v>
      </c>
      <c r="G7463" s="40">
        <v>21.830066876913726</v>
      </c>
      <c r="H7463" s="40">
        <v>124.23333400000001</v>
      </c>
      <c r="I7463" s="40">
        <v>20.854117421300103</v>
      </c>
      <c r="J7463" s="40">
        <v>124.23328867262001</v>
      </c>
      <c r="K7463" s="40">
        <v>13.208107920313303</v>
      </c>
      <c r="L7463" s="40"/>
      <c r="M7463" s="40"/>
      <c r="N7463" s="40"/>
    </row>
    <row r="7464" spans="4:14" x14ac:dyDescent="0.25">
      <c r="D7464" s="40">
        <v>124.26169700000548</v>
      </c>
      <c r="E7464" s="40">
        <v>21.178365293326401</v>
      </c>
      <c r="F7464" s="40">
        <v>124.25</v>
      </c>
      <c r="G7464" s="40">
        <v>21.830066876913726</v>
      </c>
      <c r="H7464" s="40">
        <v>124.25</v>
      </c>
      <c r="I7464" s="40">
        <v>20.857470157443537</v>
      </c>
      <c r="J7464" s="40">
        <v>124.249955333334</v>
      </c>
      <c r="K7464" s="40">
        <v>13.208107920313303</v>
      </c>
      <c r="L7464" s="40"/>
      <c r="M7464" s="40"/>
      <c r="N7464" s="40"/>
    </row>
    <row r="7465" spans="4:14" x14ac:dyDescent="0.25">
      <c r="D7465" s="40">
        <v>124.27836300000548</v>
      </c>
      <c r="E7465" s="40">
        <v>21.178365293326401</v>
      </c>
      <c r="F7465" s="40">
        <v>124.26666699999998</v>
      </c>
      <c r="G7465" s="40">
        <v>21.830066876913726</v>
      </c>
      <c r="H7465" s="40">
        <v>124.26666700000001</v>
      </c>
      <c r="I7465" s="40">
        <v>20.860724283700122</v>
      </c>
      <c r="J7465" s="40">
        <v>124.26662199404799</v>
      </c>
      <c r="K7465" s="40">
        <v>13.203256876604197</v>
      </c>
      <c r="L7465" s="40"/>
      <c r="M7465" s="40"/>
      <c r="N7465" s="40"/>
    </row>
    <row r="7466" spans="4:14" x14ac:dyDescent="0.25">
      <c r="D7466" s="40">
        <v>124.29502900000548</v>
      </c>
      <c r="E7466" s="40">
        <v>21.178365293326401</v>
      </c>
      <c r="F7466" s="40">
        <v>124.283333</v>
      </c>
      <c r="G7466" s="40">
        <v>21.830066876913726</v>
      </c>
      <c r="H7466" s="40">
        <v>124.283334</v>
      </c>
      <c r="I7466" s="40">
        <v>20.860724283700122</v>
      </c>
      <c r="J7466" s="40">
        <v>124.283288654763</v>
      </c>
      <c r="K7466" s="40">
        <v>13.203256876604197</v>
      </c>
      <c r="L7466" s="40"/>
      <c r="M7466" s="40"/>
      <c r="N7466" s="40"/>
    </row>
    <row r="7467" spans="4:14" x14ac:dyDescent="0.25">
      <c r="D7467" s="40">
        <v>124.31169500000549</v>
      </c>
      <c r="E7467" s="40">
        <v>21.178365293326401</v>
      </c>
      <c r="F7467" s="40">
        <v>124.29999999999998</v>
      </c>
      <c r="G7467" s="40">
        <v>21.834822121003945</v>
      </c>
      <c r="H7467" s="40">
        <v>124.30000000000001</v>
      </c>
      <c r="I7467" s="40">
        <v>20.860724283700122</v>
      </c>
      <c r="J7467" s="40">
        <v>124.29995531547701</v>
      </c>
      <c r="K7467" s="40">
        <v>13.203256876604197</v>
      </c>
      <c r="L7467" s="40"/>
      <c r="M7467" s="40"/>
      <c r="N7467" s="40"/>
    </row>
    <row r="7468" spans="4:14" x14ac:dyDescent="0.25">
      <c r="D7468" s="40">
        <v>124.32836100000549</v>
      </c>
      <c r="E7468" s="40">
        <v>21.178365293326401</v>
      </c>
      <c r="F7468" s="40">
        <v>124.316667</v>
      </c>
      <c r="G7468" s="40">
        <v>21.834822121003945</v>
      </c>
      <c r="H7468" s="40">
        <v>124.316667</v>
      </c>
      <c r="I7468" s="40">
        <v>20.864077019843556</v>
      </c>
      <c r="J7468" s="40">
        <v>124.316621976191</v>
      </c>
      <c r="K7468" s="40">
        <v>13.203256876604197</v>
      </c>
      <c r="L7468" s="40"/>
      <c r="M7468" s="40"/>
      <c r="N7468" s="40"/>
    </row>
    <row r="7469" spans="4:14" x14ac:dyDescent="0.25">
      <c r="D7469" s="40">
        <v>124.34502700000549</v>
      </c>
      <c r="E7469" s="40">
        <v>21.178365293326401</v>
      </c>
      <c r="F7469" s="40">
        <v>124.33333299999998</v>
      </c>
      <c r="G7469" s="40">
        <v>21.834822121003945</v>
      </c>
      <c r="H7469" s="40">
        <v>124.33333400000001</v>
      </c>
      <c r="I7469" s="40">
        <v>20.864077019843556</v>
      </c>
      <c r="J7469" s="40">
        <v>124.333288636905</v>
      </c>
      <c r="K7469" s="40">
        <v>13.203256876604197</v>
      </c>
      <c r="L7469" s="40"/>
      <c r="M7469" s="40"/>
      <c r="N7469" s="40"/>
    </row>
    <row r="7470" spans="4:14" x14ac:dyDescent="0.25">
      <c r="D7470" s="40">
        <v>124.36169300000549</v>
      </c>
      <c r="E7470" s="40">
        <v>21.178365293326401</v>
      </c>
      <c r="F7470" s="40">
        <v>124.35</v>
      </c>
      <c r="G7470" s="40">
        <v>21.834822121003945</v>
      </c>
      <c r="H7470" s="40">
        <v>124.35</v>
      </c>
      <c r="I7470" s="40">
        <v>20.867429755986816</v>
      </c>
      <c r="J7470" s="40">
        <v>124.34995529762</v>
      </c>
      <c r="K7470" s="40">
        <v>13.203256876604197</v>
      </c>
      <c r="L7470" s="40"/>
      <c r="M7470" s="40"/>
      <c r="N7470" s="40"/>
    </row>
    <row r="7471" spans="4:14" x14ac:dyDescent="0.25">
      <c r="D7471" s="40">
        <v>124.37835900000549</v>
      </c>
      <c r="E7471" s="40">
        <v>21.178365293326401</v>
      </c>
      <c r="F7471" s="40">
        <v>124.36666700000001</v>
      </c>
      <c r="G7471" s="40">
        <v>21.834822121003945</v>
      </c>
      <c r="H7471" s="40">
        <v>124.36666700000001</v>
      </c>
      <c r="I7471" s="40">
        <v>20.867429755986816</v>
      </c>
      <c r="J7471" s="40">
        <v>124.36662195833399</v>
      </c>
      <c r="K7471" s="40">
        <v>13.203256876604197</v>
      </c>
      <c r="L7471" s="40"/>
      <c r="M7471" s="40"/>
      <c r="N7471" s="40"/>
    </row>
    <row r="7472" spans="4:14" x14ac:dyDescent="0.25">
      <c r="D7472" s="40">
        <v>124.39502500000549</v>
      </c>
      <c r="E7472" s="40">
        <v>21.178365293326401</v>
      </c>
      <c r="F7472" s="40">
        <v>124.38333299999999</v>
      </c>
      <c r="G7472" s="40">
        <v>21.834822121003945</v>
      </c>
      <c r="H7472" s="40">
        <v>124.38333400000002</v>
      </c>
      <c r="I7472" s="40">
        <v>20.867429755986816</v>
      </c>
      <c r="J7472" s="40">
        <v>124.383288619048</v>
      </c>
      <c r="K7472" s="40">
        <v>13.208107920313303</v>
      </c>
      <c r="L7472" s="40"/>
      <c r="M7472" s="40"/>
      <c r="N7472" s="40"/>
    </row>
    <row r="7473" spans="4:14" x14ac:dyDescent="0.25">
      <c r="D7473" s="40">
        <v>124.41169100000549</v>
      </c>
      <c r="E7473" s="40">
        <v>21.178365293326401</v>
      </c>
      <c r="F7473" s="40">
        <v>124.4</v>
      </c>
      <c r="G7473" s="40">
        <v>21.834822121003945</v>
      </c>
      <c r="H7473" s="40">
        <v>124.4</v>
      </c>
      <c r="I7473" s="40">
        <v>20.870782492130072</v>
      </c>
      <c r="J7473" s="40">
        <v>124.39995527976301</v>
      </c>
      <c r="K7473" s="40">
        <v>13.208107920313303</v>
      </c>
      <c r="L7473" s="40"/>
      <c r="M7473" s="40"/>
      <c r="N7473" s="40"/>
    </row>
    <row r="7474" spans="4:14" x14ac:dyDescent="0.25">
      <c r="D7474" s="40">
        <v>124.42835700000549</v>
      </c>
      <c r="E7474" s="40">
        <v>21.183208471915826</v>
      </c>
      <c r="F7474" s="40">
        <v>124.41666699999999</v>
      </c>
      <c r="G7474" s="40">
        <v>21.834822121003945</v>
      </c>
      <c r="H7474" s="40">
        <v>124.41666700000002</v>
      </c>
      <c r="I7474" s="40">
        <v>20.870782492130072</v>
      </c>
      <c r="J7474" s="40">
        <v>124.416621940477</v>
      </c>
      <c r="K7474" s="40">
        <v>13.208107920313303</v>
      </c>
      <c r="L7474" s="40"/>
      <c r="M7474" s="40"/>
      <c r="N7474" s="40"/>
    </row>
    <row r="7475" spans="4:14" x14ac:dyDescent="0.25">
      <c r="D7475" s="40">
        <v>124.44502300000549</v>
      </c>
      <c r="E7475" s="40">
        <v>21.183208471915826</v>
      </c>
      <c r="F7475" s="40">
        <v>124.433333</v>
      </c>
      <c r="G7475" s="40">
        <v>21.834822121003945</v>
      </c>
      <c r="H7475" s="40">
        <v>124.433334</v>
      </c>
      <c r="I7475" s="40">
        <v>20.874036618386832</v>
      </c>
      <c r="J7475" s="40">
        <v>124.43328860119099</v>
      </c>
      <c r="K7475" s="40">
        <v>13.208107920313303</v>
      </c>
      <c r="L7475" s="40"/>
      <c r="M7475" s="40"/>
      <c r="N7475" s="40"/>
    </row>
    <row r="7476" spans="4:14" x14ac:dyDescent="0.25">
      <c r="D7476" s="40">
        <v>124.46168900000549</v>
      </c>
      <c r="E7476" s="40">
        <v>21.183208471915826</v>
      </c>
      <c r="F7476" s="40">
        <v>124.44999999999999</v>
      </c>
      <c r="G7476" s="40">
        <v>21.834822121003945</v>
      </c>
      <c r="H7476" s="40">
        <v>124.45000000000002</v>
      </c>
      <c r="I7476" s="40">
        <v>20.874036618386832</v>
      </c>
      <c r="J7476" s="40">
        <v>124.449955261905</v>
      </c>
      <c r="K7476" s="40">
        <v>13.208107920313303</v>
      </c>
      <c r="L7476" s="40"/>
      <c r="M7476" s="40"/>
      <c r="N7476" s="40"/>
    </row>
    <row r="7477" spans="4:14" x14ac:dyDescent="0.25">
      <c r="D7477" s="40">
        <v>124.47835500000549</v>
      </c>
      <c r="E7477" s="40">
        <v>21.188051650505372</v>
      </c>
      <c r="F7477" s="40">
        <v>124.466667</v>
      </c>
      <c r="G7477" s="40">
        <v>21.834822121003945</v>
      </c>
      <c r="H7477" s="40">
        <v>124.466667</v>
      </c>
      <c r="I7477" s="40">
        <v>20.874036618386832</v>
      </c>
      <c r="J7477" s="40">
        <v>124.46662192262001</v>
      </c>
      <c r="K7477" s="40">
        <v>13.208107920313303</v>
      </c>
      <c r="L7477" s="40"/>
      <c r="M7477" s="40"/>
      <c r="N7477" s="40"/>
    </row>
    <row r="7478" spans="4:14" x14ac:dyDescent="0.25">
      <c r="D7478" s="40">
        <v>124.49502100000549</v>
      </c>
      <c r="E7478" s="40">
        <v>21.188051650505372</v>
      </c>
      <c r="F7478" s="40">
        <v>124.48333299999999</v>
      </c>
      <c r="G7478" s="40">
        <v>21.834822121003945</v>
      </c>
      <c r="H7478" s="40">
        <v>124.48333400000001</v>
      </c>
      <c r="I7478" s="40">
        <v>20.877389354530266</v>
      </c>
      <c r="J7478" s="40">
        <v>124.483288583334</v>
      </c>
      <c r="K7478" s="40">
        <v>13.208107920313303</v>
      </c>
      <c r="L7478" s="40"/>
      <c r="M7478" s="40"/>
      <c r="N7478" s="40"/>
    </row>
    <row r="7479" spans="4:14" x14ac:dyDescent="0.25">
      <c r="D7479" s="40">
        <v>124.51168700000549</v>
      </c>
      <c r="E7479" s="40">
        <v>21.192752382665798</v>
      </c>
      <c r="F7479" s="40">
        <v>124.5</v>
      </c>
      <c r="G7479" s="40">
        <v>21.834822121003945</v>
      </c>
      <c r="H7479" s="40">
        <v>124.5</v>
      </c>
      <c r="I7479" s="40">
        <v>20.877389354530266</v>
      </c>
      <c r="J7479" s="40">
        <v>124.499955244048</v>
      </c>
      <c r="K7479" s="40">
        <v>13.208107920313303</v>
      </c>
      <c r="L7479" s="40"/>
      <c r="M7479" s="40"/>
      <c r="N7479" s="40"/>
    </row>
    <row r="7480" spans="4:14" x14ac:dyDescent="0.25">
      <c r="D7480" s="40">
        <v>124.5283530000055</v>
      </c>
      <c r="E7480" s="40">
        <v>21.192752382665798</v>
      </c>
      <c r="F7480" s="40">
        <v>124.51666699999998</v>
      </c>
      <c r="G7480" s="40">
        <v>21.839437504973848</v>
      </c>
      <c r="H7480" s="40">
        <v>124.51666700000001</v>
      </c>
      <c r="I7480" s="40">
        <v>20.880742090673525</v>
      </c>
      <c r="J7480" s="40">
        <v>124.516621904763</v>
      </c>
      <c r="K7480" s="40">
        <v>13.217667329975594</v>
      </c>
      <c r="L7480" s="40"/>
      <c r="M7480" s="40"/>
      <c r="N7480" s="40"/>
    </row>
    <row r="7481" spans="4:14" x14ac:dyDescent="0.25">
      <c r="D7481" s="40">
        <v>124.5450190000055</v>
      </c>
      <c r="E7481" s="40">
        <v>21.19759556125522</v>
      </c>
      <c r="F7481" s="40">
        <v>124.533333</v>
      </c>
      <c r="G7481" s="40">
        <v>21.839437504973848</v>
      </c>
      <c r="H7481" s="40">
        <v>124.533334</v>
      </c>
      <c r="I7481" s="40">
        <v>20.880742090673525</v>
      </c>
      <c r="J7481" s="40">
        <v>124.53328856547699</v>
      </c>
      <c r="K7481" s="40">
        <v>13.2225183736847</v>
      </c>
      <c r="L7481" s="40"/>
      <c r="M7481" s="40"/>
      <c r="N7481" s="40"/>
    </row>
    <row r="7482" spans="4:14" x14ac:dyDescent="0.25">
      <c r="D7482" s="40">
        <v>124.5616850000055</v>
      </c>
      <c r="E7482" s="40">
        <v>21.19759556125522</v>
      </c>
      <c r="F7482" s="40">
        <v>124.54999999999998</v>
      </c>
      <c r="G7482" s="40">
        <v>21.839437504973848</v>
      </c>
      <c r="H7482" s="40">
        <v>124.55000000000001</v>
      </c>
      <c r="I7482" s="40">
        <v>20.880742090673525</v>
      </c>
      <c r="J7482" s="40">
        <v>124.549955226191</v>
      </c>
      <c r="K7482" s="40">
        <v>13.2225183736847</v>
      </c>
      <c r="L7482" s="40"/>
      <c r="M7482" s="40"/>
      <c r="N7482" s="40"/>
    </row>
    <row r="7483" spans="4:14" x14ac:dyDescent="0.25">
      <c r="D7483" s="40">
        <v>124.5783510000055</v>
      </c>
      <c r="E7483" s="40">
        <v>21.202438739844769</v>
      </c>
      <c r="F7483" s="40">
        <v>124.566667</v>
      </c>
      <c r="G7483" s="40">
        <v>21.839437504973848</v>
      </c>
      <c r="H7483" s="40">
        <v>124.566667</v>
      </c>
      <c r="I7483" s="40">
        <v>20.883996216930285</v>
      </c>
      <c r="J7483" s="40">
        <v>124.566621886905</v>
      </c>
      <c r="K7483" s="40">
        <v>13.2225183736847</v>
      </c>
      <c r="L7483" s="40"/>
      <c r="M7483" s="40"/>
      <c r="N7483" s="40"/>
    </row>
    <row r="7484" spans="4:14" x14ac:dyDescent="0.25">
      <c r="D7484" s="40">
        <v>124.5950170000055</v>
      </c>
      <c r="E7484" s="40">
        <v>21.202438739844769</v>
      </c>
      <c r="F7484" s="40">
        <v>124.58333299999998</v>
      </c>
      <c r="G7484" s="40">
        <v>21.839437504973848</v>
      </c>
      <c r="H7484" s="40">
        <v>124.58333400000001</v>
      </c>
      <c r="I7484" s="40">
        <v>20.883996216930285</v>
      </c>
      <c r="J7484" s="40">
        <v>124.58328854762</v>
      </c>
      <c r="K7484" s="40">
        <v>13.2225183736847</v>
      </c>
      <c r="L7484" s="40"/>
      <c r="M7484" s="40"/>
      <c r="N7484" s="40"/>
    </row>
    <row r="7485" spans="4:14" x14ac:dyDescent="0.25">
      <c r="D7485" s="40">
        <v>124.6116830000055</v>
      </c>
      <c r="E7485" s="40">
        <v>21.207139472005196</v>
      </c>
      <c r="F7485" s="40">
        <v>124.6</v>
      </c>
      <c r="G7485" s="40">
        <v>21.839437504973848</v>
      </c>
      <c r="H7485" s="40">
        <v>124.6</v>
      </c>
      <c r="I7485" s="40">
        <v>20.887348953073545</v>
      </c>
      <c r="J7485" s="40">
        <v>124.59995520833399</v>
      </c>
      <c r="K7485" s="40">
        <v>13.2225183736847</v>
      </c>
      <c r="L7485" s="40"/>
      <c r="M7485" s="40"/>
      <c r="N7485" s="40"/>
    </row>
    <row r="7486" spans="4:14" x14ac:dyDescent="0.25">
      <c r="D7486" s="40">
        <v>124.6283490000055</v>
      </c>
      <c r="E7486" s="40">
        <v>21.207139472005196</v>
      </c>
      <c r="F7486" s="40">
        <v>124.61666700000001</v>
      </c>
      <c r="G7486" s="40">
        <v>21.839437504973848</v>
      </c>
      <c r="H7486" s="40">
        <v>124.61666700000001</v>
      </c>
      <c r="I7486" s="40">
        <v>20.887348953073545</v>
      </c>
      <c r="J7486" s="40">
        <v>124.616621869048</v>
      </c>
      <c r="K7486" s="40">
        <v>13.212958964022533</v>
      </c>
      <c r="L7486" s="40"/>
      <c r="M7486" s="40"/>
      <c r="N7486" s="40"/>
    </row>
    <row r="7487" spans="4:14" x14ac:dyDescent="0.25">
      <c r="D7487" s="40">
        <v>124.6450150000055</v>
      </c>
      <c r="E7487" s="40">
        <v>21.207139472005196</v>
      </c>
      <c r="F7487" s="40">
        <v>124.63333299999999</v>
      </c>
      <c r="G7487" s="40">
        <v>21.839437504973848</v>
      </c>
      <c r="H7487" s="40">
        <v>124.63333400000002</v>
      </c>
      <c r="I7487" s="40">
        <v>20.890701689216975</v>
      </c>
      <c r="J7487" s="40">
        <v>124.63328852976301</v>
      </c>
      <c r="K7487" s="40">
        <v>13.2225183736847</v>
      </c>
      <c r="L7487" s="40"/>
      <c r="M7487" s="40"/>
      <c r="N7487" s="40"/>
    </row>
    <row r="7488" spans="4:14" x14ac:dyDescent="0.25">
      <c r="D7488" s="40">
        <v>124.6616810000055</v>
      </c>
      <c r="E7488" s="40">
        <v>21.207139472005196</v>
      </c>
      <c r="F7488" s="40">
        <v>124.65</v>
      </c>
      <c r="G7488" s="40">
        <v>21.844192749064067</v>
      </c>
      <c r="H7488" s="40">
        <v>124.65</v>
      </c>
      <c r="I7488" s="40">
        <v>20.890701689216975</v>
      </c>
      <c r="J7488" s="40">
        <v>124.649955190477</v>
      </c>
      <c r="K7488" s="40">
        <v>13.227369417393932</v>
      </c>
      <c r="L7488" s="40"/>
      <c r="M7488" s="40"/>
      <c r="N7488" s="40"/>
    </row>
    <row r="7489" spans="4:14" x14ac:dyDescent="0.25">
      <c r="D7489" s="40">
        <v>124.6783470000055</v>
      </c>
      <c r="E7489" s="40">
        <v>21.207139472005196</v>
      </c>
      <c r="F7489" s="40">
        <v>124.66666699999999</v>
      </c>
      <c r="G7489" s="40">
        <v>21.844192749064067</v>
      </c>
      <c r="H7489" s="40">
        <v>124.66666700000002</v>
      </c>
      <c r="I7489" s="40">
        <v>20.893955815473561</v>
      </c>
      <c r="J7489" s="40">
        <v>124.666621851191</v>
      </c>
      <c r="K7489" s="40">
        <v>13.232077783346993</v>
      </c>
      <c r="L7489" s="40"/>
      <c r="M7489" s="40"/>
      <c r="N7489" s="40"/>
    </row>
    <row r="7490" spans="4:14" x14ac:dyDescent="0.25">
      <c r="D7490" s="40">
        <v>124.6950130000055</v>
      </c>
      <c r="E7490" s="40">
        <v>21.207139472005196</v>
      </c>
      <c r="F7490" s="40">
        <v>124.683333</v>
      </c>
      <c r="G7490" s="40">
        <v>21.844192749064067</v>
      </c>
      <c r="H7490" s="40">
        <v>124.683334</v>
      </c>
      <c r="I7490" s="40">
        <v>20.893955815473561</v>
      </c>
      <c r="J7490" s="40">
        <v>124.683288511905</v>
      </c>
      <c r="K7490" s="40">
        <v>13.236928827056097</v>
      </c>
      <c r="L7490" s="40"/>
      <c r="M7490" s="40"/>
      <c r="N7490" s="40"/>
    </row>
    <row r="7491" spans="4:14" x14ac:dyDescent="0.25">
      <c r="D7491" s="40">
        <v>124.7116790000055</v>
      </c>
      <c r="E7491" s="40">
        <v>21.211982650594742</v>
      </c>
      <c r="F7491" s="40">
        <v>124.69999999999999</v>
      </c>
      <c r="G7491" s="40">
        <v>21.844192749064067</v>
      </c>
      <c r="H7491" s="40">
        <v>124.70000000000002</v>
      </c>
      <c r="I7491" s="40">
        <v>20.897308551616995</v>
      </c>
      <c r="J7491" s="40">
        <v>124.69995517261999</v>
      </c>
      <c r="K7491" s="40">
        <v>13.236928827056097</v>
      </c>
      <c r="L7491" s="40"/>
      <c r="M7491" s="40"/>
      <c r="N7491" s="40"/>
    </row>
    <row r="7492" spans="4:14" x14ac:dyDescent="0.25">
      <c r="D7492" s="40">
        <v>124.7283450000055</v>
      </c>
      <c r="E7492" s="40">
        <v>21.211982650594742</v>
      </c>
      <c r="F7492" s="40">
        <v>124.716667</v>
      </c>
      <c r="G7492" s="40">
        <v>21.844192749064067</v>
      </c>
      <c r="H7492" s="40">
        <v>124.716667</v>
      </c>
      <c r="I7492" s="40">
        <v>20.897308551616995</v>
      </c>
      <c r="J7492" s="40">
        <v>124.716621833334</v>
      </c>
      <c r="K7492" s="40">
        <v>13.236928827056097</v>
      </c>
      <c r="L7492" s="40"/>
      <c r="M7492" s="40"/>
      <c r="N7492" s="40"/>
    </row>
    <row r="7493" spans="4:14" x14ac:dyDescent="0.25">
      <c r="D7493" s="40">
        <v>124.7450110000055</v>
      </c>
      <c r="E7493" s="40">
        <v>21.211982650594742</v>
      </c>
      <c r="F7493" s="40">
        <v>124.73333299999999</v>
      </c>
      <c r="G7493" s="40">
        <v>21.844192749064067</v>
      </c>
      <c r="H7493" s="40">
        <v>124.73333400000001</v>
      </c>
      <c r="I7493" s="40">
        <v>20.897308551616995</v>
      </c>
      <c r="J7493" s="40">
        <v>124.733288494048</v>
      </c>
      <c r="K7493" s="40">
        <v>13.236928827056097</v>
      </c>
      <c r="L7493" s="40"/>
      <c r="M7493" s="40"/>
      <c r="N7493" s="40"/>
    </row>
    <row r="7494" spans="4:14" x14ac:dyDescent="0.25">
      <c r="D7494" s="40">
        <v>124.76167700000551</v>
      </c>
      <c r="E7494" s="40">
        <v>21.211982650594742</v>
      </c>
      <c r="F7494" s="40">
        <v>124.75</v>
      </c>
      <c r="G7494" s="40">
        <v>21.844192749064067</v>
      </c>
      <c r="H7494" s="40">
        <v>124.75</v>
      </c>
      <c r="I7494" s="40">
        <v>20.900661287760254</v>
      </c>
      <c r="J7494" s="40">
        <v>124.749955154763</v>
      </c>
      <c r="K7494" s="40">
        <v>13.236928827056097</v>
      </c>
      <c r="L7494" s="40"/>
      <c r="M7494" s="40"/>
      <c r="N7494" s="40"/>
    </row>
    <row r="7495" spans="4:14" x14ac:dyDescent="0.25">
      <c r="D7495" s="40">
        <v>124.77834300000551</v>
      </c>
      <c r="E7495" s="40">
        <v>21.216825829184163</v>
      </c>
      <c r="F7495" s="40">
        <v>124.76666699999998</v>
      </c>
      <c r="G7495" s="40">
        <v>21.844192749064067</v>
      </c>
      <c r="H7495" s="40">
        <v>124.76666700000001</v>
      </c>
      <c r="I7495" s="40">
        <v>20.900661287760254</v>
      </c>
      <c r="J7495" s="40">
        <v>124.766621815477</v>
      </c>
      <c r="K7495" s="40">
        <v>13.236928827056097</v>
      </c>
      <c r="L7495" s="40"/>
      <c r="M7495" s="40"/>
      <c r="N7495" s="40"/>
    </row>
    <row r="7496" spans="4:14" x14ac:dyDescent="0.25">
      <c r="D7496" s="40">
        <v>124.79500900000551</v>
      </c>
      <c r="E7496" s="40">
        <v>21.216825829184163</v>
      </c>
      <c r="F7496" s="40">
        <v>124.783333</v>
      </c>
      <c r="G7496" s="40">
        <v>21.844192749064067</v>
      </c>
      <c r="H7496" s="40">
        <v>124.783334</v>
      </c>
      <c r="I7496" s="40">
        <v>20.903915414017018</v>
      </c>
      <c r="J7496" s="40">
        <v>124.783288476191</v>
      </c>
      <c r="K7496" s="40">
        <v>13.236928827056097</v>
      </c>
      <c r="L7496" s="40"/>
      <c r="M7496" s="40"/>
      <c r="N7496" s="40"/>
    </row>
    <row r="7497" spans="4:14" x14ac:dyDescent="0.25">
      <c r="D7497" s="40">
        <v>124.81167500000551</v>
      </c>
      <c r="E7497" s="40">
        <v>21.211982650594742</v>
      </c>
      <c r="F7497" s="40">
        <v>124.79999999999998</v>
      </c>
      <c r="G7497" s="40">
        <v>21.848947993154162</v>
      </c>
      <c r="H7497" s="40">
        <v>124.80000000000001</v>
      </c>
      <c r="I7497" s="40">
        <v>20.907268150160274</v>
      </c>
      <c r="J7497" s="40">
        <v>124.799955136905</v>
      </c>
      <c r="K7497" s="40">
        <v>13.236928827056097</v>
      </c>
      <c r="L7497" s="40"/>
      <c r="M7497" s="40"/>
      <c r="N7497" s="40"/>
    </row>
    <row r="7498" spans="4:14" x14ac:dyDescent="0.25">
      <c r="D7498" s="40">
        <v>124.82834100000551</v>
      </c>
      <c r="E7498" s="40">
        <v>21.211982650594742</v>
      </c>
      <c r="F7498" s="40">
        <v>124.816667</v>
      </c>
      <c r="G7498" s="40">
        <v>21.848947993154162</v>
      </c>
      <c r="H7498" s="40">
        <v>124.816667</v>
      </c>
      <c r="I7498" s="40">
        <v>20.907268150160274</v>
      </c>
      <c r="J7498" s="40">
        <v>124.81662179762</v>
      </c>
      <c r="K7498" s="40">
        <v>13.236928827056097</v>
      </c>
      <c r="L7498" s="40"/>
      <c r="M7498" s="40"/>
      <c r="N7498" s="40"/>
    </row>
    <row r="7499" spans="4:14" x14ac:dyDescent="0.25">
      <c r="D7499" s="40">
        <v>124.84500700000551</v>
      </c>
      <c r="E7499" s="40">
        <v>21.211982650594742</v>
      </c>
      <c r="F7499" s="40">
        <v>124.83333299999998</v>
      </c>
      <c r="G7499" s="40">
        <v>21.848947993154162</v>
      </c>
      <c r="H7499" s="40">
        <v>124.83333400000001</v>
      </c>
      <c r="I7499" s="40">
        <v>20.910620886303704</v>
      </c>
      <c r="J7499" s="40">
        <v>124.833288458334</v>
      </c>
      <c r="K7499" s="40">
        <v>13.241779870765329</v>
      </c>
      <c r="L7499" s="40"/>
      <c r="M7499" s="40"/>
      <c r="N7499" s="40"/>
    </row>
    <row r="7500" spans="4:14" x14ac:dyDescent="0.25">
      <c r="D7500" s="40">
        <v>124.86167300000551</v>
      </c>
      <c r="E7500" s="40">
        <v>21.211982650594742</v>
      </c>
      <c r="F7500" s="40">
        <v>124.85</v>
      </c>
      <c r="G7500" s="40">
        <v>21.848947993154162</v>
      </c>
      <c r="H7500" s="40">
        <v>124.85</v>
      </c>
      <c r="I7500" s="40">
        <v>20.910620886303704</v>
      </c>
      <c r="J7500" s="40">
        <v>124.849955119048</v>
      </c>
      <c r="K7500" s="40">
        <v>13.241779870765329</v>
      </c>
      <c r="L7500" s="40"/>
      <c r="M7500" s="40"/>
      <c r="N7500" s="40"/>
    </row>
    <row r="7501" spans="4:14" x14ac:dyDescent="0.25">
      <c r="D7501" s="40">
        <v>124.87833900000551</v>
      </c>
      <c r="E7501" s="40">
        <v>21.211982650594742</v>
      </c>
      <c r="F7501" s="40">
        <v>124.86666700000001</v>
      </c>
      <c r="G7501" s="40">
        <v>21.853563377124065</v>
      </c>
      <c r="H7501" s="40">
        <v>124.86666700000001</v>
      </c>
      <c r="I7501" s="40">
        <v>20.910620886303704</v>
      </c>
      <c r="J7501" s="40">
        <v>124.86662177976299</v>
      </c>
      <c r="K7501" s="40">
        <v>13.241779870765329</v>
      </c>
      <c r="L7501" s="40"/>
      <c r="M7501" s="40"/>
      <c r="N7501" s="40"/>
    </row>
    <row r="7502" spans="4:14" x14ac:dyDescent="0.25">
      <c r="D7502" s="40">
        <v>124.89500500000551</v>
      </c>
      <c r="E7502" s="40">
        <v>21.211982650594742</v>
      </c>
      <c r="F7502" s="40">
        <v>124.88333299999999</v>
      </c>
      <c r="G7502" s="40">
        <v>21.853563377124065</v>
      </c>
      <c r="H7502" s="40">
        <v>124.88333400000002</v>
      </c>
      <c r="I7502" s="40">
        <v>20.913875012560467</v>
      </c>
      <c r="J7502" s="40">
        <v>124.883288440477</v>
      </c>
      <c r="K7502" s="40">
        <v>13.241779870765329</v>
      </c>
      <c r="L7502" s="40"/>
      <c r="M7502" s="40"/>
      <c r="N7502" s="40"/>
    </row>
    <row r="7503" spans="4:14" x14ac:dyDescent="0.25">
      <c r="D7503" s="40">
        <v>124.91167100000551</v>
      </c>
      <c r="E7503" s="40">
        <v>21.211982650594742</v>
      </c>
      <c r="F7503" s="40">
        <v>124.9</v>
      </c>
      <c r="G7503" s="40">
        <v>21.853563377124065</v>
      </c>
      <c r="H7503" s="40">
        <v>124.9</v>
      </c>
      <c r="I7503" s="40">
        <v>20.913875012560467</v>
      </c>
      <c r="J7503" s="40">
        <v>124.899955101191</v>
      </c>
      <c r="K7503" s="40">
        <v>13.24648823671839</v>
      </c>
      <c r="L7503" s="40"/>
      <c r="M7503" s="40"/>
      <c r="N7503" s="40"/>
    </row>
    <row r="7504" spans="4:14" x14ac:dyDescent="0.25">
      <c r="D7504" s="40">
        <v>124.92833700000551</v>
      </c>
      <c r="E7504" s="40">
        <v>21.207139472005196</v>
      </c>
      <c r="F7504" s="40">
        <v>124.91666699999999</v>
      </c>
      <c r="G7504" s="40">
        <v>21.853563377124065</v>
      </c>
      <c r="H7504" s="40">
        <v>124.91666700000002</v>
      </c>
      <c r="I7504" s="40">
        <v>20.917227748703727</v>
      </c>
      <c r="J7504" s="40">
        <v>124.91662176190501</v>
      </c>
      <c r="K7504" s="40">
        <v>13.24648823671839</v>
      </c>
      <c r="L7504" s="40"/>
      <c r="M7504" s="40"/>
      <c r="N7504" s="40"/>
    </row>
    <row r="7505" spans="4:14" x14ac:dyDescent="0.25">
      <c r="D7505" s="40">
        <v>124.94500300000551</v>
      </c>
      <c r="E7505" s="40">
        <v>21.207139472005196</v>
      </c>
      <c r="F7505" s="40">
        <v>124.933333</v>
      </c>
      <c r="G7505" s="40">
        <v>21.853563377124065</v>
      </c>
      <c r="H7505" s="40">
        <v>124.933334</v>
      </c>
      <c r="I7505" s="40">
        <v>20.917227748703727</v>
      </c>
      <c r="J7505" s="40">
        <v>124.93328842262</v>
      </c>
      <c r="K7505" s="40">
        <v>13.24648823671839</v>
      </c>
      <c r="L7505" s="40"/>
      <c r="M7505" s="40"/>
      <c r="N7505" s="40"/>
    </row>
    <row r="7506" spans="4:14" x14ac:dyDescent="0.25">
      <c r="D7506" s="40">
        <v>124.96166900000551</v>
      </c>
      <c r="E7506" s="40">
        <v>21.202438739844769</v>
      </c>
      <c r="F7506" s="40">
        <v>124.94999999999999</v>
      </c>
      <c r="G7506" s="40">
        <v>21.858318621214284</v>
      </c>
      <c r="H7506" s="40">
        <v>124.95000000000002</v>
      </c>
      <c r="I7506" s="40">
        <v>20.920580484846983</v>
      </c>
      <c r="J7506" s="40">
        <v>124.949955083334</v>
      </c>
      <c r="K7506" s="40">
        <v>13.251339280427496</v>
      </c>
      <c r="L7506" s="40"/>
      <c r="M7506" s="40"/>
      <c r="N7506" s="40"/>
    </row>
    <row r="7507" spans="4:14" x14ac:dyDescent="0.25">
      <c r="D7507" s="40">
        <v>124.97833500000552</v>
      </c>
      <c r="E7507" s="40">
        <v>21.202438739844769</v>
      </c>
      <c r="F7507" s="40">
        <v>124.966667</v>
      </c>
      <c r="G7507" s="40">
        <v>21.858318621214284</v>
      </c>
      <c r="H7507" s="40">
        <v>124.966667</v>
      </c>
      <c r="I7507" s="40">
        <v>20.923834611103747</v>
      </c>
      <c r="J7507" s="40">
        <v>124.966621744048</v>
      </c>
      <c r="K7507" s="40">
        <v>13.251339280427496</v>
      </c>
      <c r="L7507" s="40"/>
      <c r="M7507" s="40"/>
      <c r="N7507" s="40"/>
    </row>
    <row r="7508" spans="4:14" x14ac:dyDescent="0.25">
      <c r="D7508" s="40">
        <v>124.99500100000552</v>
      </c>
      <c r="E7508" s="40">
        <v>21.202438739844769</v>
      </c>
      <c r="F7508" s="40">
        <v>124.98333299999999</v>
      </c>
      <c r="G7508" s="40">
        <v>21.858318621214284</v>
      </c>
      <c r="H7508" s="40">
        <v>124.98333400000001</v>
      </c>
      <c r="I7508" s="40">
        <v>20.923834611103747</v>
      </c>
      <c r="J7508" s="40">
        <v>124.983288404763</v>
      </c>
      <c r="K7508" s="40">
        <v>13.251339280427496</v>
      </c>
      <c r="L7508" s="40"/>
      <c r="M7508" s="40"/>
      <c r="N7508" s="40"/>
    </row>
    <row r="7509" spans="4:14" x14ac:dyDescent="0.25">
      <c r="D7509" s="40">
        <v>125.01166700000552</v>
      </c>
      <c r="E7509" s="40">
        <v>21.19759556125522</v>
      </c>
      <c r="F7509" s="40">
        <v>125</v>
      </c>
      <c r="G7509" s="40">
        <v>21.858318621214284</v>
      </c>
      <c r="H7509" s="40">
        <v>125</v>
      </c>
      <c r="I7509" s="40">
        <v>20.927187347247003</v>
      </c>
      <c r="J7509" s="40">
        <v>124.999955065477</v>
      </c>
      <c r="K7509" s="40">
        <v>13.251339280427496</v>
      </c>
      <c r="L7509" s="40"/>
      <c r="M7509" s="40"/>
      <c r="N7509" s="40"/>
    </row>
    <row r="7510" spans="4:14" x14ac:dyDescent="0.25">
      <c r="D7510" s="40">
        <v>125.02833300000552</v>
      </c>
      <c r="E7510" s="40">
        <v>21.19759556125522</v>
      </c>
      <c r="F7510" s="40">
        <v>125.01666699999998</v>
      </c>
      <c r="G7510" s="40">
        <v>21.858318621214284</v>
      </c>
      <c r="H7510" s="40">
        <v>125.01666700000001</v>
      </c>
      <c r="I7510" s="40">
        <v>20.927187347247003</v>
      </c>
      <c r="J7510" s="40">
        <v>125.016621726191</v>
      </c>
      <c r="K7510" s="40">
        <v>13.251339280427496</v>
      </c>
      <c r="L7510" s="40"/>
      <c r="M7510" s="40"/>
      <c r="N7510" s="40"/>
    </row>
    <row r="7511" spans="4:14" x14ac:dyDescent="0.25">
      <c r="D7511" s="40">
        <v>125.04499900000552</v>
      </c>
      <c r="E7511" s="40">
        <v>21.19759556125522</v>
      </c>
      <c r="F7511" s="40">
        <v>125.033333</v>
      </c>
      <c r="G7511" s="40">
        <v>21.863073865304376</v>
      </c>
      <c r="H7511" s="40">
        <v>125.033334</v>
      </c>
      <c r="I7511" s="40">
        <v>20.927187347247003</v>
      </c>
      <c r="J7511" s="40">
        <v>125.033288386905</v>
      </c>
      <c r="K7511" s="40">
        <v>13.251339280427496</v>
      </c>
      <c r="L7511" s="40"/>
      <c r="M7511" s="40"/>
      <c r="N7511" s="40"/>
    </row>
    <row r="7512" spans="4:14" x14ac:dyDescent="0.25">
      <c r="D7512" s="40">
        <v>125.06166500000552</v>
      </c>
      <c r="E7512" s="40">
        <v>21.19759556125522</v>
      </c>
      <c r="F7512" s="40">
        <v>125.04999999999998</v>
      </c>
      <c r="G7512" s="40">
        <v>21.863073865304376</v>
      </c>
      <c r="H7512" s="40">
        <v>125.05000000000001</v>
      </c>
      <c r="I7512" s="40">
        <v>20.930540083390433</v>
      </c>
      <c r="L7512" s="40"/>
      <c r="M7512" s="40"/>
      <c r="N7512" s="40"/>
    </row>
    <row r="7513" spans="4:14" x14ac:dyDescent="0.25">
      <c r="D7513" s="40">
        <v>125.07833100000552</v>
      </c>
      <c r="E7513" s="40">
        <v>21.19759556125522</v>
      </c>
      <c r="F7513" s="40">
        <v>125.066667</v>
      </c>
      <c r="G7513" s="40">
        <v>21.863073865304376</v>
      </c>
      <c r="H7513" s="40">
        <v>125.066667</v>
      </c>
      <c r="I7513" s="40">
        <v>20.930540083390433</v>
      </c>
      <c r="L7513" s="40"/>
      <c r="M7513" s="40"/>
      <c r="N7513" s="40"/>
    </row>
    <row r="7514" spans="4:14" x14ac:dyDescent="0.25">
      <c r="D7514" s="40">
        <v>125.09499700000552</v>
      </c>
      <c r="E7514" s="40">
        <v>21.19759556125522</v>
      </c>
      <c r="F7514" s="40">
        <v>125.08333299999998</v>
      </c>
      <c r="G7514" s="40">
        <v>21.863073865304376</v>
      </c>
      <c r="H7514" s="40">
        <v>125.08333400000001</v>
      </c>
      <c r="I7514" s="40">
        <v>20.933794209647196</v>
      </c>
      <c r="L7514" s="40"/>
      <c r="M7514" s="40"/>
      <c r="N7514" s="40"/>
    </row>
    <row r="7515" spans="4:14" x14ac:dyDescent="0.25">
      <c r="D7515" s="40">
        <v>125.11166300000552</v>
      </c>
      <c r="E7515" s="40">
        <v>21.192752382665798</v>
      </c>
      <c r="F7515" s="40">
        <v>125.1</v>
      </c>
      <c r="G7515" s="40">
        <v>21.863073865304376</v>
      </c>
      <c r="H7515" s="40">
        <v>125.1</v>
      </c>
      <c r="I7515" s="40">
        <v>20.933794209647196</v>
      </c>
      <c r="L7515" s="40"/>
      <c r="M7515" s="40"/>
      <c r="N7515" s="40"/>
    </row>
    <row r="7516" spans="4:14" x14ac:dyDescent="0.25">
      <c r="D7516" s="40">
        <v>125.12832900000552</v>
      </c>
      <c r="E7516" s="40">
        <v>21.192752382665798</v>
      </c>
      <c r="F7516" s="40">
        <v>125.11666700000001</v>
      </c>
      <c r="G7516" s="40">
        <v>21.867689249274278</v>
      </c>
      <c r="H7516" s="40">
        <v>125.11666700000001</v>
      </c>
      <c r="I7516" s="40">
        <v>20.937146945790456</v>
      </c>
      <c r="L7516" s="40"/>
      <c r="M7516" s="40"/>
      <c r="N7516" s="40"/>
    </row>
    <row r="7517" spans="4:14" x14ac:dyDescent="0.25">
      <c r="D7517" s="40">
        <v>125.14499500000552</v>
      </c>
      <c r="E7517" s="40">
        <v>21.192752382665798</v>
      </c>
      <c r="F7517" s="40">
        <v>125.13333299999999</v>
      </c>
      <c r="G7517" s="40">
        <v>21.867689249274278</v>
      </c>
      <c r="H7517" s="40">
        <v>125.13333400000002</v>
      </c>
      <c r="I7517" s="40">
        <v>20.937146945790456</v>
      </c>
      <c r="L7517" s="40"/>
      <c r="M7517" s="40"/>
      <c r="N7517" s="40"/>
    </row>
    <row r="7518" spans="4:14" x14ac:dyDescent="0.25">
      <c r="D7518" s="40">
        <v>125.16166100000552</v>
      </c>
      <c r="E7518" s="40">
        <v>21.192752382665798</v>
      </c>
      <c r="F7518" s="40">
        <v>125.15</v>
      </c>
      <c r="G7518" s="40">
        <v>21.867689249274278</v>
      </c>
      <c r="H7518" s="40">
        <v>125.15</v>
      </c>
      <c r="I7518" s="40">
        <v>20.940499681933712</v>
      </c>
      <c r="L7518" s="40"/>
      <c r="M7518" s="40"/>
      <c r="N7518" s="40"/>
    </row>
    <row r="7519" spans="4:14" x14ac:dyDescent="0.25">
      <c r="D7519" s="40">
        <v>125.17832700000552</v>
      </c>
      <c r="E7519" s="40">
        <v>21.192752382665798</v>
      </c>
      <c r="F7519" s="40">
        <v>125.16666699999999</v>
      </c>
      <c r="G7519" s="40">
        <v>21.867689249274278</v>
      </c>
      <c r="H7519" s="40">
        <v>125.16666700000002</v>
      </c>
      <c r="I7519" s="40">
        <v>20.940499681933712</v>
      </c>
      <c r="L7519" s="40"/>
      <c r="M7519" s="40"/>
      <c r="N7519" s="40"/>
    </row>
    <row r="7520" spans="4:14" x14ac:dyDescent="0.25">
      <c r="D7520" s="40">
        <v>125.19499300000552</v>
      </c>
      <c r="E7520" s="40">
        <v>21.192752382665798</v>
      </c>
      <c r="F7520" s="40">
        <v>125.183333</v>
      </c>
      <c r="G7520" s="40">
        <v>21.867689249274278</v>
      </c>
      <c r="H7520" s="40">
        <v>125.183334</v>
      </c>
      <c r="I7520" s="40">
        <v>20.943753808190475</v>
      </c>
      <c r="L7520" s="40"/>
      <c r="M7520" s="40"/>
      <c r="N7520" s="40"/>
    </row>
    <row r="7521" spans="4:14" x14ac:dyDescent="0.25">
      <c r="D7521" s="40">
        <v>125.21165900000553</v>
      </c>
      <c r="E7521" s="40">
        <v>21.192752382665798</v>
      </c>
      <c r="F7521" s="40">
        <v>125.19999999999999</v>
      </c>
      <c r="G7521" s="40">
        <v>21.867689249274278</v>
      </c>
      <c r="H7521" s="40">
        <v>125.20000000000002</v>
      </c>
      <c r="I7521" s="40">
        <v>20.943753808190475</v>
      </c>
      <c r="L7521" s="40"/>
      <c r="M7521" s="40"/>
      <c r="N7521" s="40"/>
    </row>
    <row r="7522" spans="4:14" x14ac:dyDescent="0.25">
      <c r="D7522" s="40">
        <v>125.22832500000553</v>
      </c>
      <c r="E7522" s="40">
        <v>21.192752382665798</v>
      </c>
      <c r="F7522" s="40">
        <v>125.216667</v>
      </c>
      <c r="G7522" s="40">
        <v>21.867689249274278</v>
      </c>
      <c r="H7522" s="40">
        <v>125.216667</v>
      </c>
      <c r="I7522" s="40">
        <v>20.943753808190475</v>
      </c>
      <c r="L7522" s="40"/>
      <c r="M7522" s="40"/>
      <c r="N7522" s="40"/>
    </row>
    <row r="7523" spans="4:14" x14ac:dyDescent="0.25">
      <c r="D7523" s="40">
        <v>125.24499100000553</v>
      </c>
      <c r="E7523" s="40">
        <v>21.192752382665798</v>
      </c>
      <c r="F7523" s="40">
        <v>125.23333299999999</v>
      </c>
      <c r="G7523" s="40">
        <v>21.867689249274278</v>
      </c>
      <c r="H7523" s="40">
        <v>125.23333400000001</v>
      </c>
      <c r="I7523" s="40">
        <v>20.947106544333909</v>
      </c>
      <c r="L7523" s="40"/>
      <c r="M7523" s="40"/>
      <c r="N7523" s="40"/>
    </row>
    <row r="7524" spans="4:14" x14ac:dyDescent="0.25">
      <c r="D7524" s="40">
        <v>125.26165700000553</v>
      </c>
      <c r="E7524" s="40">
        <v>21.192752382665798</v>
      </c>
      <c r="F7524" s="40">
        <v>125.25</v>
      </c>
      <c r="G7524" s="40">
        <v>21.867689249274278</v>
      </c>
      <c r="H7524" s="40">
        <v>125.25</v>
      </c>
      <c r="I7524" s="40">
        <v>20.947106544333909</v>
      </c>
      <c r="L7524" s="40"/>
      <c r="M7524" s="40"/>
      <c r="N7524" s="40"/>
    </row>
    <row r="7525" spans="4:14" x14ac:dyDescent="0.25">
      <c r="D7525" s="40">
        <v>125.27832300000553</v>
      </c>
      <c r="E7525" s="40">
        <v>21.192752382665798</v>
      </c>
      <c r="F7525" s="40">
        <v>125.26666699999998</v>
      </c>
      <c r="G7525" s="40">
        <v>21.867689249274278</v>
      </c>
      <c r="H7525" s="40">
        <v>125.26666700000001</v>
      </c>
      <c r="I7525" s="40">
        <v>20.950459280477165</v>
      </c>
      <c r="L7525" s="40"/>
      <c r="M7525" s="40"/>
      <c r="N7525" s="40"/>
    </row>
    <row r="7526" spans="4:14" x14ac:dyDescent="0.25">
      <c r="D7526" s="40">
        <v>125.29498900000553</v>
      </c>
      <c r="E7526" s="40">
        <v>21.192752382665798</v>
      </c>
      <c r="F7526" s="40">
        <v>125.283333</v>
      </c>
      <c r="G7526" s="40">
        <v>21.867689249274278</v>
      </c>
      <c r="H7526" s="40">
        <v>125.283334</v>
      </c>
      <c r="I7526" s="40">
        <v>20.950459280477165</v>
      </c>
      <c r="L7526" s="40"/>
      <c r="M7526" s="40"/>
      <c r="N7526" s="40"/>
    </row>
    <row r="7527" spans="4:14" x14ac:dyDescent="0.25">
      <c r="D7527" s="40">
        <v>125.31165500000553</v>
      </c>
      <c r="E7527" s="40">
        <v>21.192752382665798</v>
      </c>
      <c r="F7527" s="40">
        <v>125.29999999999998</v>
      </c>
      <c r="G7527" s="40">
        <v>21.867689249274278</v>
      </c>
      <c r="H7527" s="40">
        <v>125.30000000000001</v>
      </c>
      <c r="I7527" s="40">
        <v>20.953713406733929</v>
      </c>
      <c r="L7527" s="40"/>
      <c r="M7527" s="40"/>
      <c r="N7527" s="40"/>
    </row>
    <row r="7528" spans="4:14" x14ac:dyDescent="0.25">
      <c r="D7528" s="40">
        <v>125.32832100000553</v>
      </c>
      <c r="E7528" s="40">
        <v>21.192752382665798</v>
      </c>
      <c r="F7528" s="40">
        <v>125.316667</v>
      </c>
      <c r="G7528" s="40">
        <v>21.867689249274278</v>
      </c>
      <c r="H7528" s="40">
        <v>125.316667</v>
      </c>
      <c r="I7528" s="40">
        <v>20.953713406733929</v>
      </c>
      <c r="L7528" s="40"/>
      <c r="M7528" s="40"/>
      <c r="N7528" s="40"/>
    </row>
    <row r="7529" spans="4:14" x14ac:dyDescent="0.25">
      <c r="D7529" s="40">
        <v>125.34498700000553</v>
      </c>
      <c r="E7529" s="40">
        <v>21.192752382665798</v>
      </c>
      <c r="F7529" s="40">
        <v>125.33333299999998</v>
      </c>
      <c r="G7529" s="40">
        <v>21.872444493364497</v>
      </c>
      <c r="H7529" s="40">
        <v>125.33333400000001</v>
      </c>
      <c r="I7529" s="40">
        <v>20.957066142877185</v>
      </c>
      <c r="L7529" s="40"/>
      <c r="M7529" s="40"/>
      <c r="N7529" s="40"/>
    </row>
    <row r="7530" spans="4:14" x14ac:dyDescent="0.25">
      <c r="D7530" s="40">
        <v>125.36165300000553</v>
      </c>
      <c r="E7530" s="40">
        <v>21.192752382665798</v>
      </c>
      <c r="F7530" s="40">
        <v>125.35</v>
      </c>
      <c r="G7530" s="40">
        <v>21.872444493364497</v>
      </c>
      <c r="H7530" s="40">
        <v>125.35</v>
      </c>
      <c r="I7530" s="40">
        <v>20.957066142877185</v>
      </c>
      <c r="L7530" s="40"/>
      <c r="M7530" s="40"/>
      <c r="N7530" s="40"/>
    </row>
    <row r="7531" spans="4:14" x14ac:dyDescent="0.25">
      <c r="D7531" s="40">
        <v>125.37831900000553</v>
      </c>
      <c r="E7531" s="40">
        <v>21.19759556125522</v>
      </c>
      <c r="F7531" s="40">
        <v>125.36666700000001</v>
      </c>
      <c r="G7531" s="40">
        <v>21.872444493364497</v>
      </c>
      <c r="H7531" s="40">
        <v>125.36666700000001</v>
      </c>
      <c r="I7531" s="40">
        <v>20.960418879020445</v>
      </c>
      <c r="L7531" s="40"/>
      <c r="M7531" s="40"/>
      <c r="N7531" s="40"/>
    </row>
    <row r="7532" spans="4:14" x14ac:dyDescent="0.25">
      <c r="D7532" s="40">
        <v>125.39498500000553</v>
      </c>
      <c r="E7532" s="40">
        <v>21.19759556125522</v>
      </c>
      <c r="F7532" s="40">
        <v>125.38333299999999</v>
      </c>
      <c r="G7532" s="40">
        <v>21.867689249274278</v>
      </c>
      <c r="H7532" s="40">
        <v>125.38333400000002</v>
      </c>
      <c r="I7532" s="40">
        <v>20.960418879020445</v>
      </c>
      <c r="L7532" s="40"/>
      <c r="M7532" s="40"/>
      <c r="N7532" s="40"/>
    </row>
    <row r="7533" spans="4:14" x14ac:dyDescent="0.25">
      <c r="D7533" s="40">
        <v>125.41165100000553</v>
      </c>
      <c r="E7533" s="40">
        <v>21.202438739844769</v>
      </c>
      <c r="F7533" s="40">
        <v>125.4</v>
      </c>
      <c r="G7533" s="40">
        <v>21.867689249274278</v>
      </c>
      <c r="H7533" s="40">
        <v>125.4</v>
      </c>
      <c r="I7533" s="40">
        <v>20.963673005277208</v>
      </c>
      <c r="L7533" s="40"/>
      <c r="M7533" s="40"/>
      <c r="N7533" s="40"/>
    </row>
    <row r="7534" spans="4:14" x14ac:dyDescent="0.25">
      <c r="D7534" s="40">
        <v>125.42831700000553</v>
      </c>
      <c r="E7534" s="40">
        <v>21.202438739844769</v>
      </c>
      <c r="F7534" s="40">
        <v>125.41666699999999</v>
      </c>
      <c r="G7534" s="40">
        <v>21.867689249274278</v>
      </c>
      <c r="H7534" s="40">
        <v>125.41666700000002</v>
      </c>
      <c r="I7534" s="40">
        <v>20.963673005277208</v>
      </c>
      <c r="L7534" s="40"/>
      <c r="M7534" s="40"/>
      <c r="N7534" s="40"/>
    </row>
    <row r="7535" spans="4:14" x14ac:dyDescent="0.25">
      <c r="D7535" s="40">
        <v>125.44498300000554</v>
      </c>
      <c r="E7535" s="40">
        <v>21.202438739844769</v>
      </c>
      <c r="F7535" s="40">
        <v>125.433333</v>
      </c>
      <c r="G7535" s="40">
        <v>21.867689249274278</v>
      </c>
      <c r="H7535" s="40">
        <v>125.433334</v>
      </c>
      <c r="I7535" s="40">
        <v>20.967025741420638</v>
      </c>
      <c r="L7535" s="40"/>
      <c r="M7535" s="40"/>
      <c r="N7535" s="40"/>
    </row>
    <row r="7536" spans="4:14" x14ac:dyDescent="0.25">
      <c r="D7536" s="40">
        <v>125.46164900000554</v>
      </c>
      <c r="E7536" s="40">
        <v>21.207139472005196</v>
      </c>
      <c r="F7536" s="40">
        <v>125.44999999999999</v>
      </c>
      <c r="G7536" s="40">
        <v>21.867689249274278</v>
      </c>
      <c r="H7536" s="40">
        <v>125.45000000000002</v>
      </c>
      <c r="I7536" s="40">
        <v>20.967025741420638</v>
      </c>
      <c r="L7536" s="40"/>
      <c r="M7536" s="40"/>
      <c r="N7536" s="40"/>
    </row>
    <row r="7537" spans="4:14" x14ac:dyDescent="0.25">
      <c r="D7537" s="40">
        <v>125.47831500000554</v>
      </c>
      <c r="E7537" s="40">
        <v>21.207139472005196</v>
      </c>
      <c r="F7537" s="40">
        <v>125.466667</v>
      </c>
      <c r="G7537" s="40">
        <v>21.867689249274278</v>
      </c>
      <c r="H7537" s="40">
        <v>125.466667</v>
      </c>
      <c r="I7537" s="40">
        <v>20.970378477563894</v>
      </c>
      <c r="L7537" s="40"/>
      <c r="M7537" s="40"/>
      <c r="N7537" s="40"/>
    </row>
    <row r="7538" spans="4:14" x14ac:dyDescent="0.25">
      <c r="D7538" s="40">
        <v>125.49498100000554</v>
      </c>
      <c r="E7538" s="40">
        <v>21.207139472005196</v>
      </c>
      <c r="F7538" s="40">
        <v>125.48333299999999</v>
      </c>
      <c r="G7538" s="40">
        <v>21.867689249274278</v>
      </c>
      <c r="H7538" s="40">
        <v>125.48333400000001</v>
      </c>
      <c r="I7538" s="40">
        <v>20.970378477563894</v>
      </c>
      <c r="L7538" s="40"/>
      <c r="M7538" s="40"/>
      <c r="N7538" s="40"/>
    </row>
    <row r="7539" spans="4:14" x14ac:dyDescent="0.25">
      <c r="D7539" s="40">
        <v>125.51164700000554</v>
      </c>
      <c r="E7539" s="40">
        <v>21.207139472005196</v>
      </c>
      <c r="F7539" s="40">
        <v>125.5</v>
      </c>
      <c r="G7539" s="40">
        <v>21.867689249274278</v>
      </c>
      <c r="H7539" s="40">
        <v>125.5</v>
      </c>
      <c r="I7539" s="40">
        <v>20.973632603820658</v>
      </c>
      <c r="L7539" s="40"/>
      <c r="M7539" s="40"/>
      <c r="N7539" s="40"/>
    </row>
    <row r="7540" spans="4:14" x14ac:dyDescent="0.25">
      <c r="D7540" s="40">
        <v>125.52831300000554</v>
      </c>
      <c r="E7540" s="40">
        <v>21.211982650594742</v>
      </c>
      <c r="F7540" s="40">
        <v>125.51666699999998</v>
      </c>
      <c r="G7540" s="40">
        <v>21.867689249274278</v>
      </c>
      <c r="H7540" s="40">
        <v>125.51666700000001</v>
      </c>
      <c r="I7540" s="40">
        <v>20.973632603820658</v>
      </c>
      <c r="L7540" s="40"/>
      <c r="M7540" s="40"/>
      <c r="N7540" s="40"/>
    </row>
    <row r="7541" spans="4:14" x14ac:dyDescent="0.25">
      <c r="D7541" s="40">
        <v>125.54497900000554</v>
      </c>
      <c r="E7541" s="40">
        <v>21.211982650594742</v>
      </c>
      <c r="F7541" s="40">
        <v>125.533333</v>
      </c>
      <c r="G7541" s="40">
        <v>21.867689249274278</v>
      </c>
      <c r="H7541" s="40">
        <v>125.533334</v>
      </c>
      <c r="I7541" s="40">
        <v>20.973632603820658</v>
      </c>
      <c r="L7541" s="40"/>
      <c r="M7541" s="40"/>
      <c r="N7541" s="40"/>
    </row>
    <row r="7542" spans="4:14" x14ac:dyDescent="0.25">
      <c r="D7542" s="40">
        <v>125.56164500000554</v>
      </c>
      <c r="E7542" s="40">
        <v>21.216825829184163</v>
      </c>
      <c r="F7542" s="40">
        <v>125.54999999999998</v>
      </c>
      <c r="G7542" s="40">
        <v>21.867689249274278</v>
      </c>
      <c r="H7542" s="40">
        <v>125.55000000000001</v>
      </c>
      <c r="I7542" s="40">
        <v>20.976985339963914</v>
      </c>
      <c r="L7542" s="40"/>
      <c r="M7542" s="40"/>
      <c r="N7542" s="40"/>
    </row>
    <row r="7543" spans="4:14" x14ac:dyDescent="0.25">
      <c r="D7543" s="40">
        <v>125.57831100000554</v>
      </c>
      <c r="E7543" s="40">
        <v>21.216825829184163</v>
      </c>
      <c r="F7543" s="40">
        <v>125.566667</v>
      </c>
      <c r="G7543" s="40">
        <v>21.867689249274278</v>
      </c>
      <c r="H7543" s="40">
        <v>125.566667</v>
      </c>
      <c r="I7543" s="40">
        <v>20.980338076107348</v>
      </c>
      <c r="L7543" s="40"/>
      <c r="M7543" s="40"/>
      <c r="N7543" s="40"/>
    </row>
    <row r="7544" spans="4:14" x14ac:dyDescent="0.25">
      <c r="D7544" s="40">
        <v>125.59497700000554</v>
      </c>
      <c r="E7544" s="40">
        <v>21.216825829184163</v>
      </c>
      <c r="F7544" s="40">
        <v>125.58333299999998</v>
      </c>
      <c r="G7544" s="40">
        <v>21.867689249274278</v>
      </c>
      <c r="H7544" s="40">
        <v>125.58333400000001</v>
      </c>
      <c r="I7544" s="40">
        <v>20.980338076107348</v>
      </c>
      <c r="L7544" s="40"/>
      <c r="M7544" s="40"/>
      <c r="N7544" s="40"/>
    </row>
    <row r="7545" spans="4:14" x14ac:dyDescent="0.25">
      <c r="D7545" s="40">
        <v>125.61164300000554</v>
      </c>
      <c r="E7545" s="40">
        <v>21.216825829184163</v>
      </c>
      <c r="F7545" s="40">
        <v>125.6</v>
      </c>
      <c r="G7545" s="40">
        <v>21.872444493364497</v>
      </c>
      <c r="H7545" s="40">
        <v>125.6</v>
      </c>
      <c r="I7545" s="40">
        <v>20.983592202363937</v>
      </c>
      <c r="L7545" s="40"/>
      <c r="M7545" s="40"/>
      <c r="N7545" s="40"/>
    </row>
    <row r="7546" spans="4:14" x14ac:dyDescent="0.25">
      <c r="D7546" s="40">
        <v>125.62830900000554</v>
      </c>
      <c r="E7546" s="40">
        <v>21.211982650594742</v>
      </c>
      <c r="F7546" s="40">
        <v>125.61666700000001</v>
      </c>
      <c r="G7546" s="40">
        <v>21.872444493364497</v>
      </c>
      <c r="H7546" s="40">
        <v>125.61666700000001</v>
      </c>
      <c r="I7546" s="40">
        <v>20.983592202363937</v>
      </c>
      <c r="L7546" s="40"/>
      <c r="M7546" s="40"/>
      <c r="N7546" s="40"/>
    </row>
    <row r="7547" spans="4:14" x14ac:dyDescent="0.25">
      <c r="D7547" s="40">
        <v>125.64497500000554</v>
      </c>
      <c r="E7547" s="40">
        <v>21.211982650594742</v>
      </c>
      <c r="F7547" s="40">
        <v>125.63333299999999</v>
      </c>
      <c r="G7547" s="40">
        <v>21.872444493364497</v>
      </c>
      <c r="H7547" s="40">
        <v>125.63333400000002</v>
      </c>
      <c r="I7547" s="40">
        <v>20.986944938507371</v>
      </c>
      <c r="L7547" s="40"/>
      <c r="M7547" s="40"/>
      <c r="N7547" s="40"/>
    </row>
    <row r="7548" spans="4:14" x14ac:dyDescent="0.25">
      <c r="D7548" s="40">
        <v>125.66164100000555</v>
      </c>
      <c r="E7548" s="40">
        <v>21.211982650594742</v>
      </c>
      <c r="F7548" s="40">
        <v>125.65</v>
      </c>
      <c r="G7548" s="40">
        <v>21.872444493364497</v>
      </c>
      <c r="H7548" s="40">
        <v>125.65</v>
      </c>
      <c r="I7548" s="40">
        <v>20.986944938507371</v>
      </c>
      <c r="L7548" s="40"/>
      <c r="M7548" s="40"/>
      <c r="N7548" s="40"/>
    </row>
    <row r="7549" spans="4:14" x14ac:dyDescent="0.25">
      <c r="D7549" s="40">
        <v>125.67830700000555</v>
      </c>
      <c r="E7549" s="40">
        <v>21.211982650594742</v>
      </c>
      <c r="F7549" s="40">
        <v>125.66666699999999</v>
      </c>
      <c r="G7549" s="40">
        <v>21.872444493364497</v>
      </c>
      <c r="H7549" s="40">
        <v>125.66666700000002</v>
      </c>
      <c r="I7549" s="40">
        <v>20.990297674650623</v>
      </c>
      <c r="L7549" s="40"/>
      <c r="M7549" s="40"/>
      <c r="N7549" s="40"/>
    </row>
    <row r="7550" spans="4:14" x14ac:dyDescent="0.25">
      <c r="D7550" s="40">
        <v>125.69497300000555</v>
      </c>
      <c r="E7550" s="40">
        <v>21.211982650594742</v>
      </c>
      <c r="F7550" s="40">
        <v>125.683333</v>
      </c>
      <c r="G7550" s="40">
        <v>21.872444493364497</v>
      </c>
      <c r="H7550" s="40">
        <v>125.683334</v>
      </c>
      <c r="I7550" s="40">
        <v>20.990297674650623</v>
      </c>
      <c r="L7550" s="40"/>
      <c r="M7550" s="40"/>
      <c r="N7550" s="40"/>
    </row>
    <row r="7551" spans="4:14" x14ac:dyDescent="0.25">
      <c r="D7551" s="40">
        <v>125.71163900000555</v>
      </c>
      <c r="E7551" s="40">
        <v>21.211982650594742</v>
      </c>
      <c r="F7551" s="40">
        <v>125.69999999999999</v>
      </c>
      <c r="G7551" s="40">
        <v>21.872444493364497</v>
      </c>
      <c r="H7551" s="40">
        <v>125.70000000000002</v>
      </c>
      <c r="I7551" s="40">
        <v>20.993551800907387</v>
      </c>
      <c r="L7551" s="40"/>
      <c r="M7551" s="40"/>
      <c r="N7551" s="40"/>
    </row>
    <row r="7552" spans="4:14" x14ac:dyDescent="0.25">
      <c r="D7552" s="40">
        <v>125.72830500000555</v>
      </c>
      <c r="E7552" s="40">
        <v>21.216825829184163</v>
      </c>
      <c r="F7552" s="40">
        <v>125.716667</v>
      </c>
      <c r="G7552" s="40">
        <v>21.872444493364497</v>
      </c>
      <c r="H7552" s="40">
        <v>125.716667</v>
      </c>
      <c r="I7552" s="40">
        <v>20.993551800907387</v>
      </c>
      <c r="L7552" s="40"/>
      <c r="M7552" s="40"/>
      <c r="N7552" s="40"/>
    </row>
    <row r="7553" spans="4:14" x14ac:dyDescent="0.25">
      <c r="D7553" s="40">
        <v>125.74497100000555</v>
      </c>
      <c r="E7553" s="40">
        <v>21.216825829184163</v>
      </c>
      <c r="F7553" s="40">
        <v>125.73333299999999</v>
      </c>
      <c r="G7553" s="40">
        <v>21.877199737454589</v>
      </c>
      <c r="H7553" s="40">
        <v>125.73333400000001</v>
      </c>
      <c r="I7553" s="40">
        <v>20.996904537050646</v>
      </c>
      <c r="L7553" s="40"/>
      <c r="M7553" s="40"/>
      <c r="N7553" s="40"/>
    </row>
    <row r="7554" spans="4:14" x14ac:dyDescent="0.25">
      <c r="D7554" s="40">
        <v>125.76163700000555</v>
      </c>
      <c r="E7554" s="40">
        <v>21.216825829184163</v>
      </c>
      <c r="F7554" s="40">
        <v>125.75</v>
      </c>
      <c r="G7554" s="40">
        <v>21.877199737454589</v>
      </c>
      <c r="H7554" s="40">
        <v>125.75</v>
      </c>
      <c r="I7554" s="40">
        <v>20.996904537050646</v>
      </c>
      <c r="L7554" s="40"/>
      <c r="M7554" s="40"/>
      <c r="N7554" s="40"/>
    </row>
    <row r="7555" spans="4:14" x14ac:dyDescent="0.25">
      <c r="D7555" s="40">
        <v>125.77830300000555</v>
      </c>
      <c r="E7555" s="40">
        <v>21.221526561344589</v>
      </c>
      <c r="F7555" s="40">
        <v>125.76666699999998</v>
      </c>
      <c r="G7555" s="40">
        <v>21.877199737454589</v>
      </c>
      <c r="H7555" s="40">
        <v>125.76666700000001</v>
      </c>
      <c r="I7555" s="40">
        <v>21.00025727319408</v>
      </c>
      <c r="L7555" s="40"/>
      <c r="M7555" s="40"/>
      <c r="N7555" s="40"/>
    </row>
    <row r="7556" spans="4:14" x14ac:dyDescent="0.25">
      <c r="D7556" s="40">
        <v>125.79496900000555</v>
      </c>
      <c r="E7556" s="40">
        <v>21.221526561344589</v>
      </c>
      <c r="F7556" s="40">
        <v>125.783333</v>
      </c>
      <c r="G7556" s="40">
        <v>21.881815121424491</v>
      </c>
      <c r="H7556" s="40">
        <v>125.783334</v>
      </c>
      <c r="I7556" s="40">
        <v>21.00025727319408</v>
      </c>
      <c r="L7556" s="40"/>
      <c r="M7556" s="40"/>
      <c r="N7556" s="40"/>
    </row>
    <row r="7557" spans="4:14" x14ac:dyDescent="0.25">
      <c r="D7557" s="40">
        <v>125.81163500000555</v>
      </c>
      <c r="E7557" s="40">
        <v>21.221526561344589</v>
      </c>
      <c r="F7557" s="40">
        <v>125.79999999999998</v>
      </c>
      <c r="G7557" s="40">
        <v>21.881815121424491</v>
      </c>
      <c r="H7557" s="40">
        <v>125.80000000000001</v>
      </c>
      <c r="I7557" s="40">
        <v>21.003610009337336</v>
      </c>
      <c r="L7557" s="40"/>
      <c r="M7557" s="40"/>
      <c r="N7557" s="40"/>
    </row>
    <row r="7558" spans="4:14" x14ac:dyDescent="0.25">
      <c r="D7558" s="40">
        <v>125.82830100000555</v>
      </c>
      <c r="E7558" s="40">
        <v>21.221526561344589</v>
      </c>
      <c r="F7558" s="40">
        <v>125.816667</v>
      </c>
      <c r="G7558" s="40">
        <v>21.881815121424491</v>
      </c>
      <c r="H7558" s="40">
        <v>125.816667</v>
      </c>
      <c r="I7558" s="40">
        <v>21.003610009337336</v>
      </c>
      <c r="L7558" s="40"/>
      <c r="M7558" s="40"/>
      <c r="N7558" s="40"/>
    </row>
    <row r="7559" spans="4:14" x14ac:dyDescent="0.25">
      <c r="D7559" s="40">
        <v>125.84496700000555</v>
      </c>
      <c r="E7559" s="40">
        <v>21.221526561344589</v>
      </c>
      <c r="F7559" s="40">
        <v>125.83333299999998</v>
      </c>
      <c r="G7559" s="40">
        <v>21.881815121424491</v>
      </c>
      <c r="H7559" s="40">
        <v>125.83333400000001</v>
      </c>
      <c r="I7559" s="40">
        <v>21.003610009337336</v>
      </c>
      <c r="L7559" s="40"/>
      <c r="M7559" s="40"/>
      <c r="N7559" s="40"/>
    </row>
    <row r="7560" spans="4:14" x14ac:dyDescent="0.25">
      <c r="D7560" s="40">
        <v>125.86163300000555</v>
      </c>
      <c r="E7560" s="40">
        <v>21.221526561344589</v>
      </c>
      <c r="F7560" s="40">
        <v>125.85</v>
      </c>
      <c r="G7560" s="40">
        <v>21.886570365514711</v>
      </c>
      <c r="H7560" s="40">
        <v>125.85</v>
      </c>
      <c r="I7560" s="40">
        <v>21.0068641355941</v>
      </c>
      <c r="L7560" s="40"/>
      <c r="M7560" s="40"/>
      <c r="N7560" s="40"/>
    </row>
    <row r="7561" spans="4:14" x14ac:dyDescent="0.25">
      <c r="D7561" s="40">
        <v>125.87829900000555</v>
      </c>
      <c r="E7561" s="40">
        <v>21.221526561344589</v>
      </c>
      <c r="F7561" s="40">
        <v>125.86666700000001</v>
      </c>
      <c r="G7561" s="40">
        <v>21.886570365514711</v>
      </c>
      <c r="H7561" s="40">
        <v>125.86666700000001</v>
      </c>
      <c r="I7561" s="40">
        <v>21.0068641355941</v>
      </c>
      <c r="L7561" s="40"/>
      <c r="M7561" s="40"/>
      <c r="N7561" s="40"/>
    </row>
    <row r="7562" spans="4:14" x14ac:dyDescent="0.25">
      <c r="D7562" s="40">
        <v>125.89496500000556</v>
      </c>
      <c r="E7562" s="40">
        <v>21.221526561344589</v>
      </c>
      <c r="F7562" s="40">
        <v>125.88333299999999</v>
      </c>
      <c r="G7562" s="40">
        <v>21.886570365514711</v>
      </c>
      <c r="H7562" s="40">
        <v>125.88333400000002</v>
      </c>
      <c r="I7562" s="40">
        <v>21.0068641355941</v>
      </c>
      <c r="L7562" s="40"/>
      <c r="M7562" s="40"/>
      <c r="N7562" s="40"/>
    </row>
    <row r="7563" spans="4:14" x14ac:dyDescent="0.25">
      <c r="D7563" s="40">
        <v>125.91163100000556</v>
      </c>
      <c r="E7563" s="40">
        <v>21.221526561344589</v>
      </c>
      <c r="F7563" s="40">
        <v>125.9</v>
      </c>
      <c r="G7563" s="40">
        <v>21.891325609604806</v>
      </c>
      <c r="H7563" s="40">
        <v>125.9</v>
      </c>
      <c r="I7563" s="40">
        <v>21.010216871737356</v>
      </c>
      <c r="L7563" s="40"/>
      <c r="M7563" s="40"/>
      <c r="N7563" s="40"/>
    </row>
    <row r="7564" spans="4:14" x14ac:dyDescent="0.25">
      <c r="D7564" s="40">
        <v>125.92829700000556</v>
      </c>
      <c r="E7564" s="40">
        <v>21.221526561344589</v>
      </c>
      <c r="F7564" s="40">
        <v>125.91666699999999</v>
      </c>
      <c r="G7564" s="40">
        <v>21.891325609604806</v>
      </c>
      <c r="H7564" s="40">
        <v>125.91666700000002</v>
      </c>
      <c r="I7564" s="40">
        <v>21.010216871737356</v>
      </c>
      <c r="L7564" s="40"/>
      <c r="M7564" s="40"/>
      <c r="N7564" s="40"/>
    </row>
    <row r="7565" spans="4:14" x14ac:dyDescent="0.25">
      <c r="D7565" s="40">
        <v>125.94496300000556</v>
      </c>
      <c r="E7565" s="40">
        <v>21.221526561344589</v>
      </c>
      <c r="F7565" s="40">
        <v>125.933333</v>
      </c>
      <c r="G7565" s="40">
        <v>21.891325609604806</v>
      </c>
      <c r="H7565" s="40">
        <v>125.933334</v>
      </c>
      <c r="I7565" s="40">
        <v>21.013569607880786</v>
      </c>
      <c r="L7565" s="40"/>
      <c r="M7565" s="40"/>
      <c r="N7565" s="40"/>
    </row>
    <row r="7566" spans="4:14" x14ac:dyDescent="0.25">
      <c r="D7566" s="40">
        <v>125.96162900000556</v>
      </c>
      <c r="E7566" s="40">
        <v>21.226369739934135</v>
      </c>
      <c r="F7566" s="40">
        <v>125.94999999999999</v>
      </c>
      <c r="G7566" s="40">
        <v>21.891325609604806</v>
      </c>
      <c r="H7566" s="40">
        <v>125.95000000000002</v>
      </c>
      <c r="I7566" s="40">
        <v>21.013569607880786</v>
      </c>
      <c r="L7566" s="40"/>
      <c r="M7566" s="40"/>
      <c r="N7566" s="40"/>
    </row>
    <row r="7567" spans="4:14" x14ac:dyDescent="0.25">
      <c r="D7567" s="40">
        <v>125.97829500000556</v>
      </c>
      <c r="E7567" s="40">
        <v>21.226369739934135</v>
      </c>
      <c r="F7567" s="40">
        <v>125.966667</v>
      </c>
      <c r="G7567" s="40">
        <v>21.895940993574708</v>
      </c>
      <c r="H7567" s="40">
        <v>125.966667</v>
      </c>
      <c r="I7567" s="40">
        <v>21.016823734137375</v>
      </c>
      <c r="L7567" s="40"/>
      <c r="M7567" s="40"/>
      <c r="N7567" s="40"/>
    </row>
    <row r="7568" spans="4:14" x14ac:dyDescent="0.25">
      <c r="D7568" s="40">
        <v>125.99496100000556</v>
      </c>
      <c r="E7568" s="40">
        <v>21.226369739934135</v>
      </c>
      <c r="F7568" s="40">
        <v>125.98333299999999</v>
      </c>
      <c r="G7568" s="40">
        <v>21.895940993574708</v>
      </c>
      <c r="H7568" s="40">
        <v>125.98333400000001</v>
      </c>
      <c r="I7568" s="40">
        <v>21.016823734137375</v>
      </c>
      <c r="L7568" s="40"/>
      <c r="M7568" s="40"/>
      <c r="N7568" s="40"/>
    </row>
    <row r="7569" spans="4:14" x14ac:dyDescent="0.25">
      <c r="D7569" s="40">
        <v>126.01162700000556</v>
      </c>
      <c r="E7569" s="40">
        <v>21.231212918523557</v>
      </c>
      <c r="F7569" s="40">
        <v>126</v>
      </c>
      <c r="G7569" s="40">
        <v>21.895940993574708</v>
      </c>
      <c r="H7569" s="40">
        <v>126</v>
      </c>
      <c r="I7569" s="40">
        <v>21.016823734137375</v>
      </c>
      <c r="L7569" s="40"/>
      <c r="M7569" s="40"/>
      <c r="N7569" s="40"/>
    </row>
    <row r="7570" spans="4:14" x14ac:dyDescent="0.25">
      <c r="D7570" s="40">
        <v>126.02829300000556</v>
      </c>
      <c r="E7570" s="40">
        <v>21.235913650683983</v>
      </c>
      <c r="F7570" s="40">
        <v>126.01666699999998</v>
      </c>
      <c r="G7570" s="40">
        <v>21.895940993574708</v>
      </c>
      <c r="H7570" s="40">
        <v>126.01666700000001</v>
      </c>
      <c r="I7570" s="40">
        <v>21.016823734137375</v>
      </c>
      <c r="L7570" s="40"/>
      <c r="M7570" s="40"/>
      <c r="N7570" s="40"/>
    </row>
    <row r="7571" spans="4:14" x14ac:dyDescent="0.25">
      <c r="D7571" s="40">
        <v>126.04495900000556</v>
      </c>
      <c r="E7571" s="40">
        <v>21.240756829273536</v>
      </c>
      <c r="F7571" s="40">
        <v>126.033333</v>
      </c>
      <c r="G7571" s="40">
        <v>21.895940993574708</v>
      </c>
      <c r="H7571" s="40">
        <v>126.033334</v>
      </c>
      <c r="I7571" s="40">
        <v>21.020176470280809</v>
      </c>
      <c r="L7571" s="40"/>
      <c r="M7571" s="40"/>
      <c r="N7571" s="40"/>
    </row>
    <row r="7572" spans="4:14" x14ac:dyDescent="0.25">
      <c r="D7572" s="40">
        <v>126.06162500000556</v>
      </c>
      <c r="E7572" s="40">
        <v>21.245600007862958</v>
      </c>
      <c r="F7572" s="40">
        <v>126.04999999999998</v>
      </c>
      <c r="G7572" s="40">
        <v>21.895940993574708</v>
      </c>
      <c r="H7572" s="40">
        <v>126.05000000000001</v>
      </c>
      <c r="I7572" s="40">
        <v>21.020176470280809</v>
      </c>
      <c r="L7572" s="40"/>
      <c r="M7572" s="40"/>
      <c r="N7572" s="40"/>
    </row>
    <row r="7573" spans="4:14" x14ac:dyDescent="0.25">
      <c r="D7573" s="40">
        <v>126.07829100000556</v>
      </c>
      <c r="E7573" s="40">
        <v>21.250300740023384</v>
      </c>
      <c r="F7573" s="40">
        <v>126.066667</v>
      </c>
      <c r="G7573" s="40">
        <v>21.895940993574708</v>
      </c>
      <c r="H7573" s="40">
        <v>126.066667</v>
      </c>
      <c r="I7573" s="40">
        <v>21.023529206424065</v>
      </c>
      <c r="L7573" s="40"/>
      <c r="M7573" s="40"/>
      <c r="N7573" s="40"/>
    </row>
    <row r="7574" spans="4:14" x14ac:dyDescent="0.25">
      <c r="D7574" s="40">
        <v>126.09495700000556</v>
      </c>
      <c r="E7574" s="40">
        <v>21.250300740023384</v>
      </c>
      <c r="F7574" s="40">
        <v>126.08333299999998</v>
      </c>
      <c r="G7574" s="40">
        <v>21.895940993574708</v>
      </c>
      <c r="H7574" s="40">
        <v>126.08333400000001</v>
      </c>
      <c r="I7574" s="40">
        <v>21.023529206424065</v>
      </c>
      <c r="L7574" s="40"/>
      <c r="M7574" s="40"/>
      <c r="N7574" s="40"/>
    </row>
    <row r="7575" spans="4:14" x14ac:dyDescent="0.25">
      <c r="D7575" s="40">
        <v>126.11162300000557</v>
      </c>
      <c r="E7575" s="40">
        <v>21.25514391861293</v>
      </c>
      <c r="F7575" s="40">
        <v>126.1</v>
      </c>
      <c r="G7575" s="40">
        <v>21.900696237664928</v>
      </c>
      <c r="H7575" s="40">
        <v>126.1</v>
      </c>
      <c r="I7575" s="40">
        <v>21.026783332680829</v>
      </c>
      <c r="L7575" s="40"/>
      <c r="M7575" s="40"/>
      <c r="N7575" s="40"/>
    </row>
    <row r="7576" spans="4:14" x14ac:dyDescent="0.25">
      <c r="D7576" s="40">
        <v>126.12828900000557</v>
      </c>
      <c r="E7576" s="40">
        <v>21.250300740023384</v>
      </c>
      <c r="F7576" s="40">
        <v>126.11666700000001</v>
      </c>
      <c r="G7576" s="40">
        <v>21.900696237664928</v>
      </c>
      <c r="H7576" s="40">
        <v>126.11666700000001</v>
      </c>
      <c r="I7576" s="40">
        <v>21.026783332680829</v>
      </c>
      <c r="L7576" s="40"/>
      <c r="M7576" s="40"/>
      <c r="N7576" s="40"/>
    </row>
    <row r="7577" spans="4:14" x14ac:dyDescent="0.25">
      <c r="D7577" s="40">
        <v>126.14495500000557</v>
      </c>
      <c r="E7577" s="40">
        <v>21.250300740023384</v>
      </c>
      <c r="F7577" s="40">
        <v>126.13333299999999</v>
      </c>
      <c r="G7577" s="40">
        <v>21.900696237664928</v>
      </c>
      <c r="H7577" s="40">
        <v>126.13333400000002</v>
      </c>
      <c r="I7577" s="40">
        <v>21.026783332680829</v>
      </c>
      <c r="L7577" s="40"/>
      <c r="M7577" s="40"/>
      <c r="N7577" s="40"/>
    </row>
    <row r="7578" spans="4:14" x14ac:dyDescent="0.25">
      <c r="D7578" s="40">
        <v>126.16162100000557</v>
      </c>
      <c r="E7578" s="40">
        <v>21.245600007862958</v>
      </c>
      <c r="F7578" s="40">
        <v>126.15</v>
      </c>
      <c r="G7578" s="40">
        <v>21.900696237664928</v>
      </c>
      <c r="H7578" s="40">
        <v>126.15</v>
      </c>
      <c r="I7578" s="40">
        <v>21.030136068824088</v>
      </c>
      <c r="L7578" s="40"/>
      <c r="M7578" s="40"/>
      <c r="N7578" s="40"/>
    </row>
    <row r="7579" spans="4:14" x14ac:dyDescent="0.25">
      <c r="D7579" s="40">
        <v>126.17828700000557</v>
      </c>
      <c r="E7579" s="40">
        <v>21.245600007862958</v>
      </c>
      <c r="F7579" s="40">
        <v>126.16666699999999</v>
      </c>
      <c r="G7579" s="40">
        <v>21.900696237664928</v>
      </c>
      <c r="H7579" s="40">
        <v>126.16666700000002</v>
      </c>
      <c r="I7579" s="40">
        <v>21.033488804967519</v>
      </c>
      <c r="L7579" s="40"/>
      <c r="M7579" s="40"/>
      <c r="N7579" s="40"/>
    </row>
    <row r="7580" spans="4:14" x14ac:dyDescent="0.25">
      <c r="D7580" s="40">
        <v>126.19495300000557</v>
      </c>
      <c r="E7580" s="40">
        <v>21.240756829273536</v>
      </c>
      <c r="F7580" s="40">
        <v>126.183333</v>
      </c>
      <c r="G7580" s="40">
        <v>21.900696237664928</v>
      </c>
      <c r="H7580" s="40">
        <v>126.183334</v>
      </c>
      <c r="I7580" s="40">
        <v>21.033488804967519</v>
      </c>
      <c r="L7580" s="40"/>
      <c r="M7580" s="40"/>
      <c r="N7580" s="40"/>
    </row>
    <row r="7581" spans="4:14" x14ac:dyDescent="0.25">
      <c r="D7581" s="40">
        <v>126.21161900000557</v>
      </c>
      <c r="E7581" s="40">
        <v>21.240756829273536</v>
      </c>
      <c r="F7581" s="40">
        <v>126.19999999999999</v>
      </c>
      <c r="G7581" s="40">
        <v>21.900696237664928</v>
      </c>
      <c r="H7581" s="40">
        <v>126.20000000000002</v>
      </c>
      <c r="I7581" s="40">
        <v>21.036742931224282</v>
      </c>
      <c r="L7581" s="40"/>
      <c r="M7581" s="40"/>
      <c r="N7581" s="40"/>
    </row>
    <row r="7582" spans="4:14" x14ac:dyDescent="0.25">
      <c r="D7582" s="40">
        <v>126.22828500000557</v>
      </c>
      <c r="E7582" s="40">
        <v>21.235913650683983</v>
      </c>
      <c r="F7582" s="40">
        <v>126.216667</v>
      </c>
      <c r="G7582" s="40">
        <v>21.900696237664928</v>
      </c>
      <c r="H7582" s="40">
        <v>126.216667</v>
      </c>
      <c r="I7582" s="40">
        <v>21.036742931224282</v>
      </c>
      <c r="L7582" s="40"/>
      <c r="M7582" s="40"/>
      <c r="N7582" s="40"/>
    </row>
    <row r="7583" spans="4:14" x14ac:dyDescent="0.25">
      <c r="D7583" s="40">
        <v>126.24495100000557</v>
      </c>
      <c r="E7583" s="40">
        <v>21.235913650683983</v>
      </c>
      <c r="F7583" s="40">
        <v>126.23333299999999</v>
      </c>
      <c r="G7583" s="40">
        <v>21.900696237664928</v>
      </c>
      <c r="H7583" s="40">
        <v>126.23333400000001</v>
      </c>
      <c r="I7583" s="40">
        <v>21.040095667367538</v>
      </c>
      <c r="L7583" s="40"/>
      <c r="M7583" s="40"/>
      <c r="N7583" s="40"/>
    </row>
    <row r="7584" spans="4:14" x14ac:dyDescent="0.25">
      <c r="D7584" s="40">
        <v>126.26161700000557</v>
      </c>
      <c r="E7584" s="40">
        <v>21.235913650683983</v>
      </c>
      <c r="F7584" s="40">
        <v>126.25</v>
      </c>
      <c r="G7584" s="40">
        <v>21.900696237664928</v>
      </c>
      <c r="H7584" s="40">
        <v>126.25</v>
      </c>
      <c r="I7584" s="40">
        <v>21.040095667367538</v>
      </c>
      <c r="L7584" s="40"/>
      <c r="M7584" s="40"/>
      <c r="N7584" s="40"/>
    </row>
    <row r="7585" spans="4:14" x14ac:dyDescent="0.25">
      <c r="D7585" s="40">
        <v>126.27828300000557</v>
      </c>
      <c r="E7585" s="40">
        <v>21.235913650683983</v>
      </c>
      <c r="F7585" s="40">
        <v>126.26666699999998</v>
      </c>
      <c r="G7585" s="40">
        <v>21.900696237664928</v>
      </c>
      <c r="H7585" s="40">
        <v>126.26666700000001</v>
      </c>
      <c r="I7585" s="40">
        <v>21.043448403510798</v>
      </c>
      <c r="L7585" s="40"/>
      <c r="M7585" s="40"/>
      <c r="N7585" s="40"/>
    </row>
    <row r="7586" spans="4:14" x14ac:dyDescent="0.25">
      <c r="D7586" s="40">
        <v>126.29494900000557</v>
      </c>
      <c r="E7586" s="40">
        <v>21.231212918523557</v>
      </c>
      <c r="F7586" s="40">
        <v>126.283333</v>
      </c>
      <c r="G7586" s="40">
        <v>21.900696237664928</v>
      </c>
      <c r="H7586" s="40">
        <v>126.283334</v>
      </c>
      <c r="I7586" s="40">
        <v>21.043448403510798</v>
      </c>
      <c r="L7586" s="40"/>
      <c r="M7586" s="40"/>
      <c r="N7586" s="40"/>
    </row>
    <row r="7587" spans="4:14" x14ac:dyDescent="0.25">
      <c r="D7587" s="40">
        <v>126.31161500000557</v>
      </c>
      <c r="E7587" s="40">
        <v>21.231212918523557</v>
      </c>
      <c r="F7587" s="40">
        <v>126.29999999999998</v>
      </c>
      <c r="G7587" s="40">
        <v>21.900696237664928</v>
      </c>
      <c r="H7587" s="40">
        <v>126.30000000000001</v>
      </c>
      <c r="I7587" s="40">
        <v>21.046702529767561</v>
      </c>
      <c r="L7587" s="40"/>
      <c r="M7587" s="40"/>
      <c r="N7587" s="40"/>
    </row>
    <row r="7588" spans="4:14" x14ac:dyDescent="0.25">
      <c r="D7588" s="40">
        <v>126.32828100000557</v>
      </c>
      <c r="E7588" s="40">
        <v>21.231212918523557</v>
      </c>
      <c r="F7588" s="40">
        <v>126.316667</v>
      </c>
      <c r="G7588" s="40">
        <v>21.900696237664928</v>
      </c>
      <c r="H7588" s="40">
        <v>126.316667</v>
      </c>
      <c r="I7588" s="40">
        <v>21.050055265910817</v>
      </c>
      <c r="L7588" s="40"/>
      <c r="M7588" s="40"/>
      <c r="N7588" s="40"/>
    </row>
    <row r="7589" spans="4:14" x14ac:dyDescent="0.25">
      <c r="D7589" s="40">
        <v>126.34494700000558</v>
      </c>
      <c r="E7589" s="40">
        <v>21.226369739934135</v>
      </c>
      <c r="F7589" s="40">
        <v>126.33333299999998</v>
      </c>
      <c r="G7589" s="40">
        <v>21.900696237664928</v>
      </c>
      <c r="H7589" s="40">
        <v>126.33333400000001</v>
      </c>
      <c r="I7589" s="40">
        <v>21.050055265910817</v>
      </c>
      <c r="L7589" s="40"/>
      <c r="M7589" s="40"/>
      <c r="N7589" s="40"/>
    </row>
    <row r="7590" spans="4:14" x14ac:dyDescent="0.25">
      <c r="D7590" s="40">
        <v>126.36161300000558</v>
      </c>
      <c r="E7590" s="40">
        <v>21.226369739934135</v>
      </c>
      <c r="F7590" s="40">
        <v>126.35</v>
      </c>
      <c r="G7590" s="40">
        <v>21.900696237664928</v>
      </c>
      <c r="H7590" s="40">
        <v>126.35</v>
      </c>
      <c r="I7590" s="40">
        <v>21.053408002054248</v>
      </c>
      <c r="L7590" s="40"/>
      <c r="M7590" s="40"/>
      <c r="N7590" s="40"/>
    </row>
    <row r="7591" spans="4:14" x14ac:dyDescent="0.25">
      <c r="D7591" s="40">
        <v>126.37827900000558</v>
      </c>
      <c r="E7591" s="40">
        <v>21.226369739934135</v>
      </c>
      <c r="F7591" s="40">
        <v>126.36666700000001</v>
      </c>
      <c r="G7591" s="40">
        <v>21.895940993574708</v>
      </c>
      <c r="H7591" s="40">
        <v>126.36666700000001</v>
      </c>
      <c r="I7591" s="40">
        <v>21.053408002054248</v>
      </c>
      <c r="L7591" s="40"/>
      <c r="M7591" s="40"/>
      <c r="N7591" s="40"/>
    </row>
    <row r="7592" spans="4:14" x14ac:dyDescent="0.25">
      <c r="D7592" s="40">
        <v>126.39494500000558</v>
      </c>
      <c r="E7592" s="40">
        <v>21.221526561344589</v>
      </c>
      <c r="F7592" s="40">
        <v>126.38333299999999</v>
      </c>
      <c r="G7592" s="40">
        <v>21.895940993574708</v>
      </c>
      <c r="H7592" s="40">
        <v>126.38333400000002</v>
      </c>
      <c r="I7592" s="40">
        <v>21.056662128311011</v>
      </c>
      <c r="L7592" s="40"/>
      <c r="M7592" s="40"/>
      <c r="N7592" s="40"/>
    </row>
    <row r="7593" spans="4:14" x14ac:dyDescent="0.25">
      <c r="D7593" s="40">
        <v>126.41161100000558</v>
      </c>
      <c r="E7593" s="40">
        <v>21.221526561344589</v>
      </c>
      <c r="F7593" s="40">
        <v>126.4</v>
      </c>
      <c r="G7593" s="40">
        <v>21.900696237664928</v>
      </c>
      <c r="H7593" s="40">
        <v>126.4</v>
      </c>
      <c r="I7593" s="40">
        <v>21.060014864454267</v>
      </c>
      <c r="L7593" s="40"/>
      <c r="M7593" s="40"/>
      <c r="N7593" s="40"/>
    </row>
    <row r="7594" spans="4:14" x14ac:dyDescent="0.25">
      <c r="D7594" s="40">
        <v>126.42827700000558</v>
      </c>
      <c r="E7594" s="40">
        <v>21.221526561344589</v>
      </c>
      <c r="F7594" s="40">
        <v>126.41666699999999</v>
      </c>
      <c r="G7594" s="40">
        <v>21.900696237664928</v>
      </c>
      <c r="H7594" s="40">
        <v>126.41666700000002</v>
      </c>
      <c r="I7594" s="40">
        <v>21.060014864454267</v>
      </c>
      <c r="L7594" s="40"/>
      <c r="M7594" s="40"/>
      <c r="N7594" s="40"/>
    </row>
    <row r="7595" spans="4:14" x14ac:dyDescent="0.25">
      <c r="D7595" s="40">
        <v>126.44494300000558</v>
      </c>
      <c r="E7595" s="40">
        <v>21.221526561344589</v>
      </c>
      <c r="F7595" s="40">
        <v>126.433333</v>
      </c>
      <c r="G7595" s="40">
        <v>21.900696237664928</v>
      </c>
      <c r="H7595" s="40">
        <v>126.433334</v>
      </c>
      <c r="I7595" s="40">
        <v>21.063367600597527</v>
      </c>
      <c r="L7595" s="40"/>
      <c r="M7595" s="40"/>
      <c r="N7595" s="40"/>
    </row>
    <row r="7596" spans="4:14" x14ac:dyDescent="0.25">
      <c r="D7596" s="40">
        <v>126.46160900000558</v>
      </c>
      <c r="E7596" s="40">
        <v>21.221526561344589</v>
      </c>
      <c r="F7596" s="40">
        <v>126.44999999999999</v>
      </c>
      <c r="G7596" s="40">
        <v>21.900696237664928</v>
      </c>
      <c r="H7596" s="40">
        <v>126.45000000000002</v>
      </c>
      <c r="I7596" s="40">
        <v>21.063367600597527</v>
      </c>
      <c r="L7596" s="40"/>
      <c r="M7596" s="40"/>
      <c r="N7596" s="40"/>
    </row>
    <row r="7597" spans="4:14" x14ac:dyDescent="0.25">
      <c r="D7597" s="40">
        <v>126.47827500000558</v>
      </c>
      <c r="E7597" s="40">
        <v>21.221526561344589</v>
      </c>
      <c r="F7597" s="40">
        <v>126.466667</v>
      </c>
      <c r="G7597" s="40">
        <v>21.900696237664928</v>
      </c>
      <c r="H7597" s="40">
        <v>126.466667</v>
      </c>
      <c r="I7597" s="40">
        <v>21.06662172685429</v>
      </c>
      <c r="L7597" s="40"/>
      <c r="M7597" s="40"/>
      <c r="N7597" s="40"/>
    </row>
    <row r="7598" spans="4:14" x14ac:dyDescent="0.25">
      <c r="D7598" s="40">
        <v>126.49494100000558</v>
      </c>
      <c r="E7598" s="40">
        <v>21.216825829184163</v>
      </c>
      <c r="F7598" s="40">
        <v>126.48333299999999</v>
      </c>
      <c r="G7598" s="40">
        <v>21.900696237664928</v>
      </c>
      <c r="H7598" s="40">
        <v>126.48333400000001</v>
      </c>
      <c r="I7598" s="40">
        <v>21.06997446299772</v>
      </c>
      <c r="L7598" s="40"/>
      <c r="M7598" s="40"/>
      <c r="N7598" s="40"/>
    </row>
    <row r="7599" spans="4:14" x14ac:dyDescent="0.25">
      <c r="D7599" s="40">
        <v>126.51160700000558</v>
      </c>
      <c r="E7599" s="40">
        <v>21.221526561344589</v>
      </c>
      <c r="F7599" s="40">
        <v>126.5</v>
      </c>
      <c r="G7599" s="40">
        <v>21.900696237664928</v>
      </c>
      <c r="H7599" s="40">
        <v>126.5</v>
      </c>
      <c r="I7599" s="40">
        <v>21.06997446299772</v>
      </c>
      <c r="L7599" s="40"/>
      <c r="M7599" s="40"/>
      <c r="N7599" s="40"/>
    </row>
    <row r="7600" spans="4:14" x14ac:dyDescent="0.25">
      <c r="D7600" s="40">
        <v>126.52827300000558</v>
      </c>
      <c r="E7600" s="40">
        <v>21.221526561344589</v>
      </c>
      <c r="F7600" s="40">
        <v>126.51666699999998</v>
      </c>
      <c r="G7600" s="40">
        <v>21.900696237664928</v>
      </c>
      <c r="H7600" s="40">
        <v>126.51666700000001</v>
      </c>
      <c r="I7600" s="40">
        <v>21.073327199140977</v>
      </c>
      <c r="L7600" s="40"/>
      <c r="M7600" s="40"/>
      <c r="N7600" s="40"/>
    </row>
    <row r="7601" spans="4:14" x14ac:dyDescent="0.25">
      <c r="D7601" s="40">
        <v>126.54493900000558</v>
      </c>
      <c r="E7601" s="40">
        <v>21.221526561344589</v>
      </c>
      <c r="F7601" s="40">
        <v>126.533333</v>
      </c>
      <c r="G7601" s="40">
        <v>21.905451481755147</v>
      </c>
      <c r="H7601" s="40">
        <v>126.533334</v>
      </c>
      <c r="I7601" s="40">
        <v>21.073327199140977</v>
      </c>
      <c r="L7601" s="40"/>
      <c r="M7601" s="40"/>
      <c r="N7601" s="40"/>
    </row>
    <row r="7602" spans="4:14" x14ac:dyDescent="0.25">
      <c r="D7602" s="40">
        <v>126.56160500000558</v>
      </c>
      <c r="E7602" s="40">
        <v>21.226369739934135</v>
      </c>
      <c r="F7602" s="40">
        <v>126.54999999999998</v>
      </c>
      <c r="G7602" s="40">
        <v>21.905451481755147</v>
      </c>
      <c r="H7602" s="40">
        <v>126.55000000000001</v>
      </c>
      <c r="I7602" s="40">
        <v>21.073327199140977</v>
      </c>
      <c r="L7602" s="40"/>
      <c r="M7602" s="40"/>
      <c r="N7602" s="40"/>
    </row>
    <row r="7603" spans="4:14" x14ac:dyDescent="0.25">
      <c r="D7603" s="40">
        <v>126.57827100000559</v>
      </c>
      <c r="E7603" s="40">
        <v>21.231212918523557</v>
      </c>
      <c r="F7603" s="40">
        <v>126.566667</v>
      </c>
      <c r="G7603" s="40">
        <v>21.905451481755147</v>
      </c>
      <c r="H7603" s="40">
        <v>126.566667</v>
      </c>
      <c r="I7603" s="40">
        <v>21.07658132539774</v>
      </c>
      <c r="L7603" s="40"/>
      <c r="M7603" s="40"/>
      <c r="N7603" s="40"/>
    </row>
    <row r="7604" spans="4:14" x14ac:dyDescent="0.25">
      <c r="D7604" s="40">
        <v>126.59493700000559</v>
      </c>
      <c r="E7604" s="40">
        <v>21.235913650683983</v>
      </c>
      <c r="F7604" s="40">
        <v>126.58333299999998</v>
      </c>
      <c r="G7604" s="40">
        <v>21.905451481755147</v>
      </c>
      <c r="H7604" s="40">
        <v>126.58333400000001</v>
      </c>
      <c r="I7604" s="40">
        <v>21.07658132539774</v>
      </c>
      <c r="L7604" s="40"/>
      <c r="M7604" s="40"/>
      <c r="N7604" s="40"/>
    </row>
    <row r="7605" spans="4:14" x14ac:dyDescent="0.25">
      <c r="D7605" s="40">
        <v>126.61160300000559</v>
      </c>
      <c r="E7605" s="40">
        <v>21.240756829273536</v>
      </c>
      <c r="F7605" s="40">
        <v>126.6</v>
      </c>
      <c r="G7605" s="40">
        <v>21.905451481755147</v>
      </c>
      <c r="H7605" s="40">
        <v>126.6</v>
      </c>
      <c r="I7605" s="40">
        <v>21.079934061541</v>
      </c>
      <c r="L7605" s="40"/>
      <c r="M7605" s="40"/>
      <c r="N7605" s="40"/>
    </row>
    <row r="7606" spans="4:14" x14ac:dyDescent="0.25">
      <c r="D7606" s="40">
        <v>126.62826900000559</v>
      </c>
      <c r="E7606" s="40">
        <v>21.245600007862958</v>
      </c>
      <c r="F7606" s="40">
        <v>126.61666700000001</v>
      </c>
      <c r="G7606" s="40">
        <v>21.905451481755147</v>
      </c>
      <c r="H7606" s="40">
        <v>126.61666700000001</v>
      </c>
      <c r="I7606" s="40">
        <v>21.079934061541</v>
      </c>
      <c r="L7606" s="40"/>
      <c r="M7606" s="40"/>
      <c r="N7606" s="40"/>
    </row>
    <row r="7607" spans="4:14" x14ac:dyDescent="0.25">
      <c r="D7607" s="40">
        <v>126.64493500000559</v>
      </c>
      <c r="E7607" s="40">
        <v>21.250300740023384</v>
      </c>
      <c r="F7607" s="40">
        <v>126.63333299999999</v>
      </c>
      <c r="G7607" s="40">
        <v>21.905451481755147</v>
      </c>
      <c r="H7607" s="40">
        <v>126.63333400000002</v>
      </c>
      <c r="I7607" s="40">
        <v>21.083286797684256</v>
      </c>
      <c r="L7607" s="40"/>
      <c r="M7607" s="40"/>
      <c r="N7607" s="40"/>
    </row>
    <row r="7608" spans="4:14" x14ac:dyDescent="0.25">
      <c r="D7608" s="40">
        <v>126.66160100000559</v>
      </c>
      <c r="E7608" s="40">
        <v>21.250300740023384</v>
      </c>
      <c r="F7608" s="40">
        <v>126.65</v>
      </c>
      <c r="G7608" s="40">
        <v>21.905451481755147</v>
      </c>
      <c r="H7608" s="40">
        <v>126.65</v>
      </c>
      <c r="I7608" s="40">
        <v>21.083286797684256</v>
      </c>
      <c r="L7608" s="40"/>
      <c r="M7608" s="40"/>
      <c r="N7608" s="40"/>
    </row>
    <row r="7609" spans="4:14" x14ac:dyDescent="0.25">
      <c r="D7609" s="40">
        <v>126.67826700000559</v>
      </c>
      <c r="E7609" s="40">
        <v>21.25514391861293</v>
      </c>
      <c r="F7609" s="40">
        <v>126.66666699999999</v>
      </c>
      <c r="G7609" s="40">
        <v>21.905451481755147</v>
      </c>
      <c r="H7609" s="40">
        <v>126.66666700000002</v>
      </c>
      <c r="I7609" s="40">
        <v>21.086540923941019</v>
      </c>
      <c r="L7609" s="40"/>
      <c r="M7609" s="40"/>
      <c r="N7609" s="40"/>
    </row>
    <row r="7610" spans="4:14" x14ac:dyDescent="0.25">
      <c r="D7610" s="40">
        <v>126.69493300000559</v>
      </c>
      <c r="E7610" s="40">
        <v>21.25514391861293</v>
      </c>
      <c r="F7610" s="40">
        <v>126.683333</v>
      </c>
      <c r="G7610" s="40">
        <v>21.905451481755147</v>
      </c>
      <c r="H7610" s="40">
        <v>126.683334</v>
      </c>
      <c r="I7610" s="40">
        <v>21.086540923941019</v>
      </c>
      <c r="L7610" s="40"/>
      <c r="M7610" s="40"/>
      <c r="N7610" s="40"/>
    </row>
    <row r="7611" spans="4:14" x14ac:dyDescent="0.25">
      <c r="D7611" s="40">
        <v>126.71159900000559</v>
      </c>
      <c r="E7611" s="40">
        <v>21.25514391861293</v>
      </c>
      <c r="F7611" s="40">
        <v>126.69999999999999</v>
      </c>
      <c r="G7611" s="40">
        <v>21.905451481755147</v>
      </c>
      <c r="H7611" s="40">
        <v>126.70000000000002</v>
      </c>
      <c r="I7611" s="40">
        <v>21.089893660084449</v>
      </c>
      <c r="L7611" s="40"/>
      <c r="M7611" s="40"/>
      <c r="N7611" s="40"/>
    </row>
    <row r="7612" spans="4:14" x14ac:dyDescent="0.25">
      <c r="D7612" s="40">
        <v>126.72826500000559</v>
      </c>
      <c r="E7612" s="40">
        <v>21.25514391861293</v>
      </c>
      <c r="F7612" s="40">
        <v>126.716667</v>
      </c>
      <c r="G7612" s="40">
        <v>21.905451481755147</v>
      </c>
      <c r="H7612" s="40">
        <v>126.716667</v>
      </c>
      <c r="I7612" s="40">
        <v>21.089893660084449</v>
      </c>
      <c r="L7612" s="40"/>
      <c r="M7612" s="40"/>
      <c r="N7612" s="40"/>
    </row>
    <row r="7613" spans="4:14" x14ac:dyDescent="0.25">
      <c r="D7613" s="40">
        <v>126.74493100000559</v>
      </c>
      <c r="E7613" s="40">
        <v>21.259987097202352</v>
      </c>
      <c r="F7613" s="40">
        <v>126.73333299999999</v>
      </c>
      <c r="G7613" s="40">
        <v>21.905451481755147</v>
      </c>
      <c r="H7613" s="40">
        <v>126.73333400000001</v>
      </c>
      <c r="I7613" s="40">
        <v>21.093246396227709</v>
      </c>
      <c r="L7613" s="40"/>
      <c r="M7613" s="40"/>
      <c r="N7613" s="40"/>
    </row>
    <row r="7614" spans="4:14" x14ac:dyDescent="0.25">
      <c r="D7614" s="40">
        <v>126.76159700000559</v>
      </c>
      <c r="E7614" s="40">
        <v>21.259987097202352</v>
      </c>
      <c r="F7614" s="40">
        <v>126.75</v>
      </c>
      <c r="G7614" s="40">
        <v>21.910066865724922</v>
      </c>
      <c r="H7614" s="40">
        <v>126.75</v>
      </c>
      <c r="I7614" s="40">
        <v>21.093246396227709</v>
      </c>
      <c r="L7614" s="40"/>
      <c r="M7614" s="40"/>
      <c r="N7614" s="40"/>
    </row>
    <row r="7615" spans="4:14" x14ac:dyDescent="0.25">
      <c r="D7615" s="40">
        <v>126.77826300000559</v>
      </c>
      <c r="E7615" s="40">
        <v>21.259987097202352</v>
      </c>
      <c r="F7615" s="40">
        <v>126.76666699999998</v>
      </c>
      <c r="G7615" s="40">
        <v>21.910066865724922</v>
      </c>
      <c r="H7615" s="40">
        <v>126.76666700000001</v>
      </c>
      <c r="I7615" s="40">
        <v>21.096500522484469</v>
      </c>
      <c r="L7615" s="40"/>
      <c r="M7615" s="40"/>
      <c r="N7615" s="40"/>
    </row>
    <row r="7616" spans="4:14" x14ac:dyDescent="0.25">
      <c r="D7616" s="40">
        <v>126.7949290000056</v>
      </c>
      <c r="E7616" s="40">
        <v>21.264687829362778</v>
      </c>
      <c r="F7616" s="40">
        <v>126.783333</v>
      </c>
      <c r="G7616" s="40">
        <v>21.910066865724922</v>
      </c>
      <c r="H7616" s="40">
        <v>126.783334</v>
      </c>
      <c r="I7616" s="40">
        <v>21.096500522484469</v>
      </c>
      <c r="L7616" s="40"/>
      <c r="M7616" s="40"/>
      <c r="N7616" s="40"/>
    </row>
    <row r="7617" spans="4:14" x14ac:dyDescent="0.25">
      <c r="D7617" s="40">
        <v>126.8115950000056</v>
      </c>
      <c r="E7617" s="40">
        <v>21.264687829362778</v>
      </c>
      <c r="F7617" s="40">
        <v>126.79999999999998</v>
      </c>
      <c r="G7617" s="40">
        <v>21.910066865724922</v>
      </c>
      <c r="H7617" s="40">
        <v>126.80000000000001</v>
      </c>
      <c r="I7617" s="40">
        <v>21.099853258627729</v>
      </c>
      <c r="L7617" s="40"/>
      <c r="M7617" s="40"/>
      <c r="N7617" s="40"/>
    </row>
    <row r="7618" spans="4:14" x14ac:dyDescent="0.25">
      <c r="D7618" s="40">
        <v>126.8282610000056</v>
      </c>
      <c r="E7618" s="40">
        <v>21.264687829362778</v>
      </c>
      <c r="F7618" s="40">
        <v>126.816667</v>
      </c>
      <c r="G7618" s="40">
        <v>21.910066865724922</v>
      </c>
      <c r="H7618" s="40">
        <v>126.816667</v>
      </c>
      <c r="I7618" s="40">
        <v>21.099853258627729</v>
      </c>
      <c r="L7618" s="40"/>
      <c r="M7618" s="40"/>
      <c r="N7618" s="40"/>
    </row>
    <row r="7619" spans="4:14" x14ac:dyDescent="0.25">
      <c r="D7619" s="40">
        <v>126.8449270000056</v>
      </c>
      <c r="E7619" s="40">
        <v>21.259987097202352</v>
      </c>
      <c r="F7619" s="40">
        <v>126.83333299999998</v>
      </c>
      <c r="G7619" s="40">
        <v>21.910066865724922</v>
      </c>
      <c r="H7619" s="40">
        <v>126.83333400000001</v>
      </c>
      <c r="I7619" s="40">
        <v>21.099853258627729</v>
      </c>
      <c r="L7619" s="40"/>
      <c r="M7619" s="40"/>
      <c r="N7619" s="40"/>
    </row>
    <row r="7620" spans="4:14" x14ac:dyDescent="0.25">
      <c r="D7620" s="40">
        <v>126.8615930000056</v>
      </c>
      <c r="E7620" s="40">
        <v>21.259987097202352</v>
      </c>
      <c r="F7620" s="40">
        <v>126.85</v>
      </c>
      <c r="G7620" s="40">
        <v>21.910066865724922</v>
      </c>
      <c r="H7620" s="40">
        <v>126.85</v>
      </c>
      <c r="I7620" s="40">
        <v>21.103205994770985</v>
      </c>
      <c r="L7620" s="40"/>
      <c r="M7620" s="40"/>
      <c r="N7620" s="40"/>
    </row>
    <row r="7621" spans="4:14" x14ac:dyDescent="0.25">
      <c r="D7621" s="40">
        <v>126.8782590000056</v>
      </c>
      <c r="E7621" s="40">
        <v>21.259987097202352</v>
      </c>
      <c r="F7621" s="40">
        <v>126.86666700000001</v>
      </c>
      <c r="G7621" s="40">
        <v>21.910066865724922</v>
      </c>
      <c r="H7621" s="40">
        <v>126.86666700000001</v>
      </c>
      <c r="I7621" s="40">
        <v>21.103205994770985</v>
      </c>
      <c r="L7621" s="40"/>
      <c r="M7621" s="40"/>
      <c r="N7621" s="40"/>
    </row>
    <row r="7622" spans="4:14" x14ac:dyDescent="0.25">
      <c r="D7622" s="40">
        <v>126.8949250000056</v>
      </c>
      <c r="E7622" s="40">
        <v>21.259987097202352</v>
      </c>
      <c r="F7622" s="40">
        <v>126.88333299999999</v>
      </c>
      <c r="G7622" s="40">
        <v>21.910066865724922</v>
      </c>
      <c r="H7622" s="40">
        <v>126.88333400000002</v>
      </c>
      <c r="I7622" s="40">
        <v>21.103205994770985</v>
      </c>
      <c r="L7622" s="40"/>
      <c r="M7622" s="40"/>
      <c r="N7622" s="40"/>
    </row>
    <row r="7623" spans="4:14" x14ac:dyDescent="0.25">
      <c r="D7623" s="40">
        <v>126.9115910000056</v>
      </c>
      <c r="E7623" s="40">
        <v>21.25514391861293</v>
      </c>
      <c r="F7623" s="40">
        <v>126.9</v>
      </c>
      <c r="G7623" s="40">
        <v>21.910066865724922</v>
      </c>
      <c r="H7623" s="40">
        <v>126.9</v>
      </c>
      <c r="I7623" s="40">
        <v>21.106460121027748</v>
      </c>
      <c r="L7623" s="40"/>
      <c r="M7623" s="40"/>
      <c r="N7623" s="40"/>
    </row>
    <row r="7624" spans="4:14" x14ac:dyDescent="0.25">
      <c r="D7624" s="40">
        <v>126.9282570000056</v>
      </c>
      <c r="E7624" s="40">
        <v>21.25514391861293</v>
      </c>
      <c r="F7624" s="40">
        <v>126.91666699999999</v>
      </c>
      <c r="G7624" s="40">
        <v>21.914822109815141</v>
      </c>
      <c r="H7624" s="40">
        <v>126.91666700000002</v>
      </c>
      <c r="I7624" s="40">
        <v>21.106460121027748</v>
      </c>
      <c r="L7624" s="40"/>
      <c r="M7624" s="40"/>
      <c r="N7624" s="40"/>
    </row>
    <row r="7625" spans="4:14" x14ac:dyDescent="0.25">
      <c r="D7625" s="40">
        <v>126.9449230000056</v>
      </c>
      <c r="E7625" s="40">
        <v>21.259987097202352</v>
      </c>
      <c r="F7625" s="40">
        <v>126.933333</v>
      </c>
      <c r="G7625" s="40">
        <v>21.914822109815141</v>
      </c>
      <c r="H7625" s="40">
        <v>126.933334</v>
      </c>
      <c r="I7625" s="40">
        <v>21.109812857171178</v>
      </c>
      <c r="L7625" s="40"/>
      <c r="M7625" s="40"/>
      <c r="N7625" s="40"/>
    </row>
    <row r="7626" spans="4:14" x14ac:dyDescent="0.25">
      <c r="D7626" s="40">
        <v>126.9615890000056</v>
      </c>
      <c r="E7626" s="40">
        <v>21.259987097202352</v>
      </c>
      <c r="F7626" s="40">
        <v>126.94999999999999</v>
      </c>
      <c r="G7626" s="40">
        <v>21.914822109815141</v>
      </c>
      <c r="H7626" s="40">
        <v>126.95000000000002</v>
      </c>
      <c r="I7626" s="40">
        <v>21.109812857171178</v>
      </c>
      <c r="L7626" s="40"/>
      <c r="M7626" s="40"/>
      <c r="N7626" s="40"/>
    </row>
    <row r="7627" spans="4:14" x14ac:dyDescent="0.25">
      <c r="D7627" s="40">
        <v>126.9782550000056</v>
      </c>
      <c r="E7627" s="40">
        <v>21.259987097202352</v>
      </c>
      <c r="F7627" s="40">
        <v>126.966667</v>
      </c>
      <c r="G7627" s="40">
        <v>21.914822109815141</v>
      </c>
      <c r="H7627" s="40">
        <v>126.966667</v>
      </c>
      <c r="I7627" s="40">
        <v>21.113165593314438</v>
      </c>
      <c r="L7627" s="40"/>
      <c r="M7627" s="40"/>
      <c r="N7627" s="40"/>
    </row>
    <row r="7628" spans="4:14" x14ac:dyDescent="0.25">
      <c r="D7628" s="40">
        <v>126.9949210000056</v>
      </c>
      <c r="E7628" s="40">
        <v>21.259987097202352</v>
      </c>
      <c r="F7628" s="40">
        <v>126.98333299999999</v>
      </c>
      <c r="G7628" s="40">
        <v>21.914822109815141</v>
      </c>
      <c r="H7628" s="40">
        <v>126.98333400000001</v>
      </c>
      <c r="I7628" s="40">
        <v>21.113165593314438</v>
      </c>
      <c r="L7628" s="40"/>
      <c r="M7628" s="40"/>
      <c r="N7628" s="40"/>
    </row>
    <row r="7629" spans="4:14" x14ac:dyDescent="0.25">
      <c r="D7629" s="40">
        <v>127.0115870000056</v>
      </c>
      <c r="E7629" s="40">
        <v>21.259987097202352</v>
      </c>
      <c r="F7629" s="40">
        <v>127</v>
      </c>
      <c r="G7629" s="40">
        <v>21.91957735390536</v>
      </c>
      <c r="H7629" s="40">
        <v>127</v>
      </c>
      <c r="I7629" s="40">
        <v>21.113165593314438</v>
      </c>
      <c r="L7629" s="40"/>
      <c r="M7629" s="40"/>
      <c r="N7629" s="40"/>
    </row>
    <row r="7630" spans="4:14" x14ac:dyDescent="0.25">
      <c r="D7630" s="40">
        <v>127.02825300000561</v>
      </c>
      <c r="E7630" s="40">
        <v>21.25514391861293</v>
      </c>
      <c r="F7630" s="40">
        <v>127.01666699999998</v>
      </c>
      <c r="G7630" s="40">
        <v>21.91957735390536</v>
      </c>
      <c r="H7630" s="40">
        <v>127.01666700000001</v>
      </c>
      <c r="I7630" s="40">
        <v>21.116419719571201</v>
      </c>
      <c r="L7630" s="40"/>
      <c r="M7630" s="40"/>
      <c r="N7630" s="40"/>
    </row>
    <row r="7631" spans="4:14" x14ac:dyDescent="0.25">
      <c r="D7631" s="40">
        <v>127.04491900000561</v>
      </c>
      <c r="E7631" s="40">
        <v>21.25514391861293</v>
      </c>
      <c r="F7631" s="40">
        <v>127.033333</v>
      </c>
      <c r="G7631" s="40">
        <v>21.91957735390536</v>
      </c>
      <c r="H7631" s="40">
        <v>127.033334</v>
      </c>
      <c r="I7631" s="40">
        <v>21.116419719571201</v>
      </c>
      <c r="L7631" s="40"/>
      <c r="M7631" s="40"/>
      <c r="N7631" s="40"/>
    </row>
    <row r="7632" spans="4:14" x14ac:dyDescent="0.25">
      <c r="D7632" s="40">
        <v>127.06158500000561</v>
      </c>
      <c r="E7632" s="40">
        <v>21.25514391861293</v>
      </c>
      <c r="F7632" s="40">
        <v>127.04999999999998</v>
      </c>
      <c r="G7632" s="40">
        <v>21.91957735390536</v>
      </c>
      <c r="H7632" s="40">
        <v>127.05000000000001</v>
      </c>
      <c r="I7632" s="40">
        <v>21.116419719571201</v>
      </c>
      <c r="L7632" s="40"/>
      <c r="M7632" s="40"/>
      <c r="N7632" s="40"/>
    </row>
    <row r="7633" spans="4:14" x14ac:dyDescent="0.25">
      <c r="D7633" s="40">
        <v>127.07825100000561</v>
      </c>
      <c r="E7633" s="40">
        <v>21.25514391861293</v>
      </c>
      <c r="F7633" s="40">
        <v>127.066667</v>
      </c>
      <c r="G7633" s="40">
        <v>21.91957735390536</v>
      </c>
      <c r="H7633" s="40">
        <v>127.066667</v>
      </c>
      <c r="I7633" s="40">
        <v>21.119772455714457</v>
      </c>
      <c r="L7633" s="40"/>
      <c r="M7633" s="40"/>
      <c r="N7633" s="40"/>
    </row>
    <row r="7634" spans="4:14" x14ac:dyDescent="0.25">
      <c r="D7634" s="40">
        <v>127.09491700000561</v>
      </c>
      <c r="E7634" s="40">
        <v>21.259987097202352</v>
      </c>
      <c r="F7634" s="40">
        <v>127.08333299999998</v>
      </c>
      <c r="G7634" s="40">
        <v>21.924332597995456</v>
      </c>
      <c r="H7634" s="40">
        <v>127.08333400000001</v>
      </c>
      <c r="I7634" s="40">
        <v>21.119772455714457</v>
      </c>
      <c r="L7634" s="40"/>
      <c r="M7634" s="40"/>
      <c r="N7634" s="40"/>
    </row>
    <row r="7635" spans="4:14" x14ac:dyDescent="0.25">
      <c r="D7635" s="40">
        <v>127.11158300000561</v>
      </c>
      <c r="E7635" s="40">
        <v>21.259987097202352</v>
      </c>
      <c r="F7635" s="40">
        <v>127.1</v>
      </c>
      <c r="G7635" s="40">
        <v>21.924332597995456</v>
      </c>
      <c r="H7635" s="40">
        <v>127.1</v>
      </c>
      <c r="I7635" s="40">
        <v>21.119772455714457</v>
      </c>
      <c r="L7635" s="40"/>
      <c r="M7635" s="40"/>
      <c r="N7635" s="40"/>
    </row>
    <row r="7636" spans="4:14" x14ac:dyDescent="0.25">
      <c r="D7636" s="40">
        <v>127.12824900000561</v>
      </c>
      <c r="E7636" s="40">
        <v>21.264687829362778</v>
      </c>
      <c r="F7636" s="40">
        <v>127.11666700000001</v>
      </c>
      <c r="G7636" s="40">
        <v>21.924332597995456</v>
      </c>
      <c r="H7636" s="40">
        <v>127.11666700000001</v>
      </c>
      <c r="I7636" s="40">
        <v>21.123125191857891</v>
      </c>
      <c r="L7636" s="40"/>
      <c r="M7636" s="40"/>
      <c r="N7636" s="40"/>
    </row>
    <row r="7637" spans="4:14" x14ac:dyDescent="0.25">
      <c r="D7637" s="40">
        <v>127.14491500000561</v>
      </c>
      <c r="E7637" s="40">
        <v>21.264687829362778</v>
      </c>
      <c r="F7637" s="40">
        <v>127.13333299999999</v>
      </c>
      <c r="G7637" s="40">
        <v>21.924332597995456</v>
      </c>
      <c r="H7637" s="40">
        <v>127.13333400000002</v>
      </c>
      <c r="I7637" s="40">
        <v>21.123125191857891</v>
      </c>
      <c r="L7637" s="40"/>
      <c r="M7637" s="40"/>
      <c r="N7637" s="40"/>
    </row>
    <row r="7638" spans="4:14" x14ac:dyDescent="0.25">
      <c r="D7638" s="40">
        <v>127.16158100000561</v>
      </c>
      <c r="E7638" s="40">
        <v>21.269531007952324</v>
      </c>
      <c r="F7638" s="40">
        <v>127.15</v>
      </c>
      <c r="G7638" s="40">
        <v>21.928947981965358</v>
      </c>
      <c r="H7638" s="40">
        <v>127.15</v>
      </c>
      <c r="I7638" s="40">
        <v>21.123125191857891</v>
      </c>
      <c r="L7638" s="40"/>
      <c r="M7638" s="40"/>
      <c r="N7638" s="40"/>
    </row>
    <row r="7639" spans="4:14" x14ac:dyDescent="0.25">
      <c r="D7639" s="40">
        <v>127.17824700000561</v>
      </c>
      <c r="E7639" s="40">
        <v>21.274374186541873</v>
      </c>
      <c r="F7639" s="40">
        <v>127.16666699999999</v>
      </c>
      <c r="G7639" s="40">
        <v>21.928947981965358</v>
      </c>
      <c r="H7639" s="40">
        <v>127.16666700000002</v>
      </c>
      <c r="I7639" s="40">
        <v>21.126477928001151</v>
      </c>
      <c r="L7639" s="40"/>
      <c r="M7639" s="40"/>
      <c r="N7639" s="40"/>
    </row>
    <row r="7640" spans="4:14" x14ac:dyDescent="0.25">
      <c r="D7640" s="40">
        <v>127.19491300000561</v>
      </c>
      <c r="E7640" s="40">
        <v>21.274374186541873</v>
      </c>
      <c r="F7640" s="40">
        <v>127.183333</v>
      </c>
      <c r="G7640" s="40">
        <v>21.928947981965358</v>
      </c>
      <c r="H7640" s="40">
        <v>127.183334</v>
      </c>
      <c r="I7640" s="40">
        <v>21.126477928001151</v>
      </c>
      <c r="L7640" s="40"/>
      <c r="M7640" s="40"/>
      <c r="N7640" s="40"/>
    </row>
    <row r="7641" spans="4:14" x14ac:dyDescent="0.25">
      <c r="D7641" s="40">
        <v>127.21157900000561</v>
      </c>
      <c r="E7641" s="40">
        <v>21.279074918702172</v>
      </c>
      <c r="F7641" s="40">
        <v>127.19999999999999</v>
      </c>
      <c r="G7641" s="40">
        <v>21.928947981965358</v>
      </c>
      <c r="H7641" s="40">
        <v>127.20000000000002</v>
      </c>
      <c r="I7641" s="40">
        <v>21.129732054257911</v>
      </c>
      <c r="L7641" s="40"/>
      <c r="M7641" s="40"/>
      <c r="N7641" s="40"/>
    </row>
    <row r="7642" spans="4:14" x14ac:dyDescent="0.25">
      <c r="D7642" s="40">
        <v>127.22824500000561</v>
      </c>
      <c r="E7642" s="40">
        <v>21.279074918702172</v>
      </c>
      <c r="F7642" s="40">
        <v>127.216667</v>
      </c>
      <c r="G7642" s="40">
        <v>21.928947981965358</v>
      </c>
      <c r="H7642" s="40">
        <v>127.216667</v>
      </c>
      <c r="I7642" s="40">
        <v>21.129732054257911</v>
      </c>
      <c r="L7642" s="40"/>
      <c r="M7642" s="40"/>
      <c r="N7642" s="40"/>
    </row>
    <row r="7643" spans="4:14" x14ac:dyDescent="0.25">
      <c r="D7643" s="40">
        <v>127.24491100000562</v>
      </c>
      <c r="E7643" s="40">
        <v>21.279074918702172</v>
      </c>
      <c r="F7643" s="40">
        <v>127.23333299999999</v>
      </c>
      <c r="G7643" s="40">
        <v>21.928947981965358</v>
      </c>
      <c r="H7643" s="40">
        <v>127.23333400000001</v>
      </c>
      <c r="I7643" s="40">
        <v>21.133084790401167</v>
      </c>
      <c r="L7643" s="40"/>
      <c r="M7643" s="40"/>
      <c r="N7643" s="40"/>
    </row>
    <row r="7644" spans="4:14" x14ac:dyDescent="0.25">
      <c r="D7644" s="40">
        <v>127.26157700000562</v>
      </c>
      <c r="E7644" s="40">
        <v>21.283918097291721</v>
      </c>
      <c r="F7644" s="40">
        <v>127.25</v>
      </c>
      <c r="G7644" s="40">
        <v>21.928947981965358</v>
      </c>
      <c r="H7644" s="40">
        <v>127.25</v>
      </c>
      <c r="I7644" s="40">
        <v>21.133084790401167</v>
      </c>
      <c r="L7644" s="40"/>
      <c r="M7644" s="40"/>
      <c r="N7644" s="40"/>
    </row>
    <row r="7645" spans="4:14" x14ac:dyDescent="0.25">
      <c r="D7645" s="40">
        <v>127.27824300000562</v>
      </c>
      <c r="E7645" s="40">
        <v>21.283918097291721</v>
      </c>
      <c r="F7645" s="40">
        <v>127.26666699999998</v>
      </c>
      <c r="G7645" s="40">
        <v>21.928947981965358</v>
      </c>
      <c r="H7645" s="40">
        <v>127.26666700000001</v>
      </c>
      <c r="I7645" s="40">
        <v>21.136437526544427</v>
      </c>
      <c r="L7645" s="40"/>
      <c r="M7645" s="40"/>
      <c r="N7645" s="40"/>
    </row>
    <row r="7646" spans="4:14" x14ac:dyDescent="0.25">
      <c r="D7646" s="40">
        <v>127.29490900000562</v>
      </c>
      <c r="E7646" s="40">
        <v>21.288761275881271</v>
      </c>
      <c r="F7646" s="40">
        <v>127.283333</v>
      </c>
      <c r="G7646" s="40">
        <v>21.928947981965358</v>
      </c>
      <c r="H7646" s="40">
        <v>127.283334</v>
      </c>
      <c r="I7646" s="40">
        <v>21.139691652801186</v>
      </c>
      <c r="L7646" s="40"/>
      <c r="M7646" s="40"/>
      <c r="N7646" s="40"/>
    </row>
    <row r="7647" spans="4:14" x14ac:dyDescent="0.25">
      <c r="D7647" s="40">
        <v>127.31157500000562</v>
      </c>
      <c r="E7647" s="40">
        <v>21.288761275881271</v>
      </c>
      <c r="F7647" s="40">
        <v>127.29999999999998</v>
      </c>
      <c r="G7647" s="40">
        <v>21.928947981965358</v>
      </c>
      <c r="H7647" s="40">
        <v>127.30000000000001</v>
      </c>
      <c r="I7647" s="40">
        <v>21.14304438894462</v>
      </c>
      <c r="L7647" s="40"/>
      <c r="M7647" s="40"/>
      <c r="N7647" s="40"/>
    </row>
    <row r="7648" spans="4:14" x14ac:dyDescent="0.25">
      <c r="D7648" s="40">
        <v>127.32824100000562</v>
      </c>
      <c r="E7648" s="40">
        <v>21.288761275881271</v>
      </c>
      <c r="F7648" s="40">
        <v>127.316667</v>
      </c>
      <c r="G7648" s="40">
        <v>21.924332597995456</v>
      </c>
      <c r="H7648" s="40">
        <v>127.316667</v>
      </c>
      <c r="I7648" s="40">
        <v>21.14304438894462</v>
      </c>
      <c r="L7648" s="40"/>
      <c r="M7648" s="40"/>
      <c r="N7648" s="40"/>
    </row>
    <row r="7649" spans="4:14" x14ac:dyDescent="0.25">
      <c r="D7649" s="40">
        <v>127.34490700000562</v>
      </c>
      <c r="E7649" s="40">
        <v>21.288761275881271</v>
      </c>
      <c r="F7649" s="40">
        <v>127.33333299999998</v>
      </c>
      <c r="G7649" s="40">
        <v>21.924332597995456</v>
      </c>
      <c r="H7649" s="40">
        <v>127.33333400000001</v>
      </c>
      <c r="I7649" s="40">
        <v>21.14639712508788</v>
      </c>
      <c r="L7649" s="40"/>
      <c r="M7649" s="40"/>
      <c r="N7649" s="40"/>
    </row>
    <row r="7650" spans="4:14" x14ac:dyDescent="0.25">
      <c r="D7650" s="40">
        <v>127.36157300000562</v>
      </c>
      <c r="E7650" s="40">
        <v>21.288761275881271</v>
      </c>
      <c r="F7650" s="40">
        <v>127.35</v>
      </c>
      <c r="G7650" s="40">
        <v>21.924332597995456</v>
      </c>
      <c r="H7650" s="40">
        <v>127.35</v>
      </c>
      <c r="I7650" s="40">
        <v>21.14965125134464</v>
      </c>
      <c r="L7650" s="40"/>
      <c r="M7650" s="40"/>
      <c r="N7650" s="40"/>
    </row>
    <row r="7651" spans="4:14" x14ac:dyDescent="0.25">
      <c r="D7651" s="40">
        <v>127.37823900000562</v>
      </c>
      <c r="E7651" s="40">
        <v>21.288761275881271</v>
      </c>
      <c r="F7651" s="40">
        <v>127.36666700000001</v>
      </c>
      <c r="G7651" s="40">
        <v>21.924332597995456</v>
      </c>
      <c r="H7651" s="40">
        <v>127.36666700000001</v>
      </c>
      <c r="I7651" s="40">
        <v>21.14965125134464</v>
      </c>
      <c r="L7651" s="40"/>
      <c r="M7651" s="40"/>
      <c r="N7651" s="40"/>
    </row>
    <row r="7652" spans="4:14" x14ac:dyDescent="0.25">
      <c r="D7652" s="40">
        <v>127.39490500000562</v>
      </c>
      <c r="E7652" s="40">
        <v>21.288761275881271</v>
      </c>
      <c r="F7652" s="40">
        <v>127.38333299999999</v>
      </c>
      <c r="G7652" s="40">
        <v>21.924332597995456</v>
      </c>
      <c r="H7652" s="40">
        <v>127.38333400000002</v>
      </c>
      <c r="I7652" s="40">
        <v>21.153003987487896</v>
      </c>
      <c r="L7652" s="40"/>
      <c r="M7652" s="40"/>
      <c r="N7652" s="40"/>
    </row>
    <row r="7653" spans="4:14" x14ac:dyDescent="0.25">
      <c r="D7653" s="40">
        <v>127.41157100000562</v>
      </c>
      <c r="E7653" s="40">
        <v>21.288761275881271</v>
      </c>
      <c r="F7653" s="40">
        <v>127.4</v>
      </c>
      <c r="G7653" s="40">
        <v>21.924332597995456</v>
      </c>
      <c r="H7653" s="40">
        <v>127.4</v>
      </c>
      <c r="I7653" s="40">
        <v>21.15635672363133</v>
      </c>
      <c r="L7653" s="40"/>
      <c r="M7653" s="40"/>
      <c r="N7653" s="40"/>
    </row>
    <row r="7654" spans="4:14" x14ac:dyDescent="0.25">
      <c r="D7654" s="40">
        <v>127.42823700000562</v>
      </c>
      <c r="E7654" s="40">
        <v>21.283918097291721</v>
      </c>
      <c r="F7654" s="40">
        <v>127.41666699999999</v>
      </c>
      <c r="G7654" s="40">
        <v>21.924332597995456</v>
      </c>
      <c r="H7654" s="40">
        <v>127.41666700000002</v>
      </c>
      <c r="I7654" s="40">
        <v>21.15635672363133</v>
      </c>
      <c r="L7654" s="40"/>
      <c r="M7654" s="40"/>
      <c r="N7654" s="40"/>
    </row>
    <row r="7655" spans="4:14" x14ac:dyDescent="0.25">
      <c r="D7655" s="40">
        <v>127.44490300000562</v>
      </c>
      <c r="E7655" s="40">
        <v>21.283918097291721</v>
      </c>
      <c r="F7655" s="40">
        <v>127.433333</v>
      </c>
      <c r="G7655" s="40">
        <v>21.924332597995456</v>
      </c>
      <c r="H7655" s="40">
        <v>127.433334</v>
      </c>
      <c r="I7655" s="40">
        <v>21.159610849887919</v>
      </c>
      <c r="L7655" s="40"/>
      <c r="M7655" s="40"/>
      <c r="N7655" s="40"/>
    </row>
    <row r="7656" spans="4:14" x14ac:dyDescent="0.25">
      <c r="D7656" s="40">
        <v>127.46156900000562</v>
      </c>
      <c r="E7656" s="40">
        <v>21.279074918702172</v>
      </c>
      <c r="F7656" s="40">
        <v>127.44999999999999</v>
      </c>
      <c r="G7656" s="40">
        <v>21.924332597995456</v>
      </c>
      <c r="H7656" s="40">
        <v>127.45000000000002</v>
      </c>
      <c r="I7656" s="40">
        <v>21.159610849887919</v>
      </c>
      <c r="L7656" s="40"/>
      <c r="M7656" s="40"/>
      <c r="N7656" s="40"/>
    </row>
    <row r="7657" spans="4:14" x14ac:dyDescent="0.25">
      <c r="D7657" s="40">
        <v>127.47823500000563</v>
      </c>
      <c r="E7657" s="40">
        <v>21.279074918702172</v>
      </c>
      <c r="F7657" s="40">
        <v>127.466667</v>
      </c>
      <c r="G7657" s="40">
        <v>21.924332597995456</v>
      </c>
      <c r="H7657" s="40">
        <v>127.466667</v>
      </c>
      <c r="I7657" s="40">
        <v>21.162963586031353</v>
      </c>
      <c r="L7657" s="40"/>
      <c r="M7657" s="40"/>
      <c r="N7657" s="40"/>
    </row>
    <row r="7658" spans="4:14" x14ac:dyDescent="0.25">
      <c r="D7658" s="40">
        <v>127.49490100000563</v>
      </c>
      <c r="E7658" s="40">
        <v>21.279074918702172</v>
      </c>
      <c r="F7658" s="40">
        <v>127.48333299999999</v>
      </c>
      <c r="G7658" s="40">
        <v>21.924332597995456</v>
      </c>
      <c r="H7658" s="40">
        <v>127.48333400000001</v>
      </c>
      <c r="I7658" s="40">
        <v>21.166316322174609</v>
      </c>
      <c r="L7658" s="40"/>
      <c r="M7658" s="40"/>
      <c r="N7658" s="40"/>
    </row>
    <row r="7659" spans="4:14" x14ac:dyDescent="0.25">
      <c r="D7659" s="40">
        <v>127.51156700000563</v>
      </c>
      <c r="E7659" s="40">
        <v>21.279074918702172</v>
      </c>
      <c r="F7659" s="40">
        <v>127.5</v>
      </c>
      <c r="G7659" s="40">
        <v>21.924332597995456</v>
      </c>
      <c r="H7659" s="40">
        <v>127.5</v>
      </c>
      <c r="I7659" s="40">
        <v>21.166316322174609</v>
      </c>
      <c r="L7659" s="40"/>
      <c r="M7659" s="40"/>
      <c r="N7659" s="40"/>
    </row>
    <row r="7660" spans="4:14" x14ac:dyDescent="0.25">
      <c r="D7660" s="40">
        <v>127.52823300000563</v>
      </c>
      <c r="E7660" s="40">
        <v>21.274374186541873</v>
      </c>
      <c r="F7660" s="40">
        <v>127.51666699999998</v>
      </c>
      <c r="G7660" s="40">
        <v>21.91957735390536</v>
      </c>
      <c r="H7660" s="40">
        <v>127.51666700000001</v>
      </c>
      <c r="I7660" s="40">
        <v>21.169570448431372</v>
      </c>
      <c r="L7660" s="40"/>
      <c r="M7660" s="40"/>
      <c r="N7660" s="40"/>
    </row>
    <row r="7661" spans="4:14" x14ac:dyDescent="0.25">
      <c r="D7661" s="40">
        <v>127.54489900000563</v>
      </c>
      <c r="E7661" s="40">
        <v>21.274374186541873</v>
      </c>
      <c r="F7661" s="40">
        <v>127.533333</v>
      </c>
      <c r="G7661" s="40">
        <v>21.91957735390536</v>
      </c>
      <c r="H7661" s="40">
        <v>127.533334</v>
      </c>
      <c r="I7661" s="40">
        <v>21.172923184574628</v>
      </c>
      <c r="L7661" s="40"/>
      <c r="M7661" s="40"/>
      <c r="N7661" s="40"/>
    </row>
    <row r="7662" spans="4:14" x14ac:dyDescent="0.25">
      <c r="D7662" s="40">
        <v>127.56156500000563</v>
      </c>
      <c r="E7662" s="40">
        <v>21.269531007952324</v>
      </c>
      <c r="F7662" s="40">
        <v>127.54999999999998</v>
      </c>
      <c r="G7662" s="40">
        <v>21.91957735390536</v>
      </c>
      <c r="H7662" s="40">
        <v>127.55000000000001</v>
      </c>
      <c r="I7662" s="40">
        <v>21.176275920718062</v>
      </c>
      <c r="L7662" s="40"/>
      <c r="M7662" s="40"/>
      <c r="N7662" s="40"/>
    </row>
    <row r="7663" spans="4:14" x14ac:dyDescent="0.25">
      <c r="D7663" s="40">
        <v>127.57823100000563</v>
      </c>
      <c r="E7663" s="40">
        <v>21.264687829362778</v>
      </c>
      <c r="F7663" s="40">
        <v>127.566667</v>
      </c>
      <c r="G7663" s="40">
        <v>21.924332597995456</v>
      </c>
      <c r="H7663" s="40">
        <v>127.566667</v>
      </c>
      <c r="I7663" s="40">
        <v>21.176275920718062</v>
      </c>
      <c r="L7663" s="40"/>
      <c r="M7663" s="40"/>
      <c r="N7663" s="40"/>
    </row>
    <row r="7664" spans="4:14" x14ac:dyDescent="0.25">
      <c r="D7664" s="40">
        <v>127.59489700000563</v>
      </c>
      <c r="E7664" s="40">
        <v>21.264687829362778</v>
      </c>
      <c r="F7664" s="40">
        <v>127.58333299999998</v>
      </c>
      <c r="G7664" s="40">
        <v>21.924332597995456</v>
      </c>
      <c r="H7664" s="40">
        <v>127.58333400000001</v>
      </c>
      <c r="I7664" s="40">
        <v>21.179530046974826</v>
      </c>
      <c r="L7664" s="40"/>
      <c r="M7664" s="40"/>
      <c r="N7664" s="40"/>
    </row>
    <row r="7665" spans="4:14" x14ac:dyDescent="0.25">
      <c r="D7665" s="40">
        <v>127.61156300000563</v>
      </c>
      <c r="E7665" s="40">
        <v>21.259987097202352</v>
      </c>
      <c r="F7665" s="40">
        <v>127.6</v>
      </c>
      <c r="G7665" s="40">
        <v>21.924332597995456</v>
      </c>
      <c r="H7665" s="40">
        <v>127.6</v>
      </c>
      <c r="I7665" s="40">
        <v>21.179530046974826</v>
      </c>
      <c r="L7665" s="40"/>
      <c r="M7665" s="40"/>
      <c r="N7665" s="40"/>
    </row>
    <row r="7666" spans="4:14" x14ac:dyDescent="0.25">
      <c r="D7666" s="40">
        <v>127.62822900000563</v>
      </c>
      <c r="E7666" s="40">
        <v>21.25514391861293</v>
      </c>
      <c r="F7666" s="40">
        <v>127.61666700000001</v>
      </c>
      <c r="G7666" s="40">
        <v>21.924332597995456</v>
      </c>
      <c r="H7666" s="40">
        <v>127.61666700000001</v>
      </c>
      <c r="I7666" s="40">
        <v>21.182882783118082</v>
      </c>
      <c r="L7666" s="40"/>
      <c r="M7666" s="40"/>
      <c r="N7666" s="40"/>
    </row>
    <row r="7667" spans="4:14" x14ac:dyDescent="0.25">
      <c r="D7667" s="40">
        <v>127.64489500000563</v>
      </c>
      <c r="E7667" s="40">
        <v>21.25514391861293</v>
      </c>
      <c r="F7667" s="40">
        <v>127.63333299999999</v>
      </c>
      <c r="G7667" s="40">
        <v>21.928947981965358</v>
      </c>
      <c r="H7667" s="40">
        <v>127.63333400000002</v>
      </c>
      <c r="I7667" s="40">
        <v>21.182882783118082</v>
      </c>
      <c r="L7667" s="40"/>
      <c r="M7667" s="40"/>
      <c r="N7667" s="40"/>
    </row>
    <row r="7668" spans="4:14" x14ac:dyDescent="0.25">
      <c r="D7668" s="40">
        <v>127.66156100000563</v>
      </c>
      <c r="E7668" s="40">
        <v>21.25514391861293</v>
      </c>
      <c r="F7668" s="40">
        <v>127.65</v>
      </c>
      <c r="G7668" s="40">
        <v>21.928947981965358</v>
      </c>
      <c r="H7668" s="40">
        <v>127.65</v>
      </c>
      <c r="I7668" s="40">
        <v>21.186235519261338</v>
      </c>
      <c r="L7668" s="40"/>
      <c r="M7668" s="40"/>
      <c r="N7668" s="40"/>
    </row>
    <row r="7669" spans="4:14" x14ac:dyDescent="0.25">
      <c r="D7669" s="40">
        <v>127.67822700000563</v>
      </c>
      <c r="E7669" s="40">
        <v>21.25514391861293</v>
      </c>
      <c r="F7669" s="40">
        <v>127.66666699999999</v>
      </c>
      <c r="G7669" s="40">
        <v>21.928947981965358</v>
      </c>
      <c r="H7669" s="40">
        <v>127.66666700000002</v>
      </c>
      <c r="I7669" s="40">
        <v>21.186235519261338</v>
      </c>
      <c r="L7669" s="40"/>
      <c r="M7669" s="40"/>
      <c r="N7669" s="40"/>
    </row>
    <row r="7670" spans="4:14" x14ac:dyDescent="0.25">
      <c r="D7670" s="40">
        <v>127.69489300000564</v>
      </c>
      <c r="E7670" s="40">
        <v>21.25514391861293</v>
      </c>
      <c r="F7670" s="40">
        <v>127.683333</v>
      </c>
      <c r="G7670" s="40">
        <v>21.928947981965358</v>
      </c>
      <c r="H7670" s="40">
        <v>127.683334</v>
      </c>
      <c r="I7670" s="40">
        <v>21.186235519261338</v>
      </c>
      <c r="L7670" s="40"/>
      <c r="M7670" s="40"/>
      <c r="N7670" s="40"/>
    </row>
    <row r="7671" spans="4:14" x14ac:dyDescent="0.25">
      <c r="D7671" s="40">
        <v>127.71155900000564</v>
      </c>
      <c r="E7671" s="40">
        <v>21.25514391861293</v>
      </c>
      <c r="F7671" s="40">
        <v>127.69999999999999</v>
      </c>
      <c r="G7671" s="40">
        <v>21.928947981965358</v>
      </c>
      <c r="H7671" s="40">
        <v>127.70000000000002</v>
      </c>
      <c r="I7671" s="40">
        <v>21.186235519261338</v>
      </c>
      <c r="L7671" s="40"/>
      <c r="M7671" s="40"/>
      <c r="N7671" s="40"/>
    </row>
    <row r="7672" spans="4:14" x14ac:dyDescent="0.25">
      <c r="D7672" s="40">
        <v>127.72822500000564</v>
      </c>
      <c r="E7672" s="40">
        <v>21.25514391861293</v>
      </c>
      <c r="F7672" s="40">
        <v>127.716667</v>
      </c>
      <c r="G7672" s="40">
        <v>21.933703226055577</v>
      </c>
      <c r="H7672" s="40">
        <v>127.716667</v>
      </c>
      <c r="I7672" s="40">
        <v>21.189489645518101</v>
      </c>
      <c r="L7672" s="40"/>
      <c r="M7672" s="40"/>
      <c r="N7672" s="40"/>
    </row>
    <row r="7673" spans="4:14" x14ac:dyDescent="0.25">
      <c r="D7673" s="40">
        <v>127.74489100000564</v>
      </c>
      <c r="E7673" s="40">
        <v>21.25514391861293</v>
      </c>
      <c r="F7673" s="40">
        <v>127.73333299999999</v>
      </c>
      <c r="G7673" s="40">
        <v>21.933703226055577</v>
      </c>
      <c r="H7673" s="40">
        <v>127.73333400000001</v>
      </c>
      <c r="I7673" s="40">
        <v>21.189489645518101</v>
      </c>
      <c r="L7673" s="40"/>
      <c r="M7673" s="40"/>
      <c r="N7673" s="40"/>
    </row>
    <row r="7674" spans="4:14" x14ac:dyDescent="0.25">
      <c r="D7674" s="40">
        <v>127.76155700000564</v>
      </c>
      <c r="E7674" s="40">
        <v>21.259987097202352</v>
      </c>
      <c r="F7674" s="40">
        <v>127.75</v>
      </c>
      <c r="G7674" s="40">
        <v>21.933703226055577</v>
      </c>
      <c r="H7674" s="40">
        <v>127.75</v>
      </c>
      <c r="I7674" s="40">
        <v>21.189489645518101</v>
      </c>
      <c r="L7674" s="40"/>
      <c r="M7674" s="40"/>
      <c r="N7674" s="40"/>
    </row>
    <row r="7675" spans="4:14" x14ac:dyDescent="0.25">
      <c r="D7675" s="40">
        <v>127.77822300000564</v>
      </c>
      <c r="E7675" s="40">
        <v>21.259987097202352</v>
      </c>
      <c r="F7675" s="40">
        <v>127.76666699999998</v>
      </c>
      <c r="G7675" s="40">
        <v>21.933703226055577</v>
      </c>
      <c r="H7675" s="40">
        <v>127.76666700000001</v>
      </c>
      <c r="I7675" s="40">
        <v>21.192842381661357</v>
      </c>
      <c r="L7675" s="40"/>
      <c r="M7675" s="40"/>
      <c r="N7675" s="40"/>
    </row>
    <row r="7676" spans="4:14" x14ac:dyDescent="0.25">
      <c r="D7676" s="40">
        <v>127.79488900000564</v>
      </c>
      <c r="E7676" s="40">
        <v>21.259987097202352</v>
      </c>
      <c r="F7676" s="40">
        <v>127.783333</v>
      </c>
      <c r="G7676" s="40">
        <v>21.933703226055577</v>
      </c>
      <c r="H7676" s="40">
        <v>127.783334</v>
      </c>
      <c r="I7676" s="40">
        <v>21.192842381661357</v>
      </c>
      <c r="L7676" s="40"/>
      <c r="M7676" s="40"/>
      <c r="N7676" s="40"/>
    </row>
    <row r="7677" spans="4:14" x14ac:dyDescent="0.25">
      <c r="D7677" s="40">
        <v>127.81155500000564</v>
      </c>
      <c r="E7677" s="40">
        <v>21.264687829362778</v>
      </c>
      <c r="F7677" s="40">
        <v>127.79999999999998</v>
      </c>
      <c r="G7677" s="40">
        <v>21.933703226055577</v>
      </c>
      <c r="H7677" s="40">
        <v>127.80000000000001</v>
      </c>
      <c r="I7677" s="40">
        <v>21.196195117804791</v>
      </c>
      <c r="L7677" s="40"/>
      <c r="M7677" s="40"/>
      <c r="N7677" s="40"/>
    </row>
    <row r="7678" spans="4:14" x14ac:dyDescent="0.25">
      <c r="D7678" s="40">
        <v>127.82822100000564</v>
      </c>
      <c r="E7678" s="40">
        <v>21.264687829362778</v>
      </c>
      <c r="F7678" s="40">
        <v>127.816667</v>
      </c>
      <c r="G7678" s="40">
        <v>21.933703226055577</v>
      </c>
      <c r="H7678" s="40">
        <v>127.816667</v>
      </c>
      <c r="I7678" s="40">
        <v>21.196195117804791</v>
      </c>
      <c r="L7678" s="40"/>
      <c r="M7678" s="40"/>
      <c r="N7678" s="40"/>
    </row>
    <row r="7679" spans="4:14" x14ac:dyDescent="0.25">
      <c r="D7679" s="40">
        <v>127.84488700000564</v>
      </c>
      <c r="E7679" s="40">
        <v>21.269531007952324</v>
      </c>
      <c r="F7679" s="40">
        <v>127.83333299999998</v>
      </c>
      <c r="G7679" s="40">
        <v>21.933703226055577</v>
      </c>
      <c r="H7679" s="40">
        <v>127.83333400000001</v>
      </c>
      <c r="I7679" s="40">
        <v>21.196195117804791</v>
      </c>
      <c r="L7679" s="40"/>
      <c r="M7679" s="40"/>
      <c r="N7679" s="40"/>
    </row>
    <row r="7680" spans="4:14" x14ac:dyDescent="0.25">
      <c r="D7680" s="40">
        <v>127.86155300000564</v>
      </c>
      <c r="E7680" s="40">
        <v>21.269531007952324</v>
      </c>
      <c r="F7680" s="40">
        <v>127.85</v>
      </c>
      <c r="G7680" s="40">
        <v>21.933703226055577</v>
      </c>
      <c r="H7680" s="40">
        <v>127.85</v>
      </c>
      <c r="I7680" s="40">
        <v>21.199449244061555</v>
      </c>
      <c r="L7680" s="40"/>
      <c r="M7680" s="40"/>
      <c r="N7680" s="40"/>
    </row>
    <row r="7681" spans="4:14" x14ac:dyDescent="0.25">
      <c r="D7681" s="40">
        <v>127.87821900000564</v>
      </c>
      <c r="E7681" s="40">
        <v>21.269531007952324</v>
      </c>
      <c r="F7681" s="40">
        <v>127.86666700000001</v>
      </c>
      <c r="G7681" s="40">
        <v>21.933703226055577</v>
      </c>
      <c r="H7681" s="40">
        <v>127.86666700000001</v>
      </c>
      <c r="I7681" s="40">
        <v>21.199449244061555</v>
      </c>
      <c r="L7681" s="40"/>
      <c r="M7681" s="40"/>
      <c r="N7681" s="40"/>
    </row>
    <row r="7682" spans="4:14" x14ac:dyDescent="0.25">
      <c r="D7682" s="40">
        <v>127.89488500000564</v>
      </c>
      <c r="E7682" s="40">
        <v>21.269531007952324</v>
      </c>
      <c r="F7682" s="40">
        <v>127.88333299999999</v>
      </c>
      <c r="G7682" s="40">
        <v>21.933703226055577</v>
      </c>
      <c r="H7682" s="40">
        <v>127.88333400000002</v>
      </c>
      <c r="I7682" s="40">
        <v>21.199449244061555</v>
      </c>
      <c r="L7682" s="40"/>
      <c r="M7682" s="40"/>
      <c r="N7682" s="40"/>
    </row>
    <row r="7683" spans="4:14" x14ac:dyDescent="0.25">
      <c r="D7683" s="40">
        <v>127.91155100000564</v>
      </c>
      <c r="E7683" s="40">
        <v>21.269531007952324</v>
      </c>
      <c r="F7683" s="40">
        <v>127.9</v>
      </c>
      <c r="G7683" s="40">
        <v>21.933703226055577</v>
      </c>
      <c r="H7683" s="40">
        <v>127.9</v>
      </c>
      <c r="I7683" s="40">
        <v>21.202801980204811</v>
      </c>
      <c r="L7683" s="40"/>
      <c r="M7683" s="40"/>
      <c r="N7683" s="40"/>
    </row>
    <row r="7684" spans="4:14" x14ac:dyDescent="0.25">
      <c r="D7684" s="40">
        <v>127.92821700000565</v>
      </c>
      <c r="E7684" s="40">
        <v>21.269531007952324</v>
      </c>
      <c r="F7684" s="40">
        <v>127.91666699999999</v>
      </c>
      <c r="G7684" s="40">
        <v>21.933703226055577</v>
      </c>
      <c r="H7684" s="40">
        <v>127.91666700000002</v>
      </c>
      <c r="I7684" s="40">
        <v>21.202801980204811</v>
      </c>
      <c r="L7684" s="40"/>
      <c r="M7684" s="40"/>
      <c r="N7684" s="40"/>
    </row>
    <row r="7685" spans="4:14" x14ac:dyDescent="0.25">
      <c r="D7685" s="40">
        <v>127.94488300000565</v>
      </c>
      <c r="E7685" s="40">
        <v>21.269531007952324</v>
      </c>
      <c r="F7685" s="40">
        <v>127.933333</v>
      </c>
      <c r="G7685" s="40">
        <v>21.933703226055577</v>
      </c>
      <c r="H7685" s="40">
        <v>127.933334</v>
      </c>
      <c r="I7685" s="40">
        <v>21.20615471634807</v>
      </c>
      <c r="L7685" s="40"/>
      <c r="M7685" s="40"/>
      <c r="N7685" s="40"/>
    </row>
    <row r="7686" spans="4:14" x14ac:dyDescent="0.25">
      <c r="D7686" s="40">
        <v>127.96154900000565</v>
      </c>
      <c r="E7686" s="40">
        <v>21.269531007952324</v>
      </c>
      <c r="F7686" s="40">
        <v>127.94999999999999</v>
      </c>
      <c r="G7686" s="40">
        <v>21.933703226055577</v>
      </c>
      <c r="H7686" s="40">
        <v>127.95000000000002</v>
      </c>
      <c r="I7686" s="40">
        <v>21.20615471634807</v>
      </c>
      <c r="L7686" s="40"/>
      <c r="M7686" s="40"/>
      <c r="N7686" s="40"/>
    </row>
    <row r="7687" spans="4:14" x14ac:dyDescent="0.25">
      <c r="D7687" s="40">
        <v>127.97821500000565</v>
      </c>
      <c r="E7687" s="40">
        <v>21.274374186541873</v>
      </c>
      <c r="F7687" s="40">
        <v>127.966667</v>
      </c>
      <c r="G7687" s="40">
        <v>21.933703226055577</v>
      </c>
      <c r="H7687" s="40">
        <v>127.966667</v>
      </c>
      <c r="I7687" s="40">
        <v>21.20615471634807</v>
      </c>
      <c r="L7687" s="40"/>
      <c r="M7687" s="40"/>
      <c r="N7687" s="40"/>
    </row>
    <row r="7688" spans="4:14" x14ac:dyDescent="0.25">
      <c r="D7688" s="40">
        <v>127.99488100000565</v>
      </c>
      <c r="E7688" s="40">
        <v>21.274374186541873</v>
      </c>
      <c r="F7688" s="40">
        <v>127.98333299999999</v>
      </c>
      <c r="G7688" s="40">
        <v>21.928947981965358</v>
      </c>
      <c r="H7688" s="40">
        <v>127.98333400000001</v>
      </c>
      <c r="I7688" s="40">
        <v>21.209408842604834</v>
      </c>
      <c r="L7688" s="40"/>
      <c r="M7688" s="40"/>
      <c r="N7688" s="40"/>
    </row>
    <row r="7689" spans="4:14" x14ac:dyDescent="0.25">
      <c r="D7689" s="40">
        <v>128.01154700000563</v>
      </c>
      <c r="E7689" s="40">
        <v>21.274374186541873</v>
      </c>
      <c r="F7689" s="40">
        <v>128</v>
      </c>
      <c r="G7689" s="40">
        <v>21.928947981965358</v>
      </c>
      <c r="H7689" s="40">
        <v>128</v>
      </c>
      <c r="I7689" s="40">
        <v>21.209408842604834</v>
      </c>
      <c r="L7689" s="40"/>
      <c r="M7689" s="40"/>
      <c r="N7689" s="40"/>
    </row>
    <row r="7690" spans="4:14" x14ac:dyDescent="0.25">
      <c r="D7690" s="40">
        <v>128.02821300000562</v>
      </c>
      <c r="E7690" s="40">
        <v>21.274374186541873</v>
      </c>
      <c r="F7690" s="40">
        <v>128.01666699999998</v>
      </c>
      <c r="G7690" s="40">
        <v>21.928947981965358</v>
      </c>
      <c r="H7690" s="40">
        <v>128.01666700000001</v>
      </c>
      <c r="I7690" s="40">
        <v>21.209408842604834</v>
      </c>
      <c r="L7690" s="40"/>
      <c r="M7690" s="40"/>
      <c r="N7690" s="40"/>
    </row>
    <row r="7691" spans="4:14" x14ac:dyDescent="0.25">
      <c r="D7691" s="40">
        <v>128.04487900000561</v>
      </c>
      <c r="E7691" s="40">
        <v>21.274374186541873</v>
      </c>
      <c r="F7691" s="40">
        <v>128.033333</v>
      </c>
      <c r="G7691" s="40">
        <v>21.928947981965358</v>
      </c>
      <c r="H7691" s="40">
        <v>128.033334</v>
      </c>
      <c r="I7691" s="40">
        <v>21.212761578748264</v>
      </c>
      <c r="L7691" s="40"/>
      <c r="M7691" s="40"/>
      <c r="N7691" s="40"/>
    </row>
    <row r="7692" spans="4:14" x14ac:dyDescent="0.25">
      <c r="D7692" s="40">
        <v>128.06154500000559</v>
      </c>
      <c r="E7692" s="40">
        <v>21.274374186541873</v>
      </c>
      <c r="F7692" s="40">
        <v>128.04999999999998</v>
      </c>
      <c r="G7692" s="40">
        <v>21.928947981965358</v>
      </c>
      <c r="H7692" s="40">
        <v>128.05000000000001</v>
      </c>
      <c r="I7692" s="40">
        <v>21.212761578748264</v>
      </c>
      <c r="L7692" s="40"/>
      <c r="M7692" s="40"/>
      <c r="N7692" s="40"/>
    </row>
    <row r="7693" spans="4:14" x14ac:dyDescent="0.25">
      <c r="D7693" s="40">
        <v>128.07821100000558</v>
      </c>
      <c r="E7693" s="40">
        <v>21.269531007952324</v>
      </c>
      <c r="F7693" s="40">
        <v>128.066667</v>
      </c>
      <c r="G7693" s="40">
        <v>21.928947981965358</v>
      </c>
      <c r="H7693" s="40">
        <v>128.066667</v>
      </c>
      <c r="I7693" s="40">
        <v>21.21611431489152</v>
      </c>
      <c r="L7693" s="40"/>
      <c r="M7693" s="40"/>
      <c r="N7693" s="40"/>
    </row>
    <row r="7694" spans="4:14" x14ac:dyDescent="0.25">
      <c r="D7694" s="40">
        <v>128.09487700000557</v>
      </c>
      <c r="E7694" s="40">
        <v>21.269531007952324</v>
      </c>
      <c r="F7694" s="40">
        <v>128.08333299999998</v>
      </c>
      <c r="G7694" s="40">
        <v>21.928947981965358</v>
      </c>
      <c r="H7694" s="40">
        <v>128.08333400000001</v>
      </c>
      <c r="I7694" s="40">
        <v>21.21611431489152</v>
      </c>
      <c r="L7694" s="40"/>
      <c r="M7694" s="40"/>
      <c r="N7694" s="40"/>
    </row>
    <row r="7695" spans="4:14" x14ac:dyDescent="0.25">
      <c r="D7695" s="40">
        <v>128.11154300000555</v>
      </c>
      <c r="E7695" s="40">
        <v>21.269531007952324</v>
      </c>
      <c r="F7695" s="40">
        <v>128.1</v>
      </c>
      <c r="G7695" s="40">
        <v>21.928947981965358</v>
      </c>
      <c r="H7695" s="40">
        <v>128.1</v>
      </c>
      <c r="I7695" s="40">
        <v>21.219368441148283</v>
      </c>
      <c r="L7695" s="40"/>
      <c r="M7695" s="40"/>
      <c r="N7695" s="40"/>
    </row>
    <row r="7696" spans="4:14" x14ac:dyDescent="0.25">
      <c r="D7696" s="40">
        <v>128.12820900000554</v>
      </c>
      <c r="E7696" s="40">
        <v>21.264687829362778</v>
      </c>
      <c r="F7696" s="40">
        <v>128.11666700000001</v>
      </c>
      <c r="G7696" s="40">
        <v>21.928947981965358</v>
      </c>
      <c r="H7696" s="40">
        <v>128.11666700000001</v>
      </c>
      <c r="I7696" s="40">
        <v>21.219368441148283</v>
      </c>
      <c r="L7696" s="40"/>
      <c r="M7696" s="40"/>
      <c r="N7696" s="40"/>
    </row>
    <row r="7697" spans="4:14" x14ac:dyDescent="0.25">
      <c r="D7697" s="40">
        <v>128.14487500000553</v>
      </c>
      <c r="E7697" s="40">
        <v>21.264687829362778</v>
      </c>
      <c r="F7697" s="40">
        <v>128.13333299999999</v>
      </c>
      <c r="G7697" s="40">
        <v>21.928947981965358</v>
      </c>
      <c r="H7697" s="40">
        <v>128.13333400000002</v>
      </c>
      <c r="I7697" s="40">
        <v>21.222721177291543</v>
      </c>
      <c r="L7697" s="40"/>
      <c r="M7697" s="40"/>
      <c r="N7697" s="40"/>
    </row>
    <row r="7698" spans="4:14" x14ac:dyDescent="0.25">
      <c r="D7698" s="40">
        <v>128.16154100000551</v>
      </c>
      <c r="E7698" s="40">
        <v>21.259987097202352</v>
      </c>
      <c r="F7698" s="40">
        <v>128.15</v>
      </c>
      <c r="G7698" s="40">
        <v>21.933703226055577</v>
      </c>
      <c r="H7698" s="40">
        <v>128.15</v>
      </c>
      <c r="I7698" s="40">
        <v>21.222721177291543</v>
      </c>
      <c r="L7698" s="40"/>
      <c r="M7698" s="40"/>
      <c r="N7698" s="40"/>
    </row>
    <row r="7699" spans="4:14" x14ac:dyDescent="0.25">
      <c r="D7699" s="40">
        <v>128.1782070000055</v>
      </c>
      <c r="E7699" s="40">
        <v>21.25514391861293</v>
      </c>
      <c r="F7699" s="40">
        <v>128.16666699999999</v>
      </c>
      <c r="G7699" s="40">
        <v>21.933703226055577</v>
      </c>
      <c r="H7699" s="40">
        <v>128.16666700000002</v>
      </c>
      <c r="I7699" s="40">
        <v>21.222721177291543</v>
      </c>
      <c r="L7699" s="40"/>
      <c r="M7699" s="40"/>
      <c r="N7699" s="40"/>
    </row>
    <row r="7700" spans="4:14" x14ac:dyDescent="0.25">
      <c r="D7700" s="40">
        <v>128.19487300000549</v>
      </c>
      <c r="E7700" s="40">
        <v>21.250300740023384</v>
      </c>
      <c r="F7700" s="40">
        <v>128.183333</v>
      </c>
      <c r="G7700" s="40">
        <v>21.933703226055577</v>
      </c>
      <c r="H7700" s="40">
        <v>128.183334</v>
      </c>
      <c r="I7700" s="40">
        <v>21.226073913434799</v>
      </c>
      <c r="L7700" s="40"/>
      <c r="M7700" s="40"/>
      <c r="N7700" s="40"/>
    </row>
    <row r="7701" spans="4:14" x14ac:dyDescent="0.25">
      <c r="D7701" s="40">
        <v>128.21153900000547</v>
      </c>
      <c r="E7701" s="40">
        <v>21.250300740023384</v>
      </c>
      <c r="F7701" s="40">
        <v>128.19999999999999</v>
      </c>
      <c r="G7701" s="40">
        <v>21.933703226055577</v>
      </c>
      <c r="H7701" s="40">
        <v>128.20000000000002</v>
      </c>
      <c r="I7701" s="40">
        <v>21.226073913434799</v>
      </c>
      <c r="L7701" s="40"/>
      <c r="M7701" s="40"/>
      <c r="N7701" s="40"/>
    </row>
    <row r="7702" spans="4:14" x14ac:dyDescent="0.25">
      <c r="D7702" s="40">
        <v>128.22820500000546</v>
      </c>
      <c r="E7702" s="40">
        <v>21.245600007862958</v>
      </c>
      <c r="F7702" s="40">
        <v>128.216667</v>
      </c>
      <c r="G7702" s="40">
        <v>21.938458470145669</v>
      </c>
      <c r="H7702" s="40">
        <v>128.216667</v>
      </c>
      <c r="I7702" s="40">
        <v>21.229328039691563</v>
      </c>
      <c r="L7702" s="40"/>
      <c r="M7702" s="40"/>
      <c r="N7702" s="40"/>
    </row>
    <row r="7703" spans="4:14" x14ac:dyDescent="0.25">
      <c r="D7703" s="40">
        <v>128.24487100000545</v>
      </c>
      <c r="E7703" s="40">
        <v>21.245600007862958</v>
      </c>
      <c r="F7703" s="40">
        <v>128.23333299999999</v>
      </c>
      <c r="G7703" s="40">
        <v>21.938458470145669</v>
      </c>
      <c r="H7703" s="40">
        <v>128.23333400000001</v>
      </c>
      <c r="I7703" s="40">
        <v>21.229328039691563</v>
      </c>
      <c r="L7703" s="40"/>
      <c r="M7703" s="40"/>
      <c r="N7703" s="40"/>
    </row>
    <row r="7704" spans="4:14" x14ac:dyDescent="0.25">
      <c r="D7704" s="40">
        <v>128.26153700000543</v>
      </c>
      <c r="E7704" s="40">
        <v>21.245600007862958</v>
      </c>
      <c r="F7704" s="40">
        <v>128.25</v>
      </c>
      <c r="G7704" s="40">
        <v>21.938458470145669</v>
      </c>
      <c r="H7704" s="40">
        <v>128.25</v>
      </c>
      <c r="I7704" s="40">
        <v>21.232680775834993</v>
      </c>
      <c r="L7704" s="40"/>
      <c r="M7704" s="40"/>
      <c r="N7704" s="40"/>
    </row>
    <row r="7705" spans="4:14" x14ac:dyDescent="0.25">
      <c r="D7705" s="40">
        <v>128.27820300000542</v>
      </c>
      <c r="E7705" s="40">
        <v>21.245600007862958</v>
      </c>
      <c r="F7705" s="40">
        <v>128.26666699999998</v>
      </c>
      <c r="G7705" s="40">
        <v>21.938458470145669</v>
      </c>
      <c r="H7705" s="40">
        <v>128.26666700000001</v>
      </c>
      <c r="I7705" s="40">
        <v>21.232680775834993</v>
      </c>
      <c r="L7705" s="40"/>
      <c r="M7705" s="40"/>
      <c r="N7705" s="40"/>
    </row>
    <row r="7706" spans="4:14" x14ac:dyDescent="0.25">
      <c r="D7706" s="40">
        <v>128.29486900000541</v>
      </c>
      <c r="E7706" s="40">
        <v>21.245600007862958</v>
      </c>
      <c r="F7706" s="40">
        <v>128.283333</v>
      </c>
      <c r="G7706" s="40">
        <v>21.938458470145669</v>
      </c>
      <c r="H7706" s="40">
        <v>128.283334</v>
      </c>
      <c r="I7706" s="40">
        <v>21.236033511978249</v>
      </c>
      <c r="L7706" s="40"/>
      <c r="M7706" s="40"/>
      <c r="N7706" s="40"/>
    </row>
    <row r="7707" spans="4:14" x14ac:dyDescent="0.25">
      <c r="D7707" s="40">
        <v>128.31153500000539</v>
      </c>
      <c r="E7707" s="40">
        <v>21.245600007862958</v>
      </c>
      <c r="F7707" s="40">
        <v>128.29999999999998</v>
      </c>
      <c r="G7707" s="40">
        <v>21.943073854115571</v>
      </c>
      <c r="H7707" s="40">
        <v>128.30000000000001</v>
      </c>
      <c r="I7707" s="40">
        <v>21.236033511978249</v>
      </c>
      <c r="L7707" s="40"/>
      <c r="M7707" s="40"/>
      <c r="N7707" s="40"/>
    </row>
    <row r="7708" spans="4:14" x14ac:dyDescent="0.25">
      <c r="D7708" s="40">
        <v>128.32820100000538</v>
      </c>
      <c r="E7708" s="40">
        <v>21.245600007862958</v>
      </c>
      <c r="F7708" s="40">
        <v>128.316667</v>
      </c>
      <c r="G7708" s="40">
        <v>21.943073854115571</v>
      </c>
      <c r="H7708" s="40">
        <v>128.316667</v>
      </c>
      <c r="I7708" s="40">
        <v>21.239287638235012</v>
      </c>
      <c r="L7708" s="40"/>
      <c r="M7708" s="40"/>
      <c r="N7708" s="40"/>
    </row>
    <row r="7709" spans="4:14" x14ac:dyDescent="0.25">
      <c r="D7709" s="40">
        <v>128.34486700000537</v>
      </c>
      <c r="E7709" s="40">
        <v>21.240756829273536</v>
      </c>
      <c r="F7709" s="40">
        <v>128.33333299999998</v>
      </c>
      <c r="G7709" s="40">
        <v>21.943073854115571</v>
      </c>
      <c r="H7709" s="40">
        <v>128.33333400000001</v>
      </c>
      <c r="I7709" s="40">
        <v>21.239287638235012</v>
      </c>
      <c r="L7709" s="40"/>
      <c r="M7709" s="40"/>
      <c r="N7709" s="40"/>
    </row>
    <row r="7710" spans="4:14" x14ac:dyDescent="0.25">
      <c r="D7710" s="40">
        <v>128.36153300000535</v>
      </c>
      <c r="E7710" s="40">
        <v>21.245600007862958</v>
      </c>
      <c r="F7710" s="40">
        <v>128.35</v>
      </c>
      <c r="G7710" s="40">
        <v>21.943073854115571</v>
      </c>
      <c r="H7710" s="40">
        <v>128.35</v>
      </c>
      <c r="I7710" s="40">
        <v>21.242640374378272</v>
      </c>
      <c r="L7710" s="40"/>
      <c r="M7710" s="40"/>
      <c r="N7710" s="40"/>
    </row>
    <row r="7711" spans="4:14" x14ac:dyDescent="0.25">
      <c r="D7711" s="40">
        <v>128.37819900000534</v>
      </c>
      <c r="E7711" s="40">
        <v>21.245600007862958</v>
      </c>
      <c r="F7711" s="40">
        <v>128.36666700000001</v>
      </c>
      <c r="G7711" s="40">
        <v>21.943073854115571</v>
      </c>
      <c r="H7711" s="40">
        <v>128.36666700000001</v>
      </c>
      <c r="I7711" s="40">
        <v>21.242640374378272</v>
      </c>
      <c r="L7711" s="40"/>
      <c r="M7711" s="40"/>
      <c r="N7711" s="40"/>
    </row>
    <row r="7712" spans="4:14" x14ac:dyDescent="0.25">
      <c r="D7712" s="40">
        <v>128.39486500000532</v>
      </c>
      <c r="E7712" s="40">
        <v>21.250300740023384</v>
      </c>
      <c r="F7712" s="40">
        <v>128.38333299999999</v>
      </c>
      <c r="G7712" s="40">
        <v>21.943073854115571</v>
      </c>
      <c r="H7712" s="40">
        <v>128.38333400000002</v>
      </c>
      <c r="I7712" s="40">
        <v>21.245993110521702</v>
      </c>
      <c r="L7712" s="40"/>
      <c r="M7712" s="40"/>
      <c r="N7712" s="40"/>
    </row>
    <row r="7713" spans="4:14" x14ac:dyDescent="0.25">
      <c r="D7713" s="40">
        <v>128.41153100000531</v>
      </c>
      <c r="E7713" s="40">
        <v>21.250300740023384</v>
      </c>
      <c r="F7713" s="40">
        <v>128.4</v>
      </c>
      <c r="G7713" s="40">
        <v>21.943073854115571</v>
      </c>
      <c r="H7713" s="40">
        <v>128.4</v>
      </c>
      <c r="I7713" s="40">
        <v>21.245993110521702</v>
      </c>
      <c r="L7713" s="40"/>
      <c r="M7713" s="40"/>
      <c r="N7713" s="40"/>
    </row>
    <row r="7714" spans="4:14" x14ac:dyDescent="0.25">
      <c r="D7714" s="40">
        <v>128.4281970000053</v>
      </c>
      <c r="E7714" s="40">
        <v>21.25514391861293</v>
      </c>
      <c r="F7714" s="40">
        <v>128.41666699999999</v>
      </c>
      <c r="G7714" s="40">
        <v>21.947829098205791</v>
      </c>
      <c r="H7714" s="40">
        <v>128.41666700000002</v>
      </c>
      <c r="I7714" s="40">
        <v>21.249247236778292</v>
      </c>
      <c r="L7714" s="40"/>
      <c r="M7714" s="40"/>
      <c r="N7714" s="40"/>
    </row>
    <row r="7715" spans="4:14" x14ac:dyDescent="0.25">
      <c r="D7715" s="40">
        <v>128.44486300000528</v>
      </c>
      <c r="E7715" s="40">
        <v>21.25514391861293</v>
      </c>
      <c r="F7715" s="40">
        <v>128.433333</v>
      </c>
      <c r="G7715" s="40">
        <v>21.947829098205791</v>
      </c>
      <c r="H7715" s="40">
        <v>128.433334</v>
      </c>
      <c r="I7715" s="40">
        <v>21.252599972921722</v>
      </c>
      <c r="L7715" s="40"/>
      <c r="M7715" s="40"/>
      <c r="N7715" s="40"/>
    </row>
    <row r="7716" spans="4:14" x14ac:dyDescent="0.25">
      <c r="D7716" s="40">
        <v>128.46152900000527</v>
      </c>
      <c r="E7716" s="40">
        <v>21.259987097202352</v>
      </c>
      <c r="F7716" s="40">
        <v>128.44999999999999</v>
      </c>
      <c r="G7716" s="40">
        <v>21.947829098205791</v>
      </c>
      <c r="H7716" s="40">
        <v>128.45000000000002</v>
      </c>
      <c r="I7716" s="40">
        <v>21.252599972921722</v>
      </c>
      <c r="L7716" s="40"/>
      <c r="M7716" s="40"/>
      <c r="N7716" s="40"/>
    </row>
    <row r="7717" spans="4:14" x14ac:dyDescent="0.25">
      <c r="D7717" s="40">
        <v>128.47819500000526</v>
      </c>
      <c r="E7717" s="40">
        <v>21.259987097202352</v>
      </c>
      <c r="F7717" s="40">
        <v>128.466667</v>
      </c>
      <c r="G7717" s="40">
        <v>21.947829098205791</v>
      </c>
      <c r="H7717" s="40">
        <v>128.466667</v>
      </c>
      <c r="I7717" s="40">
        <v>21.255952709064982</v>
      </c>
      <c r="L7717" s="40"/>
      <c r="M7717" s="40"/>
      <c r="N7717" s="40"/>
    </row>
    <row r="7718" spans="4:14" x14ac:dyDescent="0.25">
      <c r="D7718" s="40">
        <v>128.49486100000524</v>
      </c>
      <c r="E7718" s="40">
        <v>21.264687829362778</v>
      </c>
      <c r="F7718" s="40">
        <v>128.48333299999999</v>
      </c>
      <c r="G7718" s="40">
        <v>21.947829098205791</v>
      </c>
      <c r="H7718" s="40">
        <v>128.48333400000001</v>
      </c>
      <c r="I7718" s="40">
        <v>21.255952709064982</v>
      </c>
      <c r="L7718" s="40"/>
      <c r="M7718" s="40"/>
      <c r="N7718" s="40"/>
    </row>
    <row r="7719" spans="4:14" x14ac:dyDescent="0.25">
      <c r="D7719" s="40">
        <v>128.51152700000523</v>
      </c>
      <c r="E7719" s="40">
        <v>21.269531007952324</v>
      </c>
      <c r="F7719" s="40">
        <v>128.5</v>
      </c>
      <c r="G7719" s="40">
        <v>21.947829098205791</v>
      </c>
      <c r="H7719" s="40">
        <v>128.5</v>
      </c>
      <c r="I7719" s="40">
        <v>21.259305445208238</v>
      </c>
      <c r="L7719" s="40"/>
      <c r="M7719" s="40"/>
      <c r="N7719" s="40"/>
    </row>
    <row r="7720" spans="4:14" x14ac:dyDescent="0.25">
      <c r="D7720" s="40">
        <v>128.52819300000522</v>
      </c>
      <c r="E7720" s="40">
        <v>21.274374186541873</v>
      </c>
      <c r="F7720" s="40">
        <v>128.51666699999998</v>
      </c>
      <c r="G7720" s="40">
        <v>21.947829098205791</v>
      </c>
      <c r="H7720" s="40">
        <v>128.51666700000001</v>
      </c>
      <c r="I7720" s="40">
        <v>21.259305445208238</v>
      </c>
      <c r="L7720" s="40"/>
      <c r="M7720" s="40"/>
      <c r="N7720" s="40"/>
    </row>
    <row r="7721" spans="4:14" x14ac:dyDescent="0.25">
      <c r="D7721" s="40">
        <v>128.5448590000052</v>
      </c>
      <c r="E7721" s="40">
        <v>21.274374186541873</v>
      </c>
      <c r="F7721" s="40">
        <v>128.533333</v>
      </c>
      <c r="G7721" s="40">
        <v>21.947829098205791</v>
      </c>
      <c r="H7721" s="40">
        <v>128.533334</v>
      </c>
      <c r="I7721" s="40">
        <v>21.259305445208238</v>
      </c>
      <c r="L7721" s="40"/>
      <c r="M7721" s="40"/>
      <c r="N7721" s="40"/>
    </row>
    <row r="7722" spans="4:14" x14ac:dyDescent="0.25">
      <c r="D7722" s="40">
        <v>128.56152500000519</v>
      </c>
      <c r="E7722" s="40">
        <v>21.279074918702172</v>
      </c>
      <c r="F7722" s="40">
        <v>128.54999999999998</v>
      </c>
      <c r="G7722" s="40">
        <v>21.947829098205791</v>
      </c>
      <c r="H7722" s="40">
        <v>128.55000000000001</v>
      </c>
      <c r="I7722" s="40">
        <v>21.262559571465001</v>
      </c>
      <c r="L7722" s="40"/>
      <c r="M7722" s="40"/>
      <c r="N7722" s="40"/>
    </row>
    <row r="7723" spans="4:14" x14ac:dyDescent="0.25">
      <c r="D7723" s="40">
        <v>128.57819100000518</v>
      </c>
      <c r="E7723" s="40">
        <v>21.279074918702172</v>
      </c>
      <c r="F7723" s="40">
        <v>128.566667</v>
      </c>
      <c r="G7723" s="40">
        <v>21.947829098205791</v>
      </c>
      <c r="H7723" s="40">
        <v>128.566667</v>
      </c>
      <c r="I7723" s="40">
        <v>21.265912307608435</v>
      </c>
      <c r="L7723" s="40"/>
      <c r="M7723" s="40"/>
      <c r="N7723" s="40"/>
    </row>
    <row r="7724" spans="4:14" x14ac:dyDescent="0.25">
      <c r="D7724" s="40">
        <v>128.59485700000516</v>
      </c>
      <c r="E7724" s="40">
        <v>21.283918097291721</v>
      </c>
      <c r="F7724" s="40">
        <v>128.58333299999998</v>
      </c>
      <c r="G7724" s="40">
        <v>21.947829098205791</v>
      </c>
      <c r="H7724" s="40">
        <v>128.58333400000001</v>
      </c>
      <c r="I7724" s="40">
        <v>21.265912307608435</v>
      </c>
      <c r="L7724" s="40"/>
      <c r="M7724" s="40"/>
      <c r="N7724" s="40"/>
    </row>
    <row r="7725" spans="4:14" x14ac:dyDescent="0.25">
      <c r="D7725" s="40">
        <v>128.61152300000515</v>
      </c>
      <c r="E7725" s="40">
        <v>21.283918097291721</v>
      </c>
      <c r="F7725" s="40">
        <v>128.6</v>
      </c>
      <c r="G7725" s="40">
        <v>21.947829098205791</v>
      </c>
      <c r="H7725" s="40">
        <v>128.6</v>
      </c>
      <c r="I7725" s="40">
        <v>21.269265043751687</v>
      </c>
      <c r="L7725" s="40"/>
      <c r="M7725" s="40"/>
      <c r="N7725" s="40"/>
    </row>
    <row r="7726" spans="4:14" x14ac:dyDescent="0.25">
      <c r="D7726" s="40">
        <v>128.62818900000514</v>
      </c>
      <c r="E7726" s="40">
        <v>21.288761275881271</v>
      </c>
      <c r="F7726" s="40">
        <v>128.61666700000001</v>
      </c>
      <c r="G7726" s="40">
        <v>21.947829098205791</v>
      </c>
      <c r="H7726" s="40">
        <v>128.61666700000001</v>
      </c>
      <c r="I7726" s="40">
        <v>21.269265043751687</v>
      </c>
      <c r="L7726" s="40"/>
      <c r="M7726" s="40"/>
      <c r="N7726" s="40"/>
    </row>
    <row r="7727" spans="4:14" x14ac:dyDescent="0.25">
      <c r="D7727" s="40">
        <v>128.64485500000512</v>
      </c>
      <c r="E7727" s="40">
        <v>21.288761275881271</v>
      </c>
      <c r="F7727" s="40">
        <v>128.63333299999999</v>
      </c>
      <c r="G7727" s="40">
        <v>21.947829098205791</v>
      </c>
      <c r="H7727" s="40">
        <v>128.63333400000002</v>
      </c>
      <c r="I7727" s="40">
        <v>21.272519170008451</v>
      </c>
      <c r="L7727" s="40"/>
      <c r="M7727" s="40"/>
      <c r="N7727" s="40"/>
    </row>
    <row r="7728" spans="4:14" x14ac:dyDescent="0.25">
      <c r="D7728" s="40">
        <v>128.66152100000511</v>
      </c>
      <c r="E7728" s="40">
        <v>21.288761275881271</v>
      </c>
      <c r="F7728" s="40">
        <v>128.65</v>
      </c>
      <c r="G7728" s="40">
        <v>21.943073854115571</v>
      </c>
      <c r="H7728" s="40">
        <v>128.65</v>
      </c>
      <c r="I7728" s="40">
        <v>21.272519170008451</v>
      </c>
      <c r="L7728" s="40"/>
      <c r="M7728" s="40"/>
      <c r="N7728" s="40"/>
    </row>
    <row r="7729" spans="4:14" x14ac:dyDescent="0.25">
      <c r="D7729" s="40">
        <v>128.6781870000051</v>
      </c>
      <c r="E7729" s="40">
        <v>21.293462008041566</v>
      </c>
      <c r="F7729" s="40">
        <v>128.66666699999999</v>
      </c>
      <c r="G7729" s="40">
        <v>21.947829098205791</v>
      </c>
      <c r="H7729" s="40">
        <v>128.66666700000002</v>
      </c>
      <c r="I7729" s="40">
        <v>21.275871906151711</v>
      </c>
      <c r="L7729" s="40"/>
      <c r="M7729" s="40"/>
      <c r="N7729" s="40"/>
    </row>
    <row r="7730" spans="4:14" x14ac:dyDescent="0.25">
      <c r="D7730" s="40">
        <v>128.69485300000508</v>
      </c>
      <c r="E7730" s="40">
        <v>21.293462008041566</v>
      </c>
      <c r="F7730" s="40">
        <v>128.683333</v>
      </c>
      <c r="G7730" s="40">
        <v>21.947829098205791</v>
      </c>
      <c r="H7730" s="40">
        <v>128.683334</v>
      </c>
      <c r="I7730" s="40">
        <v>21.275871906151711</v>
      </c>
      <c r="L7730" s="40"/>
      <c r="M7730" s="40"/>
      <c r="N7730" s="40"/>
    </row>
    <row r="7731" spans="4:14" x14ac:dyDescent="0.25">
      <c r="D7731" s="40">
        <v>128.71151900000507</v>
      </c>
      <c r="E7731" s="40">
        <v>21.293462008041566</v>
      </c>
      <c r="F7731" s="40">
        <v>128.69999999999999</v>
      </c>
      <c r="G7731" s="40">
        <v>21.947829098205791</v>
      </c>
      <c r="H7731" s="40">
        <v>128.70000000000002</v>
      </c>
      <c r="I7731" s="40">
        <v>21.279224642295144</v>
      </c>
      <c r="L7731" s="40"/>
      <c r="M7731" s="40"/>
      <c r="N7731" s="40"/>
    </row>
    <row r="7732" spans="4:14" x14ac:dyDescent="0.25">
      <c r="D7732" s="40">
        <v>128.72818500000506</v>
      </c>
      <c r="E7732" s="40">
        <v>21.293462008041566</v>
      </c>
      <c r="F7732" s="40">
        <v>128.716667</v>
      </c>
      <c r="G7732" s="40">
        <v>21.947829098205791</v>
      </c>
      <c r="H7732" s="40">
        <v>128.716667</v>
      </c>
      <c r="I7732" s="40">
        <v>21.279224642295144</v>
      </c>
      <c r="L7732" s="40"/>
      <c r="M7732" s="40"/>
      <c r="N7732" s="40"/>
    </row>
    <row r="7733" spans="4:14" x14ac:dyDescent="0.25">
      <c r="D7733" s="40">
        <v>128.74485100000504</v>
      </c>
      <c r="E7733" s="40">
        <v>21.298305186631119</v>
      </c>
      <c r="F7733" s="40">
        <v>128.73333299999999</v>
      </c>
      <c r="G7733" s="40">
        <v>21.947829098205791</v>
      </c>
      <c r="H7733" s="40">
        <v>128.73333400000001</v>
      </c>
      <c r="I7733" s="40">
        <v>21.28247876855173</v>
      </c>
      <c r="L7733" s="40"/>
      <c r="M7733" s="40"/>
      <c r="N7733" s="40"/>
    </row>
    <row r="7734" spans="4:14" x14ac:dyDescent="0.25">
      <c r="D7734" s="40">
        <v>128.76151700000503</v>
      </c>
      <c r="E7734" s="40">
        <v>21.298305186631119</v>
      </c>
      <c r="F7734" s="40">
        <v>128.75</v>
      </c>
      <c r="G7734" s="40">
        <v>21.947829098205791</v>
      </c>
      <c r="H7734" s="40">
        <v>128.75</v>
      </c>
      <c r="I7734" s="40">
        <v>21.28247876855173</v>
      </c>
      <c r="L7734" s="40"/>
      <c r="M7734" s="40"/>
      <c r="N7734" s="40"/>
    </row>
    <row r="7735" spans="4:14" x14ac:dyDescent="0.25">
      <c r="D7735" s="40">
        <v>128.77818300000501</v>
      </c>
      <c r="E7735" s="40">
        <v>21.298305186631119</v>
      </c>
      <c r="F7735" s="40">
        <v>128.76666699999998</v>
      </c>
      <c r="G7735" s="40">
        <v>21.947829098205791</v>
      </c>
      <c r="H7735" s="40">
        <v>128.76666700000001</v>
      </c>
      <c r="I7735" s="40">
        <v>21.285831504695164</v>
      </c>
      <c r="L7735" s="40"/>
      <c r="M7735" s="40"/>
      <c r="N7735" s="40"/>
    </row>
    <row r="7736" spans="4:14" x14ac:dyDescent="0.25">
      <c r="D7736" s="40">
        <v>128.794849000005</v>
      </c>
      <c r="E7736" s="40">
        <v>21.303148365220665</v>
      </c>
      <c r="F7736" s="40">
        <v>128.783333</v>
      </c>
      <c r="G7736" s="40">
        <v>21.947829098205791</v>
      </c>
      <c r="H7736" s="40">
        <v>128.783334</v>
      </c>
      <c r="I7736" s="40">
        <v>21.285831504695164</v>
      </c>
      <c r="L7736" s="40"/>
      <c r="M7736" s="40"/>
      <c r="N7736" s="40"/>
    </row>
    <row r="7737" spans="4:14" x14ac:dyDescent="0.25">
      <c r="D7737" s="40">
        <v>128.81151500000499</v>
      </c>
      <c r="E7737" s="40">
        <v>21.303148365220665</v>
      </c>
      <c r="F7737" s="40">
        <v>128.79999999999998</v>
      </c>
      <c r="G7737" s="40">
        <v>21.952584342296007</v>
      </c>
      <c r="H7737" s="40">
        <v>128.80000000000001</v>
      </c>
      <c r="I7737" s="40">
        <v>21.28918424083842</v>
      </c>
      <c r="L7737" s="40"/>
      <c r="M7737" s="40"/>
      <c r="N7737" s="40"/>
    </row>
    <row r="7738" spans="4:14" x14ac:dyDescent="0.25">
      <c r="D7738" s="40">
        <v>128.82818100000497</v>
      </c>
      <c r="E7738" s="40">
        <v>21.303148365220665</v>
      </c>
      <c r="F7738" s="40">
        <v>128.816667</v>
      </c>
      <c r="G7738" s="40">
        <v>21.952584342296007</v>
      </c>
      <c r="H7738" s="40">
        <v>128.816667</v>
      </c>
      <c r="I7738" s="40">
        <v>21.28918424083842</v>
      </c>
      <c r="L7738" s="40"/>
      <c r="M7738" s="40"/>
      <c r="N7738" s="40"/>
    </row>
    <row r="7739" spans="4:14" x14ac:dyDescent="0.25">
      <c r="D7739" s="40">
        <v>128.84484700000496</v>
      </c>
      <c r="E7739" s="40">
        <v>21.303148365220665</v>
      </c>
      <c r="F7739" s="40">
        <v>128.83333299999998</v>
      </c>
      <c r="G7739" s="40">
        <v>21.952584342296007</v>
      </c>
      <c r="H7739" s="40">
        <v>128.83333400000001</v>
      </c>
      <c r="I7739" s="40">
        <v>21.292438367095183</v>
      </c>
      <c r="L7739" s="40"/>
      <c r="M7739" s="40"/>
      <c r="N7739" s="40"/>
    </row>
    <row r="7740" spans="4:14" x14ac:dyDescent="0.25">
      <c r="D7740" s="40">
        <v>128.86151300000495</v>
      </c>
      <c r="E7740" s="40">
        <v>21.303148365220665</v>
      </c>
      <c r="F7740" s="40">
        <v>128.85</v>
      </c>
      <c r="G7740" s="40">
        <v>21.952584342296007</v>
      </c>
      <c r="H7740" s="40">
        <v>128.85</v>
      </c>
      <c r="I7740" s="40">
        <v>21.292438367095183</v>
      </c>
      <c r="L7740" s="40"/>
      <c r="M7740" s="40"/>
      <c r="N7740" s="40"/>
    </row>
    <row r="7741" spans="4:14" x14ac:dyDescent="0.25">
      <c r="D7741" s="40">
        <v>128.87817900000493</v>
      </c>
      <c r="E7741" s="40">
        <v>21.307849097381091</v>
      </c>
      <c r="F7741" s="40">
        <v>128.86666700000001</v>
      </c>
      <c r="G7741" s="40">
        <v>21.952584342296007</v>
      </c>
      <c r="H7741" s="40">
        <v>128.86666700000001</v>
      </c>
      <c r="I7741" s="40">
        <v>21.295791103238439</v>
      </c>
      <c r="L7741" s="40"/>
      <c r="M7741" s="40"/>
      <c r="N7741" s="40"/>
    </row>
    <row r="7742" spans="4:14" x14ac:dyDescent="0.25">
      <c r="D7742" s="40">
        <v>128.89484500000492</v>
      </c>
      <c r="E7742" s="40">
        <v>21.307849097381091</v>
      </c>
      <c r="F7742" s="40">
        <v>128.88333299999999</v>
      </c>
      <c r="G7742" s="40">
        <v>21.952584342296007</v>
      </c>
      <c r="H7742" s="40">
        <v>128.88333400000002</v>
      </c>
      <c r="I7742" s="40">
        <v>21.295791103238439</v>
      </c>
      <c r="L7742" s="40"/>
      <c r="M7742" s="40"/>
      <c r="N7742" s="40"/>
    </row>
    <row r="7743" spans="4:14" x14ac:dyDescent="0.25">
      <c r="D7743" s="40">
        <v>128.91151100000491</v>
      </c>
      <c r="E7743" s="40">
        <v>21.307849097381091</v>
      </c>
      <c r="F7743" s="40">
        <v>128.9</v>
      </c>
      <c r="G7743" s="40">
        <v>21.952584342296007</v>
      </c>
      <c r="H7743" s="40">
        <v>128.9</v>
      </c>
      <c r="I7743" s="40">
        <v>21.299143839381873</v>
      </c>
      <c r="L7743" s="40"/>
      <c r="M7743" s="40"/>
      <c r="N7743" s="40"/>
    </row>
    <row r="7744" spans="4:14" x14ac:dyDescent="0.25">
      <c r="D7744" s="40">
        <v>128.92817700000489</v>
      </c>
      <c r="E7744" s="40">
        <v>21.307849097381091</v>
      </c>
      <c r="F7744" s="40">
        <v>128.91666699999999</v>
      </c>
      <c r="G7744" s="40">
        <v>21.957199726265785</v>
      </c>
      <c r="H7744" s="40">
        <v>128.91666700000002</v>
      </c>
      <c r="I7744" s="40">
        <v>21.299143839381873</v>
      </c>
      <c r="L7744" s="40"/>
      <c r="M7744" s="40"/>
      <c r="N7744" s="40"/>
    </row>
    <row r="7745" spans="4:14" x14ac:dyDescent="0.25">
      <c r="D7745" s="40">
        <v>128.94484300000488</v>
      </c>
      <c r="E7745" s="40">
        <v>21.303148365220665</v>
      </c>
      <c r="F7745" s="40">
        <v>128.933333</v>
      </c>
      <c r="G7745" s="40">
        <v>21.957199726265785</v>
      </c>
      <c r="H7745" s="40">
        <v>128.933334</v>
      </c>
      <c r="I7745" s="40">
        <v>21.302397965638637</v>
      </c>
      <c r="L7745" s="40"/>
      <c r="M7745" s="40"/>
      <c r="N7745" s="40"/>
    </row>
    <row r="7746" spans="4:14" x14ac:dyDescent="0.25">
      <c r="D7746" s="40">
        <v>128.96150900000487</v>
      </c>
      <c r="E7746" s="40">
        <v>21.303148365220665</v>
      </c>
      <c r="F7746" s="40">
        <v>128.94999999999999</v>
      </c>
      <c r="G7746" s="40">
        <v>21.957199726265785</v>
      </c>
      <c r="H7746" s="40">
        <v>128.95000000000002</v>
      </c>
      <c r="I7746" s="40">
        <v>21.305750701781896</v>
      </c>
      <c r="L7746" s="40"/>
      <c r="M7746" s="40"/>
      <c r="N7746" s="40"/>
    </row>
    <row r="7747" spans="4:14" x14ac:dyDescent="0.25">
      <c r="D7747" s="40">
        <v>128.97817500000485</v>
      </c>
      <c r="E7747" s="40">
        <v>21.303148365220665</v>
      </c>
      <c r="F7747" s="40">
        <v>128.966667</v>
      </c>
      <c r="G7747" s="40">
        <v>21.957199726265785</v>
      </c>
      <c r="H7747" s="40">
        <v>128.966667</v>
      </c>
      <c r="I7747" s="40">
        <v>21.305750701781896</v>
      </c>
      <c r="L7747" s="40"/>
      <c r="M7747" s="40"/>
      <c r="N7747" s="40"/>
    </row>
    <row r="7748" spans="4:14" x14ac:dyDescent="0.25">
      <c r="D7748" s="40">
        <v>128.99484100000484</v>
      </c>
      <c r="E7748" s="40">
        <v>21.303148365220665</v>
      </c>
      <c r="F7748" s="40">
        <v>128.98333299999999</v>
      </c>
      <c r="G7748" s="40">
        <v>21.957199726265785</v>
      </c>
      <c r="H7748" s="40">
        <v>128.98333400000001</v>
      </c>
      <c r="I7748" s="40">
        <v>21.305750701781896</v>
      </c>
      <c r="L7748" s="40"/>
      <c r="M7748" s="40"/>
      <c r="N7748" s="40"/>
    </row>
    <row r="7749" spans="4:14" x14ac:dyDescent="0.25">
      <c r="D7749" s="40">
        <v>129.01150700000483</v>
      </c>
      <c r="E7749" s="40">
        <v>21.307849097381091</v>
      </c>
      <c r="F7749" s="40">
        <v>129</v>
      </c>
      <c r="G7749" s="40">
        <v>21.957199726265785</v>
      </c>
      <c r="H7749" s="40">
        <v>129</v>
      </c>
      <c r="I7749" s="40">
        <v>21.309103437925149</v>
      </c>
      <c r="L7749" s="40"/>
      <c r="M7749" s="40"/>
      <c r="N7749" s="40"/>
    </row>
    <row r="7750" spans="4:14" x14ac:dyDescent="0.25">
      <c r="D7750" s="40">
        <v>129.02817300000481</v>
      </c>
      <c r="E7750" s="40">
        <v>21.307849097381091</v>
      </c>
      <c r="F7750" s="40">
        <v>129.01666699999998</v>
      </c>
      <c r="G7750" s="40">
        <v>21.957199726265785</v>
      </c>
      <c r="H7750" s="40">
        <v>129.01666700000001</v>
      </c>
      <c r="I7750" s="40">
        <v>21.309103437925149</v>
      </c>
      <c r="L7750" s="40"/>
      <c r="M7750" s="40"/>
      <c r="N7750" s="40"/>
    </row>
    <row r="7751" spans="4:14" x14ac:dyDescent="0.25">
      <c r="D7751" s="40">
        <v>129.0448390000048</v>
      </c>
      <c r="E7751" s="40">
        <v>21.307849097381091</v>
      </c>
      <c r="F7751" s="40">
        <v>129.033333</v>
      </c>
      <c r="G7751" s="40">
        <v>21.957199726265785</v>
      </c>
      <c r="H7751" s="40">
        <v>129.033334</v>
      </c>
      <c r="I7751" s="40">
        <v>21.312357564181912</v>
      </c>
      <c r="L7751" s="40"/>
      <c r="M7751" s="40"/>
      <c r="N7751" s="40"/>
    </row>
    <row r="7752" spans="4:14" x14ac:dyDescent="0.25">
      <c r="D7752" s="40">
        <v>129.06150500000479</v>
      </c>
      <c r="E7752" s="40">
        <v>21.303148365220665</v>
      </c>
      <c r="F7752" s="40">
        <v>129.04999999999998</v>
      </c>
      <c r="G7752" s="40">
        <v>21.957199726265785</v>
      </c>
      <c r="H7752" s="40">
        <v>129.05000000000001</v>
      </c>
      <c r="I7752" s="40">
        <v>21.312357564181912</v>
      </c>
      <c r="L7752" s="40"/>
      <c r="M7752" s="40"/>
      <c r="N7752" s="40"/>
    </row>
    <row r="7753" spans="4:14" x14ac:dyDescent="0.25">
      <c r="D7753" s="40">
        <v>129.07817100000477</v>
      </c>
      <c r="E7753" s="40">
        <v>21.303148365220665</v>
      </c>
      <c r="F7753" s="40">
        <v>129.066667</v>
      </c>
      <c r="G7753" s="40">
        <v>21.957199726265785</v>
      </c>
      <c r="H7753" s="40">
        <v>129.066667</v>
      </c>
      <c r="I7753" s="40">
        <v>21.315710300325168</v>
      </c>
      <c r="L7753" s="40"/>
      <c r="M7753" s="40"/>
      <c r="N7753" s="40"/>
    </row>
    <row r="7754" spans="4:14" x14ac:dyDescent="0.25">
      <c r="D7754" s="40">
        <v>129.09483700000476</v>
      </c>
      <c r="E7754" s="40">
        <v>21.303148365220665</v>
      </c>
      <c r="F7754" s="40">
        <v>129.08333299999998</v>
      </c>
      <c r="G7754" s="40">
        <v>21.961954970356004</v>
      </c>
      <c r="H7754" s="40">
        <v>129.08333400000001</v>
      </c>
      <c r="I7754" s="40">
        <v>21.315710300325168</v>
      </c>
      <c r="L7754" s="40"/>
      <c r="M7754" s="40"/>
      <c r="N7754" s="40"/>
    </row>
    <row r="7755" spans="4:14" x14ac:dyDescent="0.25">
      <c r="D7755" s="40">
        <v>129.11150300000475</v>
      </c>
      <c r="E7755" s="40">
        <v>21.303148365220665</v>
      </c>
      <c r="F7755" s="40">
        <v>129.1</v>
      </c>
      <c r="G7755" s="40">
        <v>21.961954970356004</v>
      </c>
      <c r="H7755" s="40">
        <v>129.1</v>
      </c>
      <c r="I7755" s="40">
        <v>21.319063036468602</v>
      </c>
      <c r="L7755" s="40"/>
      <c r="M7755" s="40"/>
      <c r="N7755" s="40"/>
    </row>
    <row r="7756" spans="4:14" x14ac:dyDescent="0.25">
      <c r="D7756" s="40">
        <v>129.12816900000473</v>
      </c>
      <c r="E7756" s="40">
        <v>21.303148365220665</v>
      </c>
      <c r="F7756" s="40">
        <v>129.11666700000001</v>
      </c>
      <c r="G7756" s="40">
        <v>21.961954970356004</v>
      </c>
      <c r="H7756" s="40">
        <v>129.11666700000001</v>
      </c>
      <c r="I7756" s="40">
        <v>21.319063036468602</v>
      </c>
      <c r="L7756" s="40"/>
      <c r="M7756" s="40"/>
      <c r="N7756" s="40"/>
    </row>
    <row r="7757" spans="4:14" x14ac:dyDescent="0.25">
      <c r="D7757" s="40">
        <v>129.14483500000472</v>
      </c>
      <c r="E7757" s="40">
        <v>21.298305186631119</v>
      </c>
      <c r="F7757" s="40">
        <v>129.13333299999999</v>
      </c>
      <c r="G7757" s="40">
        <v>21.961954970356004</v>
      </c>
      <c r="H7757" s="40">
        <v>129.13333400000002</v>
      </c>
      <c r="I7757" s="40">
        <v>21.322317162725366</v>
      </c>
      <c r="L7757" s="40"/>
      <c r="M7757" s="40"/>
      <c r="N7757" s="40"/>
    </row>
    <row r="7758" spans="4:14" x14ac:dyDescent="0.25">
      <c r="D7758" s="40">
        <v>129.16150100000471</v>
      </c>
      <c r="E7758" s="40">
        <v>21.298305186631119</v>
      </c>
      <c r="F7758" s="40">
        <v>129.15</v>
      </c>
      <c r="G7758" s="40">
        <v>21.961954970356004</v>
      </c>
      <c r="H7758" s="40">
        <v>129.15</v>
      </c>
      <c r="I7758" s="40">
        <v>21.322317162725366</v>
      </c>
      <c r="L7758" s="40"/>
      <c r="M7758" s="40"/>
      <c r="N7758" s="40"/>
    </row>
    <row r="7759" spans="4:14" x14ac:dyDescent="0.25">
      <c r="D7759" s="40">
        <v>129.17816700000469</v>
      </c>
      <c r="E7759" s="40">
        <v>21.298305186631119</v>
      </c>
      <c r="F7759" s="40">
        <v>129.16666699999999</v>
      </c>
      <c r="G7759" s="40">
        <v>21.961954970356004</v>
      </c>
      <c r="H7759" s="40">
        <v>129.16666700000002</v>
      </c>
      <c r="I7759" s="40">
        <v>21.325669898868625</v>
      </c>
      <c r="L7759" s="40"/>
      <c r="M7759" s="40"/>
      <c r="N7759" s="40"/>
    </row>
    <row r="7760" spans="4:14" x14ac:dyDescent="0.25">
      <c r="D7760" s="40">
        <v>129.19483300000468</v>
      </c>
      <c r="E7760" s="40">
        <v>21.293462008041566</v>
      </c>
      <c r="F7760" s="40">
        <v>129.183333</v>
      </c>
      <c r="G7760" s="40">
        <v>21.961954970356004</v>
      </c>
      <c r="H7760" s="40">
        <v>129.183334</v>
      </c>
      <c r="I7760" s="40">
        <v>21.325669898868625</v>
      </c>
      <c r="L7760" s="40"/>
      <c r="M7760" s="40"/>
      <c r="N7760" s="40"/>
    </row>
    <row r="7761" spans="4:14" x14ac:dyDescent="0.25">
      <c r="D7761" s="40">
        <v>129.21149900000466</v>
      </c>
      <c r="E7761" s="40">
        <v>21.293462008041566</v>
      </c>
      <c r="F7761" s="40">
        <v>129.19999999999999</v>
      </c>
      <c r="G7761" s="40">
        <v>21.961954970356004</v>
      </c>
      <c r="H7761" s="40">
        <v>129.20000000000002</v>
      </c>
      <c r="I7761" s="40">
        <v>21.329022635011878</v>
      </c>
      <c r="L7761" s="40"/>
      <c r="M7761" s="40"/>
      <c r="N7761" s="40"/>
    </row>
    <row r="7762" spans="4:14" x14ac:dyDescent="0.25">
      <c r="D7762" s="40">
        <v>129.22816500000465</v>
      </c>
      <c r="E7762" s="40">
        <v>21.288761275881271</v>
      </c>
      <c r="F7762" s="40">
        <v>129.216667</v>
      </c>
      <c r="G7762" s="40">
        <v>21.961954970356004</v>
      </c>
      <c r="H7762" s="40">
        <v>129.216667</v>
      </c>
      <c r="I7762" s="40">
        <v>21.329022635011878</v>
      </c>
      <c r="L7762" s="40"/>
      <c r="M7762" s="40"/>
      <c r="N7762" s="40"/>
    </row>
    <row r="7763" spans="4:14" x14ac:dyDescent="0.25">
      <c r="D7763" s="40">
        <v>129.24483100000464</v>
      </c>
      <c r="E7763" s="40">
        <v>21.283918097291721</v>
      </c>
      <c r="F7763" s="40">
        <v>129.23333299999999</v>
      </c>
      <c r="G7763" s="40">
        <v>21.961954970356004</v>
      </c>
      <c r="H7763" s="40">
        <v>129.23333400000001</v>
      </c>
      <c r="I7763" s="40">
        <v>21.332276761268641</v>
      </c>
      <c r="L7763" s="40"/>
      <c r="M7763" s="40"/>
      <c r="N7763" s="40"/>
    </row>
    <row r="7764" spans="4:14" x14ac:dyDescent="0.25">
      <c r="D7764" s="40">
        <v>129.26149700000462</v>
      </c>
      <c r="E7764" s="40">
        <v>21.279074918702172</v>
      </c>
      <c r="F7764" s="40">
        <v>129.25</v>
      </c>
      <c r="G7764" s="40">
        <v>21.961954970356004</v>
      </c>
      <c r="H7764" s="40">
        <v>129.25</v>
      </c>
      <c r="I7764" s="40">
        <v>21.332276761268641</v>
      </c>
      <c r="L7764" s="40"/>
      <c r="M7764" s="40"/>
      <c r="N7764" s="40"/>
    </row>
    <row r="7765" spans="4:14" x14ac:dyDescent="0.25">
      <c r="D7765" s="40">
        <v>129.27816300000461</v>
      </c>
      <c r="E7765" s="40">
        <v>21.274374186541873</v>
      </c>
      <c r="F7765" s="40">
        <v>129.26666699999998</v>
      </c>
      <c r="G7765" s="40">
        <v>21.961954970356004</v>
      </c>
      <c r="H7765" s="40">
        <v>129.26666700000001</v>
      </c>
      <c r="I7765" s="40">
        <v>21.332276761268641</v>
      </c>
      <c r="L7765" s="40"/>
      <c r="M7765" s="40"/>
      <c r="N7765" s="40"/>
    </row>
    <row r="7766" spans="4:14" x14ac:dyDescent="0.25">
      <c r="D7766" s="40">
        <v>129.2948290000046</v>
      </c>
      <c r="E7766" s="40">
        <v>21.274374186541873</v>
      </c>
      <c r="F7766" s="40">
        <v>129.283333</v>
      </c>
      <c r="G7766" s="40">
        <v>21.961954970356004</v>
      </c>
      <c r="H7766" s="40">
        <v>129.283334</v>
      </c>
      <c r="I7766" s="40">
        <v>21.335629497412075</v>
      </c>
      <c r="L7766" s="40"/>
      <c r="M7766" s="40"/>
      <c r="N7766" s="40"/>
    </row>
    <row r="7767" spans="4:14" x14ac:dyDescent="0.25">
      <c r="D7767" s="40">
        <v>129.31149500000458</v>
      </c>
      <c r="E7767" s="40">
        <v>21.269531007952324</v>
      </c>
      <c r="F7767" s="40">
        <v>129.29999999999998</v>
      </c>
      <c r="G7767" s="40">
        <v>21.961954970356004</v>
      </c>
      <c r="H7767" s="40">
        <v>129.30000000000001</v>
      </c>
      <c r="I7767" s="40">
        <v>21.335629497412075</v>
      </c>
      <c r="L7767" s="40"/>
      <c r="M7767" s="40"/>
      <c r="N7767" s="40"/>
    </row>
    <row r="7768" spans="4:14" x14ac:dyDescent="0.25">
      <c r="D7768" s="40">
        <v>129.32816100000457</v>
      </c>
      <c r="E7768" s="40">
        <v>21.269531007952324</v>
      </c>
      <c r="F7768" s="40">
        <v>129.316667</v>
      </c>
      <c r="G7768" s="40">
        <v>21.961954970356004</v>
      </c>
      <c r="H7768" s="40">
        <v>129.316667</v>
      </c>
      <c r="I7768" s="40">
        <v>21.338982233555335</v>
      </c>
      <c r="L7768" s="40"/>
      <c r="M7768" s="40"/>
      <c r="N7768" s="40"/>
    </row>
    <row r="7769" spans="4:14" x14ac:dyDescent="0.25">
      <c r="D7769" s="40">
        <v>129.34482700000456</v>
      </c>
      <c r="E7769" s="40">
        <v>21.269531007952324</v>
      </c>
      <c r="F7769" s="40">
        <v>129.33333299999998</v>
      </c>
      <c r="G7769" s="40">
        <v>21.96671021444622</v>
      </c>
      <c r="H7769" s="40">
        <v>129.33333400000001</v>
      </c>
      <c r="I7769" s="40">
        <v>21.338982233555335</v>
      </c>
      <c r="L7769" s="40"/>
      <c r="M7769" s="40"/>
      <c r="N7769" s="40"/>
    </row>
    <row r="7770" spans="4:14" x14ac:dyDescent="0.25">
      <c r="D7770" s="40">
        <v>129.36149300000454</v>
      </c>
      <c r="E7770" s="40">
        <v>21.269531007952324</v>
      </c>
      <c r="F7770" s="40">
        <v>129.35</v>
      </c>
      <c r="G7770" s="40">
        <v>21.96671021444622</v>
      </c>
      <c r="H7770" s="40">
        <v>129.35</v>
      </c>
      <c r="I7770" s="40">
        <v>21.338982233555335</v>
      </c>
      <c r="L7770" s="40"/>
      <c r="M7770" s="40"/>
      <c r="N7770" s="40"/>
    </row>
    <row r="7771" spans="4:14" x14ac:dyDescent="0.25">
      <c r="D7771" s="40">
        <v>129.37815900000453</v>
      </c>
      <c r="E7771" s="40">
        <v>21.269531007952324</v>
      </c>
      <c r="F7771" s="40">
        <v>129.36666700000001</v>
      </c>
      <c r="G7771" s="40">
        <v>21.96671021444622</v>
      </c>
      <c r="H7771" s="40">
        <v>129.36666700000001</v>
      </c>
      <c r="I7771" s="40">
        <v>21.342236359812098</v>
      </c>
      <c r="L7771" s="40"/>
      <c r="M7771" s="40"/>
      <c r="N7771" s="40"/>
    </row>
    <row r="7772" spans="4:14" x14ac:dyDescent="0.25">
      <c r="D7772" s="40">
        <v>129.39482500000452</v>
      </c>
      <c r="E7772" s="40">
        <v>21.269531007952324</v>
      </c>
      <c r="F7772" s="40">
        <v>129.38333299999999</v>
      </c>
      <c r="G7772" s="40">
        <v>21.96671021444622</v>
      </c>
      <c r="H7772" s="40">
        <v>129.38333400000002</v>
      </c>
      <c r="I7772" s="40">
        <v>21.342236359812098</v>
      </c>
      <c r="L7772" s="40"/>
      <c r="M7772" s="40"/>
      <c r="N7772" s="40"/>
    </row>
    <row r="7773" spans="4:14" x14ac:dyDescent="0.25">
      <c r="D7773" s="40">
        <v>129.4114910000045</v>
      </c>
      <c r="E7773" s="40">
        <v>21.264687829362778</v>
      </c>
      <c r="F7773" s="40">
        <v>129.4</v>
      </c>
      <c r="G7773" s="40">
        <v>21.96671021444622</v>
      </c>
      <c r="H7773" s="40">
        <v>129.4</v>
      </c>
      <c r="I7773" s="40">
        <v>21.345589095955354</v>
      </c>
      <c r="L7773" s="40"/>
      <c r="M7773" s="40"/>
      <c r="N7773" s="40"/>
    </row>
    <row r="7774" spans="4:14" x14ac:dyDescent="0.25">
      <c r="D7774" s="40">
        <v>129.42815700000449</v>
      </c>
      <c r="E7774" s="40">
        <v>21.264687829362778</v>
      </c>
      <c r="F7774" s="40">
        <v>129.41666699999999</v>
      </c>
      <c r="G7774" s="40">
        <v>21.96671021444622</v>
      </c>
      <c r="H7774" s="40">
        <v>129.41666700000002</v>
      </c>
      <c r="I7774" s="40">
        <v>21.34894183209861</v>
      </c>
      <c r="L7774" s="40"/>
      <c r="M7774" s="40"/>
      <c r="N7774" s="40"/>
    </row>
    <row r="7775" spans="4:14" x14ac:dyDescent="0.25">
      <c r="D7775" s="40">
        <v>129.44482300000448</v>
      </c>
      <c r="E7775" s="40">
        <v>21.264687829362778</v>
      </c>
      <c r="F7775" s="40">
        <v>129.433333</v>
      </c>
      <c r="G7775" s="40">
        <v>21.971325598416001</v>
      </c>
      <c r="H7775" s="40">
        <v>129.433334</v>
      </c>
      <c r="I7775" s="40">
        <v>21.34894183209861</v>
      </c>
      <c r="L7775" s="40"/>
      <c r="M7775" s="40"/>
      <c r="N7775" s="40"/>
    </row>
    <row r="7776" spans="4:14" x14ac:dyDescent="0.25">
      <c r="D7776" s="40">
        <v>129.46148900000446</v>
      </c>
      <c r="E7776" s="61">
        <v>21.264687829362778</v>
      </c>
      <c r="F7776" s="40">
        <v>129.44999999999999</v>
      </c>
      <c r="G7776" s="40">
        <v>21.971325598416001</v>
      </c>
      <c r="H7776" s="40">
        <v>129.45000000000002</v>
      </c>
      <c r="I7776" s="40">
        <v>21.34894183209861</v>
      </c>
      <c r="L7776" s="40"/>
      <c r="M7776" s="40"/>
      <c r="N7776" s="40"/>
    </row>
    <row r="7777" spans="4:14" x14ac:dyDescent="0.25">
      <c r="D7777" s="40">
        <v>129.47815500000445</v>
      </c>
      <c r="E7777" s="40">
        <v>21.264687829362778</v>
      </c>
      <c r="F7777" s="40">
        <v>129.466667</v>
      </c>
      <c r="G7777" s="40">
        <v>21.971325598416001</v>
      </c>
      <c r="H7777" s="40">
        <v>129.466667</v>
      </c>
      <c r="I7777" s="40">
        <v>21.352195958355374</v>
      </c>
      <c r="L7777" s="40"/>
      <c r="M7777" s="40"/>
      <c r="N7777" s="40"/>
    </row>
    <row r="7778" spans="4:14" x14ac:dyDescent="0.25">
      <c r="D7778" s="40">
        <v>129.49482100000444</v>
      </c>
      <c r="E7778" s="40">
        <v>21.269531007952324</v>
      </c>
      <c r="F7778" s="40">
        <v>129.48333299999999</v>
      </c>
      <c r="G7778" s="40">
        <v>21.971325598416001</v>
      </c>
      <c r="H7778" s="40">
        <v>129.48333400000001</v>
      </c>
      <c r="I7778" s="40">
        <v>21.352195958355374</v>
      </c>
      <c r="L7778" s="40"/>
      <c r="M7778" s="40"/>
      <c r="N7778" s="40"/>
    </row>
    <row r="7779" spans="4:14" x14ac:dyDescent="0.25">
      <c r="D7779" s="40">
        <v>129.51148700000442</v>
      </c>
      <c r="E7779" s="40">
        <v>21.269531007952324</v>
      </c>
      <c r="F7779" s="40">
        <v>129.5</v>
      </c>
      <c r="G7779" s="40">
        <v>21.971325598416001</v>
      </c>
      <c r="H7779" s="40">
        <v>129.5</v>
      </c>
      <c r="I7779" s="40">
        <v>21.355548694498804</v>
      </c>
      <c r="L7779" s="40"/>
      <c r="M7779" s="40"/>
      <c r="N7779" s="40"/>
    </row>
    <row r="7780" spans="4:14" x14ac:dyDescent="0.25">
      <c r="D7780" s="40">
        <v>129.52815300000441</v>
      </c>
      <c r="E7780" s="40">
        <v>21.269531007952324</v>
      </c>
      <c r="F7780" s="40">
        <v>129.51666699999998</v>
      </c>
      <c r="G7780" s="40">
        <v>21.971325598416001</v>
      </c>
      <c r="H7780" s="40">
        <v>129.51666700000001</v>
      </c>
      <c r="I7780" s="40">
        <v>21.355548694498804</v>
      </c>
      <c r="L7780" s="40"/>
      <c r="M7780" s="40"/>
      <c r="N7780" s="40"/>
    </row>
    <row r="7781" spans="4:14" x14ac:dyDescent="0.25">
      <c r="D7781" s="40">
        <v>129.5448190000044</v>
      </c>
      <c r="E7781" s="40">
        <v>21.269531007952324</v>
      </c>
      <c r="F7781" s="40">
        <v>129.533333</v>
      </c>
      <c r="G7781" s="40">
        <v>21.971325598416001</v>
      </c>
      <c r="H7781" s="40">
        <v>129.533334</v>
      </c>
      <c r="I7781" s="40">
        <v>21.358901430642064</v>
      </c>
      <c r="L7781" s="40"/>
      <c r="M7781" s="40"/>
      <c r="N7781" s="40"/>
    </row>
    <row r="7782" spans="4:14" x14ac:dyDescent="0.25">
      <c r="D7782" s="40">
        <v>129.56148500000438</v>
      </c>
      <c r="E7782" s="40">
        <v>21.269531007952324</v>
      </c>
      <c r="F7782" s="40">
        <v>129.54999999999998</v>
      </c>
      <c r="G7782" s="40">
        <v>21.971325598416001</v>
      </c>
      <c r="H7782" s="40">
        <v>129.55000000000001</v>
      </c>
      <c r="I7782" s="40">
        <v>21.358901430642064</v>
      </c>
      <c r="L7782" s="40"/>
      <c r="M7782" s="40"/>
      <c r="N7782" s="40"/>
    </row>
    <row r="7783" spans="4:14" x14ac:dyDescent="0.25">
      <c r="D7783" s="40">
        <v>129.57815100000437</v>
      </c>
      <c r="E7783" s="40">
        <v>21.264687829362778</v>
      </c>
      <c r="F7783" s="40">
        <v>129.566667</v>
      </c>
      <c r="G7783" s="40">
        <v>21.971325598416001</v>
      </c>
      <c r="H7783" s="40">
        <v>129.566667</v>
      </c>
      <c r="I7783" s="40">
        <v>21.362155556898827</v>
      </c>
      <c r="L7783" s="40"/>
      <c r="M7783" s="40"/>
      <c r="N7783" s="40"/>
    </row>
    <row r="7784" spans="4:14" x14ac:dyDescent="0.25">
      <c r="D7784" s="40">
        <v>129.59481700000435</v>
      </c>
      <c r="E7784" s="40">
        <v>21.264687829362778</v>
      </c>
      <c r="F7784" s="40">
        <v>129.58333299999998</v>
      </c>
      <c r="G7784" s="40">
        <v>21.971325598416001</v>
      </c>
      <c r="H7784" s="40">
        <v>129.58333400000001</v>
      </c>
      <c r="I7784" s="40">
        <v>21.362155556898827</v>
      </c>
      <c r="L7784" s="40"/>
      <c r="M7784" s="40"/>
      <c r="N7784" s="40"/>
    </row>
    <row r="7785" spans="4:14" x14ac:dyDescent="0.25">
      <c r="D7785" s="40">
        <v>129.61148300000434</v>
      </c>
      <c r="E7785" s="40">
        <v>21.264687829362778</v>
      </c>
      <c r="F7785" s="40">
        <v>129.6</v>
      </c>
      <c r="G7785" s="40">
        <v>21.971325598416001</v>
      </c>
      <c r="H7785" s="40">
        <v>129.6</v>
      </c>
      <c r="I7785" s="40">
        <v>21.365508293042083</v>
      </c>
      <c r="L7785" s="40"/>
      <c r="M7785" s="40"/>
      <c r="N7785" s="40"/>
    </row>
    <row r="7786" spans="4:14" x14ac:dyDescent="0.25">
      <c r="D7786" s="40">
        <v>129.62814900000433</v>
      </c>
      <c r="E7786" s="40">
        <v>21.264687829362778</v>
      </c>
      <c r="F7786" s="40">
        <v>129.61666700000001</v>
      </c>
      <c r="G7786" s="40">
        <v>21.971325598416001</v>
      </c>
      <c r="H7786" s="40">
        <v>129.61666700000001</v>
      </c>
      <c r="I7786" s="40">
        <v>21.365508293042083</v>
      </c>
      <c r="L7786" s="40"/>
      <c r="M7786" s="40"/>
      <c r="N7786" s="40"/>
    </row>
    <row r="7787" spans="4:14" x14ac:dyDescent="0.25">
      <c r="D7787" s="40">
        <v>129.64481500000431</v>
      </c>
      <c r="E7787" s="40">
        <v>21.269531007952324</v>
      </c>
      <c r="F7787" s="40">
        <v>129.63333299999999</v>
      </c>
      <c r="G7787" s="40">
        <v>21.971325598416001</v>
      </c>
      <c r="H7787" s="40">
        <v>129.63333400000002</v>
      </c>
      <c r="I7787" s="40">
        <v>21.368861029185513</v>
      </c>
      <c r="L7787" s="40"/>
      <c r="M7787" s="40"/>
      <c r="N7787" s="40"/>
    </row>
    <row r="7788" spans="4:14" x14ac:dyDescent="0.25">
      <c r="D7788" s="40">
        <v>129.6614810000043</v>
      </c>
      <c r="E7788" s="40">
        <v>21.269531007952324</v>
      </c>
      <c r="F7788" s="40">
        <v>129.65</v>
      </c>
      <c r="G7788" s="40">
        <v>21.971325598416001</v>
      </c>
      <c r="H7788" s="40">
        <v>129.65</v>
      </c>
      <c r="I7788" s="40">
        <v>21.368861029185513</v>
      </c>
      <c r="L7788" s="40"/>
      <c r="M7788" s="40"/>
      <c r="N7788" s="40"/>
    </row>
    <row r="7789" spans="4:14" x14ac:dyDescent="0.25">
      <c r="D7789" s="40">
        <v>129.67814700000429</v>
      </c>
      <c r="E7789" s="40">
        <v>21.269531007952324</v>
      </c>
      <c r="F7789" s="40">
        <v>129.66666699999999</v>
      </c>
      <c r="G7789" s="40">
        <v>21.971325598416001</v>
      </c>
      <c r="H7789" s="40">
        <v>129.66666700000002</v>
      </c>
      <c r="I7789" s="40">
        <v>21.372115155442103</v>
      </c>
      <c r="L7789" s="40"/>
      <c r="M7789" s="40"/>
      <c r="N7789" s="40"/>
    </row>
    <row r="7790" spans="4:14" x14ac:dyDescent="0.25">
      <c r="D7790" s="40">
        <v>129.69481300000427</v>
      </c>
      <c r="E7790" s="40">
        <v>21.274374186541873</v>
      </c>
      <c r="F7790" s="40">
        <v>129.683333</v>
      </c>
      <c r="G7790" s="40">
        <v>21.971325598416001</v>
      </c>
      <c r="H7790" s="40">
        <v>129.683334</v>
      </c>
      <c r="I7790" s="40">
        <v>21.372115155442103</v>
      </c>
      <c r="L7790" s="40"/>
      <c r="M7790" s="40"/>
      <c r="N7790" s="40"/>
    </row>
    <row r="7791" spans="4:14" x14ac:dyDescent="0.25">
      <c r="D7791" s="40">
        <v>129.71147900000426</v>
      </c>
      <c r="E7791" s="40">
        <v>21.274374186541873</v>
      </c>
      <c r="F7791" s="40">
        <v>129.69999999999999</v>
      </c>
      <c r="G7791" s="40">
        <v>21.971325598416001</v>
      </c>
      <c r="H7791" s="40">
        <v>129.70000000000002</v>
      </c>
      <c r="I7791" s="40">
        <v>21.375467891585537</v>
      </c>
      <c r="L7791" s="40"/>
      <c r="M7791" s="40"/>
      <c r="N7791" s="40"/>
    </row>
    <row r="7792" spans="4:14" x14ac:dyDescent="0.25">
      <c r="D7792" s="40">
        <v>129.72814500000425</v>
      </c>
      <c r="E7792" s="40">
        <v>21.274374186541873</v>
      </c>
      <c r="F7792" s="40">
        <v>129.716667</v>
      </c>
      <c r="G7792" s="40">
        <v>21.976080842506221</v>
      </c>
      <c r="H7792" s="40">
        <v>129.716667</v>
      </c>
      <c r="I7792" s="40">
        <v>21.375467891585537</v>
      </c>
      <c r="L7792" s="40"/>
      <c r="M7792" s="40"/>
      <c r="N7792" s="40"/>
    </row>
    <row r="7793" spans="4:14" x14ac:dyDescent="0.25">
      <c r="D7793" s="40">
        <v>129.74481100000423</v>
      </c>
      <c r="E7793" s="40">
        <v>21.279074918702172</v>
      </c>
      <c r="F7793" s="40">
        <v>129.73333299999999</v>
      </c>
      <c r="G7793" s="40">
        <v>21.976080842506221</v>
      </c>
      <c r="H7793" s="40">
        <v>129.73333400000001</v>
      </c>
      <c r="I7793" s="40">
        <v>21.378820627728793</v>
      </c>
      <c r="L7793" s="40"/>
      <c r="M7793" s="40"/>
      <c r="N7793" s="40"/>
    </row>
    <row r="7794" spans="4:14" x14ac:dyDescent="0.25">
      <c r="D7794" s="40">
        <v>129.76147700000422</v>
      </c>
      <c r="E7794" s="40">
        <v>21.279074918702172</v>
      </c>
      <c r="F7794" s="40">
        <v>129.75</v>
      </c>
      <c r="G7794" s="40">
        <v>21.976080842506221</v>
      </c>
      <c r="H7794" s="40">
        <v>129.75</v>
      </c>
      <c r="I7794" s="40">
        <v>21.378820627728793</v>
      </c>
      <c r="L7794" s="40"/>
      <c r="M7794" s="40"/>
      <c r="N7794" s="40"/>
    </row>
    <row r="7795" spans="4:14" x14ac:dyDescent="0.25">
      <c r="D7795" s="40">
        <v>129.77814300000421</v>
      </c>
      <c r="E7795" s="40">
        <v>21.283918097291721</v>
      </c>
      <c r="F7795" s="40">
        <v>129.76666699999998</v>
      </c>
      <c r="G7795" s="40">
        <v>21.976080842506221</v>
      </c>
      <c r="H7795" s="40">
        <v>129.76666700000001</v>
      </c>
      <c r="I7795" s="40">
        <v>21.382173363872052</v>
      </c>
      <c r="L7795" s="40"/>
      <c r="M7795" s="40"/>
      <c r="N7795" s="40"/>
    </row>
    <row r="7796" spans="4:14" x14ac:dyDescent="0.25">
      <c r="D7796" s="40">
        <v>129.79480900000419</v>
      </c>
      <c r="E7796" s="40">
        <v>21.283918097291721</v>
      </c>
      <c r="F7796" s="40">
        <v>129.783333</v>
      </c>
      <c r="G7796" s="40">
        <v>21.976080842506221</v>
      </c>
      <c r="H7796" s="40">
        <v>129.783334</v>
      </c>
      <c r="I7796" s="40">
        <v>21.382173363872052</v>
      </c>
      <c r="L7796" s="40"/>
      <c r="M7796" s="40"/>
      <c r="N7796" s="40"/>
    </row>
    <row r="7797" spans="4:14" x14ac:dyDescent="0.25">
      <c r="D7797" s="40">
        <v>129.81147500000418</v>
      </c>
      <c r="E7797" s="40">
        <v>21.288761275881271</v>
      </c>
      <c r="F7797" s="40">
        <v>129.79999999999998</v>
      </c>
      <c r="G7797" s="40">
        <v>21.976080842506221</v>
      </c>
      <c r="H7797" s="40">
        <v>129.80000000000001</v>
      </c>
      <c r="I7797" s="40">
        <v>21.385427490128816</v>
      </c>
      <c r="L7797" s="40"/>
      <c r="M7797" s="40"/>
      <c r="N7797" s="40"/>
    </row>
    <row r="7798" spans="4:14" x14ac:dyDescent="0.25">
      <c r="D7798" s="40">
        <v>129.82814100000417</v>
      </c>
      <c r="E7798" s="40">
        <v>21.288761275881271</v>
      </c>
      <c r="F7798" s="40">
        <v>129.816667</v>
      </c>
      <c r="G7798" s="40">
        <v>21.976080842506221</v>
      </c>
      <c r="H7798" s="40">
        <v>129.816667</v>
      </c>
      <c r="I7798" s="40">
        <v>21.385427490128816</v>
      </c>
      <c r="L7798" s="40"/>
      <c r="M7798" s="40"/>
      <c r="N7798" s="40"/>
    </row>
    <row r="7799" spans="4:14" x14ac:dyDescent="0.25">
      <c r="D7799" s="40">
        <v>129.84480700000415</v>
      </c>
      <c r="E7799" s="40">
        <v>21.293462008041566</v>
      </c>
      <c r="F7799" s="40">
        <v>129.83333299999998</v>
      </c>
      <c r="G7799" s="40">
        <v>21.976080842506221</v>
      </c>
      <c r="H7799" s="40">
        <v>129.83333400000001</v>
      </c>
      <c r="I7799" s="40">
        <v>21.388780226272246</v>
      </c>
      <c r="L7799" s="40"/>
      <c r="M7799" s="40"/>
      <c r="N7799" s="40"/>
    </row>
    <row r="7800" spans="4:14" x14ac:dyDescent="0.25">
      <c r="D7800" s="40">
        <v>129.86147300000414</v>
      </c>
      <c r="E7800" s="40">
        <v>21.293462008041566</v>
      </c>
      <c r="F7800" s="40">
        <v>129.85</v>
      </c>
      <c r="G7800" s="40">
        <v>21.980836086596437</v>
      </c>
      <c r="H7800" s="40">
        <v>129.85</v>
      </c>
      <c r="I7800" s="40">
        <v>21.388780226272246</v>
      </c>
      <c r="L7800" s="40"/>
      <c r="M7800" s="40"/>
      <c r="N7800" s="40"/>
    </row>
    <row r="7801" spans="4:14" x14ac:dyDescent="0.25">
      <c r="D7801" s="40">
        <v>129.87813900000413</v>
      </c>
      <c r="E7801" s="40">
        <v>21.298305186631119</v>
      </c>
      <c r="F7801" s="40">
        <v>129.86666700000001</v>
      </c>
      <c r="G7801" s="40">
        <v>21.980836086596437</v>
      </c>
      <c r="H7801" s="40">
        <v>129.86666700000001</v>
      </c>
      <c r="I7801" s="40">
        <v>21.392132962415502</v>
      </c>
      <c r="L7801" s="40"/>
      <c r="M7801" s="40"/>
      <c r="N7801" s="40"/>
    </row>
    <row r="7802" spans="4:14" x14ac:dyDescent="0.25">
      <c r="D7802" s="40">
        <v>129.89480500000411</v>
      </c>
      <c r="E7802" s="40">
        <v>21.298305186631119</v>
      </c>
      <c r="F7802" s="40">
        <v>129.88333299999999</v>
      </c>
      <c r="G7802" s="40">
        <v>21.980836086596437</v>
      </c>
      <c r="H7802" s="40">
        <v>129.88333400000002</v>
      </c>
      <c r="I7802" s="40">
        <v>21.392132962415502</v>
      </c>
      <c r="L7802" s="40"/>
      <c r="M7802" s="40"/>
      <c r="N7802" s="40"/>
    </row>
    <row r="7803" spans="4:14" x14ac:dyDescent="0.25">
      <c r="D7803" s="40">
        <v>129.9114710000041</v>
      </c>
      <c r="E7803" s="40">
        <v>21.298305186631119</v>
      </c>
      <c r="F7803" s="40">
        <v>129.9</v>
      </c>
      <c r="G7803" s="40">
        <v>21.980836086596437</v>
      </c>
      <c r="H7803" s="40">
        <v>129.9</v>
      </c>
      <c r="I7803" s="40">
        <v>21.392132962415502</v>
      </c>
      <c r="L7803" s="40"/>
      <c r="M7803" s="40"/>
      <c r="N7803" s="40"/>
    </row>
    <row r="7804" spans="4:14" x14ac:dyDescent="0.25">
      <c r="D7804" s="40">
        <v>129.92813700000409</v>
      </c>
      <c r="E7804" s="40">
        <v>21.303148365220665</v>
      </c>
      <c r="F7804" s="40">
        <v>129.91666699999999</v>
      </c>
      <c r="G7804" s="40">
        <v>21.980836086596437</v>
      </c>
      <c r="H7804" s="40">
        <v>129.91666700000002</v>
      </c>
      <c r="I7804" s="40">
        <v>21.395387088672265</v>
      </c>
      <c r="L7804" s="40"/>
      <c r="M7804" s="40"/>
      <c r="N7804" s="40"/>
    </row>
    <row r="7805" spans="4:14" x14ac:dyDescent="0.25">
      <c r="D7805" s="40">
        <v>129.94480300000407</v>
      </c>
      <c r="E7805" s="40">
        <v>21.307849097381091</v>
      </c>
      <c r="F7805" s="40">
        <v>129.933333</v>
      </c>
      <c r="G7805" s="40">
        <v>21.985451470566339</v>
      </c>
      <c r="H7805" s="40">
        <v>129.933334</v>
      </c>
      <c r="I7805" s="40">
        <v>21.398739824815522</v>
      </c>
      <c r="L7805" s="40"/>
      <c r="M7805" s="40"/>
      <c r="N7805" s="40"/>
    </row>
    <row r="7806" spans="4:14" x14ac:dyDescent="0.25">
      <c r="D7806" s="40">
        <v>129.96146900000406</v>
      </c>
      <c r="E7806" s="40">
        <v>21.312692275970512</v>
      </c>
      <c r="F7806" s="40">
        <v>129.94999999999999</v>
      </c>
      <c r="G7806" s="40">
        <v>21.985451470566339</v>
      </c>
      <c r="H7806" s="40">
        <v>129.95000000000002</v>
      </c>
      <c r="I7806" s="40">
        <v>21.398739824815522</v>
      </c>
      <c r="L7806" s="40"/>
      <c r="M7806" s="40"/>
      <c r="N7806" s="40"/>
    </row>
    <row r="7807" spans="4:14" x14ac:dyDescent="0.25">
      <c r="D7807" s="40">
        <v>129.97813500000404</v>
      </c>
      <c r="E7807" s="40">
        <v>21.317535454560062</v>
      </c>
      <c r="F7807" s="40">
        <v>129.966667</v>
      </c>
      <c r="G7807" s="40">
        <v>21.990206714656434</v>
      </c>
      <c r="H7807" s="40">
        <v>129.966667</v>
      </c>
      <c r="I7807" s="40">
        <v>21.398739824815522</v>
      </c>
      <c r="L7807" s="40"/>
      <c r="M7807" s="40"/>
      <c r="N7807" s="40"/>
    </row>
    <row r="7808" spans="4:14" x14ac:dyDescent="0.25">
      <c r="D7808" s="40">
        <v>129.99480100000403</v>
      </c>
      <c r="E7808" s="40">
        <v>21.317535454560062</v>
      </c>
      <c r="F7808" s="40">
        <v>129.98333299999999</v>
      </c>
      <c r="G7808" s="40">
        <v>21.990206714656434</v>
      </c>
      <c r="H7808" s="40">
        <v>129.98333400000001</v>
      </c>
      <c r="I7808" s="40">
        <v>21.402092560958781</v>
      </c>
      <c r="L7808" s="40"/>
      <c r="M7808" s="40"/>
      <c r="N7808" s="40"/>
    </row>
    <row r="7809" spans="4:14" x14ac:dyDescent="0.25">
      <c r="D7809" s="40">
        <v>130.01146700000402</v>
      </c>
      <c r="E7809" s="40">
        <v>21.322378633149608</v>
      </c>
      <c r="F7809" s="40">
        <v>130</v>
      </c>
      <c r="G7809" s="40">
        <v>21.994961958746654</v>
      </c>
      <c r="H7809" s="40">
        <v>130</v>
      </c>
      <c r="I7809" s="40">
        <v>21.402092560958781</v>
      </c>
      <c r="L7809" s="40"/>
      <c r="M7809" s="40"/>
      <c r="N7809" s="40"/>
    </row>
    <row r="7810" spans="4:14" x14ac:dyDescent="0.25">
      <c r="D7810" s="40">
        <v>130.028133000004</v>
      </c>
      <c r="E7810" s="40">
        <v>21.322378633149608</v>
      </c>
      <c r="F7810" s="40">
        <v>130.01666699999998</v>
      </c>
      <c r="G7810" s="40">
        <v>21.994961958746654</v>
      </c>
      <c r="H7810" s="40">
        <v>130.01666700000001</v>
      </c>
      <c r="I7810" s="40">
        <v>21.405346687215545</v>
      </c>
      <c r="L7810" s="40"/>
      <c r="M7810" s="40"/>
      <c r="N7810" s="40"/>
    </row>
    <row r="7811" spans="4:14" x14ac:dyDescent="0.25">
      <c r="D7811" s="40">
        <v>130.04479900000399</v>
      </c>
      <c r="E7811" s="40">
        <v>21.327079365309906</v>
      </c>
      <c r="F7811" s="40">
        <v>130.033333</v>
      </c>
      <c r="G7811" s="40">
        <v>21.994961958746654</v>
      </c>
      <c r="H7811" s="40">
        <v>130.033334</v>
      </c>
      <c r="I7811" s="40">
        <v>21.408699423358975</v>
      </c>
      <c r="L7811" s="40"/>
      <c r="M7811" s="40"/>
      <c r="N7811" s="40"/>
    </row>
    <row r="7812" spans="4:14" x14ac:dyDescent="0.25">
      <c r="D7812" s="40">
        <v>130.06146500000398</v>
      </c>
      <c r="E7812" s="40">
        <v>21.327079365309906</v>
      </c>
      <c r="F7812" s="40">
        <v>130.04999999999998</v>
      </c>
      <c r="G7812" s="40">
        <v>21.994961958746654</v>
      </c>
      <c r="H7812" s="40">
        <v>130.05000000000001</v>
      </c>
      <c r="I7812" s="40">
        <v>21.408699423358975</v>
      </c>
      <c r="L7812" s="40"/>
      <c r="M7812" s="40"/>
      <c r="N7812" s="40"/>
    </row>
    <row r="7813" spans="4:14" x14ac:dyDescent="0.25">
      <c r="D7813" s="40">
        <v>130.07813100000396</v>
      </c>
      <c r="E7813" s="40">
        <v>21.327079365309906</v>
      </c>
      <c r="F7813" s="40">
        <v>130.066667</v>
      </c>
      <c r="G7813" s="40">
        <v>21.994961958746654</v>
      </c>
      <c r="H7813" s="40">
        <v>130.066667</v>
      </c>
      <c r="I7813" s="40">
        <v>21.412052159502231</v>
      </c>
      <c r="L7813" s="40"/>
      <c r="M7813" s="40"/>
      <c r="N7813" s="40"/>
    </row>
    <row r="7814" spans="4:14" x14ac:dyDescent="0.25">
      <c r="D7814" s="40">
        <v>130.09479700000395</v>
      </c>
      <c r="E7814" s="40">
        <v>21.327079365309906</v>
      </c>
      <c r="F7814" s="40">
        <v>130.08333299999998</v>
      </c>
      <c r="G7814" s="40">
        <v>21.994961958746654</v>
      </c>
      <c r="H7814" s="40">
        <v>130.08333400000001</v>
      </c>
      <c r="I7814" s="40">
        <v>21.412052159502231</v>
      </c>
      <c r="L7814" s="40"/>
      <c r="M7814" s="40"/>
      <c r="N7814" s="40"/>
    </row>
    <row r="7815" spans="4:14" x14ac:dyDescent="0.25">
      <c r="D7815" s="40">
        <v>130.11146300000394</v>
      </c>
      <c r="E7815" s="40">
        <v>21.327079365309906</v>
      </c>
      <c r="F7815" s="40">
        <v>130.1</v>
      </c>
      <c r="G7815" s="40">
        <v>21.999577342716552</v>
      </c>
      <c r="H7815" s="40">
        <v>130.1</v>
      </c>
      <c r="I7815" s="40">
        <v>21.415306285758994</v>
      </c>
      <c r="L7815" s="40"/>
      <c r="M7815" s="40"/>
      <c r="N7815" s="40"/>
    </row>
    <row r="7816" spans="4:14" x14ac:dyDescent="0.25">
      <c r="D7816" s="40">
        <v>130.12812900000392</v>
      </c>
      <c r="E7816" s="40">
        <v>21.327079365309906</v>
      </c>
      <c r="F7816" s="40">
        <v>130.11666700000001</v>
      </c>
      <c r="G7816" s="40">
        <v>21.999577342716552</v>
      </c>
      <c r="H7816" s="40">
        <v>130.11666700000001</v>
      </c>
      <c r="I7816" s="40">
        <v>21.415306285758994</v>
      </c>
      <c r="L7816" s="40"/>
      <c r="M7816" s="40"/>
      <c r="N7816" s="40"/>
    </row>
    <row r="7817" spans="4:14" x14ac:dyDescent="0.25">
      <c r="D7817" s="40">
        <v>130.14479500000391</v>
      </c>
      <c r="E7817" s="40">
        <v>21.327079365309906</v>
      </c>
      <c r="F7817" s="40">
        <v>130.13333299999999</v>
      </c>
      <c r="G7817" s="40">
        <v>21.999577342716552</v>
      </c>
      <c r="H7817" s="40">
        <v>130.13333400000002</v>
      </c>
      <c r="I7817" s="40">
        <v>21.418659021902254</v>
      </c>
      <c r="L7817" s="40"/>
      <c r="M7817" s="40"/>
      <c r="N7817" s="40"/>
    </row>
    <row r="7818" spans="4:14" x14ac:dyDescent="0.25">
      <c r="D7818" s="40">
        <v>130.1614610000039</v>
      </c>
      <c r="E7818" s="40">
        <v>21.327079365309906</v>
      </c>
      <c r="F7818" s="40">
        <v>130.15</v>
      </c>
      <c r="G7818" s="40">
        <v>21.999577342716552</v>
      </c>
      <c r="H7818" s="40">
        <v>130.15</v>
      </c>
      <c r="I7818" s="40">
        <v>21.418659021902254</v>
      </c>
      <c r="L7818" s="40"/>
      <c r="M7818" s="40"/>
      <c r="N7818" s="40"/>
    </row>
    <row r="7819" spans="4:14" x14ac:dyDescent="0.25">
      <c r="D7819" s="40">
        <v>130.17812700000388</v>
      </c>
      <c r="E7819" s="40">
        <v>21.322378633149608</v>
      </c>
      <c r="F7819" s="40">
        <v>130.16666699999999</v>
      </c>
      <c r="G7819" s="40">
        <v>21.999577342716552</v>
      </c>
      <c r="H7819" s="40">
        <v>130.16666700000002</v>
      </c>
      <c r="I7819" s="40">
        <v>21.422011758045688</v>
      </c>
      <c r="L7819" s="40"/>
      <c r="M7819" s="40"/>
      <c r="N7819" s="40"/>
    </row>
    <row r="7820" spans="4:14" x14ac:dyDescent="0.25">
      <c r="D7820" s="40">
        <v>130.19479300000387</v>
      </c>
      <c r="E7820" s="40">
        <v>21.317535454560062</v>
      </c>
      <c r="F7820" s="40">
        <v>130.183333</v>
      </c>
      <c r="G7820" s="40">
        <v>21.999577342716552</v>
      </c>
      <c r="H7820" s="40">
        <v>130.183334</v>
      </c>
      <c r="I7820" s="40">
        <v>21.422011758045688</v>
      </c>
      <c r="L7820" s="40"/>
      <c r="M7820" s="40"/>
      <c r="N7820" s="40"/>
    </row>
    <row r="7821" spans="4:14" x14ac:dyDescent="0.25">
      <c r="D7821" s="40">
        <v>130.21145900000386</v>
      </c>
      <c r="E7821" s="40">
        <v>21.317535454560062</v>
      </c>
      <c r="F7821" s="40">
        <v>130.19999999999999</v>
      </c>
      <c r="G7821" s="40">
        <v>21.999577342716552</v>
      </c>
      <c r="H7821" s="40">
        <v>130.20000000000002</v>
      </c>
      <c r="I7821" s="40">
        <v>21.425265884302274</v>
      </c>
      <c r="L7821" s="40"/>
      <c r="M7821" s="40"/>
      <c r="N7821" s="40"/>
    </row>
    <row r="7822" spans="4:14" x14ac:dyDescent="0.25">
      <c r="D7822" s="40">
        <v>130.22812500000384</v>
      </c>
      <c r="E7822" s="40">
        <v>21.312692275970512</v>
      </c>
      <c r="F7822" s="40">
        <v>130.216667</v>
      </c>
      <c r="G7822" s="40">
        <v>21.999577342716552</v>
      </c>
      <c r="H7822" s="40">
        <v>130.216667</v>
      </c>
      <c r="I7822" s="40">
        <v>21.425265884302274</v>
      </c>
      <c r="L7822" s="40"/>
      <c r="M7822" s="40"/>
      <c r="N7822" s="40"/>
    </row>
    <row r="7823" spans="4:14" x14ac:dyDescent="0.25">
      <c r="D7823" s="40">
        <v>130.24479100000383</v>
      </c>
      <c r="E7823" s="40">
        <v>21.312692275970512</v>
      </c>
      <c r="F7823" s="40">
        <v>130.23333299999999</v>
      </c>
      <c r="G7823" s="40">
        <v>21.999577342716552</v>
      </c>
      <c r="H7823" s="40">
        <v>130.23333400000001</v>
      </c>
      <c r="I7823" s="40">
        <v>21.428618620445704</v>
      </c>
      <c r="L7823" s="40"/>
      <c r="M7823" s="40"/>
      <c r="N7823" s="40"/>
    </row>
    <row r="7824" spans="4:14" x14ac:dyDescent="0.25">
      <c r="D7824" s="40">
        <v>130.26145700000382</v>
      </c>
      <c r="E7824" s="40">
        <v>21.312692275970512</v>
      </c>
      <c r="F7824" s="40">
        <v>130.25</v>
      </c>
      <c r="G7824" s="40">
        <v>21.999577342716552</v>
      </c>
      <c r="H7824" s="40">
        <v>130.25</v>
      </c>
      <c r="I7824" s="40">
        <v>21.428618620445704</v>
      </c>
      <c r="L7824" s="40"/>
      <c r="M7824" s="40"/>
      <c r="N7824" s="40"/>
    </row>
    <row r="7825" spans="4:14" x14ac:dyDescent="0.25">
      <c r="D7825" s="40">
        <v>130.2781230000038</v>
      </c>
      <c r="E7825" s="40">
        <v>21.312692275970512</v>
      </c>
      <c r="F7825" s="40">
        <v>130.26666699999998</v>
      </c>
      <c r="G7825" s="40">
        <v>21.999577342716552</v>
      </c>
      <c r="H7825" s="40">
        <v>130.26666700000001</v>
      </c>
      <c r="I7825" s="40">
        <v>21.431971356588964</v>
      </c>
      <c r="L7825" s="40"/>
      <c r="M7825" s="40"/>
      <c r="N7825" s="40"/>
    </row>
    <row r="7826" spans="4:14" x14ac:dyDescent="0.25">
      <c r="D7826" s="40">
        <v>130.29478900000379</v>
      </c>
      <c r="E7826" s="40">
        <v>21.312692275970512</v>
      </c>
      <c r="F7826" s="40">
        <v>130.283333</v>
      </c>
      <c r="G7826" s="40">
        <v>21.999577342716552</v>
      </c>
      <c r="H7826" s="40">
        <v>130.283334</v>
      </c>
      <c r="I7826" s="40">
        <v>21.431971356588964</v>
      </c>
      <c r="L7826" s="40"/>
      <c r="M7826" s="40"/>
      <c r="N7826" s="40"/>
    </row>
    <row r="7827" spans="4:14" x14ac:dyDescent="0.25">
      <c r="D7827" s="40">
        <v>130.31145500000378</v>
      </c>
      <c r="E7827" s="40">
        <v>21.312692275970512</v>
      </c>
      <c r="F7827" s="40">
        <v>130.29999999999998</v>
      </c>
      <c r="G7827" s="40">
        <v>21.999577342716552</v>
      </c>
      <c r="H7827" s="40">
        <v>130.30000000000001</v>
      </c>
      <c r="I7827" s="40">
        <v>21.435225482845727</v>
      </c>
      <c r="L7827" s="40"/>
      <c r="M7827" s="40"/>
      <c r="N7827" s="40"/>
    </row>
    <row r="7828" spans="4:14" x14ac:dyDescent="0.25">
      <c r="D7828" s="40">
        <v>130.32812100000376</v>
      </c>
      <c r="E7828" s="40">
        <v>21.307849097381091</v>
      </c>
      <c r="F7828" s="40">
        <v>130.316667</v>
      </c>
      <c r="G7828" s="40">
        <v>21.999577342716552</v>
      </c>
      <c r="H7828" s="40">
        <v>130.316667</v>
      </c>
      <c r="I7828" s="40">
        <v>21.438578218988983</v>
      </c>
      <c r="L7828" s="40"/>
      <c r="M7828" s="40"/>
      <c r="N7828" s="40"/>
    </row>
    <row r="7829" spans="4:14" x14ac:dyDescent="0.25">
      <c r="D7829" s="40">
        <v>130.34478700000375</v>
      </c>
      <c r="E7829" s="40">
        <v>21.307849097381091</v>
      </c>
      <c r="F7829" s="40">
        <v>130.33333299999998</v>
      </c>
      <c r="G7829" s="40">
        <v>21.999577342716552</v>
      </c>
      <c r="H7829" s="40">
        <v>130.33333400000001</v>
      </c>
      <c r="I7829" s="40">
        <v>21.438578218988983</v>
      </c>
      <c r="L7829" s="40"/>
      <c r="M7829" s="40"/>
      <c r="N7829" s="40"/>
    </row>
    <row r="7830" spans="4:14" x14ac:dyDescent="0.25">
      <c r="D7830" s="40">
        <v>130.36145300000373</v>
      </c>
      <c r="E7830" s="40">
        <v>21.307849097381091</v>
      </c>
      <c r="F7830" s="40">
        <v>130.35</v>
      </c>
      <c r="G7830" s="40">
        <v>21.999577342716552</v>
      </c>
      <c r="H7830" s="40">
        <v>130.35</v>
      </c>
      <c r="I7830" s="40">
        <v>21.441930955132417</v>
      </c>
      <c r="L7830" s="40"/>
      <c r="M7830" s="40"/>
      <c r="N7830" s="40"/>
    </row>
    <row r="7831" spans="4:14" x14ac:dyDescent="0.25">
      <c r="D7831" s="40">
        <v>130.37811900000372</v>
      </c>
      <c r="E7831" s="40">
        <v>21.307849097381091</v>
      </c>
      <c r="F7831" s="40">
        <v>130.36666700000001</v>
      </c>
      <c r="G7831" s="40">
        <v>21.994961958746654</v>
      </c>
      <c r="H7831" s="40">
        <v>130.36666700000001</v>
      </c>
      <c r="I7831" s="40">
        <v>21.441930955132417</v>
      </c>
      <c r="L7831" s="40"/>
      <c r="M7831" s="40"/>
      <c r="N7831" s="40"/>
    </row>
    <row r="7832" spans="4:14" x14ac:dyDescent="0.25">
      <c r="D7832" s="40">
        <v>130.39478500000371</v>
      </c>
      <c r="E7832" s="40">
        <v>21.307849097381091</v>
      </c>
      <c r="F7832" s="40">
        <v>130.38333299999999</v>
      </c>
      <c r="G7832" s="40">
        <v>21.994961958746654</v>
      </c>
      <c r="H7832" s="40">
        <v>130.38333400000002</v>
      </c>
      <c r="I7832" s="40">
        <v>21.44518508138918</v>
      </c>
      <c r="L7832" s="40"/>
      <c r="M7832" s="40"/>
      <c r="N7832" s="40"/>
    </row>
    <row r="7833" spans="4:14" x14ac:dyDescent="0.25">
      <c r="D7833" s="40">
        <v>130.41145100000369</v>
      </c>
      <c r="E7833" s="40">
        <v>21.307849097381091</v>
      </c>
      <c r="F7833" s="40">
        <v>130.4</v>
      </c>
      <c r="G7833" s="40">
        <v>21.990206714656434</v>
      </c>
      <c r="H7833" s="40">
        <v>130.4</v>
      </c>
      <c r="I7833" s="40">
        <v>21.44518508138918</v>
      </c>
      <c r="L7833" s="40"/>
      <c r="M7833" s="40"/>
      <c r="N7833" s="40"/>
    </row>
    <row r="7834" spans="4:14" x14ac:dyDescent="0.25">
      <c r="D7834" s="40">
        <v>130.42811700000368</v>
      </c>
      <c r="E7834" s="40">
        <v>21.303148365220665</v>
      </c>
      <c r="F7834" s="40">
        <v>130.41666699999999</v>
      </c>
      <c r="G7834" s="40">
        <v>21.990206714656434</v>
      </c>
      <c r="H7834" s="40">
        <v>130.41666700000002</v>
      </c>
      <c r="I7834" s="40">
        <v>21.448537817532433</v>
      </c>
      <c r="L7834" s="40"/>
      <c r="M7834" s="40"/>
      <c r="N7834" s="40"/>
    </row>
    <row r="7835" spans="4:14" x14ac:dyDescent="0.25">
      <c r="D7835" s="40">
        <v>130.44478300000367</v>
      </c>
      <c r="E7835" s="40">
        <v>21.303148365220665</v>
      </c>
      <c r="F7835" s="40">
        <v>130.433333</v>
      </c>
      <c r="G7835" s="40">
        <v>21.990206714656434</v>
      </c>
      <c r="H7835" s="40">
        <v>130.433334</v>
      </c>
      <c r="I7835" s="40">
        <v>21.451890553675693</v>
      </c>
      <c r="L7835" s="40"/>
      <c r="M7835" s="40"/>
      <c r="N7835" s="40"/>
    </row>
    <row r="7836" spans="4:14" x14ac:dyDescent="0.25">
      <c r="D7836" s="40">
        <v>130.46144900000365</v>
      </c>
      <c r="E7836" s="40">
        <v>21.307849097381091</v>
      </c>
      <c r="F7836" s="40">
        <v>130.44999999999999</v>
      </c>
      <c r="G7836" s="40">
        <v>21.990206714656434</v>
      </c>
      <c r="H7836" s="40">
        <v>130.45000000000002</v>
      </c>
      <c r="I7836" s="40">
        <v>21.451890553675693</v>
      </c>
      <c r="L7836" s="40"/>
      <c r="M7836" s="40"/>
      <c r="N7836" s="40"/>
    </row>
    <row r="7837" spans="4:14" x14ac:dyDescent="0.25">
      <c r="D7837" s="40">
        <v>130.47811500000364</v>
      </c>
      <c r="E7837" s="40">
        <v>21.307849097381091</v>
      </c>
      <c r="F7837" s="40">
        <v>130.466667</v>
      </c>
      <c r="G7837" s="40">
        <v>21.985451470566339</v>
      </c>
      <c r="H7837" s="40">
        <v>130.466667</v>
      </c>
      <c r="I7837" s="40">
        <v>21.455144679932456</v>
      </c>
      <c r="L7837" s="40"/>
      <c r="M7837" s="40"/>
      <c r="N7837" s="40"/>
    </row>
    <row r="7838" spans="4:14" x14ac:dyDescent="0.25">
      <c r="D7838" s="40">
        <v>130.49478100000363</v>
      </c>
      <c r="E7838" s="40">
        <v>21.307849097381091</v>
      </c>
      <c r="F7838" s="40">
        <v>130.48333299999999</v>
      </c>
      <c r="G7838" s="40">
        <v>21.990206714656434</v>
      </c>
      <c r="H7838" s="40">
        <v>130.48333400000001</v>
      </c>
      <c r="I7838" s="40">
        <v>21.455144679932456</v>
      </c>
      <c r="L7838" s="40"/>
      <c r="M7838" s="40"/>
      <c r="N7838" s="40"/>
    </row>
    <row r="7839" spans="4:14" x14ac:dyDescent="0.25">
      <c r="D7839" s="40">
        <v>130.51144700000361</v>
      </c>
      <c r="E7839" s="40">
        <v>21.307849097381091</v>
      </c>
      <c r="F7839" s="40">
        <v>130.5</v>
      </c>
      <c r="G7839" s="40">
        <v>21.990206714656434</v>
      </c>
      <c r="H7839" s="40">
        <v>130.5</v>
      </c>
      <c r="I7839" s="40">
        <v>21.458497416075712</v>
      </c>
      <c r="L7839" s="40"/>
      <c r="M7839" s="40"/>
      <c r="N7839" s="40"/>
    </row>
    <row r="7840" spans="4:14" x14ac:dyDescent="0.25">
      <c r="D7840" s="40">
        <v>130.5281130000036</v>
      </c>
      <c r="E7840" s="40">
        <v>21.307849097381091</v>
      </c>
      <c r="F7840" s="40">
        <v>130.51666699999998</v>
      </c>
      <c r="G7840" s="40">
        <v>21.990206714656434</v>
      </c>
      <c r="H7840" s="40">
        <v>130.51666700000001</v>
      </c>
      <c r="I7840" s="40">
        <v>21.458497416075712</v>
      </c>
      <c r="L7840" s="40"/>
      <c r="M7840" s="40"/>
      <c r="N7840" s="40"/>
    </row>
    <row r="7841" spans="4:14" x14ac:dyDescent="0.25">
      <c r="D7841" s="40">
        <v>130.54477900000359</v>
      </c>
      <c r="E7841" s="40">
        <v>21.307849097381091</v>
      </c>
      <c r="F7841" s="40">
        <v>130.533333</v>
      </c>
      <c r="G7841" s="40">
        <v>21.990206714656434</v>
      </c>
      <c r="H7841" s="40">
        <v>130.533334</v>
      </c>
      <c r="I7841" s="40">
        <v>21.461850152219146</v>
      </c>
      <c r="L7841" s="40"/>
      <c r="M7841" s="40"/>
      <c r="N7841" s="40"/>
    </row>
    <row r="7842" spans="4:14" x14ac:dyDescent="0.25">
      <c r="D7842" s="40">
        <v>130.56144500000357</v>
      </c>
      <c r="E7842" s="40">
        <v>21.312692275970512</v>
      </c>
      <c r="F7842" s="40">
        <v>130.54999999999998</v>
      </c>
      <c r="G7842" s="40">
        <v>21.990206714656434</v>
      </c>
      <c r="H7842" s="40">
        <v>130.55000000000001</v>
      </c>
      <c r="I7842" s="40">
        <v>21.465104278475909</v>
      </c>
      <c r="L7842" s="40"/>
      <c r="M7842" s="40"/>
      <c r="N7842" s="40"/>
    </row>
    <row r="7843" spans="4:14" x14ac:dyDescent="0.25">
      <c r="D7843" s="40">
        <v>130.57811100000356</v>
      </c>
      <c r="E7843" s="40">
        <v>21.312692275970512</v>
      </c>
      <c r="F7843" s="40">
        <v>130.566667</v>
      </c>
      <c r="G7843" s="40">
        <v>21.990206714656434</v>
      </c>
      <c r="H7843" s="40">
        <v>130.566667</v>
      </c>
      <c r="I7843" s="40">
        <v>21.465104278475909</v>
      </c>
      <c r="L7843" s="40"/>
      <c r="M7843" s="40"/>
      <c r="N7843" s="40"/>
    </row>
    <row r="7844" spans="4:14" x14ac:dyDescent="0.25">
      <c r="D7844" s="40">
        <v>130.59477700000355</v>
      </c>
      <c r="E7844" s="40">
        <v>21.312692275970512</v>
      </c>
      <c r="F7844" s="40">
        <v>130.58333299999998</v>
      </c>
      <c r="G7844" s="40">
        <v>21.990206714656434</v>
      </c>
      <c r="H7844" s="40">
        <v>130.58333400000001</v>
      </c>
      <c r="I7844" s="40">
        <v>21.468457014619165</v>
      </c>
      <c r="L7844" s="40"/>
      <c r="M7844" s="40"/>
      <c r="N7844" s="40"/>
    </row>
    <row r="7845" spans="4:14" x14ac:dyDescent="0.25">
      <c r="D7845" s="40">
        <v>130.61144300000353</v>
      </c>
      <c r="E7845" s="40">
        <v>21.312692275970512</v>
      </c>
      <c r="F7845" s="40">
        <v>130.6</v>
      </c>
      <c r="G7845" s="40">
        <v>21.990206714656434</v>
      </c>
      <c r="H7845" s="40">
        <v>130.6</v>
      </c>
      <c r="I7845" s="40">
        <v>21.468457014619165</v>
      </c>
      <c r="L7845" s="40"/>
      <c r="M7845" s="40"/>
      <c r="N7845" s="40"/>
    </row>
    <row r="7846" spans="4:14" x14ac:dyDescent="0.25">
      <c r="D7846" s="40">
        <v>130.62810900000352</v>
      </c>
      <c r="E7846" s="40">
        <v>21.312692275970512</v>
      </c>
      <c r="F7846" s="40">
        <v>130.61666700000001</v>
      </c>
      <c r="G7846" s="40">
        <v>21.990206714656434</v>
      </c>
      <c r="H7846" s="40">
        <v>130.61666700000001</v>
      </c>
      <c r="I7846" s="40">
        <v>21.471809750762421</v>
      </c>
      <c r="L7846" s="40"/>
      <c r="M7846" s="40"/>
      <c r="N7846" s="40"/>
    </row>
    <row r="7847" spans="4:14" x14ac:dyDescent="0.25">
      <c r="D7847" s="40">
        <v>130.64477500000351</v>
      </c>
      <c r="E7847" s="40">
        <v>21.312692275970512</v>
      </c>
      <c r="F7847" s="40">
        <v>130.63333299999999</v>
      </c>
      <c r="G7847" s="40">
        <v>21.990206714656434</v>
      </c>
      <c r="H7847" s="40">
        <v>130.63333400000002</v>
      </c>
      <c r="I7847" s="40">
        <v>21.475063877019185</v>
      </c>
      <c r="L7847" s="40"/>
      <c r="M7847" s="40"/>
      <c r="N7847" s="40"/>
    </row>
    <row r="7848" spans="4:14" x14ac:dyDescent="0.25">
      <c r="D7848" s="40">
        <v>130.66144100000349</v>
      </c>
      <c r="E7848" s="40">
        <v>21.317535454560062</v>
      </c>
      <c r="F7848" s="40">
        <v>130.65</v>
      </c>
      <c r="G7848" s="40">
        <v>21.990206714656434</v>
      </c>
      <c r="H7848" s="40">
        <v>130.65</v>
      </c>
      <c r="I7848" s="40">
        <v>21.475063877019185</v>
      </c>
      <c r="L7848" s="40"/>
      <c r="M7848" s="40"/>
      <c r="N7848" s="40"/>
    </row>
    <row r="7849" spans="4:14" x14ac:dyDescent="0.25">
      <c r="D7849" s="40">
        <v>130.67810700000348</v>
      </c>
      <c r="E7849" s="40">
        <v>21.317535454560062</v>
      </c>
      <c r="F7849" s="40">
        <v>130.66666699999999</v>
      </c>
      <c r="G7849" s="40">
        <v>21.990206714656434</v>
      </c>
      <c r="H7849" s="40">
        <v>130.66666700000002</v>
      </c>
      <c r="I7849" s="40">
        <v>21.478416613162619</v>
      </c>
      <c r="L7849" s="40"/>
      <c r="M7849" s="40"/>
      <c r="N7849" s="40"/>
    </row>
    <row r="7850" spans="4:14" x14ac:dyDescent="0.25">
      <c r="D7850" s="40">
        <v>130.69477300000347</v>
      </c>
      <c r="E7850" s="40">
        <v>21.317535454560062</v>
      </c>
      <c r="F7850" s="40">
        <v>130.683333</v>
      </c>
      <c r="G7850" s="40">
        <v>21.994961958746654</v>
      </c>
      <c r="H7850" s="40">
        <v>130.683334</v>
      </c>
      <c r="I7850" s="40">
        <v>21.478416613162619</v>
      </c>
      <c r="L7850" s="40"/>
      <c r="M7850" s="40"/>
      <c r="N7850" s="40"/>
    </row>
    <row r="7851" spans="4:14" x14ac:dyDescent="0.25">
      <c r="D7851" s="40">
        <v>130.71143900000345</v>
      </c>
      <c r="E7851" s="40">
        <v>21.322378633149608</v>
      </c>
      <c r="F7851" s="40">
        <v>130.69999999999999</v>
      </c>
      <c r="G7851" s="40">
        <v>21.994961958746654</v>
      </c>
      <c r="H7851" s="40">
        <v>130.70000000000002</v>
      </c>
      <c r="I7851" s="40">
        <v>21.481769349305878</v>
      </c>
      <c r="L7851" s="40"/>
      <c r="M7851" s="40"/>
      <c r="N7851" s="40"/>
    </row>
    <row r="7852" spans="4:14" x14ac:dyDescent="0.25">
      <c r="D7852" s="40">
        <v>130.72810500000344</v>
      </c>
      <c r="E7852" s="40">
        <v>21.322378633149608</v>
      </c>
      <c r="F7852" s="40">
        <v>130.716667</v>
      </c>
      <c r="G7852" s="40">
        <v>21.994961958746654</v>
      </c>
      <c r="H7852" s="40">
        <v>130.716667</v>
      </c>
      <c r="I7852" s="40">
        <v>21.481769349305878</v>
      </c>
      <c r="L7852" s="40"/>
      <c r="M7852" s="40"/>
      <c r="N7852" s="40"/>
    </row>
    <row r="7853" spans="4:14" x14ac:dyDescent="0.25">
      <c r="D7853" s="40">
        <v>130.74477100000342</v>
      </c>
      <c r="E7853" s="40">
        <v>21.327079365309906</v>
      </c>
      <c r="F7853" s="40">
        <v>130.73333299999999</v>
      </c>
      <c r="G7853" s="40">
        <v>21.994961958746654</v>
      </c>
      <c r="H7853" s="40">
        <v>130.73333400000001</v>
      </c>
      <c r="I7853" s="40">
        <v>21.485023475562638</v>
      </c>
      <c r="L7853" s="40"/>
      <c r="M7853" s="40"/>
      <c r="N7853" s="40"/>
    </row>
    <row r="7854" spans="4:14" x14ac:dyDescent="0.25">
      <c r="D7854" s="40">
        <v>130.76143700000341</v>
      </c>
      <c r="E7854" s="40">
        <v>21.327079365309906</v>
      </c>
      <c r="F7854" s="40">
        <v>130.75</v>
      </c>
      <c r="G7854" s="40">
        <v>21.994961958746654</v>
      </c>
      <c r="H7854" s="40">
        <v>130.75</v>
      </c>
      <c r="I7854" s="40">
        <v>21.485023475562638</v>
      </c>
      <c r="L7854" s="40"/>
      <c r="M7854" s="40"/>
      <c r="N7854" s="40"/>
    </row>
    <row r="7855" spans="4:14" x14ac:dyDescent="0.25">
      <c r="D7855" s="40">
        <v>130.7781030000034</v>
      </c>
      <c r="E7855" s="40">
        <v>21.327079365309906</v>
      </c>
      <c r="F7855" s="40">
        <v>130.76666699999998</v>
      </c>
      <c r="G7855" s="40">
        <v>21.994961958746654</v>
      </c>
      <c r="H7855" s="40">
        <v>130.76666700000001</v>
      </c>
      <c r="I7855" s="40">
        <v>21.488376211705894</v>
      </c>
      <c r="L7855" s="40"/>
      <c r="M7855" s="40"/>
      <c r="N7855" s="40"/>
    </row>
    <row r="7856" spans="4:14" x14ac:dyDescent="0.25">
      <c r="D7856" s="40">
        <v>130.79476900000338</v>
      </c>
      <c r="E7856" s="40">
        <v>21.327079365309906</v>
      </c>
      <c r="F7856" s="40">
        <v>130.783333</v>
      </c>
      <c r="G7856" s="40">
        <v>21.994961958746654</v>
      </c>
      <c r="H7856" s="40">
        <v>130.783334</v>
      </c>
      <c r="I7856" s="40">
        <v>21.488376211705894</v>
      </c>
      <c r="L7856" s="40"/>
      <c r="M7856" s="40"/>
      <c r="N7856" s="40"/>
    </row>
    <row r="7857" spans="4:14" x14ac:dyDescent="0.25">
      <c r="D7857" s="40">
        <v>130.81143500000337</v>
      </c>
      <c r="E7857" s="40">
        <v>21.331922543899456</v>
      </c>
      <c r="F7857" s="40">
        <v>130.79999999999998</v>
      </c>
      <c r="G7857" s="40">
        <v>21.994961958746654</v>
      </c>
      <c r="H7857" s="40">
        <v>130.80000000000001</v>
      </c>
      <c r="I7857" s="40">
        <v>21.488376211705894</v>
      </c>
      <c r="L7857" s="40"/>
      <c r="M7857" s="40"/>
      <c r="N7857" s="40"/>
    </row>
    <row r="7858" spans="4:14" x14ac:dyDescent="0.25">
      <c r="D7858" s="40">
        <v>130.82810100000336</v>
      </c>
      <c r="E7858" s="40">
        <v>21.336765722489002</v>
      </c>
      <c r="F7858" s="40">
        <v>130.816667</v>
      </c>
      <c r="G7858" s="40">
        <v>21.994961958746654</v>
      </c>
      <c r="H7858" s="40">
        <v>130.816667</v>
      </c>
      <c r="I7858" s="40">
        <v>21.49172894784915</v>
      </c>
      <c r="L7858" s="40"/>
      <c r="M7858" s="40"/>
      <c r="N7858" s="40"/>
    </row>
    <row r="7859" spans="4:14" x14ac:dyDescent="0.25">
      <c r="D7859" s="40">
        <v>130.84476700000334</v>
      </c>
      <c r="E7859" s="40">
        <v>21.336765722489002</v>
      </c>
      <c r="F7859" s="40">
        <v>130.83333299999998</v>
      </c>
      <c r="G7859" s="40">
        <v>21.999577342716552</v>
      </c>
      <c r="H7859" s="40">
        <v>130.83333400000001</v>
      </c>
      <c r="I7859" s="40">
        <v>21.49172894784915</v>
      </c>
      <c r="L7859" s="40"/>
      <c r="M7859" s="40"/>
      <c r="N7859" s="40"/>
    </row>
    <row r="7860" spans="4:14" x14ac:dyDescent="0.25">
      <c r="D7860" s="40">
        <v>130.86143300000333</v>
      </c>
      <c r="E7860" s="40">
        <v>21.341466454649304</v>
      </c>
      <c r="F7860" s="40">
        <v>130.85</v>
      </c>
      <c r="G7860" s="40">
        <v>21.999577342716552</v>
      </c>
      <c r="H7860" s="40">
        <v>130.85</v>
      </c>
      <c r="I7860" s="40">
        <v>21.494983074105914</v>
      </c>
      <c r="L7860" s="40"/>
      <c r="M7860" s="40"/>
      <c r="N7860" s="40"/>
    </row>
    <row r="7861" spans="4:14" x14ac:dyDescent="0.25">
      <c r="D7861" s="40">
        <v>130.87809900000332</v>
      </c>
      <c r="E7861" s="40">
        <v>21.341466454649304</v>
      </c>
      <c r="F7861" s="40">
        <v>130.86666700000001</v>
      </c>
      <c r="G7861" s="40">
        <v>21.999577342716552</v>
      </c>
      <c r="H7861" s="40">
        <v>130.86666700000001</v>
      </c>
      <c r="I7861" s="40">
        <v>21.494983074105914</v>
      </c>
      <c r="L7861" s="40"/>
      <c r="M7861" s="40"/>
      <c r="N7861" s="40"/>
    </row>
    <row r="7862" spans="4:14" x14ac:dyDescent="0.25">
      <c r="D7862" s="40">
        <v>130.8947650000033</v>
      </c>
      <c r="E7862" s="40">
        <v>21.341466454649304</v>
      </c>
      <c r="F7862" s="40">
        <v>130.88333299999999</v>
      </c>
      <c r="G7862" s="40">
        <v>21.999577342716552</v>
      </c>
      <c r="H7862" s="40">
        <v>130.88333400000002</v>
      </c>
      <c r="I7862" s="40">
        <v>21.498335810249348</v>
      </c>
      <c r="L7862" s="40"/>
      <c r="M7862" s="40"/>
      <c r="N7862" s="40"/>
    </row>
    <row r="7863" spans="4:14" x14ac:dyDescent="0.25">
      <c r="D7863" s="40">
        <v>130.91143100000329</v>
      </c>
      <c r="E7863" s="40">
        <v>21.341466454649304</v>
      </c>
      <c r="F7863" s="40">
        <v>130.9</v>
      </c>
      <c r="G7863" s="40">
        <v>21.999577342716552</v>
      </c>
      <c r="H7863" s="40">
        <v>130.9</v>
      </c>
      <c r="I7863" s="40">
        <v>21.498335810249348</v>
      </c>
      <c r="L7863" s="40"/>
      <c r="M7863" s="40"/>
      <c r="N7863" s="40"/>
    </row>
    <row r="7864" spans="4:14" x14ac:dyDescent="0.25">
      <c r="D7864" s="40">
        <v>130.92809700000328</v>
      </c>
      <c r="E7864" s="40">
        <v>21.34630963323885</v>
      </c>
      <c r="F7864" s="40">
        <v>130.91666699999999</v>
      </c>
      <c r="G7864" s="40">
        <v>21.999577342716552</v>
      </c>
      <c r="H7864" s="40">
        <v>130.91666700000002</v>
      </c>
      <c r="I7864" s="40">
        <v>21.501688546392607</v>
      </c>
      <c r="L7864" s="40"/>
      <c r="M7864" s="40"/>
      <c r="N7864" s="40"/>
    </row>
    <row r="7865" spans="4:14" x14ac:dyDescent="0.25">
      <c r="D7865" s="40">
        <v>130.94476300000326</v>
      </c>
      <c r="E7865" s="40">
        <v>21.34630963323885</v>
      </c>
      <c r="F7865" s="40">
        <v>130.933333</v>
      </c>
      <c r="G7865" s="40">
        <v>21.999577342716552</v>
      </c>
      <c r="H7865" s="40">
        <v>130.933334</v>
      </c>
      <c r="I7865" s="40">
        <v>21.501688546392607</v>
      </c>
      <c r="L7865" s="40"/>
      <c r="M7865" s="40"/>
      <c r="N7865" s="40"/>
    </row>
    <row r="7866" spans="4:14" x14ac:dyDescent="0.25">
      <c r="D7866" s="40">
        <v>130.96142900000325</v>
      </c>
      <c r="E7866" s="40">
        <v>21.351152811828403</v>
      </c>
      <c r="F7866" s="40">
        <v>130.94999999999999</v>
      </c>
      <c r="G7866" s="40">
        <v>21.999577342716552</v>
      </c>
      <c r="H7866" s="40">
        <v>130.95000000000002</v>
      </c>
      <c r="I7866" s="40">
        <v>21.504942672649371</v>
      </c>
      <c r="L7866" s="40"/>
      <c r="M7866" s="40"/>
      <c r="N7866" s="40"/>
    </row>
    <row r="7867" spans="4:14" x14ac:dyDescent="0.25">
      <c r="D7867" s="40">
        <v>130.97809500000324</v>
      </c>
      <c r="E7867" s="40">
        <v>21.351152811828403</v>
      </c>
      <c r="F7867" s="40">
        <v>130.966667</v>
      </c>
      <c r="G7867" s="40">
        <v>21.994961958746654</v>
      </c>
      <c r="H7867" s="40">
        <v>130.966667</v>
      </c>
      <c r="I7867" s="40">
        <v>21.508295408792623</v>
      </c>
      <c r="L7867" s="40"/>
      <c r="M7867" s="40"/>
      <c r="N7867" s="40"/>
    </row>
    <row r="7868" spans="4:14" x14ac:dyDescent="0.25">
      <c r="D7868" s="40">
        <v>130.99476100000322</v>
      </c>
      <c r="E7868" s="40">
        <v>21.355853543988825</v>
      </c>
      <c r="F7868" s="40">
        <v>130.98333299999999</v>
      </c>
      <c r="G7868" s="40">
        <v>21.994961958746654</v>
      </c>
      <c r="H7868" s="40">
        <v>130.98333400000001</v>
      </c>
      <c r="I7868" s="40">
        <v>21.508295408792623</v>
      </c>
      <c r="L7868" s="40"/>
      <c r="M7868" s="40"/>
      <c r="N7868" s="40"/>
    </row>
    <row r="7869" spans="4:14" x14ac:dyDescent="0.25">
      <c r="D7869" s="40">
        <v>131.01142700000321</v>
      </c>
      <c r="E7869" s="40">
        <v>21.355853543988825</v>
      </c>
      <c r="F7869" s="40">
        <v>131</v>
      </c>
      <c r="G7869" s="40">
        <v>21.999577342716552</v>
      </c>
      <c r="H7869" s="40">
        <v>131</v>
      </c>
      <c r="I7869" s="40">
        <v>21.511648144936057</v>
      </c>
      <c r="L7869" s="40"/>
      <c r="M7869" s="40"/>
      <c r="N7869" s="40"/>
    </row>
    <row r="7870" spans="4:14" x14ac:dyDescent="0.25">
      <c r="D7870" s="40">
        <v>131.0280930000032</v>
      </c>
      <c r="E7870" s="40">
        <v>21.355853543988825</v>
      </c>
      <c r="F7870" s="40">
        <v>131.01666699999998</v>
      </c>
      <c r="G7870" s="40">
        <v>21.999577342716552</v>
      </c>
      <c r="H7870" s="40">
        <v>131.01666700000001</v>
      </c>
      <c r="I7870" s="40">
        <v>21.511648144936057</v>
      </c>
      <c r="L7870" s="40"/>
      <c r="M7870" s="40"/>
      <c r="N7870" s="40"/>
    </row>
    <row r="7871" spans="4:14" x14ac:dyDescent="0.25">
      <c r="D7871" s="40">
        <v>131.04475900000318</v>
      </c>
      <c r="E7871" s="40">
        <v>21.360696722578247</v>
      </c>
      <c r="F7871" s="40">
        <v>131.033333</v>
      </c>
      <c r="G7871" s="40">
        <v>21.999577342716552</v>
      </c>
      <c r="H7871" s="40">
        <v>131.033334</v>
      </c>
      <c r="I7871" s="40">
        <v>21.515000881079317</v>
      </c>
      <c r="L7871" s="40"/>
      <c r="M7871" s="40"/>
      <c r="N7871" s="40"/>
    </row>
    <row r="7872" spans="4:14" x14ac:dyDescent="0.25">
      <c r="D7872" s="40">
        <v>131.06142500000317</v>
      </c>
      <c r="E7872" s="40">
        <v>21.360696722578247</v>
      </c>
      <c r="F7872" s="40">
        <v>131.04999999999998</v>
      </c>
      <c r="G7872" s="40">
        <v>21.994961958746654</v>
      </c>
      <c r="H7872" s="40">
        <v>131.05000000000001</v>
      </c>
      <c r="I7872" s="40">
        <v>21.51825500733608</v>
      </c>
      <c r="L7872" s="40"/>
      <c r="M7872" s="40"/>
      <c r="N7872" s="40"/>
    </row>
    <row r="7873" spans="4:14" x14ac:dyDescent="0.25">
      <c r="D7873" s="40">
        <v>131.07809100000316</v>
      </c>
      <c r="E7873" s="40">
        <v>21.360696722578247</v>
      </c>
      <c r="F7873" s="40">
        <v>131.066667</v>
      </c>
      <c r="G7873" s="40">
        <v>21.994961958746654</v>
      </c>
      <c r="H7873" s="40">
        <v>131.066667</v>
      </c>
      <c r="I7873" s="40">
        <v>21.51825500733608</v>
      </c>
      <c r="L7873" s="40"/>
      <c r="M7873" s="40"/>
      <c r="N7873" s="40"/>
    </row>
    <row r="7874" spans="4:14" x14ac:dyDescent="0.25">
      <c r="D7874" s="40">
        <v>131.09475700000314</v>
      </c>
      <c r="E7874" s="40">
        <v>21.360696722578247</v>
      </c>
      <c r="F7874" s="40">
        <v>131.08333299999998</v>
      </c>
      <c r="G7874" s="40">
        <v>21.994961958746654</v>
      </c>
      <c r="H7874" s="40">
        <v>131.08333400000001</v>
      </c>
      <c r="I7874" s="40">
        <v>21.521607743479336</v>
      </c>
      <c r="L7874" s="40"/>
      <c r="M7874" s="40"/>
      <c r="N7874" s="40"/>
    </row>
    <row r="7875" spans="4:14" x14ac:dyDescent="0.25">
      <c r="D7875" s="40">
        <v>131.11142300000313</v>
      </c>
      <c r="E7875" s="40">
        <v>21.360696722578247</v>
      </c>
      <c r="F7875" s="40">
        <v>131.1</v>
      </c>
      <c r="G7875" s="40">
        <v>21.994961958746654</v>
      </c>
      <c r="H7875" s="40">
        <v>131.1</v>
      </c>
      <c r="I7875" s="40">
        <v>21.521607743479336</v>
      </c>
      <c r="L7875" s="40"/>
      <c r="M7875" s="40"/>
      <c r="N7875" s="40"/>
    </row>
    <row r="7876" spans="4:14" x14ac:dyDescent="0.25">
      <c r="D7876" s="40">
        <v>131.12808900000311</v>
      </c>
      <c r="E7876" s="40">
        <v>21.360696722578247</v>
      </c>
      <c r="F7876" s="40">
        <v>131.11666700000001</v>
      </c>
      <c r="G7876" s="40">
        <v>21.994961958746654</v>
      </c>
      <c r="H7876" s="40">
        <v>131.11666700000001</v>
      </c>
      <c r="I7876" s="40">
        <v>21.524960479622596</v>
      </c>
      <c r="L7876" s="40"/>
      <c r="M7876" s="40"/>
      <c r="N7876" s="40"/>
    </row>
    <row r="7877" spans="4:14" x14ac:dyDescent="0.25">
      <c r="D7877" s="40">
        <v>131.1447550000031</v>
      </c>
      <c r="E7877" s="40">
        <v>21.360696722578247</v>
      </c>
      <c r="F7877" s="40">
        <v>131.13333299999999</v>
      </c>
      <c r="G7877" s="40">
        <v>21.994961958746654</v>
      </c>
      <c r="H7877" s="40">
        <v>131.13333400000002</v>
      </c>
      <c r="I7877" s="40">
        <v>21.524960479622596</v>
      </c>
      <c r="L7877" s="40"/>
      <c r="M7877" s="40"/>
      <c r="N7877" s="40"/>
    </row>
    <row r="7878" spans="4:14" x14ac:dyDescent="0.25">
      <c r="D7878" s="40">
        <v>131.16142100000309</v>
      </c>
      <c r="E7878" s="40">
        <v>21.360696722578247</v>
      </c>
      <c r="F7878" s="40">
        <v>131.15</v>
      </c>
      <c r="G7878" s="40">
        <v>21.999577342716552</v>
      </c>
      <c r="H7878" s="40">
        <v>131.15</v>
      </c>
      <c r="I7878" s="40">
        <v>21.528214605879356</v>
      </c>
      <c r="L7878" s="40"/>
      <c r="M7878" s="40"/>
      <c r="N7878" s="40"/>
    </row>
    <row r="7879" spans="4:14" x14ac:dyDescent="0.25">
      <c r="D7879" s="40">
        <v>131.17808700000307</v>
      </c>
      <c r="E7879" s="40">
        <v>21.360696722578247</v>
      </c>
      <c r="F7879" s="40">
        <v>131.16666699999999</v>
      </c>
      <c r="G7879" s="40">
        <v>21.999577342716552</v>
      </c>
      <c r="H7879" s="40">
        <v>131.16666700000002</v>
      </c>
      <c r="I7879" s="40">
        <v>21.528214605879356</v>
      </c>
      <c r="L7879" s="40"/>
      <c r="M7879" s="40"/>
      <c r="N7879" s="40"/>
    </row>
    <row r="7880" spans="4:14" x14ac:dyDescent="0.25">
      <c r="D7880" s="40">
        <v>131.19475300000306</v>
      </c>
      <c r="E7880" s="40">
        <v>21.360696722578247</v>
      </c>
      <c r="F7880" s="40">
        <v>131.183333</v>
      </c>
      <c r="G7880" s="40">
        <v>21.999577342716552</v>
      </c>
      <c r="H7880" s="40">
        <v>131.183334</v>
      </c>
      <c r="I7880" s="40">
        <v>21.531567342022786</v>
      </c>
      <c r="L7880" s="40"/>
      <c r="M7880" s="40"/>
      <c r="N7880" s="40"/>
    </row>
    <row r="7881" spans="4:14" x14ac:dyDescent="0.25">
      <c r="D7881" s="40">
        <v>131.21141900000305</v>
      </c>
      <c r="E7881" s="40">
        <v>21.360696722578247</v>
      </c>
      <c r="F7881" s="40">
        <v>131.19999999999999</v>
      </c>
      <c r="G7881" s="40">
        <v>21.999577342716552</v>
      </c>
      <c r="H7881" s="40">
        <v>131.20000000000002</v>
      </c>
      <c r="I7881" s="40">
        <v>21.531567342022786</v>
      </c>
      <c r="L7881" s="40"/>
      <c r="M7881" s="40"/>
      <c r="N7881" s="40"/>
    </row>
    <row r="7882" spans="4:14" x14ac:dyDescent="0.25">
      <c r="D7882" s="40">
        <v>131.22808500000303</v>
      </c>
      <c r="E7882" s="40">
        <v>21.355853543988825</v>
      </c>
      <c r="F7882" s="40">
        <v>131.216667</v>
      </c>
      <c r="G7882" s="40">
        <v>21.999577342716552</v>
      </c>
      <c r="H7882" s="40">
        <v>131.216667</v>
      </c>
      <c r="I7882" s="40">
        <v>21.534920078166046</v>
      </c>
      <c r="L7882" s="40"/>
      <c r="M7882" s="40"/>
      <c r="N7882" s="40"/>
    </row>
    <row r="7883" spans="4:14" x14ac:dyDescent="0.25">
      <c r="D7883" s="40">
        <v>131.24475100000302</v>
      </c>
      <c r="E7883" s="40">
        <v>21.351152811828403</v>
      </c>
      <c r="F7883" s="40">
        <v>131.23333299999999</v>
      </c>
      <c r="G7883" s="40">
        <v>21.999577342716552</v>
      </c>
      <c r="H7883" s="40">
        <v>131.23333400000001</v>
      </c>
      <c r="I7883" s="40">
        <v>21.538174204422809</v>
      </c>
      <c r="L7883" s="40"/>
      <c r="M7883" s="40"/>
      <c r="N7883" s="40"/>
    </row>
    <row r="7884" spans="4:14" x14ac:dyDescent="0.25">
      <c r="D7884" s="40">
        <v>131.26141700000301</v>
      </c>
      <c r="E7884" s="40">
        <v>21.34630963323885</v>
      </c>
      <c r="F7884" s="40">
        <v>131.25</v>
      </c>
      <c r="G7884" s="40">
        <v>21.999577342716552</v>
      </c>
      <c r="H7884" s="40">
        <v>131.25</v>
      </c>
      <c r="I7884" s="40">
        <v>21.538174204422809</v>
      </c>
      <c r="L7884" s="40"/>
      <c r="M7884" s="40"/>
      <c r="N7884" s="40"/>
    </row>
    <row r="7885" spans="4:14" x14ac:dyDescent="0.25">
      <c r="D7885" s="40">
        <v>131.27808300000299</v>
      </c>
      <c r="E7885" s="40">
        <v>21.34630963323885</v>
      </c>
      <c r="F7885" s="40">
        <v>131.26666699999998</v>
      </c>
      <c r="G7885" s="40">
        <v>21.999577342716552</v>
      </c>
      <c r="H7885" s="40">
        <v>131.26666700000001</v>
      </c>
      <c r="I7885" s="40">
        <v>21.541526940566065</v>
      </c>
      <c r="L7885" s="40"/>
      <c r="M7885" s="40"/>
      <c r="N7885" s="40"/>
    </row>
    <row r="7886" spans="4:14" x14ac:dyDescent="0.25">
      <c r="D7886" s="40">
        <v>131.29474900000298</v>
      </c>
      <c r="E7886" s="40">
        <v>21.34630963323885</v>
      </c>
      <c r="F7886" s="40">
        <v>131.283333</v>
      </c>
      <c r="G7886" s="40">
        <v>21.999577342716552</v>
      </c>
      <c r="H7886" s="40">
        <v>131.283334</v>
      </c>
      <c r="I7886" s="40">
        <v>21.541526940566065</v>
      </c>
      <c r="L7886" s="40"/>
      <c r="M7886" s="40"/>
      <c r="N7886" s="40"/>
    </row>
    <row r="7887" spans="4:14" x14ac:dyDescent="0.25">
      <c r="D7887" s="40">
        <v>131.31141500000297</v>
      </c>
      <c r="E7887" s="40">
        <v>21.34630963323885</v>
      </c>
      <c r="F7887" s="40">
        <v>131.29999999999998</v>
      </c>
      <c r="G7887" s="40">
        <v>21.999577342716552</v>
      </c>
      <c r="H7887" s="40">
        <v>131.30000000000001</v>
      </c>
      <c r="I7887" s="40">
        <v>21.544879676709495</v>
      </c>
      <c r="L7887" s="40"/>
      <c r="M7887" s="40"/>
      <c r="N7887" s="40"/>
    </row>
    <row r="7888" spans="4:14" x14ac:dyDescent="0.25">
      <c r="D7888" s="40">
        <v>131.32808100000295</v>
      </c>
      <c r="E7888" s="40">
        <v>21.351152811828403</v>
      </c>
      <c r="F7888" s="40">
        <v>131.316667</v>
      </c>
      <c r="G7888" s="40">
        <v>21.999577342716552</v>
      </c>
      <c r="H7888" s="40">
        <v>131.316667</v>
      </c>
      <c r="I7888" s="40">
        <v>21.544879676709495</v>
      </c>
      <c r="L7888" s="40"/>
      <c r="M7888" s="40"/>
      <c r="N7888" s="40"/>
    </row>
    <row r="7889" spans="4:14" x14ac:dyDescent="0.25">
      <c r="D7889" s="40">
        <v>131.34474700000294</v>
      </c>
      <c r="E7889" s="40">
        <v>21.351152811828403</v>
      </c>
      <c r="F7889" s="40">
        <v>131.33333299999998</v>
      </c>
      <c r="G7889" s="40">
        <v>21.999577342716552</v>
      </c>
      <c r="H7889" s="40">
        <v>131.33333400000001</v>
      </c>
      <c r="I7889" s="40">
        <v>21.548133802966088</v>
      </c>
      <c r="L7889" s="40"/>
      <c r="M7889" s="40"/>
      <c r="N7889" s="40"/>
    </row>
    <row r="7890" spans="4:14" x14ac:dyDescent="0.25">
      <c r="D7890" s="40">
        <v>131.36141300000293</v>
      </c>
      <c r="E7890" s="40">
        <v>21.355853543988825</v>
      </c>
      <c r="F7890" s="40">
        <v>131.35</v>
      </c>
      <c r="G7890" s="40">
        <v>21.999577342716552</v>
      </c>
      <c r="H7890" s="40">
        <v>131.35</v>
      </c>
      <c r="I7890" s="40">
        <v>21.548133802966088</v>
      </c>
      <c r="L7890" s="40"/>
      <c r="M7890" s="40"/>
      <c r="N7890" s="40"/>
    </row>
    <row r="7891" spans="4:14" x14ac:dyDescent="0.25">
      <c r="D7891" s="40">
        <v>131.37807900000291</v>
      </c>
      <c r="E7891" s="40">
        <v>21.355853543988825</v>
      </c>
      <c r="F7891" s="40">
        <v>131.36666700000001</v>
      </c>
      <c r="G7891" s="40">
        <v>21.999577342716552</v>
      </c>
      <c r="H7891" s="40">
        <v>131.36666700000001</v>
      </c>
      <c r="I7891" s="40">
        <v>21.548133802966088</v>
      </c>
      <c r="L7891" s="40"/>
      <c r="M7891" s="40"/>
      <c r="N7891" s="40"/>
    </row>
    <row r="7892" spans="4:14" x14ac:dyDescent="0.25">
      <c r="D7892" s="40">
        <v>131.3947450000029</v>
      </c>
      <c r="E7892" s="40">
        <v>21.355853543988825</v>
      </c>
      <c r="F7892" s="40">
        <v>131.38333299999999</v>
      </c>
      <c r="G7892" s="40">
        <v>22.004332586806647</v>
      </c>
      <c r="H7892" s="40">
        <v>131.38333400000002</v>
      </c>
      <c r="I7892" s="40">
        <v>21.551486539109519</v>
      </c>
      <c r="L7892" s="40"/>
      <c r="M7892" s="40"/>
      <c r="N7892" s="40"/>
    </row>
    <row r="7893" spans="4:14" x14ac:dyDescent="0.25">
      <c r="D7893" s="40">
        <v>131.41141100000289</v>
      </c>
      <c r="E7893" s="40">
        <v>21.355853543988825</v>
      </c>
      <c r="F7893" s="40">
        <v>131.4</v>
      </c>
      <c r="G7893" s="40">
        <v>22.004332586806647</v>
      </c>
      <c r="H7893" s="40">
        <v>131.4</v>
      </c>
      <c r="I7893" s="40">
        <v>21.551486539109519</v>
      </c>
      <c r="L7893" s="40"/>
      <c r="M7893" s="40"/>
      <c r="N7893" s="40"/>
    </row>
    <row r="7894" spans="4:14" x14ac:dyDescent="0.25">
      <c r="D7894" s="40">
        <v>131.42807700000287</v>
      </c>
      <c r="E7894" s="40">
        <v>21.355853543988825</v>
      </c>
      <c r="F7894" s="40">
        <v>131.41666699999999</v>
      </c>
      <c r="G7894" s="40">
        <v>22.004332586806647</v>
      </c>
      <c r="H7894" s="40">
        <v>131.41666700000002</v>
      </c>
      <c r="I7894" s="40">
        <v>21.554839275252775</v>
      </c>
      <c r="L7894" s="40"/>
      <c r="M7894" s="40"/>
      <c r="N7894" s="40"/>
    </row>
    <row r="7895" spans="4:14" x14ac:dyDescent="0.25">
      <c r="D7895" s="40">
        <v>131.44474300000286</v>
      </c>
      <c r="E7895" s="40">
        <v>21.360696722578247</v>
      </c>
      <c r="F7895" s="40">
        <v>131.433333</v>
      </c>
      <c r="G7895" s="40">
        <v>22.004332586806647</v>
      </c>
      <c r="H7895" s="40">
        <v>131.433334</v>
      </c>
      <c r="I7895" s="40">
        <v>21.554839275252775</v>
      </c>
      <c r="L7895" s="40"/>
      <c r="M7895" s="40"/>
      <c r="N7895" s="40"/>
    </row>
    <row r="7896" spans="4:14" x14ac:dyDescent="0.25">
      <c r="D7896" s="40">
        <v>131.46140900000285</v>
      </c>
      <c r="E7896" s="40">
        <v>21.360696722578247</v>
      </c>
      <c r="F7896" s="40">
        <v>131.44999999999999</v>
      </c>
      <c r="G7896" s="40">
        <v>22.004332586806647</v>
      </c>
      <c r="H7896" s="40">
        <v>131.45000000000002</v>
      </c>
      <c r="I7896" s="40">
        <v>21.558093401509538</v>
      </c>
      <c r="L7896" s="40"/>
      <c r="M7896" s="40"/>
      <c r="N7896" s="40"/>
    </row>
    <row r="7897" spans="4:14" x14ac:dyDescent="0.25">
      <c r="D7897" s="40">
        <v>131.47807500000283</v>
      </c>
      <c r="E7897" s="40">
        <v>21.360696722578247</v>
      </c>
      <c r="F7897" s="40">
        <v>131.466667</v>
      </c>
      <c r="G7897" s="40">
        <v>22.004332586806647</v>
      </c>
      <c r="H7897" s="40">
        <v>131.466667</v>
      </c>
      <c r="I7897" s="40">
        <v>21.558093401509538</v>
      </c>
      <c r="L7897" s="40"/>
      <c r="M7897" s="40"/>
      <c r="N7897" s="40"/>
    </row>
    <row r="7898" spans="4:14" x14ac:dyDescent="0.25">
      <c r="D7898" s="40">
        <v>131.49474100000282</v>
      </c>
      <c r="E7898" s="40">
        <v>21.360696722578247</v>
      </c>
      <c r="F7898" s="40">
        <v>131.48333299999999</v>
      </c>
      <c r="G7898" s="40">
        <v>22.004332586806647</v>
      </c>
      <c r="H7898" s="40">
        <v>131.48333400000001</v>
      </c>
      <c r="I7898" s="40">
        <v>21.561446137652798</v>
      </c>
      <c r="L7898" s="40"/>
      <c r="M7898" s="40"/>
      <c r="N7898" s="40"/>
    </row>
    <row r="7899" spans="4:14" x14ac:dyDescent="0.25">
      <c r="D7899" s="40">
        <v>131.51140700000281</v>
      </c>
      <c r="E7899" s="40">
        <v>21.355853543988825</v>
      </c>
      <c r="F7899" s="40">
        <v>131.5</v>
      </c>
      <c r="G7899" s="40">
        <v>22.004332586806647</v>
      </c>
      <c r="H7899" s="40">
        <v>131.5</v>
      </c>
      <c r="I7899" s="40">
        <v>21.561446137652798</v>
      </c>
      <c r="L7899" s="40"/>
      <c r="M7899" s="40"/>
      <c r="N7899" s="40"/>
    </row>
    <row r="7900" spans="4:14" x14ac:dyDescent="0.25">
      <c r="D7900" s="40">
        <v>131.52807300000279</v>
      </c>
      <c r="E7900" s="40">
        <v>21.355853543988825</v>
      </c>
      <c r="F7900" s="40">
        <v>131.51666699999998</v>
      </c>
      <c r="G7900" s="40">
        <v>22.004332586806647</v>
      </c>
      <c r="H7900" s="40">
        <v>131.51666700000001</v>
      </c>
      <c r="I7900" s="40">
        <v>21.564798873796228</v>
      </c>
      <c r="L7900" s="40"/>
      <c r="M7900" s="40"/>
      <c r="N7900" s="40"/>
    </row>
    <row r="7901" spans="4:14" x14ac:dyDescent="0.25">
      <c r="D7901" s="40">
        <v>131.54473900000278</v>
      </c>
      <c r="E7901" s="40">
        <v>21.355853543988825</v>
      </c>
      <c r="F7901" s="40">
        <v>131.533333</v>
      </c>
      <c r="G7901" s="40">
        <v>22.004332586806647</v>
      </c>
      <c r="H7901" s="40">
        <v>131.533334</v>
      </c>
      <c r="I7901" s="40">
        <v>21.564798873796228</v>
      </c>
      <c r="L7901" s="40"/>
      <c r="M7901" s="40"/>
      <c r="N7901" s="40"/>
    </row>
    <row r="7902" spans="4:14" x14ac:dyDescent="0.25">
      <c r="D7902" s="40">
        <v>131.56140500000276</v>
      </c>
      <c r="E7902" s="40">
        <v>21.355853543988825</v>
      </c>
      <c r="F7902" s="40">
        <v>131.54999999999998</v>
      </c>
      <c r="G7902" s="40">
        <v>22.004332586806647</v>
      </c>
      <c r="H7902" s="40">
        <v>131.55000000000001</v>
      </c>
      <c r="I7902" s="40">
        <v>21.568053000052991</v>
      </c>
      <c r="L7902" s="40"/>
      <c r="M7902" s="40"/>
      <c r="N7902" s="40"/>
    </row>
    <row r="7903" spans="4:14" x14ac:dyDescent="0.25">
      <c r="D7903" s="40">
        <v>131.57807100000275</v>
      </c>
      <c r="E7903" s="40">
        <v>21.355853543988825</v>
      </c>
      <c r="F7903" s="40">
        <v>131.566667</v>
      </c>
      <c r="G7903" s="40">
        <v>22.004332586806647</v>
      </c>
      <c r="H7903" s="40">
        <v>131.566667</v>
      </c>
      <c r="I7903" s="40">
        <v>21.571405736196247</v>
      </c>
      <c r="L7903" s="40"/>
      <c r="M7903" s="40"/>
      <c r="N7903" s="40"/>
    </row>
    <row r="7904" spans="4:14" x14ac:dyDescent="0.25">
      <c r="D7904" s="40">
        <v>131.59473700000274</v>
      </c>
      <c r="E7904" s="40">
        <v>21.351152811828403</v>
      </c>
      <c r="F7904" s="40">
        <v>131.58333299999998</v>
      </c>
      <c r="G7904" s="40">
        <v>22.004332586806647</v>
      </c>
      <c r="H7904" s="40">
        <v>131.58333400000001</v>
      </c>
      <c r="I7904" s="40">
        <v>21.571405736196247</v>
      </c>
      <c r="L7904" s="40"/>
      <c r="M7904" s="40"/>
      <c r="N7904" s="40"/>
    </row>
    <row r="7905" spans="4:14" x14ac:dyDescent="0.25">
      <c r="D7905" s="40">
        <v>131.61140300000272</v>
      </c>
      <c r="E7905" s="40">
        <v>21.351152811828403</v>
      </c>
      <c r="F7905" s="40">
        <v>131.6</v>
      </c>
      <c r="G7905" s="40">
        <v>22.004332586806647</v>
      </c>
      <c r="H7905" s="40">
        <v>131.6</v>
      </c>
      <c r="I7905" s="40">
        <v>21.574758472339504</v>
      </c>
      <c r="L7905" s="40"/>
      <c r="M7905" s="40"/>
      <c r="N7905" s="40"/>
    </row>
    <row r="7906" spans="4:14" x14ac:dyDescent="0.25">
      <c r="D7906" s="40">
        <v>131.62806900000271</v>
      </c>
      <c r="E7906" s="40">
        <v>21.351152811828403</v>
      </c>
      <c r="F7906" s="40">
        <v>131.61666700000001</v>
      </c>
      <c r="G7906" s="40">
        <v>22.004332586806647</v>
      </c>
      <c r="H7906" s="40">
        <v>131.61666700000001</v>
      </c>
      <c r="I7906" s="40">
        <v>21.578012598596267</v>
      </c>
      <c r="L7906" s="40"/>
      <c r="M7906" s="40"/>
      <c r="N7906" s="40"/>
    </row>
    <row r="7907" spans="4:14" x14ac:dyDescent="0.25">
      <c r="D7907" s="40">
        <v>131.6447350000027</v>
      </c>
      <c r="E7907" s="40">
        <v>21.355853543988825</v>
      </c>
      <c r="F7907" s="40">
        <v>131.63333299999999</v>
      </c>
      <c r="G7907" s="40">
        <v>22.009087830896867</v>
      </c>
      <c r="H7907" s="40">
        <v>131.63333400000002</v>
      </c>
      <c r="I7907" s="40">
        <v>21.578012598596267</v>
      </c>
      <c r="L7907" s="40"/>
      <c r="M7907" s="40"/>
      <c r="N7907" s="40"/>
    </row>
    <row r="7908" spans="4:14" x14ac:dyDescent="0.25">
      <c r="D7908" s="40">
        <v>131.66140100000268</v>
      </c>
      <c r="E7908" s="40">
        <v>21.355853543988825</v>
      </c>
      <c r="F7908" s="40">
        <v>131.65</v>
      </c>
      <c r="G7908" s="40">
        <v>22.009087830896867</v>
      </c>
      <c r="H7908" s="40">
        <v>131.65</v>
      </c>
      <c r="I7908" s="40">
        <v>21.581365334739527</v>
      </c>
      <c r="L7908" s="40"/>
      <c r="M7908" s="40"/>
      <c r="N7908" s="40"/>
    </row>
    <row r="7909" spans="4:14" x14ac:dyDescent="0.25">
      <c r="D7909" s="40">
        <v>131.67806700000267</v>
      </c>
      <c r="E7909" s="40">
        <v>21.360696722578247</v>
      </c>
      <c r="F7909" s="40">
        <v>131.66666699999999</v>
      </c>
      <c r="G7909" s="40">
        <v>22.009087830896867</v>
      </c>
      <c r="H7909" s="40">
        <v>131.66666700000002</v>
      </c>
      <c r="I7909" s="40">
        <v>21.581365334739527</v>
      </c>
      <c r="L7909" s="40"/>
      <c r="M7909" s="40"/>
      <c r="N7909" s="40"/>
    </row>
    <row r="7910" spans="4:14" x14ac:dyDescent="0.25">
      <c r="D7910" s="40">
        <v>131.69473300000266</v>
      </c>
      <c r="E7910" s="40">
        <v>21.360696722578247</v>
      </c>
      <c r="F7910" s="40">
        <v>131.683333</v>
      </c>
      <c r="G7910" s="40">
        <v>22.009087830896867</v>
      </c>
      <c r="H7910" s="40">
        <v>131.683334</v>
      </c>
      <c r="I7910" s="40">
        <v>21.584718070882957</v>
      </c>
      <c r="L7910" s="40"/>
      <c r="M7910" s="40"/>
      <c r="N7910" s="40"/>
    </row>
    <row r="7911" spans="4:14" x14ac:dyDescent="0.25">
      <c r="D7911" s="40">
        <v>131.71139900000264</v>
      </c>
      <c r="E7911" s="40">
        <v>21.360696722578247</v>
      </c>
      <c r="F7911" s="40">
        <v>131.69999999999999</v>
      </c>
      <c r="G7911" s="40">
        <v>22.009087830896867</v>
      </c>
      <c r="H7911" s="40">
        <v>131.70000000000002</v>
      </c>
      <c r="I7911" s="40">
        <v>21.584718070882957</v>
      </c>
      <c r="L7911" s="40"/>
      <c r="M7911" s="40"/>
      <c r="N7911" s="40"/>
    </row>
    <row r="7912" spans="4:14" x14ac:dyDescent="0.25">
      <c r="D7912" s="40">
        <v>131.72806500000263</v>
      </c>
      <c r="E7912" s="40">
        <v>21.360696722578247</v>
      </c>
      <c r="F7912" s="40">
        <v>131.716667</v>
      </c>
      <c r="G7912" s="40">
        <v>22.009087830896867</v>
      </c>
      <c r="H7912" s="40">
        <v>131.716667</v>
      </c>
      <c r="I7912" s="40">
        <v>21.58797219713972</v>
      </c>
      <c r="L7912" s="40"/>
      <c r="M7912" s="40"/>
      <c r="N7912" s="40"/>
    </row>
    <row r="7913" spans="4:14" x14ac:dyDescent="0.25">
      <c r="D7913" s="40">
        <v>131.74473100000262</v>
      </c>
      <c r="E7913" s="40">
        <v>21.355853543988825</v>
      </c>
      <c r="F7913" s="40">
        <v>131.73333299999999</v>
      </c>
      <c r="G7913" s="40">
        <v>22.009087830896867</v>
      </c>
      <c r="H7913" s="40">
        <v>131.73333400000001</v>
      </c>
      <c r="I7913" s="40">
        <v>21.58797219713972</v>
      </c>
      <c r="L7913" s="40"/>
      <c r="M7913" s="40"/>
      <c r="N7913" s="40"/>
    </row>
    <row r="7914" spans="4:14" x14ac:dyDescent="0.25">
      <c r="D7914" s="40">
        <v>131.7613970000026</v>
      </c>
      <c r="E7914" s="40">
        <v>21.355853543988825</v>
      </c>
      <c r="F7914" s="40">
        <v>131.75</v>
      </c>
      <c r="G7914" s="40">
        <v>22.009087830896867</v>
      </c>
      <c r="H7914" s="40">
        <v>131.75</v>
      </c>
      <c r="I7914" s="40">
        <v>21.591324933282976</v>
      </c>
      <c r="L7914" s="40"/>
      <c r="M7914" s="40"/>
      <c r="N7914" s="40"/>
    </row>
    <row r="7915" spans="4:14" x14ac:dyDescent="0.25">
      <c r="D7915" s="40">
        <v>131.77806300000259</v>
      </c>
      <c r="E7915" s="40">
        <v>21.351152811828403</v>
      </c>
      <c r="F7915" s="40">
        <v>131.76666699999998</v>
      </c>
      <c r="G7915" s="40">
        <v>22.009087830896867</v>
      </c>
      <c r="H7915" s="40">
        <v>131.76666700000001</v>
      </c>
      <c r="I7915" s="40">
        <v>21.591324933282976</v>
      </c>
      <c r="L7915" s="40"/>
      <c r="M7915" s="40"/>
      <c r="N7915" s="40"/>
    </row>
    <row r="7916" spans="4:14" x14ac:dyDescent="0.25">
      <c r="D7916" s="40">
        <v>131.79472900000258</v>
      </c>
      <c r="E7916" s="40">
        <v>21.351152811828403</v>
      </c>
      <c r="F7916" s="40">
        <v>131.783333</v>
      </c>
      <c r="G7916" s="40">
        <v>22.009087830896867</v>
      </c>
      <c r="H7916" s="40">
        <v>131.783334</v>
      </c>
      <c r="I7916" s="40">
        <v>21.594677669426236</v>
      </c>
      <c r="L7916" s="40"/>
      <c r="M7916" s="40"/>
      <c r="N7916" s="40"/>
    </row>
    <row r="7917" spans="4:14" x14ac:dyDescent="0.25">
      <c r="D7917" s="40">
        <v>131.81139500000256</v>
      </c>
      <c r="E7917" s="40">
        <v>21.351152811828403</v>
      </c>
      <c r="F7917" s="40">
        <v>131.79999999999998</v>
      </c>
      <c r="G7917" s="40">
        <v>22.013703214866766</v>
      </c>
      <c r="H7917" s="40">
        <v>131.80000000000001</v>
      </c>
      <c r="I7917" s="40">
        <v>21.597931795682999</v>
      </c>
      <c r="L7917" s="40"/>
      <c r="M7917" s="40"/>
      <c r="N7917" s="40"/>
    </row>
    <row r="7918" spans="4:14" x14ac:dyDescent="0.25">
      <c r="D7918" s="40">
        <v>131.82806100000255</v>
      </c>
      <c r="E7918" s="40">
        <v>21.351152811828403</v>
      </c>
      <c r="F7918" s="40">
        <v>131.816667</v>
      </c>
      <c r="G7918" s="40">
        <v>22.013703214866766</v>
      </c>
      <c r="H7918" s="40">
        <v>131.816667</v>
      </c>
      <c r="I7918" s="40">
        <v>21.597931795682999</v>
      </c>
      <c r="L7918" s="40"/>
      <c r="M7918" s="40"/>
      <c r="N7918" s="40"/>
    </row>
    <row r="7919" spans="4:14" x14ac:dyDescent="0.25">
      <c r="D7919" s="40">
        <v>131.84472700000254</v>
      </c>
      <c r="E7919" s="40">
        <v>21.355853543988825</v>
      </c>
      <c r="F7919" s="40">
        <v>131.83333299999998</v>
      </c>
      <c r="G7919" s="40">
        <v>22.013703214866766</v>
      </c>
      <c r="H7919" s="40">
        <v>131.83333400000001</v>
      </c>
      <c r="I7919" s="40">
        <v>21.601284531826433</v>
      </c>
      <c r="L7919" s="40"/>
      <c r="M7919" s="40"/>
      <c r="N7919" s="40"/>
    </row>
    <row r="7920" spans="4:14" x14ac:dyDescent="0.25">
      <c r="D7920" s="40">
        <v>131.86139300000252</v>
      </c>
      <c r="E7920" s="40">
        <v>21.355853543988825</v>
      </c>
      <c r="F7920" s="40">
        <v>131.85</v>
      </c>
      <c r="G7920" s="40">
        <v>22.013703214866766</v>
      </c>
      <c r="H7920" s="40">
        <v>131.85</v>
      </c>
      <c r="I7920" s="40">
        <v>21.601284531826433</v>
      </c>
      <c r="L7920" s="40"/>
      <c r="M7920" s="40"/>
      <c r="N7920" s="40"/>
    </row>
    <row r="7921" spans="4:14" x14ac:dyDescent="0.25">
      <c r="D7921" s="40">
        <v>131.87805900000251</v>
      </c>
      <c r="E7921" s="40">
        <v>21.355853543988825</v>
      </c>
      <c r="F7921" s="40">
        <v>131.86666700000001</v>
      </c>
      <c r="G7921" s="40">
        <v>22.013703214866766</v>
      </c>
      <c r="H7921" s="40">
        <v>131.86666700000001</v>
      </c>
      <c r="I7921" s="40">
        <v>21.604637267969686</v>
      </c>
      <c r="L7921" s="40"/>
      <c r="M7921" s="40"/>
      <c r="N7921" s="40"/>
    </row>
    <row r="7922" spans="4:14" x14ac:dyDescent="0.25">
      <c r="D7922" s="40">
        <v>131.8947250000025</v>
      </c>
      <c r="E7922" s="40">
        <v>21.355853543988825</v>
      </c>
      <c r="F7922" s="40">
        <v>131.88333299999999</v>
      </c>
      <c r="G7922" s="40">
        <v>22.013703214866766</v>
      </c>
      <c r="H7922" s="40">
        <v>131.88333400000002</v>
      </c>
      <c r="I7922" s="40">
        <v>21.604637267969686</v>
      </c>
      <c r="L7922" s="40"/>
      <c r="M7922" s="40"/>
      <c r="N7922" s="40"/>
    </row>
    <row r="7923" spans="4:14" x14ac:dyDescent="0.25">
      <c r="D7923" s="40">
        <v>131.91139100000248</v>
      </c>
      <c r="E7923" s="40">
        <v>21.360696722578247</v>
      </c>
      <c r="F7923" s="40">
        <v>131.9</v>
      </c>
      <c r="G7923" s="40">
        <v>22.013703214866766</v>
      </c>
      <c r="H7923" s="40">
        <v>131.9</v>
      </c>
      <c r="I7923" s="40">
        <v>21.607891394226449</v>
      </c>
      <c r="L7923" s="40"/>
      <c r="M7923" s="40"/>
      <c r="N7923" s="40"/>
    </row>
    <row r="7924" spans="4:14" x14ac:dyDescent="0.25">
      <c r="D7924" s="40">
        <v>131.92805700000247</v>
      </c>
      <c r="E7924" s="40">
        <v>21.365539901167796</v>
      </c>
      <c r="F7924" s="40">
        <v>131.91666699999999</v>
      </c>
      <c r="G7924" s="40">
        <v>22.013703214866766</v>
      </c>
      <c r="H7924" s="40">
        <v>131.91666700000002</v>
      </c>
      <c r="I7924" s="40">
        <v>21.607891394226449</v>
      </c>
      <c r="L7924" s="40"/>
      <c r="M7924" s="40"/>
      <c r="N7924" s="40"/>
    </row>
    <row r="7925" spans="4:14" x14ac:dyDescent="0.25">
      <c r="D7925" s="40">
        <v>131.94472300000245</v>
      </c>
      <c r="E7925" s="40">
        <v>21.365539901167796</v>
      </c>
      <c r="F7925" s="40">
        <v>131.933333</v>
      </c>
      <c r="G7925" s="40">
        <v>22.013703214866766</v>
      </c>
      <c r="H7925" s="40">
        <v>131.933334</v>
      </c>
      <c r="I7925" s="40">
        <v>21.611244130369709</v>
      </c>
      <c r="L7925" s="40"/>
      <c r="M7925" s="40"/>
      <c r="N7925" s="40"/>
    </row>
    <row r="7926" spans="4:14" x14ac:dyDescent="0.25">
      <c r="D7926" s="40">
        <v>131.96138900000244</v>
      </c>
      <c r="E7926" s="40">
        <v>21.370240633328223</v>
      </c>
      <c r="F7926" s="40">
        <v>131.94999999999999</v>
      </c>
      <c r="G7926" s="40">
        <v>22.013703214866766</v>
      </c>
      <c r="H7926" s="40">
        <v>131.95000000000002</v>
      </c>
      <c r="I7926" s="40">
        <v>21.614596866512965</v>
      </c>
      <c r="L7926" s="40"/>
      <c r="M7926" s="40"/>
      <c r="N7926" s="40"/>
    </row>
    <row r="7927" spans="4:14" x14ac:dyDescent="0.25">
      <c r="D7927" s="40">
        <v>131.97805500000243</v>
      </c>
      <c r="E7927" s="40">
        <v>21.370240633328223</v>
      </c>
      <c r="F7927" s="40">
        <v>131.966667</v>
      </c>
      <c r="G7927" s="40">
        <v>22.013703214866766</v>
      </c>
      <c r="H7927" s="40">
        <v>131.966667</v>
      </c>
      <c r="I7927" s="40">
        <v>21.614596866512965</v>
      </c>
      <c r="L7927" s="40"/>
      <c r="M7927" s="40"/>
      <c r="N7927" s="40"/>
    </row>
    <row r="7928" spans="4:14" x14ac:dyDescent="0.25">
      <c r="D7928" s="40">
        <v>131.99472100000241</v>
      </c>
      <c r="E7928" s="40">
        <v>21.375083811917644</v>
      </c>
      <c r="F7928" s="40">
        <v>131.98333299999999</v>
      </c>
      <c r="G7928" s="40">
        <v>22.013703214866766</v>
      </c>
      <c r="H7928" s="40">
        <v>131.98333400000001</v>
      </c>
      <c r="I7928" s="40">
        <v>21.614596866512965</v>
      </c>
      <c r="L7928" s="40"/>
      <c r="M7928" s="40"/>
      <c r="N7928" s="40"/>
    </row>
    <row r="7929" spans="4:14" x14ac:dyDescent="0.25">
      <c r="D7929" s="40">
        <v>132.0113870000024</v>
      </c>
      <c r="E7929" s="40">
        <v>21.375083811917644</v>
      </c>
      <c r="F7929" s="40">
        <v>132</v>
      </c>
      <c r="G7929" s="40">
        <v>22.013703214866766</v>
      </c>
      <c r="H7929" s="40">
        <v>132</v>
      </c>
      <c r="I7929" s="40">
        <v>21.617850992769728</v>
      </c>
      <c r="L7929" s="40"/>
      <c r="M7929" s="40"/>
      <c r="N7929" s="40"/>
    </row>
    <row r="7930" spans="4:14" x14ac:dyDescent="0.25">
      <c r="D7930" s="40">
        <v>132.02805300000239</v>
      </c>
      <c r="E7930" s="40">
        <v>21.375083811917644</v>
      </c>
      <c r="F7930" s="40">
        <v>132.01666699999998</v>
      </c>
      <c r="G7930" s="40">
        <v>22.013703214866766</v>
      </c>
      <c r="H7930" s="40">
        <v>132.01666700000001</v>
      </c>
      <c r="I7930" s="40">
        <v>21.617850992769728</v>
      </c>
      <c r="L7930" s="40"/>
      <c r="M7930" s="40"/>
      <c r="N7930" s="40"/>
    </row>
    <row r="7931" spans="4:14" x14ac:dyDescent="0.25">
      <c r="D7931" s="40">
        <v>132.04471900000237</v>
      </c>
      <c r="E7931" s="40">
        <v>21.37992699050719</v>
      </c>
      <c r="F7931" s="40">
        <v>132.033333</v>
      </c>
      <c r="G7931" s="40">
        <v>22.013703214866766</v>
      </c>
      <c r="H7931" s="40">
        <v>132.033334</v>
      </c>
      <c r="I7931" s="40">
        <v>21.621203728913162</v>
      </c>
      <c r="L7931" s="40"/>
      <c r="M7931" s="40"/>
      <c r="N7931" s="40"/>
    </row>
    <row r="7932" spans="4:14" x14ac:dyDescent="0.25">
      <c r="D7932" s="40">
        <v>132.06138500000236</v>
      </c>
      <c r="E7932" s="40">
        <v>21.37992699050719</v>
      </c>
      <c r="F7932" s="40">
        <v>132.04999999999998</v>
      </c>
      <c r="G7932" s="40">
        <v>22.013703214866766</v>
      </c>
      <c r="H7932" s="40">
        <v>132.05000000000001</v>
      </c>
      <c r="I7932" s="40">
        <v>21.621203728913162</v>
      </c>
      <c r="L7932" s="40"/>
      <c r="M7932" s="40"/>
      <c r="N7932" s="40"/>
    </row>
    <row r="7933" spans="4:14" x14ac:dyDescent="0.25">
      <c r="D7933" s="40">
        <v>132.07805100000235</v>
      </c>
      <c r="E7933" s="40">
        <v>21.37992699050719</v>
      </c>
      <c r="F7933" s="40">
        <v>132.066667</v>
      </c>
      <c r="G7933" s="40">
        <v>22.013703214866766</v>
      </c>
      <c r="H7933" s="40">
        <v>132.066667</v>
      </c>
      <c r="I7933" s="40">
        <v>21.621203728913162</v>
      </c>
      <c r="L7933" s="40"/>
      <c r="M7933" s="40"/>
      <c r="N7933" s="40"/>
    </row>
    <row r="7934" spans="4:14" x14ac:dyDescent="0.25">
      <c r="D7934" s="40">
        <v>132.09471700000233</v>
      </c>
      <c r="E7934" s="40">
        <v>21.384627722667616</v>
      </c>
      <c r="F7934" s="40">
        <v>132.08333299999998</v>
      </c>
      <c r="G7934" s="40">
        <v>22.013703214866766</v>
      </c>
      <c r="H7934" s="40">
        <v>132.08333400000001</v>
      </c>
      <c r="I7934" s="40">
        <v>21.624556465056418</v>
      </c>
      <c r="L7934" s="40"/>
      <c r="M7934" s="40"/>
      <c r="N7934" s="40"/>
    </row>
    <row r="7935" spans="4:14" x14ac:dyDescent="0.25">
      <c r="D7935" s="40">
        <v>132.11138300000232</v>
      </c>
      <c r="E7935" s="40">
        <v>21.384627722667616</v>
      </c>
      <c r="F7935" s="40">
        <v>132.1</v>
      </c>
      <c r="G7935" s="40">
        <v>22.013703214866766</v>
      </c>
      <c r="H7935" s="40">
        <v>132.1</v>
      </c>
      <c r="I7935" s="40">
        <v>21.624556465056418</v>
      </c>
      <c r="L7935" s="40"/>
      <c r="M7935" s="40"/>
      <c r="N7935" s="40"/>
    </row>
    <row r="7936" spans="4:14" x14ac:dyDescent="0.25">
      <c r="D7936" s="40">
        <v>132.12804900000231</v>
      </c>
      <c r="E7936" s="40">
        <v>21.384627722667616</v>
      </c>
      <c r="F7936" s="40">
        <v>132.11666700000001</v>
      </c>
      <c r="G7936" s="40">
        <v>22.013703214866766</v>
      </c>
      <c r="H7936" s="40">
        <v>132.11666700000001</v>
      </c>
      <c r="I7936" s="40">
        <v>21.627810591313178</v>
      </c>
      <c r="L7936" s="40"/>
      <c r="M7936" s="40"/>
      <c r="N7936" s="40"/>
    </row>
    <row r="7937" spans="4:14" x14ac:dyDescent="0.25">
      <c r="D7937" s="40">
        <v>132.14471500000229</v>
      </c>
      <c r="E7937" s="40">
        <v>21.384627722667616</v>
      </c>
      <c r="F7937" s="40">
        <v>132.13333299999999</v>
      </c>
      <c r="G7937" s="40">
        <v>22.013703214866766</v>
      </c>
      <c r="H7937" s="40">
        <v>132.13333400000002</v>
      </c>
      <c r="I7937" s="40">
        <v>21.627810591313178</v>
      </c>
      <c r="L7937" s="40"/>
      <c r="M7937" s="40"/>
      <c r="N7937" s="40"/>
    </row>
    <row r="7938" spans="4:14" x14ac:dyDescent="0.25">
      <c r="D7938" s="40">
        <v>132.16138100000228</v>
      </c>
      <c r="E7938" s="40">
        <v>21.384627722667616</v>
      </c>
      <c r="F7938" s="40">
        <v>132.15</v>
      </c>
      <c r="G7938" s="40">
        <v>22.013703214866766</v>
      </c>
      <c r="H7938" s="40">
        <v>132.15</v>
      </c>
      <c r="I7938" s="40">
        <v>21.631163327456438</v>
      </c>
      <c r="L7938" s="40"/>
      <c r="M7938" s="40"/>
      <c r="N7938" s="40"/>
    </row>
    <row r="7939" spans="4:14" x14ac:dyDescent="0.25">
      <c r="D7939" s="40">
        <v>132.17804700000227</v>
      </c>
      <c r="E7939" s="40">
        <v>21.389470901257038</v>
      </c>
      <c r="F7939" s="40">
        <v>132.16666699999999</v>
      </c>
      <c r="G7939" s="40">
        <v>22.013703214866766</v>
      </c>
      <c r="H7939" s="40">
        <v>132.16666700000002</v>
      </c>
      <c r="I7939" s="40">
        <v>21.631163327456438</v>
      </c>
      <c r="L7939" s="40"/>
      <c r="M7939" s="40"/>
      <c r="N7939" s="40"/>
    </row>
    <row r="7940" spans="4:14" x14ac:dyDescent="0.25">
      <c r="D7940" s="40">
        <v>132.19471300000225</v>
      </c>
      <c r="E7940" s="40">
        <v>21.389470901257038</v>
      </c>
      <c r="F7940" s="40">
        <v>132.183333</v>
      </c>
      <c r="G7940" s="40">
        <v>22.013703214866766</v>
      </c>
      <c r="H7940" s="40">
        <v>132.183334</v>
      </c>
      <c r="I7940" s="40">
        <v>21.631163327456438</v>
      </c>
      <c r="L7940" s="40"/>
      <c r="M7940" s="40"/>
      <c r="N7940" s="40"/>
    </row>
    <row r="7941" spans="4:14" x14ac:dyDescent="0.25">
      <c r="D7941" s="40">
        <v>132.21137900000224</v>
      </c>
      <c r="E7941" s="40">
        <v>21.389470901257038</v>
      </c>
      <c r="F7941" s="40">
        <v>132.19999999999999</v>
      </c>
      <c r="G7941" s="40">
        <v>22.013703214866766</v>
      </c>
      <c r="H7941" s="40">
        <v>132.20000000000002</v>
      </c>
      <c r="I7941" s="40">
        <v>21.634516063599872</v>
      </c>
      <c r="L7941" s="40"/>
      <c r="M7941" s="40"/>
      <c r="N7941" s="40"/>
    </row>
    <row r="7942" spans="4:14" x14ac:dyDescent="0.25">
      <c r="D7942" s="40">
        <v>132.22804500000223</v>
      </c>
      <c r="E7942" s="40">
        <v>21.389470901257038</v>
      </c>
      <c r="F7942" s="40">
        <v>132.216667</v>
      </c>
      <c r="G7942" s="40">
        <v>22.013703214866766</v>
      </c>
      <c r="H7942" s="40">
        <v>132.216667</v>
      </c>
      <c r="I7942" s="40">
        <v>21.634516063599872</v>
      </c>
      <c r="L7942" s="40"/>
      <c r="M7942" s="40"/>
      <c r="N7942" s="40"/>
    </row>
    <row r="7943" spans="4:14" x14ac:dyDescent="0.25">
      <c r="D7943" s="40">
        <v>132.24471100000221</v>
      </c>
      <c r="E7943" s="40">
        <v>21.394314079846588</v>
      </c>
      <c r="F7943" s="40">
        <v>132.23333299999999</v>
      </c>
      <c r="G7943" s="40">
        <v>22.013703214866766</v>
      </c>
      <c r="H7943" s="40">
        <v>132.23333400000001</v>
      </c>
      <c r="I7943" s="40">
        <v>21.637770189856457</v>
      </c>
      <c r="L7943" s="40"/>
      <c r="M7943" s="40"/>
      <c r="N7943" s="40"/>
    </row>
    <row r="7944" spans="4:14" x14ac:dyDescent="0.25">
      <c r="D7944" s="40">
        <v>132.2613770000022</v>
      </c>
      <c r="E7944" s="40">
        <v>21.389470901257038</v>
      </c>
      <c r="F7944" s="40">
        <v>132.25</v>
      </c>
      <c r="G7944" s="40">
        <v>22.013703214866766</v>
      </c>
      <c r="H7944" s="40">
        <v>132.25</v>
      </c>
      <c r="I7944" s="40">
        <v>21.637770189856457</v>
      </c>
      <c r="L7944" s="40"/>
      <c r="M7944" s="40"/>
      <c r="N7944" s="40"/>
    </row>
    <row r="7945" spans="4:14" x14ac:dyDescent="0.25">
      <c r="D7945" s="40">
        <v>132.27804300000219</v>
      </c>
      <c r="E7945" s="40">
        <v>21.394314079846588</v>
      </c>
      <c r="F7945" s="40">
        <v>132.26666699999998</v>
      </c>
      <c r="G7945" s="40">
        <v>22.013703214866766</v>
      </c>
      <c r="H7945" s="40">
        <v>132.26666700000001</v>
      </c>
      <c r="I7945" s="40">
        <v>21.641122925999891</v>
      </c>
      <c r="L7945" s="40"/>
      <c r="M7945" s="40"/>
      <c r="N7945" s="40"/>
    </row>
    <row r="7946" spans="4:14" x14ac:dyDescent="0.25">
      <c r="D7946" s="40">
        <v>132.29470900000217</v>
      </c>
      <c r="E7946" s="40">
        <v>21.394314079846588</v>
      </c>
      <c r="F7946" s="40">
        <v>132.283333</v>
      </c>
      <c r="G7946" s="40">
        <v>22.018458458956864</v>
      </c>
      <c r="H7946" s="40">
        <v>132.283334</v>
      </c>
      <c r="I7946" s="40">
        <v>21.641122925999891</v>
      </c>
      <c r="L7946" s="40"/>
      <c r="M7946" s="40"/>
      <c r="N7946" s="40"/>
    </row>
    <row r="7947" spans="4:14" x14ac:dyDescent="0.25">
      <c r="D7947" s="40">
        <v>132.31137500000216</v>
      </c>
      <c r="E7947" s="40">
        <v>21.394314079846588</v>
      </c>
      <c r="F7947" s="40">
        <v>132.29999999999998</v>
      </c>
      <c r="G7947" s="40">
        <v>22.018458458956864</v>
      </c>
      <c r="H7947" s="40">
        <v>132.30000000000001</v>
      </c>
      <c r="I7947" s="40">
        <v>21.641122925999891</v>
      </c>
      <c r="L7947" s="40"/>
      <c r="M7947" s="40"/>
      <c r="N7947" s="40"/>
    </row>
    <row r="7948" spans="4:14" x14ac:dyDescent="0.25">
      <c r="D7948" s="40">
        <v>132.32804100000214</v>
      </c>
      <c r="E7948" s="40">
        <v>21.389470901257038</v>
      </c>
      <c r="F7948" s="40">
        <v>132.316667</v>
      </c>
      <c r="G7948" s="40">
        <v>22.018458458956864</v>
      </c>
      <c r="H7948" s="40">
        <v>132.316667</v>
      </c>
      <c r="I7948" s="40">
        <v>21.644475662143151</v>
      </c>
      <c r="L7948" s="40"/>
      <c r="M7948" s="40"/>
      <c r="N7948" s="40"/>
    </row>
    <row r="7949" spans="4:14" x14ac:dyDescent="0.25">
      <c r="D7949" s="40">
        <v>132.34470700000213</v>
      </c>
      <c r="E7949" s="40">
        <v>21.389470901257038</v>
      </c>
      <c r="F7949" s="40">
        <v>132.33333299999998</v>
      </c>
      <c r="G7949" s="40">
        <v>22.018458458956864</v>
      </c>
      <c r="H7949" s="40">
        <v>132.33333400000001</v>
      </c>
      <c r="I7949" s="40">
        <v>21.644475662143151</v>
      </c>
      <c r="L7949" s="40"/>
      <c r="M7949" s="40"/>
      <c r="N7949" s="40"/>
    </row>
    <row r="7950" spans="4:14" x14ac:dyDescent="0.25">
      <c r="D7950" s="40">
        <v>132.36137300000212</v>
      </c>
      <c r="E7950" s="40">
        <v>21.389470901257038</v>
      </c>
      <c r="F7950" s="40">
        <v>132.35</v>
      </c>
      <c r="G7950" s="40">
        <v>22.018458458956864</v>
      </c>
      <c r="H7950" s="40">
        <v>132.35</v>
      </c>
      <c r="I7950" s="40">
        <v>21.647828398286403</v>
      </c>
      <c r="L7950" s="40"/>
      <c r="M7950" s="40"/>
      <c r="N7950" s="40"/>
    </row>
    <row r="7951" spans="4:14" x14ac:dyDescent="0.25">
      <c r="D7951" s="40">
        <v>132.3780390000021</v>
      </c>
      <c r="E7951" s="40">
        <v>21.389470901257038</v>
      </c>
      <c r="F7951" s="40">
        <v>132.36666700000001</v>
      </c>
      <c r="G7951" s="40">
        <v>22.018458458956864</v>
      </c>
      <c r="H7951" s="40">
        <v>132.36666700000001</v>
      </c>
      <c r="I7951" s="40">
        <v>21.647828398286403</v>
      </c>
      <c r="L7951" s="40"/>
      <c r="M7951" s="40"/>
      <c r="N7951" s="40"/>
    </row>
    <row r="7952" spans="4:14" x14ac:dyDescent="0.25">
      <c r="D7952" s="40">
        <v>132.39470500000209</v>
      </c>
      <c r="E7952" s="40">
        <v>21.384627722667616</v>
      </c>
      <c r="F7952" s="40">
        <v>132.38333299999999</v>
      </c>
      <c r="G7952" s="40">
        <v>22.013703214866766</v>
      </c>
      <c r="H7952" s="40">
        <v>132.38333400000002</v>
      </c>
      <c r="I7952" s="40">
        <v>21.651082524543167</v>
      </c>
      <c r="L7952" s="40"/>
      <c r="M7952" s="40"/>
      <c r="N7952" s="40"/>
    </row>
    <row r="7953" spans="4:14" x14ac:dyDescent="0.25">
      <c r="D7953" s="40">
        <v>132.41137100000208</v>
      </c>
      <c r="E7953" s="40">
        <v>21.384627722667616</v>
      </c>
      <c r="F7953" s="40">
        <v>132.4</v>
      </c>
      <c r="G7953" s="40">
        <v>22.013703214866766</v>
      </c>
      <c r="H7953" s="40">
        <v>132.4</v>
      </c>
      <c r="I7953" s="40">
        <v>21.654435260686601</v>
      </c>
      <c r="L7953" s="40"/>
      <c r="M7953" s="40"/>
      <c r="N7953" s="40"/>
    </row>
    <row r="7954" spans="4:14" x14ac:dyDescent="0.25">
      <c r="D7954" s="40">
        <v>132.42803700000206</v>
      </c>
      <c r="E7954" s="40">
        <v>21.384627722667616</v>
      </c>
      <c r="F7954" s="40">
        <v>132.41666699999999</v>
      </c>
      <c r="G7954" s="40">
        <v>22.013703214866766</v>
      </c>
      <c r="H7954" s="40">
        <v>132.41666700000002</v>
      </c>
      <c r="I7954" s="40">
        <v>21.654435260686601</v>
      </c>
      <c r="L7954" s="40"/>
      <c r="M7954" s="40"/>
      <c r="N7954" s="40"/>
    </row>
    <row r="7955" spans="4:14" x14ac:dyDescent="0.25">
      <c r="D7955" s="40">
        <v>132.44470300000205</v>
      </c>
      <c r="E7955" s="40">
        <v>21.384627722667616</v>
      </c>
      <c r="F7955" s="40">
        <v>132.433333</v>
      </c>
      <c r="G7955" s="40">
        <v>22.013703214866766</v>
      </c>
      <c r="H7955" s="40">
        <v>132.433334</v>
      </c>
      <c r="I7955" s="40">
        <v>21.657787996829857</v>
      </c>
      <c r="L7955" s="40"/>
      <c r="M7955" s="40"/>
      <c r="N7955" s="40"/>
    </row>
    <row r="7956" spans="4:14" x14ac:dyDescent="0.25">
      <c r="D7956" s="40">
        <v>132.46136900000204</v>
      </c>
      <c r="E7956" s="40">
        <v>21.384627722667616</v>
      </c>
      <c r="F7956" s="40">
        <v>132.44999999999999</v>
      </c>
      <c r="G7956" s="40">
        <v>22.013703214866766</v>
      </c>
      <c r="H7956" s="40">
        <v>132.45000000000002</v>
      </c>
      <c r="I7956" s="40">
        <v>21.657787996829857</v>
      </c>
      <c r="L7956" s="40"/>
      <c r="M7956" s="40"/>
      <c r="N7956" s="40"/>
    </row>
    <row r="7957" spans="4:14" x14ac:dyDescent="0.25">
      <c r="D7957" s="40">
        <v>132.47803500000202</v>
      </c>
      <c r="E7957" s="40">
        <v>21.384627722667616</v>
      </c>
      <c r="F7957" s="40">
        <v>132.466667</v>
      </c>
      <c r="G7957" s="40">
        <v>22.013703214866766</v>
      </c>
      <c r="H7957" s="40">
        <v>132.466667</v>
      </c>
      <c r="I7957" s="40">
        <v>21.66104212308662</v>
      </c>
      <c r="L7957" s="40"/>
      <c r="M7957" s="40"/>
      <c r="N7957" s="40"/>
    </row>
    <row r="7958" spans="4:14" x14ac:dyDescent="0.25">
      <c r="D7958" s="40">
        <v>132.49470100000201</v>
      </c>
      <c r="E7958" s="40">
        <v>21.384627722667616</v>
      </c>
      <c r="F7958" s="40">
        <v>132.48333299999999</v>
      </c>
      <c r="G7958" s="40">
        <v>22.009087830896867</v>
      </c>
      <c r="H7958" s="40">
        <v>132.48333400000001</v>
      </c>
      <c r="I7958" s="40">
        <v>21.66104212308662</v>
      </c>
      <c r="L7958" s="40"/>
      <c r="M7958" s="40"/>
      <c r="N7958" s="40"/>
    </row>
    <row r="7959" spans="4:14" x14ac:dyDescent="0.25">
      <c r="D7959" s="40">
        <v>132.511367000002</v>
      </c>
      <c r="E7959" s="40">
        <v>21.384627722667616</v>
      </c>
      <c r="F7959" s="40">
        <v>132.5</v>
      </c>
      <c r="G7959" s="40">
        <v>22.009087830896867</v>
      </c>
      <c r="H7959" s="40">
        <v>132.5</v>
      </c>
      <c r="I7959" s="40">
        <v>21.66104212308662</v>
      </c>
      <c r="L7959" s="40"/>
      <c r="M7959" s="40"/>
      <c r="N7959" s="40"/>
    </row>
    <row r="7960" spans="4:14" x14ac:dyDescent="0.25">
      <c r="D7960" s="40">
        <v>132.52803300000198</v>
      </c>
      <c r="E7960" s="40">
        <v>21.389470901257038</v>
      </c>
      <c r="F7960" s="40">
        <v>132.51666699999998</v>
      </c>
      <c r="G7960" s="40">
        <v>22.009087830896867</v>
      </c>
      <c r="H7960" s="40">
        <v>132.51666700000001</v>
      </c>
      <c r="I7960" s="40">
        <v>21.66439485922988</v>
      </c>
      <c r="L7960" s="40"/>
      <c r="M7960" s="40"/>
      <c r="N7960" s="40"/>
    </row>
    <row r="7961" spans="4:14" x14ac:dyDescent="0.25">
      <c r="D7961" s="40">
        <v>132.54469900000197</v>
      </c>
      <c r="E7961" s="40">
        <v>21.389470901257038</v>
      </c>
      <c r="F7961" s="40">
        <v>132.533333</v>
      </c>
      <c r="G7961" s="40">
        <v>22.009087830896867</v>
      </c>
      <c r="H7961" s="40">
        <v>132.533334</v>
      </c>
      <c r="I7961" s="40">
        <v>21.66774759537331</v>
      </c>
      <c r="L7961" s="40"/>
      <c r="M7961" s="40"/>
      <c r="N7961" s="40"/>
    </row>
    <row r="7962" spans="4:14" x14ac:dyDescent="0.25">
      <c r="D7962" s="40">
        <v>132.56136500000196</v>
      </c>
      <c r="E7962" s="40">
        <v>21.389470901257038</v>
      </c>
      <c r="F7962" s="40">
        <v>132.54999999999998</v>
      </c>
      <c r="G7962" s="40">
        <v>22.009087830896867</v>
      </c>
      <c r="H7962" s="40">
        <v>132.55000000000001</v>
      </c>
      <c r="I7962" s="40">
        <v>21.66774759537331</v>
      </c>
      <c r="L7962" s="40"/>
      <c r="M7962" s="40"/>
      <c r="N7962" s="40"/>
    </row>
    <row r="7963" spans="4:14" x14ac:dyDescent="0.25">
      <c r="D7963" s="40">
        <v>132.57803100000194</v>
      </c>
      <c r="E7963" s="40">
        <v>21.394314079846588</v>
      </c>
      <c r="F7963" s="40">
        <v>132.566667</v>
      </c>
      <c r="G7963" s="40">
        <v>22.009087830896867</v>
      </c>
      <c r="H7963" s="40">
        <v>132.566667</v>
      </c>
      <c r="I7963" s="40">
        <v>21.671001721629896</v>
      </c>
      <c r="L7963" s="40"/>
      <c r="M7963" s="40"/>
      <c r="N7963" s="40"/>
    </row>
    <row r="7964" spans="4:14" x14ac:dyDescent="0.25">
      <c r="D7964" s="40">
        <v>132.59469700000193</v>
      </c>
      <c r="E7964" s="40">
        <v>21.394314079846588</v>
      </c>
      <c r="F7964" s="40">
        <v>132.58333299999998</v>
      </c>
      <c r="G7964" s="40">
        <v>22.009087830896867</v>
      </c>
      <c r="H7964" s="40">
        <v>132.58333400000001</v>
      </c>
      <c r="I7964" s="40">
        <v>21.671001721629896</v>
      </c>
      <c r="L7964" s="40"/>
      <c r="M7964" s="40"/>
      <c r="N7964" s="40"/>
    </row>
    <row r="7965" spans="4:14" x14ac:dyDescent="0.25">
      <c r="D7965" s="40">
        <v>132.61136300000192</v>
      </c>
      <c r="E7965" s="40">
        <v>21.394314079846588</v>
      </c>
      <c r="F7965" s="40">
        <v>132.6</v>
      </c>
      <c r="G7965" s="40">
        <v>22.009087830896867</v>
      </c>
      <c r="H7965" s="40">
        <v>132.6</v>
      </c>
      <c r="I7965" s="40">
        <v>21.67435445777333</v>
      </c>
      <c r="L7965" s="40"/>
      <c r="M7965" s="40"/>
      <c r="N7965" s="40"/>
    </row>
    <row r="7966" spans="4:14" x14ac:dyDescent="0.25">
      <c r="D7966" s="40">
        <v>132.6280290000019</v>
      </c>
      <c r="E7966" s="40">
        <v>21.394314079846588</v>
      </c>
      <c r="F7966" s="40">
        <v>132.61666700000001</v>
      </c>
      <c r="G7966" s="40">
        <v>22.009087830896867</v>
      </c>
      <c r="H7966" s="40">
        <v>132.61666700000001</v>
      </c>
      <c r="I7966" s="40">
        <v>21.67435445777333</v>
      </c>
      <c r="L7966" s="40"/>
      <c r="M7966" s="40"/>
      <c r="N7966" s="40"/>
    </row>
    <row r="7967" spans="4:14" x14ac:dyDescent="0.25">
      <c r="D7967" s="40">
        <v>132.64469500000189</v>
      </c>
      <c r="E7967" s="40">
        <v>21.394314079846588</v>
      </c>
      <c r="F7967" s="40">
        <v>132.63333299999999</v>
      </c>
      <c r="G7967" s="40">
        <v>22.009087830896867</v>
      </c>
      <c r="H7967" s="40">
        <v>132.63333400000002</v>
      </c>
      <c r="I7967" s="40">
        <v>21.677707193916589</v>
      </c>
      <c r="L7967" s="40"/>
      <c r="M7967" s="40"/>
      <c r="N7967" s="40"/>
    </row>
    <row r="7968" spans="4:14" x14ac:dyDescent="0.25">
      <c r="D7968" s="40">
        <v>132.66136100000188</v>
      </c>
      <c r="E7968" s="40">
        <v>21.39901481200701</v>
      </c>
      <c r="F7968" s="40">
        <v>132.65</v>
      </c>
      <c r="G7968" s="40">
        <v>22.009087830896867</v>
      </c>
      <c r="H7968" s="40">
        <v>132.65</v>
      </c>
      <c r="I7968" s="40">
        <v>21.677707193916589</v>
      </c>
      <c r="L7968" s="40"/>
      <c r="M7968" s="40"/>
      <c r="N7968" s="40"/>
    </row>
    <row r="7969" spans="4:14" x14ac:dyDescent="0.25">
      <c r="D7969" s="40">
        <v>132.67802700000186</v>
      </c>
      <c r="E7969" s="40">
        <v>21.39901481200701</v>
      </c>
      <c r="F7969" s="40">
        <v>132.66666699999999</v>
      </c>
      <c r="G7969" s="40">
        <v>22.013703214866766</v>
      </c>
      <c r="H7969" s="40">
        <v>132.66666700000002</v>
      </c>
      <c r="I7969" s="40">
        <v>21.680961320173353</v>
      </c>
      <c r="L7969" s="40"/>
      <c r="M7969" s="40"/>
      <c r="N7969" s="40"/>
    </row>
    <row r="7970" spans="4:14" x14ac:dyDescent="0.25">
      <c r="D7970" s="40">
        <v>132.69469300000185</v>
      </c>
      <c r="E7970" s="40">
        <v>21.394314079846588</v>
      </c>
      <c r="F7970" s="40">
        <v>132.683333</v>
      </c>
      <c r="G7970" s="40">
        <v>22.013703214866766</v>
      </c>
      <c r="H7970" s="40">
        <v>132.683334</v>
      </c>
      <c r="I7970" s="40">
        <v>21.680961320173353</v>
      </c>
      <c r="L7970" s="40"/>
      <c r="M7970" s="40"/>
      <c r="N7970" s="40"/>
    </row>
    <row r="7971" spans="4:14" x14ac:dyDescent="0.25">
      <c r="D7971" s="40">
        <v>132.71135900000183</v>
      </c>
      <c r="E7971" s="40">
        <v>21.394314079846588</v>
      </c>
      <c r="F7971" s="40">
        <v>132.69999999999999</v>
      </c>
      <c r="G7971" s="40">
        <v>22.013703214866766</v>
      </c>
      <c r="H7971" s="40">
        <v>132.70000000000002</v>
      </c>
      <c r="I7971" s="40">
        <v>21.684314056316609</v>
      </c>
      <c r="L7971" s="40"/>
      <c r="M7971" s="40"/>
      <c r="N7971" s="40"/>
    </row>
    <row r="7972" spans="4:14" x14ac:dyDescent="0.25">
      <c r="D7972" s="40">
        <v>132.72802500000182</v>
      </c>
      <c r="E7972" s="40">
        <v>21.394314079846588</v>
      </c>
      <c r="F7972" s="40">
        <v>132.716667</v>
      </c>
      <c r="G7972" s="40">
        <v>22.013703214866766</v>
      </c>
      <c r="H7972" s="40">
        <v>132.716667</v>
      </c>
      <c r="I7972" s="40">
        <v>21.684314056316609</v>
      </c>
      <c r="L7972" s="40"/>
      <c r="M7972" s="40"/>
      <c r="N7972" s="40"/>
    </row>
    <row r="7973" spans="4:14" x14ac:dyDescent="0.25">
      <c r="D7973" s="40">
        <v>132.74469100000181</v>
      </c>
      <c r="E7973" s="40">
        <v>21.394314079846588</v>
      </c>
      <c r="F7973" s="40">
        <v>132.73333299999999</v>
      </c>
      <c r="G7973" s="40">
        <v>22.013703214866766</v>
      </c>
      <c r="H7973" s="40">
        <v>132.73333400000001</v>
      </c>
      <c r="I7973" s="40">
        <v>21.684314056316609</v>
      </c>
      <c r="L7973" s="40"/>
      <c r="M7973" s="40"/>
      <c r="N7973" s="40"/>
    </row>
    <row r="7974" spans="4:14" x14ac:dyDescent="0.25">
      <c r="D7974" s="40">
        <v>132.76135700000179</v>
      </c>
      <c r="E7974" s="40">
        <v>21.394314079846588</v>
      </c>
      <c r="F7974" s="40">
        <v>132.75</v>
      </c>
      <c r="G7974" s="40">
        <v>22.018458458956864</v>
      </c>
      <c r="H7974" s="40">
        <v>132.75</v>
      </c>
      <c r="I7974" s="40">
        <v>21.687666792460039</v>
      </c>
      <c r="L7974" s="40"/>
      <c r="M7974" s="40"/>
      <c r="N7974" s="40"/>
    </row>
    <row r="7975" spans="4:14" x14ac:dyDescent="0.25">
      <c r="D7975" s="40">
        <v>132.77802300000178</v>
      </c>
      <c r="E7975" s="40">
        <v>21.394314079846588</v>
      </c>
      <c r="F7975" s="40">
        <v>132.76666699999998</v>
      </c>
      <c r="G7975" s="40">
        <v>22.018458458956864</v>
      </c>
      <c r="H7975" s="40">
        <v>132.76666700000001</v>
      </c>
      <c r="I7975" s="40">
        <v>21.687666792460039</v>
      </c>
      <c r="L7975" s="40"/>
      <c r="M7975" s="40"/>
      <c r="N7975" s="40"/>
    </row>
    <row r="7976" spans="4:14" x14ac:dyDescent="0.25">
      <c r="D7976" s="40">
        <v>132.79468900000177</v>
      </c>
      <c r="E7976" s="40">
        <v>21.394314079846588</v>
      </c>
      <c r="F7976" s="40">
        <v>132.783333</v>
      </c>
      <c r="G7976" s="40">
        <v>22.018458458956864</v>
      </c>
      <c r="H7976" s="40">
        <v>132.783334</v>
      </c>
      <c r="I7976" s="40">
        <v>21.690920918716802</v>
      </c>
      <c r="L7976" s="40"/>
      <c r="M7976" s="40"/>
      <c r="N7976" s="40"/>
    </row>
    <row r="7977" spans="4:14" x14ac:dyDescent="0.25">
      <c r="D7977" s="40">
        <v>132.81135500000175</v>
      </c>
      <c r="E7977" s="40">
        <v>21.394314079846588</v>
      </c>
      <c r="F7977" s="40">
        <v>132.79999999999998</v>
      </c>
      <c r="G7977" s="40">
        <v>22.018458458956864</v>
      </c>
      <c r="H7977" s="40">
        <v>132.80000000000001</v>
      </c>
      <c r="I7977" s="40">
        <v>21.690920918716802</v>
      </c>
      <c r="L7977" s="40"/>
      <c r="M7977" s="40"/>
      <c r="N7977" s="40"/>
    </row>
    <row r="7978" spans="4:14" x14ac:dyDescent="0.25">
      <c r="D7978" s="40">
        <v>132.82802100000174</v>
      </c>
      <c r="E7978" s="40">
        <v>21.394314079846588</v>
      </c>
      <c r="F7978" s="40">
        <v>132.816667</v>
      </c>
      <c r="G7978" s="40">
        <v>22.023213703047084</v>
      </c>
      <c r="H7978" s="40">
        <v>132.816667</v>
      </c>
      <c r="I7978" s="40">
        <v>21.694273654860062</v>
      </c>
      <c r="L7978" s="40"/>
      <c r="M7978" s="40"/>
      <c r="N7978" s="40"/>
    </row>
    <row r="7979" spans="4:14" x14ac:dyDescent="0.25">
      <c r="D7979" s="40">
        <v>132.84468700000173</v>
      </c>
      <c r="E7979" s="40">
        <v>21.394314079846588</v>
      </c>
      <c r="F7979" s="40">
        <v>132.83333299999998</v>
      </c>
      <c r="G7979" s="40">
        <v>22.023213703047084</v>
      </c>
      <c r="H7979" s="40">
        <v>132.83333400000001</v>
      </c>
      <c r="I7979" s="40">
        <v>21.694273654860062</v>
      </c>
      <c r="L7979" s="40"/>
      <c r="M7979" s="40"/>
      <c r="N7979" s="40"/>
    </row>
    <row r="7980" spans="4:14" x14ac:dyDescent="0.25">
      <c r="D7980" s="40">
        <v>132.86135300000171</v>
      </c>
      <c r="E7980" s="40">
        <v>21.389470901257038</v>
      </c>
      <c r="F7980" s="40">
        <v>132.85</v>
      </c>
      <c r="G7980" s="40">
        <v>22.023213703047084</v>
      </c>
      <c r="H7980" s="40">
        <v>132.85</v>
      </c>
      <c r="I7980" s="40">
        <v>21.694273654860062</v>
      </c>
      <c r="L7980" s="40"/>
      <c r="M7980" s="40"/>
      <c r="N7980" s="40"/>
    </row>
    <row r="7981" spans="4:14" x14ac:dyDescent="0.25">
      <c r="D7981" s="40">
        <v>132.8780190000017</v>
      </c>
      <c r="E7981" s="40">
        <v>21.389470901257038</v>
      </c>
      <c r="F7981" s="40">
        <v>132.86666700000001</v>
      </c>
      <c r="G7981" s="40">
        <v>22.023213703047084</v>
      </c>
      <c r="H7981" s="40">
        <v>132.86666700000001</v>
      </c>
      <c r="I7981" s="40">
        <v>21.697626391003318</v>
      </c>
      <c r="L7981" s="40"/>
      <c r="M7981" s="40"/>
      <c r="N7981" s="40"/>
    </row>
    <row r="7982" spans="4:14" x14ac:dyDescent="0.25">
      <c r="D7982" s="40">
        <v>132.89468500000169</v>
      </c>
      <c r="E7982" s="40">
        <v>21.384627722667616</v>
      </c>
      <c r="F7982" s="40">
        <v>132.88333299999999</v>
      </c>
      <c r="G7982" s="40">
        <v>22.023213703047084</v>
      </c>
      <c r="H7982" s="40">
        <v>132.88333400000002</v>
      </c>
      <c r="I7982" s="40">
        <v>21.697626391003318</v>
      </c>
      <c r="L7982" s="40"/>
      <c r="M7982" s="40"/>
      <c r="N7982" s="40"/>
    </row>
    <row r="7983" spans="4:14" x14ac:dyDescent="0.25">
      <c r="D7983" s="40">
        <v>132.91135100000167</v>
      </c>
      <c r="E7983" s="40">
        <v>21.384627722667616</v>
      </c>
      <c r="F7983" s="40">
        <v>132.9</v>
      </c>
      <c r="G7983" s="40">
        <v>22.023213703047084</v>
      </c>
      <c r="H7983" s="40">
        <v>132.9</v>
      </c>
      <c r="I7983" s="40">
        <v>21.700880517260082</v>
      </c>
      <c r="L7983" s="40"/>
      <c r="M7983" s="40"/>
      <c r="N7983" s="40"/>
    </row>
    <row r="7984" spans="4:14" x14ac:dyDescent="0.25">
      <c r="D7984" s="40">
        <v>132.92801700000166</v>
      </c>
      <c r="E7984" s="40">
        <v>21.384627722667616</v>
      </c>
      <c r="F7984" s="40">
        <v>132.91666699999999</v>
      </c>
      <c r="G7984" s="40">
        <v>22.023213703047084</v>
      </c>
      <c r="H7984" s="40">
        <v>132.91666700000002</v>
      </c>
      <c r="I7984" s="40">
        <v>21.700880517260082</v>
      </c>
      <c r="L7984" s="40"/>
      <c r="M7984" s="40"/>
      <c r="N7984" s="40"/>
    </row>
    <row r="7985" spans="4:14" x14ac:dyDescent="0.25">
      <c r="D7985" s="40">
        <v>132.94468300000165</v>
      </c>
      <c r="E7985" s="40">
        <v>21.384627722667616</v>
      </c>
      <c r="F7985" s="40">
        <v>132.933333</v>
      </c>
      <c r="G7985" s="40">
        <v>22.023213703047084</v>
      </c>
      <c r="H7985" s="40">
        <v>132.933334</v>
      </c>
      <c r="I7985" s="40">
        <v>21.704233253403338</v>
      </c>
      <c r="L7985" s="40"/>
      <c r="M7985" s="40"/>
      <c r="N7985" s="40"/>
    </row>
    <row r="7986" spans="4:14" x14ac:dyDescent="0.25">
      <c r="D7986" s="40">
        <v>132.96134900000163</v>
      </c>
      <c r="E7986" s="40">
        <v>21.384627722667616</v>
      </c>
      <c r="F7986" s="40">
        <v>132.94999999999999</v>
      </c>
      <c r="G7986" s="40">
        <v>22.023213703047084</v>
      </c>
      <c r="H7986" s="40">
        <v>132.95000000000002</v>
      </c>
      <c r="I7986" s="40">
        <v>21.704233253403338</v>
      </c>
      <c r="L7986" s="40"/>
      <c r="M7986" s="40"/>
      <c r="N7986" s="40"/>
    </row>
    <row r="7987" spans="4:14" x14ac:dyDescent="0.25">
      <c r="D7987" s="40">
        <v>132.97801500000162</v>
      </c>
      <c r="E7987" s="40">
        <v>21.384627722667616</v>
      </c>
      <c r="F7987" s="40">
        <v>132.966667</v>
      </c>
      <c r="G7987" s="40">
        <v>22.023213703047084</v>
      </c>
      <c r="H7987" s="40">
        <v>132.966667</v>
      </c>
      <c r="I7987" s="40">
        <v>21.707585989546768</v>
      </c>
      <c r="L7987" s="40"/>
      <c r="M7987" s="40"/>
      <c r="N7987" s="40"/>
    </row>
    <row r="7988" spans="4:14" x14ac:dyDescent="0.25">
      <c r="D7988" s="40">
        <v>132.99468100000161</v>
      </c>
      <c r="E7988" s="40">
        <v>21.384627722667616</v>
      </c>
      <c r="F7988" s="40">
        <v>132.98333299999999</v>
      </c>
      <c r="G7988" s="40">
        <v>22.023213703047084</v>
      </c>
      <c r="H7988" s="40">
        <v>132.98333400000001</v>
      </c>
      <c r="I7988" s="40">
        <v>21.707585989546768</v>
      </c>
      <c r="L7988" s="40"/>
      <c r="M7988" s="40"/>
      <c r="N7988" s="40"/>
    </row>
    <row r="7989" spans="4:14" x14ac:dyDescent="0.25">
      <c r="D7989" s="40">
        <v>133.01134700000159</v>
      </c>
      <c r="E7989" s="40">
        <v>21.384627722667616</v>
      </c>
      <c r="F7989" s="40">
        <v>133</v>
      </c>
      <c r="G7989" s="40">
        <v>22.023213703047084</v>
      </c>
      <c r="H7989" s="40">
        <v>133</v>
      </c>
      <c r="I7989" s="40">
        <v>21.707585989546768</v>
      </c>
      <c r="L7989" s="40"/>
      <c r="M7989" s="40"/>
      <c r="N7989" s="40"/>
    </row>
    <row r="7990" spans="4:14" x14ac:dyDescent="0.25">
      <c r="D7990" s="40">
        <v>133.02801300000158</v>
      </c>
      <c r="E7990" s="40">
        <v>21.384627722667616</v>
      </c>
      <c r="F7990" s="40">
        <v>133.01666699999998</v>
      </c>
      <c r="G7990" s="40">
        <v>22.023213703047084</v>
      </c>
      <c r="H7990" s="40">
        <v>133.01666700000001</v>
      </c>
      <c r="I7990" s="40">
        <v>21.710840115803531</v>
      </c>
      <c r="L7990" s="40"/>
      <c r="M7990" s="40"/>
      <c r="N7990" s="40"/>
    </row>
    <row r="7991" spans="4:14" x14ac:dyDescent="0.25">
      <c r="D7991" s="40">
        <v>133.04467900000157</v>
      </c>
      <c r="E7991" s="40">
        <v>21.384627722667616</v>
      </c>
      <c r="F7991" s="40">
        <v>133.033333</v>
      </c>
      <c r="G7991" s="40">
        <v>22.023213703047084</v>
      </c>
      <c r="H7991" s="40">
        <v>133.033334</v>
      </c>
      <c r="I7991" s="40">
        <v>21.710840115803531</v>
      </c>
      <c r="L7991" s="40"/>
      <c r="M7991" s="40"/>
      <c r="N7991" s="40"/>
    </row>
    <row r="7992" spans="4:14" x14ac:dyDescent="0.25">
      <c r="D7992" s="40">
        <v>133.06134500000155</v>
      </c>
      <c r="E7992" s="40">
        <v>21.384627722667616</v>
      </c>
      <c r="F7992" s="40">
        <v>133.04999999999998</v>
      </c>
      <c r="G7992" s="40">
        <v>22.018458458956864</v>
      </c>
      <c r="H7992" s="40">
        <v>133.05000000000001</v>
      </c>
      <c r="I7992" s="40">
        <v>21.714192851946791</v>
      </c>
      <c r="L7992" s="40"/>
      <c r="M7992" s="40"/>
      <c r="N7992" s="40"/>
    </row>
    <row r="7993" spans="4:14" x14ac:dyDescent="0.25">
      <c r="D7993" s="40">
        <v>133.07801100000154</v>
      </c>
      <c r="E7993" s="40">
        <v>21.384627722667616</v>
      </c>
      <c r="F7993" s="40">
        <v>133.066667</v>
      </c>
      <c r="G7993" s="40">
        <v>22.018458458956864</v>
      </c>
      <c r="H7993" s="40">
        <v>133.066667</v>
      </c>
      <c r="I7993" s="40">
        <v>21.714192851946791</v>
      </c>
      <c r="L7993" s="40"/>
      <c r="M7993" s="40"/>
      <c r="N7993" s="40"/>
    </row>
    <row r="7994" spans="4:14" x14ac:dyDescent="0.25">
      <c r="D7994" s="40">
        <v>133.09467700000152</v>
      </c>
      <c r="E7994" s="40">
        <v>21.384627722667616</v>
      </c>
      <c r="F7994" s="40">
        <v>133.08333299999998</v>
      </c>
      <c r="G7994" s="40">
        <v>22.013703214866766</v>
      </c>
      <c r="H7994" s="40">
        <v>133.08333400000001</v>
      </c>
      <c r="I7994" s="40">
        <v>21.714192851946791</v>
      </c>
      <c r="L7994" s="40"/>
      <c r="M7994" s="40"/>
      <c r="N7994" s="40"/>
    </row>
    <row r="7995" spans="4:14" x14ac:dyDescent="0.25">
      <c r="D7995" s="40">
        <v>133.11134300000151</v>
      </c>
      <c r="E7995" s="40">
        <v>21.384627722667616</v>
      </c>
      <c r="F7995" s="40">
        <v>133.1</v>
      </c>
      <c r="G7995" s="40">
        <v>22.013703214866766</v>
      </c>
      <c r="H7995" s="40">
        <v>133.1</v>
      </c>
      <c r="I7995" s="40">
        <v>21.717545588090047</v>
      </c>
      <c r="L7995" s="40"/>
      <c r="M7995" s="40"/>
      <c r="N7995" s="40"/>
    </row>
    <row r="7996" spans="4:14" x14ac:dyDescent="0.25">
      <c r="D7996" s="40">
        <v>133.1280090000015</v>
      </c>
      <c r="E7996" s="40">
        <v>21.389470901257038</v>
      </c>
      <c r="F7996" s="40">
        <v>133.11666700000001</v>
      </c>
      <c r="G7996" s="40">
        <v>22.013703214866766</v>
      </c>
      <c r="H7996" s="40">
        <v>133.11666700000001</v>
      </c>
      <c r="I7996" s="40">
        <v>21.717545588090047</v>
      </c>
      <c r="L7996" s="40"/>
      <c r="M7996" s="40"/>
      <c r="N7996" s="40"/>
    </row>
    <row r="7997" spans="4:14" x14ac:dyDescent="0.25">
      <c r="D7997" s="40">
        <v>133.14467500000148</v>
      </c>
      <c r="E7997" s="40">
        <v>21.389470901257038</v>
      </c>
      <c r="F7997" s="40">
        <v>133.13333299999999</v>
      </c>
      <c r="G7997" s="40">
        <v>22.009087830896867</v>
      </c>
      <c r="H7997" s="40">
        <v>133.13333400000002</v>
      </c>
      <c r="I7997" s="40">
        <v>21.720799714346811</v>
      </c>
      <c r="L7997" s="40"/>
      <c r="M7997" s="40"/>
      <c r="N7997" s="40"/>
    </row>
    <row r="7998" spans="4:14" x14ac:dyDescent="0.25">
      <c r="D7998" s="40">
        <v>133.16134100000147</v>
      </c>
      <c r="E7998" s="40">
        <v>21.389470901257038</v>
      </c>
      <c r="F7998" s="40">
        <v>133.15</v>
      </c>
      <c r="G7998" s="40">
        <v>22.009087830896867</v>
      </c>
      <c r="H7998" s="40">
        <v>133.15</v>
      </c>
      <c r="I7998" s="40">
        <v>21.72415245049007</v>
      </c>
      <c r="L7998" s="40"/>
      <c r="M7998" s="40"/>
      <c r="N7998" s="40"/>
    </row>
    <row r="7999" spans="4:14" x14ac:dyDescent="0.25">
      <c r="D7999" s="40">
        <v>133.17800700000146</v>
      </c>
      <c r="E7999" s="40">
        <v>21.389470901257038</v>
      </c>
      <c r="F7999" s="40">
        <v>133.16666699999999</v>
      </c>
      <c r="G7999" s="40">
        <v>22.009087830896867</v>
      </c>
      <c r="H7999" s="40">
        <v>133.16666700000002</v>
      </c>
      <c r="I7999" s="40">
        <v>21.72415245049007</v>
      </c>
      <c r="L7999" s="40"/>
      <c r="M7999" s="40"/>
      <c r="N7999" s="40"/>
    </row>
    <row r="8000" spans="4:14" x14ac:dyDescent="0.25">
      <c r="D8000" s="40">
        <v>133.19467300000144</v>
      </c>
      <c r="E8000" s="40">
        <v>21.389470901257038</v>
      </c>
      <c r="F8000" s="40">
        <v>133.183333</v>
      </c>
      <c r="G8000" s="40">
        <v>22.009087830896867</v>
      </c>
      <c r="H8000" s="40">
        <v>133.183334</v>
      </c>
      <c r="I8000" s="40">
        <v>21.727505186633501</v>
      </c>
      <c r="L8000" s="40"/>
      <c r="M8000" s="40"/>
      <c r="N8000" s="40"/>
    </row>
    <row r="8001" spans="4:14" x14ac:dyDescent="0.25">
      <c r="D8001" s="40">
        <v>133.21133900000143</v>
      </c>
      <c r="E8001" s="40">
        <v>21.394314079846588</v>
      </c>
      <c r="F8001" s="40">
        <v>133.19999999999999</v>
      </c>
      <c r="G8001" s="40">
        <v>22.009087830896867</v>
      </c>
      <c r="H8001" s="40">
        <v>133.20000000000002</v>
      </c>
      <c r="I8001" s="40">
        <v>21.727505186633501</v>
      </c>
      <c r="L8001" s="40"/>
      <c r="M8001" s="40"/>
      <c r="N8001" s="40"/>
    </row>
    <row r="8002" spans="4:14" x14ac:dyDescent="0.25">
      <c r="D8002" s="40">
        <v>133.22800500000142</v>
      </c>
      <c r="E8002" s="40">
        <v>21.394314079846588</v>
      </c>
      <c r="F8002" s="40">
        <v>133.216667</v>
      </c>
      <c r="G8002" s="40">
        <v>22.004332586806647</v>
      </c>
      <c r="H8002" s="40">
        <v>133.216667</v>
      </c>
      <c r="I8002" s="40">
        <v>21.730759312890264</v>
      </c>
      <c r="L8002" s="40"/>
      <c r="M8002" s="40"/>
      <c r="N8002" s="40"/>
    </row>
    <row r="8003" spans="4:14" x14ac:dyDescent="0.25">
      <c r="D8003" s="40">
        <v>133.2446710000014</v>
      </c>
      <c r="E8003" s="40">
        <v>21.394314079846588</v>
      </c>
      <c r="F8003" s="40">
        <v>133.23333299999999</v>
      </c>
      <c r="G8003" s="40">
        <v>22.004332586806647</v>
      </c>
      <c r="H8003" s="40">
        <v>133.23333400000001</v>
      </c>
      <c r="I8003" s="40">
        <v>21.730759312890264</v>
      </c>
      <c r="L8003" s="40"/>
      <c r="M8003" s="40"/>
      <c r="N8003" s="40"/>
    </row>
    <row r="8004" spans="4:14" x14ac:dyDescent="0.25">
      <c r="D8004" s="40">
        <v>133.26133700000139</v>
      </c>
      <c r="E8004" s="40">
        <v>21.39901481200701</v>
      </c>
      <c r="F8004" s="40">
        <v>133.25</v>
      </c>
      <c r="G8004" s="40">
        <v>22.004332586806647</v>
      </c>
      <c r="H8004" s="40">
        <v>133.25</v>
      </c>
      <c r="I8004" s="40">
        <v>21.73411204903352</v>
      </c>
      <c r="L8004" s="40"/>
      <c r="M8004" s="40"/>
      <c r="N8004" s="40"/>
    </row>
    <row r="8005" spans="4:14" x14ac:dyDescent="0.25">
      <c r="D8005" s="40">
        <v>133.27800300000138</v>
      </c>
      <c r="E8005" s="40">
        <v>21.40385799059656</v>
      </c>
      <c r="F8005" s="40">
        <v>133.26666699999998</v>
      </c>
      <c r="G8005" s="40">
        <v>22.004332586806647</v>
      </c>
      <c r="H8005" s="40">
        <v>133.26666700000001</v>
      </c>
      <c r="I8005" s="40">
        <v>21.73411204903352</v>
      </c>
      <c r="L8005" s="40"/>
      <c r="M8005" s="40"/>
      <c r="N8005" s="40"/>
    </row>
    <row r="8006" spans="4:14" x14ac:dyDescent="0.25">
      <c r="D8006" s="40">
        <v>133.29466900000136</v>
      </c>
      <c r="E8006" s="40">
        <v>21.40385799059656</v>
      </c>
      <c r="F8006" s="40">
        <v>133.283333</v>
      </c>
      <c r="G8006" s="40">
        <v>22.004332586806647</v>
      </c>
      <c r="H8006" s="40">
        <v>133.283334</v>
      </c>
      <c r="I8006" s="40">
        <v>21.73746478517678</v>
      </c>
      <c r="L8006" s="40"/>
      <c r="M8006" s="40"/>
      <c r="N8006" s="40"/>
    </row>
    <row r="8007" spans="4:14" x14ac:dyDescent="0.25">
      <c r="D8007" s="40">
        <v>133.31133500000135</v>
      </c>
      <c r="E8007" s="40">
        <v>21.408701169185985</v>
      </c>
      <c r="F8007" s="40">
        <v>133.29999999999998</v>
      </c>
      <c r="G8007" s="40">
        <v>22.004332586806647</v>
      </c>
      <c r="H8007" s="40">
        <v>133.30000000000001</v>
      </c>
      <c r="I8007" s="40">
        <v>21.73746478517678</v>
      </c>
      <c r="L8007" s="40"/>
      <c r="M8007" s="40"/>
      <c r="N8007" s="40"/>
    </row>
    <row r="8008" spans="4:14" x14ac:dyDescent="0.25">
      <c r="D8008" s="40">
        <v>133.32800100000134</v>
      </c>
      <c r="E8008" s="40">
        <v>21.408701169185985</v>
      </c>
      <c r="F8008" s="40">
        <v>133.316667</v>
      </c>
      <c r="G8008" s="40">
        <v>22.004332586806647</v>
      </c>
      <c r="H8008" s="40">
        <v>133.316667</v>
      </c>
      <c r="I8008" s="40">
        <v>21.740718911433543</v>
      </c>
      <c r="L8008" s="40"/>
      <c r="M8008" s="40"/>
      <c r="N8008" s="40"/>
    </row>
    <row r="8009" spans="4:14" x14ac:dyDescent="0.25">
      <c r="D8009" s="40">
        <v>133.34466700000132</v>
      </c>
      <c r="E8009" s="40">
        <v>21.408701169185985</v>
      </c>
      <c r="F8009" s="40">
        <v>133.33333299999998</v>
      </c>
      <c r="G8009" s="40">
        <v>22.004332586806647</v>
      </c>
      <c r="H8009" s="40">
        <v>133.33333400000001</v>
      </c>
      <c r="I8009" s="40">
        <v>21.740718911433543</v>
      </c>
      <c r="L8009" s="40"/>
      <c r="M8009" s="40"/>
      <c r="N8009" s="40"/>
    </row>
    <row r="8010" spans="4:14" x14ac:dyDescent="0.25">
      <c r="D8010" s="40">
        <v>133.36133300000131</v>
      </c>
      <c r="E8010" s="40">
        <v>21.413401901346408</v>
      </c>
      <c r="F8010" s="40">
        <v>133.35</v>
      </c>
      <c r="G8010" s="40">
        <v>22.004332586806647</v>
      </c>
      <c r="H8010" s="40">
        <v>133.35</v>
      </c>
      <c r="I8010" s="40">
        <v>21.74407164757697</v>
      </c>
      <c r="L8010" s="40"/>
      <c r="M8010" s="40"/>
      <c r="N8010" s="40"/>
    </row>
    <row r="8011" spans="4:14" x14ac:dyDescent="0.25">
      <c r="D8011" s="40">
        <v>133.3779990000013</v>
      </c>
      <c r="E8011" s="40">
        <v>21.413401901346408</v>
      </c>
      <c r="F8011" s="40">
        <v>133.36666700000001</v>
      </c>
      <c r="G8011" s="40">
        <v>22.004332586806647</v>
      </c>
      <c r="H8011" s="40">
        <v>133.36666700000001</v>
      </c>
      <c r="I8011" s="40">
        <v>21.74407164757697</v>
      </c>
      <c r="L8011" s="40"/>
      <c r="M8011" s="40"/>
      <c r="N8011" s="40"/>
    </row>
    <row r="8012" spans="4:14" x14ac:dyDescent="0.25">
      <c r="D8012" s="40">
        <v>133.39466500000128</v>
      </c>
      <c r="E8012" s="40">
        <v>21.413401901346408</v>
      </c>
      <c r="F8012" s="40">
        <v>133.38333299999999</v>
      </c>
      <c r="G8012" s="40">
        <v>22.004332586806647</v>
      </c>
      <c r="H8012" s="40">
        <v>133.38333400000002</v>
      </c>
      <c r="I8012" s="40">
        <v>21.747424383720229</v>
      </c>
      <c r="L8012" s="40"/>
      <c r="M8012" s="40"/>
      <c r="N8012" s="40"/>
    </row>
    <row r="8013" spans="4:14" x14ac:dyDescent="0.25">
      <c r="D8013" s="40">
        <v>133.41133100000127</v>
      </c>
      <c r="E8013" s="40">
        <v>21.413401901346408</v>
      </c>
      <c r="F8013" s="40">
        <v>133.4</v>
      </c>
      <c r="G8013" s="40">
        <v>22.004332586806647</v>
      </c>
      <c r="H8013" s="40">
        <v>133.4</v>
      </c>
      <c r="I8013" s="40">
        <v>21.747424383720229</v>
      </c>
      <c r="L8013" s="40"/>
      <c r="M8013" s="40"/>
      <c r="N8013" s="40"/>
    </row>
    <row r="8014" spans="4:14" x14ac:dyDescent="0.25">
      <c r="D8014" s="40">
        <v>133.42799700000126</v>
      </c>
      <c r="E8014" s="40">
        <v>21.413401901346408</v>
      </c>
      <c r="F8014" s="40">
        <v>133.41666699999999</v>
      </c>
      <c r="G8014" s="40">
        <v>22.004332586806647</v>
      </c>
      <c r="H8014" s="40">
        <v>133.41666700000002</v>
      </c>
      <c r="I8014" s="40">
        <v>21.750678509976993</v>
      </c>
      <c r="L8014" s="40"/>
      <c r="M8014" s="40"/>
      <c r="N8014" s="40"/>
    </row>
    <row r="8015" spans="4:14" x14ac:dyDescent="0.25">
      <c r="D8015" s="40">
        <v>133.44466300000124</v>
      </c>
      <c r="E8015" s="40">
        <v>21.413401901346408</v>
      </c>
      <c r="F8015" s="40">
        <v>133.433333</v>
      </c>
      <c r="G8015" s="40">
        <v>22.009087830896867</v>
      </c>
      <c r="H8015" s="40">
        <v>133.433334</v>
      </c>
      <c r="I8015" s="40">
        <v>21.750678509976993</v>
      </c>
      <c r="L8015" s="40"/>
      <c r="M8015" s="40"/>
      <c r="N8015" s="40"/>
    </row>
    <row r="8016" spans="4:14" x14ac:dyDescent="0.25">
      <c r="D8016" s="40">
        <v>133.46132900000123</v>
      </c>
      <c r="E8016" s="40">
        <v>21.413401901346408</v>
      </c>
      <c r="F8016" s="40">
        <v>133.44999999999999</v>
      </c>
      <c r="G8016" s="40">
        <v>22.009087830896867</v>
      </c>
      <c r="H8016" s="40">
        <v>133.45000000000002</v>
      </c>
      <c r="I8016" s="40">
        <v>21.754031246120249</v>
      </c>
      <c r="L8016" s="40"/>
      <c r="M8016" s="40"/>
      <c r="N8016" s="40"/>
    </row>
    <row r="8017" spans="4:14" x14ac:dyDescent="0.25">
      <c r="D8017" s="40">
        <v>133.47799500000121</v>
      </c>
      <c r="E8017" s="40">
        <v>21.413401901346408</v>
      </c>
      <c r="F8017" s="40">
        <v>133.466667</v>
      </c>
      <c r="G8017" s="40">
        <v>22.009087830896867</v>
      </c>
      <c r="H8017" s="40">
        <v>133.466667</v>
      </c>
      <c r="I8017" s="40">
        <v>21.754031246120249</v>
      </c>
      <c r="L8017" s="40"/>
      <c r="M8017" s="40"/>
      <c r="N8017" s="40"/>
    </row>
    <row r="8018" spans="4:14" x14ac:dyDescent="0.25">
      <c r="D8018" s="40">
        <v>133.4946610000012</v>
      </c>
      <c r="E8018" s="40">
        <v>21.413401901346408</v>
      </c>
      <c r="F8018" s="40">
        <v>133.48333299999999</v>
      </c>
      <c r="G8018" s="40">
        <v>22.009087830896867</v>
      </c>
      <c r="H8018" s="40">
        <v>133.48333400000001</v>
      </c>
      <c r="I8018" s="40">
        <v>21.757383982263509</v>
      </c>
      <c r="L8018" s="40"/>
      <c r="M8018" s="40"/>
      <c r="N8018" s="40"/>
    </row>
    <row r="8019" spans="4:14" x14ac:dyDescent="0.25">
      <c r="D8019" s="40">
        <v>133.51132700000119</v>
      </c>
      <c r="E8019" s="40">
        <v>21.413401901346408</v>
      </c>
      <c r="F8019" s="40">
        <v>133.5</v>
      </c>
      <c r="G8019" s="40">
        <v>22.009087830896867</v>
      </c>
      <c r="H8019" s="40">
        <v>133.5</v>
      </c>
      <c r="I8019" s="40">
        <v>21.757383982263509</v>
      </c>
      <c r="L8019" s="40"/>
      <c r="M8019" s="40"/>
      <c r="N8019" s="40"/>
    </row>
    <row r="8020" spans="4:14" x14ac:dyDescent="0.25">
      <c r="D8020" s="40">
        <v>133.52799300000117</v>
      </c>
      <c r="E8020" s="40">
        <v>21.413401901346408</v>
      </c>
      <c r="F8020" s="40">
        <v>133.51666699999998</v>
      </c>
      <c r="G8020" s="40">
        <v>22.009087830896867</v>
      </c>
      <c r="H8020" s="40">
        <v>133.51666700000001</v>
      </c>
      <c r="I8020" s="40">
        <v>21.760638108520272</v>
      </c>
      <c r="L8020" s="40"/>
      <c r="M8020" s="40"/>
      <c r="N8020" s="40"/>
    </row>
    <row r="8021" spans="4:14" x14ac:dyDescent="0.25">
      <c r="D8021" s="40">
        <v>133.54465900000116</v>
      </c>
      <c r="E8021" s="40">
        <v>21.413401901346408</v>
      </c>
      <c r="F8021" s="40">
        <v>133.533333</v>
      </c>
      <c r="G8021" s="40">
        <v>22.009087830896867</v>
      </c>
      <c r="H8021" s="40">
        <v>133.533334</v>
      </c>
      <c r="I8021" s="40">
        <v>21.760638108520272</v>
      </c>
      <c r="L8021" s="40"/>
      <c r="M8021" s="40"/>
      <c r="N8021" s="40"/>
    </row>
    <row r="8022" spans="4:14" x14ac:dyDescent="0.25">
      <c r="D8022" s="40">
        <v>133.56132500000115</v>
      </c>
      <c r="E8022" s="40">
        <v>21.413401901346408</v>
      </c>
      <c r="F8022" s="40">
        <v>133.54999999999998</v>
      </c>
      <c r="G8022" s="40">
        <v>22.009087830896867</v>
      </c>
      <c r="H8022" s="40">
        <v>133.55000000000001</v>
      </c>
      <c r="I8022" s="40">
        <v>21.763990844663702</v>
      </c>
      <c r="L8022" s="40"/>
      <c r="M8022" s="40"/>
      <c r="N8022" s="40"/>
    </row>
    <row r="8023" spans="4:14" x14ac:dyDescent="0.25">
      <c r="D8023" s="40">
        <v>133.57799100000113</v>
      </c>
      <c r="E8023" s="40">
        <v>21.413401901346408</v>
      </c>
      <c r="F8023" s="40">
        <v>133.566667</v>
      </c>
      <c r="G8023" s="40">
        <v>22.009087830896867</v>
      </c>
      <c r="H8023" s="40">
        <v>133.566667</v>
      </c>
      <c r="I8023" s="40">
        <v>21.763990844663702</v>
      </c>
      <c r="L8023" s="40"/>
      <c r="M8023" s="40"/>
      <c r="N8023" s="40"/>
    </row>
    <row r="8024" spans="4:14" x14ac:dyDescent="0.25">
      <c r="D8024" s="40">
        <v>133.59465700000112</v>
      </c>
      <c r="E8024" s="40">
        <v>21.413401901346408</v>
      </c>
      <c r="F8024" s="40">
        <v>133.58333299999998</v>
      </c>
      <c r="G8024" s="40">
        <v>22.009087830896867</v>
      </c>
      <c r="H8024" s="40">
        <v>133.58333400000001</v>
      </c>
      <c r="I8024" s="40">
        <v>21.767343580806958</v>
      </c>
      <c r="L8024" s="40"/>
      <c r="M8024" s="40"/>
      <c r="N8024" s="40"/>
    </row>
    <row r="8025" spans="4:14" x14ac:dyDescent="0.25">
      <c r="D8025" s="40">
        <v>133.61132300000111</v>
      </c>
      <c r="E8025" s="40">
        <v>21.418245079935957</v>
      </c>
      <c r="F8025" s="40">
        <v>133.6</v>
      </c>
      <c r="G8025" s="40">
        <v>22.009087830896867</v>
      </c>
      <c r="H8025" s="40">
        <v>133.6</v>
      </c>
      <c r="I8025" s="40">
        <v>21.767343580806958</v>
      </c>
      <c r="L8025" s="40"/>
      <c r="M8025" s="40"/>
      <c r="N8025" s="40"/>
    </row>
    <row r="8026" spans="4:14" x14ac:dyDescent="0.25">
      <c r="D8026" s="40">
        <v>133.62798900000109</v>
      </c>
      <c r="E8026" s="40">
        <v>21.418245079935957</v>
      </c>
      <c r="F8026" s="40">
        <v>133.61666700000001</v>
      </c>
      <c r="G8026" s="40">
        <v>22.009087830896867</v>
      </c>
      <c r="H8026" s="40">
        <v>133.61666700000001</v>
      </c>
      <c r="I8026" s="40">
        <v>21.767343580806958</v>
      </c>
      <c r="L8026" s="40"/>
      <c r="M8026" s="40"/>
      <c r="N8026" s="40"/>
    </row>
    <row r="8027" spans="4:14" x14ac:dyDescent="0.25">
      <c r="D8027" s="40">
        <v>133.64465500000108</v>
      </c>
      <c r="E8027" s="40">
        <v>21.418245079935957</v>
      </c>
      <c r="F8027" s="40">
        <v>133.63333299999999</v>
      </c>
      <c r="G8027" s="40">
        <v>22.009087830896867</v>
      </c>
      <c r="H8027" s="40">
        <v>133.63333400000002</v>
      </c>
      <c r="I8027" s="40">
        <v>21.770696316950218</v>
      </c>
      <c r="L8027" s="40"/>
      <c r="M8027" s="40"/>
      <c r="N8027" s="40"/>
    </row>
    <row r="8028" spans="4:14" x14ac:dyDescent="0.25">
      <c r="D8028" s="40">
        <v>133.66132100000107</v>
      </c>
      <c r="E8028" s="40">
        <v>21.418245079935957</v>
      </c>
      <c r="F8028" s="40">
        <v>133.65</v>
      </c>
      <c r="G8028" s="40">
        <v>22.013703214866766</v>
      </c>
      <c r="H8028" s="40">
        <v>133.65</v>
      </c>
      <c r="I8028" s="40">
        <v>21.770696316950218</v>
      </c>
      <c r="L8028" s="40"/>
      <c r="M8028" s="40"/>
      <c r="N8028" s="40"/>
    </row>
    <row r="8029" spans="4:14" x14ac:dyDescent="0.25">
      <c r="D8029" s="40">
        <v>133.67798700000105</v>
      </c>
      <c r="E8029" s="40">
        <v>21.418245079935957</v>
      </c>
      <c r="F8029" s="40">
        <v>133.66666699999999</v>
      </c>
      <c r="G8029" s="40">
        <v>22.013703214866766</v>
      </c>
      <c r="H8029" s="40">
        <v>133.66666700000002</v>
      </c>
      <c r="I8029" s="40">
        <v>21.773950443206981</v>
      </c>
      <c r="L8029" s="40"/>
      <c r="M8029" s="40"/>
      <c r="N8029" s="40"/>
    </row>
    <row r="8030" spans="4:14" x14ac:dyDescent="0.25">
      <c r="D8030" s="40">
        <v>133.69465300000104</v>
      </c>
      <c r="E8030" s="40">
        <v>21.418245079935957</v>
      </c>
      <c r="F8030" s="40">
        <v>133.683333</v>
      </c>
      <c r="G8030" s="40">
        <v>22.013703214866766</v>
      </c>
      <c r="H8030" s="40">
        <v>133.683334</v>
      </c>
      <c r="I8030" s="40">
        <v>21.773950443206981</v>
      </c>
      <c r="L8030" s="40"/>
      <c r="M8030" s="40"/>
      <c r="N8030" s="40"/>
    </row>
    <row r="8031" spans="4:14" x14ac:dyDescent="0.25">
      <c r="D8031" s="40">
        <v>133.71131900000103</v>
      </c>
      <c r="E8031" s="40">
        <v>21.418245079935957</v>
      </c>
      <c r="F8031" s="40">
        <v>133.69999999999999</v>
      </c>
      <c r="G8031" s="40">
        <v>22.018458458956864</v>
      </c>
      <c r="H8031" s="40">
        <v>133.70000000000002</v>
      </c>
      <c r="I8031" s="40">
        <v>21.777303179350415</v>
      </c>
      <c r="L8031" s="40"/>
      <c r="M8031" s="40"/>
      <c r="N8031" s="40"/>
    </row>
    <row r="8032" spans="4:14" x14ac:dyDescent="0.25">
      <c r="D8032" s="40">
        <v>133.72798500000101</v>
      </c>
      <c r="E8032" s="40">
        <v>21.423088258525379</v>
      </c>
      <c r="F8032" s="40">
        <v>133.716667</v>
      </c>
      <c r="G8032" s="40">
        <v>22.018458458956864</v>
      </c>
      <c r="H8032" s="40">
        <v>133.716667</v>
      </c>
      <c r="I8032" s="40">
        <v>21.780655915493671</v>
      </c>
      <c r="L8032" s="40"/>
      <c r="M8032" s="40"/>
      <c r="N8032" s="40"/>
    </row>
    <row r="8033" spans="4:14" x14ac:dyDescent="0.25">
      <c r="D8033" s="40">
        <v>133.744651000001</v>
      </c>
      <c r="E8033" s="40">
        <v>21.423088258525379</v>
      </c>
      <c r="F8033" s="40">
        <v>133.73333299999999</v>
      </c>
      <c r="G8033" s="40">
        <v>22.023213703047084</v>
      </c>
      <c r="H8033" s="40">
        <v>133.73333400000001</v>
      </c>
      <c r="I8033" s="40">
        <v>21.780655915493671</v>
      </c>
      <c r="L8033" s="40"/>
      <c r="M8033" s="40"/>
      <c r="N8033" s="40"/>
    </row>
    <row r="8034" spans="4:14" x14ac:dyDescent="0.25">
      <c r="D8034" s="40">
        <v>133.76131700000099</v>
      </c>
      <c r="E8034" s="40">
        <v>21.423088258525379</v>
      </c>
      <c r="F8034" s="40">
        <v>133.75</v>
      </c>
      <c r="G8034" s="40">
        <v>22.023213703047084</v>
      </c>
      <c r="H8034" s="40">
        <v>133.75</v>
      </c>
      <c r="I8034" s="40">
        <v>21.783910041750435</v>
      </c>
      <c r="L8034" s="40"/>
      <c r="M8034" s="40"/>
      <c r="N8034" s="40"/>
    </row>
    <row r="8035" spans="4:14" x14ac:dyDescent="0.25">
      <c r="D8035" s="40">
        <v>133.77798300000097</v>
      </c>
      <c r="E8035" s="40">
        <v>21.423088258525379</v>
      </c>
      <c r="F8035" s="40">
        <v>133.76666699999998</v>
      </c>
      <c r="G8035" s="40">
        <v>22.023213703047084</v>
      </c>
      <c r="H8035" s="40">
        <v>133.76666700000001</v>
      </c>
      <c r="I8035" s="40">
        <v>21.783910041750435</v>
      </c>
      <c r="L8035" s="40"/>
      <c r="M8035" s="40"/>
      <c r="N8035" s="40"/>
    </row>
    <row r="8036" spans="4:14" x14ac:dyDescent="0.25">
      <c r="D8036" s="40">
        <v>133.79464900000096</v>
      </c>
      <c r="E8036" s="40">
        <v>21.423088258525379</v>
      </c>
      <c r="F8036" s="40">
        <v>133.783333</v>
      </c>
      <c r="G8036" s="40">
        <v>22.018458458956864</v>
      </c>
      <c r="H8036" s="40">
        <v>133.783334</v>
      </c>
      <c r="I8036" s="40">
        <v>21.787262777893687</v>
      </c>
      <c r="L8036" s="40"/>
      <c r="M8036" s="40"/>
      <c r="N8036" s="40"/>
    </row>
    <row r="8037" spans="4:14" x14ac:dyDescent="0.25">
      <c r="D8037" s="40">
        <v>133.81131500000095</v>
      </c>
      <c r="E8037" s="40">
        <v>21.423088258525379</v>
      </c>
      <c r="F8037" s="40">
        <v>133.79999999999998</v>
      </c>
      <c r="G8037" s="40">
        <v>22.018458458956864</v>
      </c>
      <c r="H8037" s="40">
        <v>133.80000000000001</v>
      </c>
      <c r="I8037" s="40">
        <v>21.787262777893687</v>
      </c>
      <c r="L8037" s="40"/>
      <c r="M8037" s="40"/>
      <c r="N8037" s="40"/>
    </row>
    <row r="8038" spans="4:14" x14ac:dyDescent="0.25">
      <c r="D8038" s="40">
        <v>133.82798100000093</v>
      </c>
      <c r="E8038" s="40">
        <v>21.423088258525379</v>
      </c>
      <c r="F8038" s="40">
        <v>133.816667</v>
      </c>
      <c r="G8038" s="40">
        <v>22.018458458956864</v>
      </c>
      <c r="H8038" s="40">
        <v>133.816667</v>
      </c>
      <c r="I8038" s="40">
        <v>21.790615514036947</v>
      </c>
      <c r="L8038" s="40"/>
      <c r="M8038" s="40"/>
      <c r="N8038" s="40"/>
    </row>
    <row r="8039" spans="4:14" x14ac:dyDescent="0.25">
      <c r="D8039" s="40">
        <v>133.84464700000092</v>
      </c>
      <c r="E8039" s="40">
        <v>21.423088258525379</v>
      </c>
      <c r="F8039" s="40">
        <v>133.83333299999998</v>
      </c>
      <c r="G8039" s="40">
        <v>22.018458458956864</v>
      </c>
      <c r="H8039" s="40">
        <v>133.83333400000001</v>
      </c>
      <c r="I8039" s="40">
        <v>21.79386964029371</v>
      </c>
      <c r="L8039" s="40"/>
      <c r="M8039" s="40"/>
      <c r="N8039" s="40"/>
    </row>
    <row r="8040" spans="4:14" x14ac:dyDescent="0.25">
      <c r="D8040" s="40">
        <v>133.86131300000091</v>
      </c>
      <c r="E8040" s="40">
        <v>21.423088258525379</v>
      </c>
      <c r="F8040" s="40">
        <v>133.85</v>
      </c>
      <c r="G8040" s="40">
        <v>22.018458458956864</v>
      </c>
      <c r="H8040" s="40">
        <v>133.85</v>
      </c>
      <c r="I8040" s="40">
        <v>21.79386964029371</v>
      </c>
      <c r="L8040" s="40"/>
      <c r="M8040" s="40"/>
      <c r="N8040" s="40"/>
    </row>
    <row r="8041" spans="4:14" x14ac:dyDescent="0.25">
      <c r="D8041" s="40">
        <v>133.87797900000089</v>
      </c>
      <c r="E8041" s="40">
        <v>21.423088258525379</v>
      </c>
      <c r="F8041" s="40">
        <v>133.86666700000001</v>
      </c>
      <c r="G8041" s="40">
        <v>22.018458458956864</v>
      </c>
      <c r="H8041" s="40">
        <v>133.86666700000001</v>
      </c>
      <c r="I8041" s="40">
        <v>21.797222376437144</v>
      </c>
      <c r="L8041" s="40"/>
      <c r="M8041" s="40"/>
      <c r="N8041" s="40"/>
    </row>
    <row r="8042" spans="4:14" x14ac:dyDescent="0.25">
      <c r="D8042" s="40">
        <v>133.89464500000088</v>
      </c>
      <c r="E8042" s="40">
        <v>21.423088258525379</v>
      </c>
      <c r="F8042" s="40">
        <v>133.88333299999999</v>
      </c>
      <c r="G8042" s="40">
        <v>22.018458458956864</v>
      </c>
      <c r="H8042" s="40">
        <v>133.88333400000002</v>
      </c>
      <c r="I8042" s="40">
        <v>21.797222376437144</v>
      </c>
      <c r="L8042" s="40"/>
      <c r="M8042" s="40"/>
      <c r="N8042" s="40"/>
    </row>
    <row r="8043" spans="4:14" x14ac:dyDescent="0.25">
      <c r="D8043" s="40">
        <v>133.91131100000086</v>
      </c>
      <c r="E8043" s="40">
        <v>21.423088258525379</v>
      </c>
      <c r="F8043" s="40">
        <v>133.9</v>
      </c>
      <c r="G8043" s="40">
        <v>22.018458458956864</v>
      </c>
      <c r="H8043" s="40">
        <v>133.9</v>
      </c>
      <c r="I8043" s="40">
        <v>21.8005751125804</v>
      </c>
      <c r="L8043" s="40"/>
      <c r="M8043" s="40"/>
      <c r="N8043" s="40"/>
    </row>
    <row r="8044" spans="4:14" x14ac:dyDescent="0.25">
      <c r="D8044" s="40">
        <v>133.92797700000085</v>
      </c>
      <c r="E8044" s="40">
        <v>21.427788990685805</v>
      </c>
      <c r="F8044" s="40">
        <v>133.91666699999999</v>
      </c>
      <c r="G8044" s="40">
        <v>22.018458458956864</v>
      </c>
      <c r="H8044" s="40">
        <v>133.91666700000002</v>
      </c>
      <c r="I8044" s="40">
        <v>21.8005751125804</v>
      </c>
      <c r="L8044" s="40"/>
      <c r="M8044" s="40"/>
      <c r="N8044" s="40"/>
    </row>
    <row r="8045" spans="4:14" x14ac:dyDescent="0.25">
      <c r="D8045" s="40">
        <v>133.94464300000084</v>
      </c>
      <c r="E8045" s="40">
        <v>21.427788990685805</v>
      </c>
      <c r="F8045" s="40">
        <v>133.933333</v>
      </c>
      <c r="G8045" s="40">
        <v>22.018458458956864</v>
      </c>
      <c r="H8045" s="40">
        <v>133.933334</v>
      </c>
      <c r="I8045" s="40">
        <v>21.803829238837164</v>
      </c>
      <c r="L8045" s="40"/>
      <c r="M8045" s="40"/>
      <c r="N8045" s="40"/>
    </row>
    <row r="8046" spans="4:14" x14ac:dyDescent="0.25">
      <c r="D8046" s="40">
        <v>133.96130900000082</v>
      </c>
      <c r="E8046" s="40">
        <v>21.427788990685805</v>
      </c>
      <c r="F8046" s="40">
        <v>133.94999999999999</v>
      </c>
      <c r="G8046" s="40">
        <v>22.018458458956864</v>
      </c>
      <c r="H8046" s="40">
        <v>133.95000000000002</v>
      </c>
      <c r="I8046" s="40">
        <v>21.803829238837164</v>
      </c>
      <c r="L8046" s="40"/>
      <c r="M8046" s="40"/>
      <c r="N8046" s="40"/>
    </row>
    <row r="8047" spans="4:14" x14ac:dyDescent="0.25">
      <c r="D8047" s="40">
        <v>133.97797500000081</v>
      </c>
      <c r="E8047" s="40">
        <v>21.427788990685805</v>
      </c>
      <c r="F8047" s="40">
        <v>133.966667</v>
      </c>
      <c r="G8047" s="40">
        <v>22.023213703047084</v>
      </c>
      <c r="H8047" s="40">
        <v>133.966667</v>
      </c>
      <c r="I8047" s="40">
        <v>21.80718197498042</v>
      </c>
      <c r="L8047" s="40"/>
      <c r="M8047" s="40"/>
      <c r="N8047" s="40"/>
    </row>
    <row r="8048" spans="4:14" x14ac:dyDescent="0.25">
      <c r="D8048" s="40">
        <v>133.9946410000008</v>
      </c>
      <c r="E8048" s="40">
        <v>21.427788990685805</v>
      </c>
      <c r="F8048" s="40">
        <v>133.98333299999999</v>
      </c>
      <c r="G8048" s="40">
        <v>22.023213703047084</v>
      </c>
      <c r="H8048" s="40">
        <v>133.98333400000001</v>
      </c>
      <c r="I8048" s="40">
        <v>21.80718197498042</v>
      </c>
      <c r="L8048" s="40"/>
      <c r="M8048" s="40"/>
      <c r="N8048" s="40"/>
    </row>
    <row r="8049" spans="4:14" x14ac:dyDescent="0.25">
      <c r="D8049" s="40">
        <v>134.01130700000078</v>
      </c>
      <c r="E8049" s="40">
        <v>21.427788990685805</v>
      </c>
      <c r="F8049" s="40">
        <v>134</v>
      </c>
      <c r="G8049" s="40">
        <v>22.023213703047084</v>
      </c>
      <c r="H8049" s="40">
        <v>134</v>
      </c>
      <c r="I8049" s="40">
        <v>21.810534711123854</v>
      </c>
      <c r="L8049" s="40"/>
      <c r="M8049" s="40"/>
      <c r="N8049" s="40"/>
    </row>
    <row r="8050" spans="4:14" x14ac:dyDescent="0.25">
      <c r="D8050" s="40">
        <v>134.02797300000077</v>
      </c>
      <c r="E8050" s="40">
        <v>21.427788990685805</v>
      </c>
      <c r="F8050" s="40">
        <v>134.01666699999998</v>
      </c>
      <c r="G8050" s="40">
        <v>22.023213703047084</v>
      </c>
      <c r="H8050" s="40">
        <v>134.01666700000001</v>
      </c>
      <c r="I8050" s="40">
        <v>21.813788837380439</v>
      </c>
      <c r="L8050" s="40"/>
      <c r="M8050" s="40"/>
      <c r="N8050" s="40"/>
    </row>
    <row r="8051" spans="4:14" x14ac:dyDescent="0.25">
      <c r="D8051" s="40">
        <v>134.04463900000076</v>
      </c>
      <c r="E8051" s="40">
        <v>21.432632169275351</v>
      </c>
      <c r="F8051" s="40">
        <v>134.033333</v>
      </c>
      <c r="G8051" s="40">
        <v>22.023213703047084</v>
      </c>
      <c r="H8051" s="40">
        <v>134.033334</v>
      </c>
      <c r="I8051" s="40">
        <v>21.813788837380439</v>
      </c>
      <c r="L8051" s="40"/>
      <c r="M8051" s="40"/>
      <c r="N8051" s="40"/>
    </row>
    <row r="8052" spans="4:14" x14ac:dyDescent="0.25">
      <c r="D8052" s="40">
        <v>134.06130500000074</v>
      </c>
      <c r="E8052" s="40">
        <v>21.432632169275351</v>
      </c>
      <c r="F8052" s="40">
        <v>134.04999999999998</v>
      </c>
      <c r="G8052" s="40">
        <v>22.023213703047084</v>
      </c>
      <c r="H8052" s="40">
        <v>134.05000000000001</v>
      </c>
      <c r="I8052" s="40">
        <v>21.817141573523873</v>
      </c>
      <c r="L8052" s="40"/>
      <c r="M8052" s="40"/>
      <c r="N8052" s="40"/>
    </row>
    <row r="8053" spans="4:14" x14ac:dyDescent="0.25">
      <c r="D8053" s="40">
        <v>134.07797100000073</v>
      </c>
      <c r="E8053" s="40">
        <v>21.432632169275351</v>
      </c>
      <c r="F8053" s="40">
        <v>134.066667</v>
      </c>
      <c r="G8053" s="40">
        <v>22.023213703047084</v>
      </c>
      <c r="H8053" s="40">
        <v>134.066667</v>
      </c>
      <c r="I8053" s="40">
        <v>21.817141573523873</v>
      </c>
      <c r="L8053" s="40"/>
      <c r="M8053" s="40"/>
      <c r="N8053" s="40"/>
    </row>
    <row r="8054" spans="4:14" x14ac:dyDescent="0.25">
      <c r="D8054" s="40">
        <v>134.09463700000072</v>
      </c>
      <c r="E8054" s="40">
        <v>21.432632169275351</v>
      </c>
      <c r="F8054" s="40">
        <v>134.08333299999998</v>
      </c>
      <c r="G8054" s="40">
        <v>22.023213703047084</v>
      </c>
      <c r="H8054" s="40">
        <v>134.08333400000001</v>
      </c>
      <c r="I8054" s="40">
        <v>21.820494309667133</v>
      </c>
      <c r="L8054" s="40"/>
      <c r="M8054" s="40"/>
      <c r="N8054" s="40"/>
    </row>
    <row r="8055" spans="4:14" x14ac:dyDescent="0.25">
      <c r="D8055" s="40">
        <v>134.1113030000007</v>
      </c>
      <c r="E8055" s="40">
        <v>21.432632169275351</v>
      </c>
      <c r="F8055" s="40">
        <v>134.1</v>
      </c>
      <c r="G8055" s="40">
        <v>22.023213703047084</v>
      </c>
      <c r="H8055" s="40">
        <v>134.1</v>
      </c>
      <c r="I8055" s="40">
        <v>21.820494309667133</v>
      </c>
      <c r="L8055" s="40"/>
      <c r="M8055" s="40"/>
      <c r="N8055" s="40"/>
    </row>
    <row r="8056" spans="4:14" x14ac:dyDescent="0.25">
      <c r="D8056" s="40">
        <v>134.12796900000069</v>
      </c>
      <c r="E8056" s="40">
        <v>21.437475347864773</v>
      </c>
      <c r="F8056" s="40">
        <v>134.11666700000001</v>
      </c>
      <c r="G8056" s="40">
        <v>22.018458458956864</v>
      </c>
      <c r="H8056" s="40">
        <v>134.11666700000001</v>
      </c>
      <c r="I8056" s="40">
        <v>21.820494309667133</v>
      </c>
      <c r="L8056" s="40"/>
      <c r="M8056" s="40"/>
      <c r="N8056" s="40"/>
    </row>
    <row r="8057" spans="4:14" x14ac:dyDescent="0.25">
      <c r="D8057" s="40">
        <v>134.14463500000068</v>
      </c>
      <c r="E8057" s="40">
        <v>21.437475347864773</v>
      </c>
      <c r="F8057" s="40">
        <v>134.13333299999999</v>
      </c>
      <c r="G8057" s="40">
        <v>22.018458458956864</v>
      </c>
      <c r="H8057" s="40">
        <v>134.13333400000002</v>
      </c>
      <c r="I8057" s="40">
        <v>21.820494309667133</v>
      </c>
      <c r="L8057" s="40"/>
      <c r="M8057" s="40"/>
      <c r="N8057" s="40"/>
    </row>
    <row r="8058" spans="4:14" x14ac:dyDescent="0.25">
      <c r="D8058" s="40">
        <v>134.16130100000066</v>
      </c>
      <c r="E8058" s="40">
        <v>21.437475347864773</v>
      </c>
      <c r="F8058" s="40">
        <v>134.15</v>
      </c>
      <c r="G8058" s="40">
        <v>22.013703214866766</v>
      </c>
      <c r="H8058" s="40">
        <v>134.15</v>
      </c>
      <c r="I8058" s="40">
        <v>21.823748435923896</v>
      </c>
      <c r="L8058" s="40"/>
      <c r="M8058" s="40"/>
      <c r="N8058" s="40"/>
    </row>
    <row r="8059" spans="4:14" x14ac:dyDescent="0.25">
      <c r="D8059" s="40">
        <v>134.17796700000065</v>
      </c>
      <c r="E8059" s="40">
        <v>21.437475347864773</v>
      </c>
      <c r="F8059" s="40">
        <v>134.16666699999999</v>
      </c>
      <c r="G8059" s="40">
        <v>22.013703214866766</v>
      </c>
      <c r="H8059" s="40">
        <v>134.16666700000002</v>
      </c>
      <c r="I8059" s="40">
        <v>21.827101172067149</v>
      </c>
      <c r="L8059" s="40"/>
      <c r="M8059" s="40"/>
      <c r="N8059" s="40"/>
    </row>
    <row r="8060" spans="4:14" x14ac:dyDescent="0.25">
      <c r="D8060" s="40">
        <v>134.19463300000064</v>
      </c>
      <c r="E8060" s="40">
        <v>21.437475347864773</v>
      </c>
      <c r="F8060" s="40">
        <v>134.183333</v>
      </c>
      <c r="G8060" s="40">
        <v>22.013703214866766</v>
      </c>
      <c r="H8060" s="40">
        <v>134.183334</v>
      </c>
      <c r="I8060" s="40">
        <v>21.827101172067149</v>
      </c>
      <c r="L8060" s="40"/>
      <c r="M8060" s="40"/>
      <c r="N8060" s="40"/>
    </row>
    <row r="8061" spans="4:14" x14ac:dyDescent="0.25">
      <c r="D8061" s="40">
        <v>134.21129900000062</v>
      </c>
      <c r="E8061" s="40">
        <v>21.437475347864773</v>
      </c>
      <c r="F8061" s="40">
        <v>134.19999999999999</v>
      </c>
      <c r="G8061" s="40">
        <v>22.013703214866766</v>
      </c>
      <c r="H8061" s="40">
        <v>134.20000000000002</v>
      </c>
      <c r="I8061" s="40">
        <v>21.827101172067149</v>
      </c>
      <c r="L8061" s="40"/>
      <c r="M8061" s="40"/>
      <c r="N8061" s="40"/>
    </row>
    <row r="8062" spans="4:14" x14ac:dyDescent="0.25">
      <c r="D8062" s="40">
        <v>134.22796500000061</v>
      </c>
      <c r="E8062" s="40">
        <v>21.437475347864773</v>
      </c>
      <c r="F8062" s="40">
        <v>134.216667</v>
      </c>
      <c r="G8062" s="40">
        <v>22.013703214866766</v>
      </c>
      <c r="H8062" s="40">
        <v>134.216667</v>
      </c>
      <c r="I8062" s="40">
        <v>21.830453908210583</v>
      </c>
      <c r="L8062" s="40"/>
      <c r="M8062" s="40"/>
      <c r="N8062" s="40"/>
    </row>
    <row r="8063" spans="4:14" x14ac:dyDescent="0.25">
      <c r="D8063" s="40">
        <v>134.2446310000006</v>
      </c>
      <c r="E8063" s="40">
        <v>21.442176080025199</v>
      </c>
      <c r="F8063" s="40">
        <v>134.23333299999999</v>
      </c>
      <c r="G8063" s="40">
        <v>22.013703214866766</v>
      </c>
      <c r="H8063" s="40">
        <v>134.23333400000001</v>
      </c>
      <c r="I8063" s="40">
        <v>21.830453908210583</v>
      </c>
      <c r="L8063" s="40"/>
      <c r="M8063" s="40"/>
      <c r="N8063" s="40"/>
    </row>
    <row r="8064" spans="4:14" x14ac:dyDescent="0.25">
      <c r="D8064" s="40">
        <v>134.26129700000058</v>
      </c>
      <c r="E8064" s="40">
        <v>21.442176080025199</v>
      </c>
      <c r="F8064" s="40">
        <v>134.25</v>
      </c>
      <c r="G8064" s="40">
        <v>22.018458458956864</v>
      </c>
      <c r="H8064" s="40">
        <v>134.25</v>
      </c>
      <c r="I8064" s="40">
        <v>21.833708034467346</v>
      </c>
      <c r="L8064" s="40"/>
      <c r="M8064" s="40"/>
      <c r="N8064" s="40"/>
    </row>
    <row r="8065" spans="4:14" x14ac:dyDescent="0.25">
      <c r="D8065" s="40">
        <v>134.27796300000057</v>
      </c>
      <c r="E8065" s="40">
        <v>21.442176080025199</v>
      </c>
      <c r="F8065" s="40">
        <v>134.26666699999998</v>
      </c>
      <c r="G8065" s="40">
        <v>22.018458458956864</v>
      </c>
      <c r="H8065" s="40">
        <v>134.26666700000001</v>
      </c>
      <c r="I8065" s="40">
        <v>21.833708034467346</v>
      </c>
      <c r="L8065" s="40"/>
      <c r="M8065" s="40"/>
      <c r="N8065" s="40"/>
    </row>
    <row r="8066" spans="4:14" x14ac:dyDescent="0.25">
      <c r="D8066" s="40">
        <v>134.29462900000055</v>
      </c>
      <c r="E8066" s="40">
        <v>21.442176080025199</v>
      </c>
      <c r="F8066" s="40">
        <v>134.283333</v>
      </c>
      <c r="G8066" s="40">
        <v>22.018458458956864</v>
      </c>
      <c r="H8066" s="40">
        <v>134.283334</v>
      </c>
      <c r="I8066" s="40">
        <v>21.837060770610602</v>
      </c>
      <c r="L8066" s="40"/>
      <c r="M8066" s="40"/>
      <c r="N8066" s="40"/>
    </row>
    <row r="8067" spans="4:14" x14ac:dyDescent="0.25">
      <c r="D8067" s="40">
        <v>134.31129500000054</v>
      </c>
      <c r="E8067" s="40">
        <v>21.442176080025199</v>
      </c>
      <c r="F8067" s="40">
        <v>134.29999999999998</v>
      </c>
      <c r="G8067" s="40">
        <v>22.023213703047084</v>
      </c>
      <c r="H8067" s="40">
        <v>134.30000000000001</v>
      </c>
      <c r="I8067" s="40">
        <v>21.837060770610602</v>
      </c>
      <c r="L8067" s="40"/>
      <c r="M8067" s="40"/>
      <c r="N8067" s="40"/>
    </row>
    <row r="8068" spans="4:14" x14ac:dyDescent="0.25">
      <c r="D8068" s="40">
        <v>134.32796100000053</v>
      </c>
      <c r="E8068" s="40">
        <v>21.442176080025199</v>
      </c>
      <c r="F8068" s="40">
        <v>134.316667</v>
      </c>
      <c r="G8068" s="40">
        <v>22.023213703047084</v>
      </c>
      <c r="H8068" s="40">
        <v>134.316667</v>
      </c>
      <c r="I8068" s="40">
        <v>21.840413506753862</v>
      </c>
      <c r="L8068" s="40"/>
      <c r="M8068" s="40"/>
      <c r="N8068" s="40"/>
    </row>
    <row r="8069" spans="4:14" x14ac:dyDescent="0.25">
      <c r="D8069" s="40">
        <v>134.34462700000051</v>
      </c>
      <c r="E8069" s="40">
        <v>21.442176080025199</v>
      </c>
      <c r="F8069" s="40">
        <v>134.33333299999998</v>
      </c>
      <c r="G8069" s="40">
        <v>22.023213703047084</v>
      </c>
      <c r="H8069" s="40">
        <v>134.33333400000001</v>
      </c>
      <c r="I8069" s="40">
        <v>21.840413506753862</v>
      </c>
      <c r="L8069" s="40"/>
      <c r="M8069" s="40"/>
      <c r="N8069" s="40"/>
    </row>
    <row r="8070" spans="4:14" x14ac:dyDescent="0.25">
      <c r="D8070" s="40">
        <v>134.3612930000005</v>
      </c>
      <c r="E8070" s="40">
        <v>21.442176080025199</v>
      </c>
      <c r="F8070" s="40">
        <v>134.35</v>
      </c>
      <c r="G8070" s="40">
        <v>22.023213703047084</v>
      </c>
      <c r="H8070" s="40">
        <v>134.35</v>
      </c>
      <c r="I8070" s="40">
        <v>21.840413506753862</v>
      </c>
      <c r="L8070" s="40"/>
      <c r="M8070" s="40"/>
      <c r="N8070" s="40"/>
    </row>
    <row r="8071" spans="4:14" x14ac:dyDescent="0.25">
      <c r="D8071" s="40">
        <v>134.37795900000049</v>
      </c>
      <c r="E8071" s="40">
        <v>21.437475347864773</v>
      </c>
      <c r="F8071" s="40">
        <v>134.36666700000001</v>
      </c>
      <c r="G8071" s="40">
        <v>22.018458458956864</v>
      </c>
      <c r="H8071" s="40">
        <v>134.36666700000001</v>
      </c>
      <c r="I8071" s="40">
        <v>21.843667633010625</v>
      </c>
      <c r="L8071" s="40"/>
      <c r="M8071" s="40"/>
      <c r="N8071" s="40"/>
    </row>
    <row r="8072" spans="4:14" x14ac:dyDescent="0.25">
      <c r="D8072" s="40">
        <v>134.39462500000047</v>
      </c>
      <c r="E8072" s="40">
        <v>21.442176080025199</v>
      </c>
      <c r="F8072" s="40">
        <v>134.38333299999999</v>
      </c>
      <c r="G8072" s="40">
        <v>22.018458458956864</v>
      </c>
      <c r="H8072" s="40">
        <v>134.38333400000002</v>
      </c>
      <c r="I8072" s="40">
        <v>21.843667633010625</v>
      </c>
      <c r="L8072" s="40"/>
      <c r="M8072" s="40"/>
      <c r="N8072" s="40"/>
    </row>
    <row r="8073" spans="4:14" x14ac:dyDescent="0.25">
      <c r="D8073" s="40">
        <v>134.41129100000046</v>
      </c>
      <c r="E8073" s="40">
        <v>21.442176080025199</v>
      </c>
      <c r="F8073" s="40">
        <v>134.4</v>
      </c>
      <c r="G8073" s="40">
        <v>22.018458458956864</v>
      </c>
      <c r="H8073" s="40">
        <v>134.4</v>
      </c>
      <c r="I8073" s="40">
        <v>21.847020369153878</v>
      </c>
      <c r="L8073" s="40"/>
      <c r="M8073" s="40"/>
      <c r="N8073" s="40"/>
    </row>
    <row r="8074" spans="4:14" x14ac:dyDescent="0.25">
      <c r="D8074" s="40">
        <v>134.42795700000045</v>
      </c>
      <c r="E8074" s="40">
        <v>21.442176080025199</v>
      </c>
      <c r="F8074" s="40">
        <v>134.41666699999999</v>
      </c>
      <c r="G8074" s="40">
        <v>22.018458458956864</v>
      </c>
      <c r="H8074" s="40">
        <v>134.41666700000002</v>
      </c>
      <c r="I8074" s="40">
        <v>21.850373105297312</v>
      </c>
      <c r="L8074" s="40"/>
      <c r="M8074" s="40"/>
      <c r="N8074" s="40"/>
    </row>
    <row r="8075" spans="4:14" x14ac:dyDescent="0.25">
      <c r="D8075" s="40">
        <v>134.44462300000043</v>
      </c>
      <c r="E8075" s="40">
        <v>21.447019258614748</v>
      </c>
      <c r="F8075" s="40">
        <v>134.433333</v>
      </c>
      <c r="G8075" s="40">
        <v>22.018458458956864</v>
      </c>
      <c r="H8075" s="40">
        <v>134.433334</v>
      </c>
      <c r="I8075" s="40">
        <v>21.850373105297312</v>
      </c>
      <c r="L8075" s="40"/>
      <c r="M8075" s="40"/>
      <c r="N8075" s="40"/>
    </row>
    <row r="8076" spans="4:14" x14ac:dyDescent="0.25">
      <c r="D8076" s="40">
        <v>134.46128900000042</v>
      </c>
      <c r="E8076" s="40">
        <v>21.447019258614748</v>
      </c>
      <c r="F8076" s="40">
        <v>134.44999999999999</v>
      </c>
      <c r="G8076" s="40">
        <v>22.013703214866766</v>
      </c>
      <c r="H8076" s="40">
        <v>134.45000000000002</v>
      </c>
      <c r="I8076" s="40">
        <v>21.850373105297312</v>
      </c>
      <c r="L8076" s="40"/>
      <c r="M8076" s="40"/>
      <c r="N8076" s="40"/>
    </row>
    <row r="8077" spans="4:14" x14ac:dyDescent="0.25">
      <c r="D8077" s="40">
        <v>134.47795500000041</v>
      </c>
      <c r="E8077" s="40">
        <v>21.447019258614748</v>
      </c>
      <c r="F8077" s="40">
        <v>134.466667</v>
      </c>
      <c r="G8077" s="40">
        <v>22.013703214866766</v>
      </c>
      <c r="H8077" s="40">
        <v>134.466667</v>
      </c>
      <c r="I8077" s="40">
        <v>21.853627231554075</v>
      </c>
      <c r="L8077" s="40"/>
      <c r="M8077" s="40"/>
      <c r="N8077" s="40"/>
    </row>
    <row r="8078" spans="4:14" x14ac:dyDescent="0.25">
      <c r="D8078" s="40">
        <v>134.49462100000039</v>
      </c>
      <c r="E8078" s="40">
        <v>21.447019258614748</v>
      </c>
      <c r="F8078" s="40">
        <v>134.48333299999999</v>
      </c>
      <c r="G8078" s="40">
        <v>22.013703214866766</v>
      </c>
      <c r="H8078" s="40">
        <v>134.48333400000001</v>
      </c>
      <c r="I8078" s="40">
        <v>21.853627231554075</v>
      </c>
      <c r="L8078" s="40"/>
      <c r="M8078" s="40"/>
      <c r="N8078" s="40"/>
    </row>
    <row r="8079" spans="4:14" x14ac:dyDescent="0.25">
      <c r="D8079" s="40">
        <v>134.51128700000038</v>
      </c>
      <c r="E8079" s="40">
        <v>21.447019258614748</v>
      </c>
      <c r="F8079" s="40">
        <v>134.5</v>
      </c>
      <c r="G8079" s="40">
        <v>22.013703214866766</v>
      </c>
      <c r="H8079" s="40">
        <v>134.5</v>
      </c>
      <c r="I8079" s="40">
        <v>21.856979967697335</v>
      </c>
      <c r="L8079" s="40"/>
      <c r="M8079" s="40"/>
      <c r="N8079" s="40"/>
    </row>
    <row r="8080" spans="4:14" x14ac:dyDescent="0.25">
      <c r="D8080" s="40">
        <v>134.52795300000037</v>
      </c>
      <c r="E8080" s="40">
        <v>21.447019258614748</v>
      </c>
      <c r="F8080" s="40">
        <v>134.51666699999998</v>
      </c>
      <c r="G8080" s="40">
        <v>22.013703214866766</v>
      </c>
      <c r="H8080" s="40">
        <v>134.51666700000001</v>
      </c>
      <c r="I8080" s="40">
        <v>21.860332703840591</v>
      </c>
      <c r="L8080" s="40"/>
      <c r="M8080" s="40"/>
      <c r="N8080" s="40"/>
    </row>
    <row r="8081" spans="4:14" x14ac:dyDescent="0.25">
      <c r="D8081" s="40">
        <v>134.54461900000035</v>
      </c>
      <c r="E8081" s="40">
        <v>21.447019258614748</v>
      </c>
      <c r="F8081" s="40">
        <v>134.533333</v>
      </c>
      <c r="G8081" s="40">
        <v>22.013703214866766</v>
      </c>
      <c r="H8081" s="40">
        <v>134.533334</v>
      </c>
      <c r="I8081" s="40">
        <v>21.860332703840591</v>
      </c>
      <c r="L8081" s="40"/>
      <c r="M8081" s="40"/>
      <c r="N8081" s="40"/>
    </row>
    <row r="8082" spans="4:14" x14ac:dyDescent="0.25">
      <c r="D8082" s="40">
        <v>134.56128500000034</v>
      </c>
      <c r="E8082" s="40">
        <v>21.447019258614748</v>
      </c>
      <c r="F8082" s="40">
        <v>134.54999999999998</v>
      </c>
      <c r="G8082" s="40">
        <v>22.013703214866766</v>
      </c>
      <c r="H8082" s="40">
        <v>134.55000000000001</v>
      </c>
      <c r="I8082" s="40">
        <v>21.863586830097354</v>
      </c>
      <c r="L8082" s="40"/>
      <c r="M8082" s="40"/>
      <c r="N8082" s="40"/>
    </row>
    <row r="8083" spans="4:14" x14ac:dyDescent="0.25">
      <c r="D8083" s="40">
        <v>134.57795100000033</v>
      </c>
      <c r="E8083" s="40">
        <v>21.447019258614748</v>
      </c>
      <c r="F8083" s="40">
        <v>134.566667</v>
      </c>
      <c r="G8083" s="40">
        <v>22.013703214866766</v>
      </c>
      <c r="H8083" s="40">
        <v>134.566667</v>
      </c>
      <c r="I8083" s="40">
        <v>21.863586830097354</v>
      </c>
      <c r="L8083" s="40"/>
      <c r="M8083" s="40"/>
      <c r="N8083" s="40"/>
    </row>
    <row r="8084" spans="4:14" x14ac:dyDescent="0.25">
      <c r="D8084" s="40">
        <v>134.59461700000031</v>
      </c>
      <c r="E8084" s="40">
        <v>21.447019258614748</v>
      </c>
      <c r="F8084" s="40">
        <v>134.58333299999998</v>
      </c>
      <c r="G8084" s="40">
        <v>22.013703214866766</v>
      </c>
      <c r="H8084" s="40">
        <v>134.58333400000001</v>
      </c>
      <c r="I8084" s="40">
        <v>21.863586830097354</v>
      </c>
      <c r="L8084" s="40"/>
      <c r="M8084" s="40"/>
      <c r="N8084" s="40"/>
    </row>
    <row r="8085" spans="4:14" x14ac:dyDescent="0.25">
      <c r="D8085" s="40">
        <v>134.6112830000003</v>
      </c>
      <c r="E8085" s="40">
        <v>21.447019258614748</v>
      </c>
      <c r="F8085" s="40">
        <v>134.6</v>
      </c>
      <c r="G8085" s="40">
        <v>22.013703214866766</v>
      </c>
      <c r="H8085" s="40">
        <v>134.6</v>
      </c>
      <c r="I8085" s="40">
        <v>21.866939566240784</v>
      </c>
      <c r="L8085" s="40"/>
      <c r="M8085" s="40"/>
      <c r="N8085" s="40"/>
    </row>
    <row r="8086" spans="4:14" x14ac:dyDescent="0.25">
      <c r="D8086" s="40">
        <v>134.62794900000029</v>
      </c>
      <c r="E8086" s="40">
        <v>21.447019258614748</v>
      </c>
      <c r="F8086" s="40">
        <v>134.61666700000001</v>
      </c>
      <c r="G8086" s="40">
        <v>22.013703214866766</v>
      </c>
      <c r="H8086" s="40">
        <v>134.61666700000001</v>
      </c>
      <c r="I8086" s="40">
        <v>21.870292302384044</v>
      </c>
      <c r="L8086" s="40"/>
      <c r="M8086" s="40"/>
      <c r="N8086" s="40"/>
    </row>
    <row r="8087" spans="4:14" x14ac:dyDescent="0.25">
      <c r="D8087" s="40">
        <v>134.64461500000027</v>
      </c>
      <c r="E8087" s="40">
        <v>21.447019258614748</v>
      </c>
      <c r="F8087" s="40">
        <v>134.63333299999999</v>
      </c>
      <c r="G8087" s="40">
        <v>22.013703214866766</v>
      </c>
      <c r="H8087" s="40">
        <v>134.63333400000002</v>
      </c>
      <c r="I8087" s="40">
        <v>21.870292302384044</v>
      </c>
      <c r="L8087" s="40"/>
      <c r="M8087" s="40"/>
      <c r="N8087" s="40"/>
    </row>
    <row r="8088" spans="4:14" x14ac:dyDescent="0.25">
      <c r="D8088" s="40">
        <v>134.66128100000026</v>
      </c>
      <c r="E8088" s="40">
        <v>21.447019258614748</v>
      </c>
      <c r="F8088" s="40">
        <v>134.65</v>
      </c>
      <c r="G8088" s="40">
        <v>22.013703214866766</v>
      </c>
      <c r="H8088" s="40">
        <v>134.65</v>
      </c>
      <c r="I8088" s="40">
        <v>21.873546428640804</v>
      </c>
      <c r="L8088" s="40"/>
      <c r="M8088" s="40"/>
      <c r="N8088" s="40"/>
    </row>
    <row r="8089" spans="4:14" x14ac:dyDescent="0.25">
      <c r="D8089" s="40">
        <v>134.67794700000024</v>
      </c>
      <c r="E8089" s="40">
        <v>21.447019258614748</v>
      </c>
      <c r="F8089" s="40">
        <v>134.66666699999999</v>
      </c>
      <c r="G8089" s="40">
        <v>22.013703214866766</v>
      </c>
      <c r="H8089" s="40">
        <v>134.66666700000002</v>
      </c>
      <c r="I8089" s="40">
        <v>21.873546428640804</v>
      </c>
      <c r="L8089" s="40"/>
      <c r="M8089" s="40"/>
      <c r="N8089" s="40"/>
    </row>
    <row r="8090" spans="4:14" x14ac:dyDescent="0.25">
      <c r="D8090" s="40">
        <v>134.69461300000023</v>
      </c>
      <c r="E8090" s="40">
        <v>21.447019258614748</v>
      </c>
      <c r="F8090" s="40">
        <v>134.683333</v>
      </c>
      <c r="G8090" s="40">
        <v>22.013703214866766</v>
      </c>
      <c r="H8090" s="40">
        <v>134.683334</v>
      </c>
      <c r="I8090" s="40">
        <v>21.876899164784064</v>
      </c>
      <c r="L8090" s="40"/>
      <c r="M8090" s="40"/>
      <c r="N8090" s="40"/>
    </row>
    <row r="8091" spans="4:14" x14ac:dyDescent="0.25">
      <c r="D8091" s="40">
        <v>134.71127900000022</v>
      </c>
      <c r="E8091" s="40">
        <v>21.45186243720417</v>
      </c>
      <c r="F8091" s="40">
        <v>134.69999999999999</v>
      </c>
      <c r="G8091" s="40">
        <v>22.013703214866766</v>
      </c>
      <c r="H8091" s="40">
        <v>134.70000000000002</v>
      </c>
      <c r="I8091" s="40">
        <v>21.876899164784064</v>
      </c>
      <c r="L8091" s="40"/>
      <c r="M8091" s="40"/>
      <c r="N8091" s="40"/>
    </row>
    <row r="8092" spans="4:14" x14ac:dyDescent="0.25">
      <c r="D8092" s="40">
        <v>134.7279450000002</v>
      </c>
      <c r="E8092" s="40">
        <v>21.45186243720417</v>
      </c>
      <c r="F8092" s="40">
        <v>134.716667</v>
      </c>
      <c r="G8092" s="40">
        <v>22.013703214866766</v>
      </c>
      <c r="H8092" s="40">
        <v>134.716667</v>
      </c>
      <c r="I8092" s="40">
        <v>21.876899164784064</v>
      </c>
      <c r="L8092" s="40"/>
      <c r="M8092" s="40"/>
      <c r="N8092" s="40"/>
    </row>
    <row r="8093" spans="4:14" x14ac:dyDescent="0.25">
      <c r="D8093" s="40">
        <v>134.74461100000019</v>
      </c>
      <c r="E8093" s="40">
        <v>21.456563169364596</v>
      </c>
      <c r="F8093" s="40">
        <v>134.73333299999999</v>
      </c>
      <c r="G8093" s="40">
        <v>22.013703214866766</v>
      </c>
      <c r="H8093" s="40">
        <v>134.73333400000001</v>
      </c>
      <c r="I8093" s="40">
        <v>21.88025190092732</v>
      </c>
      <c r="L8093" s="40"/>
      <c r="M8093" s="40"/>
      <c r="N8093" s="40"/>
    </row>
    <row r="8094" spans="4:14" x14ac:dyDescent="0.25">
      <c r="D8094" s="40">
        <v>134.76127700000018</v>
      </c>
      <c r="E8094" s="40">
        <v>21.45186243720417</v>
      </c>
      <c r="F8094" s="40">
        <v>134.75</v>
      </c>
      <c r="G8094" s="40">
        <v>22.013703214866766</v>
      </c>
      <c r="H8094" s="40">
        <v>134.75</v>
      </c>
      <c r="I8094" s="40">
        <v>21.883506027184083</v>
      </c>
      <c r="L8094" s="40"/>
      <c r="M8094" s="40"/>
      <c r="N8094" s="40"/>
    </row>
    <row r="8095" spans="4:14" x14ac:dyDescent="0.25">
      <c r="D8095" s="40">
        <v>134.77794300000016</v>
      </c>
      <c r="E8095" s="40">
        <v>21.456563169364596</v>
      </c>
      <c r="F8095" s="40">
        <v>134.76666699999998</v>
      </c>
      <c r="G8095" s="40">
        <v>22.013703214866766</v>
      </c>
      <c r="H8095" s="40">
        <v>134.76666700000001</v>
      </c>
      <c r="I8095" s="40">
        <v>21.883506027184083</v>
      </c>
      <c r="L8095" s="40"/>
      <c r="M8095" s="40"/>
      <c r="N8095" s="40"/>
    </row>
    <row r="8096" spans="4:14" x14ac:dyDescent="0.25">
      <c r="D8096" s="40">
        <v>134.79460900000015</v>
      </c>
      <c r="E8096" s="40">
        <v>21.456563169364596</v>
      </c>
      <c r="F8096" s="40">
        <v>134.783333</v>
      </c>
      <c r="G8096" s="40">
        <v>22.013703214866766</v>
      </c>
      <c r="H8096" s="40">
        <v>134.783334</v>
      </c>
      <c r="I8096" s="40">
        <v>21.886858763327513</v>
      </c>
      <c r="L8096" s="40"/>
      <c r="M8096" s="40"/>
      <c r="N8096" s="40"/>
    </row>
    <row r="8097" spans="4:14" x14ac:dyDescent="0.25">
      <c r="D8097" s="40">
        <v>134.81127500000014</v>
      </c>
      <c r="E8097" s="40">
        <v>21.45186243720417</v>
      </c>
      <c r="F8097" s="40">
        <v>134.79999999999998</v>
      </c>
      <c r="G8097" s="40">
        <v>22.013703214866766</v>
      </c>
      <c r="H8097" s="40">
        <v>134.80000000000001</v>
      </c>
      <c r="I8097" s="40">
        <v>21.886858763327513</v>
      </c>
      <c r="L8097" s="40"/>
      <c r="M8097" s="40"/>
      <c r="N8097" s="40"/>
    </row>
    <row r="8098" spans="4:14" x14ac:dyDescent="0.25">
      <c r="D8098" s="40">
        <v>134.82794100000012</v>
      </c>
      <c r="E8098" s="40">
        <v>21.45186243720417</v>
      </c>
      <c r="F8098" s="40">
        <v>134.816667</v>
      </c>
      <c r="G8098" s="40">
        <v>22.013703214866766</v>
      </c>
      <c r="H8098" s="40">
        <v>134.816667</v>
      </c>
      <c r="I8098" s="40">
        <v>21.890211499470773</v>
      </c>
      <c r="L8098" s="40"/>
      <c r="M8098" s="40"/>
      <c r="N8098" s="40"/>
    </row>
    <row r="8099" spans="4:14" x14ac:dyDescent="0.25">
      <c r="D8099" s="40">
        <v>134.84460700000011</v>
      </c>
      <c r="E8099" s="40">
        <v>21.45186243720417</v>
      </c>
      <c r="F8099" s="40">
        <v>134.83333299999998</v>
      </c>
      <c r="G8099" s="40">
        <v>22.013703214866766</v>
      </c>
      <c r="H8099" s="40">
        <v>134.83333400000001</v>
      </c>
      <c r="I8099" s="40">
        <v>21.890211499470773</v>
      </c>
      <c r="L8099" s="40"/>
      <c r="M8099" s="40"/>
      <c r="N8099" s="40"/>
    </row>
    <row r="8100" spans="4:14" x14ac:dyDescent="0.25">
      <c r="D8100" s="40">
        <v>134.8612730000001</v>
      </c>
      <c r="E8100" s="40">
        <v>21.45186243720417</v>
      </c>
      <c r="F8100" s="40">
        <v>134.85</v>
      </c>
      <c r="G8100" s="40">
        <v>22.013703214866766</v>
      </c>
      <c r="H8100" s="40">
        <v>134.85</v>
      </c>
      <c r="I8100" s="40">
        <v>21.893465625727536</v>
      </c>
      <c r="L8100" s="40"/>
      <c r="M8100" s="40"/>
      <c r="N8100" s="40"/>
    </row>
    <row r="8101" spans="4:14" x14ac:dyDescent="0.25">
      <c r="D8101" s="40">
        <v>134.87793900000008</v>
      </c>
      <c r="E8101" s="40">
        <v>21.45186243720417</v>
      </c>
      <c r="F8101" s="40">
        <v>134.86666700000001</v>
      </c>
      <c r="G8101" s="40">
        <v>22.013703214866766</v>
      </c>
      <c r="H8101" s="40">
        <v>134.86666700000001</v>
      </c>
      <c r="I8101" s="40">
        <v>21.893465625727536</v>
      </c>
      <c r="L8101" s="40"/>
      <c r="M8101" s="40"/>
      <c r="N8101" s="40"/>
    </row>
    <row r="8102" spans="4:14" x14ac:dyDescent="0.25">
      <c r="D8102" s="40">
        <v>134.89460500000007</v>
      </c>
      <c r="E8102" s="40">
        <v>21.45186243720417</v>
      </c>
      <c r="F8102" s="40">
        <v>134.88333299999999</v>
      </c>
      <c r="G8102" s="40">
        <v>22.013703214866766</v>
      </c>
      <c r="H8102" s="40">
        <v>134.88333400000002</v>
      </c>
      <c r="I8102" s="40">
        <v>21.896818361870793</v>
      </c>
      <c r="L8102" s="40"/>
      <c r="M8102" s="40"/>
      <c r="N8102" s="40"/>
    </row>
    <row r="8103" spans="4:14" x14ac:dyDescent="0.25">
      <c r="D8103" s="40">
        <v>134.91127100000006</v>
      </c>
      <c r="E8103" s="40">
        <v>21.45186243720417</v>
      </c>
      <c r="F8103" s="40">
        <v>134.9</v>
      </c>
      <c r="G8103" s="40">
        <v>22.013703214866766</v>
      </c>
      <c r="H8103" s="40">
        <v>134.9</v>
      </c>
      <c r="I8103" s="40">
        <v>21.896818361870793</v>
      </c>
      <c r="L8103" s="40"/>
      <c r="M8103" s="40"/>
      <c r="N8103" s="40"/>
    </row>
    <row r="8104" spans="4:14" x14ac:dyDescent="0.25">
      <c r="D8104" s="40">
        <v>134.92793700000004</v>
      </c>
      <c r="E8104" s="40">
        <v>21.45186243720417</v>
      </c>
      <c r="F8104" s="40">
        <v>134.91666699999999</v>
      </c>
      <c r="G8104" s="40">
        <v>22.013703214866766</v>
      </c>
      <c r="H8104" s="40">
        <v>134.91666700000002</v>
      </c>
      <c r="I8104" s="40">
        <v>21.896818361870793</v>
      </c>
      <c r="L8104" s="40"/>
      <c r="M8104" s="40"/>
      <c r="N8104" s="40"/>
    </row>
    <row r="8105" spans="4:14" x14ac:dyDescent="0.25">
      <c r="D8105" s="40">
        <v>134.94460300000003</v>
      </c>
      <c r="E8105" s="40">
        <v>21.45186243720417</v>
      </c>
      <c r="F8105" s="40">
        <v>134.933333</v>
      </c>
      <c r="G8105" s="40">
        <v>22.013703214866766</v>
      </c>
      <c r="H8105" s="40">
        <v>134.933334</v>
      </c>
      <c r="I8105" s="40">
        <v>21.900171098014226</v>
      </c>
      <c r="L8105" s="40"/>
      <c r="M8105" s="40"/>
      <c r="N8105" s="40"/>
    </row>
    <row r="8106" spans="4:14" x14ac:dyDescent="0.25">
      <c r="D8106" s="40">
        <v>134.96126900000002</v>
      </c>
      <c r="E8106" s="40">
        <v>21.45186243720417</v>
      </c>
      <c r="F8106" s="40">
        <v>134.94999999999999</v>
      </c>
      <c r="G8106" s="40">
        <v>22.013703214866766</v>
      </c>
      <c r="H8106" s="40">
        <v>134.95000000000002</v>
      </c>
      <c r="I8106" s="40">
        <v>21.900171098014226</v>
      </c>
      <c r="L8106" s="40"/>
      <c r="M8106" s="40"/>
      <c r="N8106" s="40"/>
    </row>
    <row r="8107" spans="4:14" x14ac:dyDescent="0.25">
      <c r="D8107" s="40">
        <v>134.977935</v>
      </c>
      <c r="E8107" s="40">
        <v>21.45186243720417</v>
      </c>
      <c r="F8107" s="40">
        <v>134.966667</v>
      </c>
      <c r="G8107" s="40">
        <v>22.013703214866766</v>
      </c>
      <c r="H8107" s="40">
        <v>134.966667</v>
      </c>
      <c r="I8107" s="40">
        <v>21.903523834157482</v>
      </c>
      <c r="L8107" s="40"/>
      <c r="M8107" s="40"/>
      <c r="N8107" s="40"/>
    </row>
    <row r="8108" spans="4:14" x14ac:dyDescent="0.25">
      <c r="D8108" s="40">
        <v>134.99460099999999</v>
      </c>
      <c r="E8108" s="40">
        <v>21.45186243720417</v>
      </c>
      <c r="F8108" s="40">
        <v>134.98333299999999</v>
      </c>
      <c r="G8108" s="40">
        <v>22.013703214866766</v>
      </c>
      <c r="H8108" s="40">
        <v>134.98333400000001</v>
      </c>
      <c r="I8108" s="40">
        <v>21.903523834157482</v>
      </c>
      <c r="L8108" s="40"/>
      <c r="M8108" s="40"/>
      <c r="N8108" s="40"/>
    </row>
    <row r="8109" spans="4:14" x14ac:dyDescent="0.25">
      <c r="D8109" s="40">
        <v>135.01126699999998</v>
      </c>
      <c r="E8109" s="40">
        <v>21.45186243720417</v>
      </c>
      <c r="F8109" s="40">
        <v>135</v>
      </c>
      <c r="G8109" s="40">
        <v>22.009087830896867</v>
      </c>
      <c r="H8109" s="40">
        <v>135</v>
      </c>
      <c r="I8109" s="40">
        <v>21.906777960414246</v>
      </c>
      <c r="L8109" s="40"/>
      <c r="M8109" s="40"/>
      <c r="N8109" s="40"/>
    </row>
    <row r="8110" spans="4:14" x14ac:dyDescent="0.25">
      <c r="D8110" s="40">
        <v>135.02793299999996</v>
      </c>
      <c r="E8110" s="40">
        <v>21.45186243720417</v>
      </c>
      <c r="F8110" s="40">
        <v>135.01666699999998</v>
      </c>
      <c r="G8110" s="40">
        <v>22.013703214866766</v>
      </c>
      <c r="H8110" s="40">
        <v>135.01666700000001</v>
      </c>
      <c r="I8110" s="40">
        <v>21.906777960414246</v>
      </c>
      <c r="L8110" s="40"/>
      <c r="M8110" s="40"/>
      <c r="N8110" s="40"/>
    </row>
    <row r="8111" spans="4:14" x14ac:dyDescent="0.25">
      <c r="D8111" s="40">
        <v>135.04459899999995</v>
      </c>
      <c r="E8111" s="40">
        <v>21.45186243720417</v>
      </c>
      <c r="F8111" s="40">
        <v>135.033333</v>
      </c>
      <c r="G8111" s="40">
        <v>22.013703214866766</v>
      </c>
      <c r="H8111" s="40">
        <v>135.033334</v>
      </c>
      <c r="I8111" s="40">
        <v>21.910130696557502</v>
      </c>
      <c r="L8111" s="40"/>
      <c r="M8111" s="40"/>
      <c r="N8111" s="40"/>
    </row>
    <row r="8112" spans="4:14" x14ac:dyDescent="0.25">
      <c r="D8112" s="40">
        <v>135.06126499999993</v>
      </c>
      <c r="E8112" s="40">
        <v>21.45186243720417</v>
      </c>
      <c r="F8112" s="40">
        <v>135.04999999999998</v>
      </c>
      <c r="G8112" s="40">
        <v>22.009087830896867</v>
      </c>
      <c r="H8112" s="40">
        <v>135.05000000000001</v>
      </c>
      <c r="I8112" s="40">
        <v>21.910130696557502</v>
      </c>
      <c r="L8112" s="40"/>
      <c r="M8112" s="40"/>
      <c r="N8112" s="40"/>
    </row>
    <row r="8113" spans="4:14" x14ac:dyDescent="0.25">
      <c r="D8113" s="40">
        <v>135.07793099999992</v>
      </c>
      <c r="E8113" s="40">
        <v>21.45186243720417</v>
      </c>
      <c r="F8113" s="40">
        <v>135.066667</v>
      </c>
      <c r="G8113" s="40">
        <v>22.009087830896867</v>
      </c>
      <c r="H8113" s="40">
        <v>135.066667</v>
      </c>
      <c r="I8113" s="40">
        <v>21.913483432700762</v>
      </c>
      <c r="L8113" s="40"/>
      <c r="M8113" s="40"/>
      <c r="N8113" s="40"/>
    </row>
    <row r="8114" spans="4:14" x14ac:dyDescent="0.25">
      <c r="D8114" s="40">
        <v>135.09459699999991</v>
      </c>
      <c r="E8114" s="40">
        <v>21.45186243720417</v>
      </c>
      <c r="F8114" s="40">
        <v>135.08333299999998</v>
      </c>
      <c r="G8114" s="40">
        <v>22.009087830896867</v>
      </c>
      <c r="H8114" s="40">
        <v>135.08333400000001</v>
      </c>
      <c r="I8114" s="40">
        <v>21.913483432700762</v>
      </c>
      <c r="L8114" s="40"/>
      <c r="M8114" s="40"/>
      <c r="N8114" s="40"/>
    </row>
    <row r="8115" spans="4:14" x14ac:dyDescent="0.25">
      <c r="D8115" s="40">
        <v>135.11126299999989</v>
      </c>
      <c r="E8115" s="40">
        <v>21.447019258614748</v>
      </c>
      <c r="F8115" s="40">
        <v>135.1</v>
      </c>
      <c r="G8115" s="40">
        <v>22.009087830896867</v>
      </c>
      <c r="H8115" s="40">
        <v>135.1</v>
      </c>
      <c r="I8115" s="40">
        <v>21.916737558957522</v>
      </c>
      <c r="L8115" s="40"/>
      <c r="M8115" s="40"/>
      <c r="N8115" s="40"/>
    </row>
    <row r="8116" spans="4:14" x14ac:dyDescent="0.25">
      <c r="D8116" s="40">
        <v>135.12792899999988</v>
      </c>
      <c r="E8116" s="40">
        <v>21.447019258614748</v>
      </c>
      <c r="F8116" s="40">
        <v>135.11666700000001</v>
      </c>
      <c r="G8116" s="40">
        <v>22.009087830896867</v>
      </c>
      <c r="H8116" s="40">
        <v>135.11666700000001</v>
      </c>
      <c r="I8116" s="40">
        <v>21.920090295100955</v>
      </c>
      <c r="L8116" s="40"/>
      <c r="M8116" s="40"/>
      <c r="N8116" s="40"/>
    </row>
    <row r="8117" spans="4:14" x14ac:dyDescent="0.25">
      <c r="D8117" s="40">
        <v>135.14459499999987</v>
      </c>
      <c r="E8117" s="40">
        <v>21.447019258614748</v>
      </c>
      <c r="F8117" s="40">
        <v>135.13333299999999</v>
      </c>
      <c r="G8117" s="40">
        <v>22.009087830896867</v>
      </c>
      <c r="H8117" s="40">
        <v>135.13333400000002</v>
      </c>
      <c r="I8117" s="40">
        <v>21.920090295100955</v>
      </c>
      <c r="L8117" s="40"/>
      <c r="M8117" s="40"/>
      <c r="N8117" s="40"/>
    </row>
    <row r="8118" spans="4:14" x14ac:dyDescent="0.25">
      <c r="D8118" s="40">
        <v>135.16126099999985</v>
      </c>
      <c r="E8118" s="40">
        <v>21.45186243720417</v>
      </c>
      <c r="F8118" s="40">
        <v>135.15</v>
      </c>
      <c r="G8118" s="40">
        <v>22.009087830896867</v>
      </c>
      <c r="H8118" s="40">
        <v>135.15</v>
      </c>
      <c r="I8118" s="40">
        <v>21.923443031244211</v>
      </c>
      <c r="L8118" s="40"/>
      <c r="M8118" s="40"/>
      <c r="N8118" s="40"/>
    </row>
    <row r="8119" spans="4:14" x14ac:dyDescent="0.25">
      <c r="D8119" s="40">
        <v>135.17792699999984</v>
      </c>
      <c r="E8119" s="40">
        <v>21.45186243720417</v>
      </c>
      <c r="F8119" s="40">
        <v>135.16666699999999</v>
      </c>
      <c r="G8119" s="40">
        <v>22.009087830896867</v>
      </c>
      <c r="H8119" s="40">
        <v>135.16666700000002</v>
      </c>
      <c r="I8119" s="40">
        <v>21.923443031244211</v>
      </c>
      <c r="L8119" s="40"/>
      <c r="M8119" s="40"/>
      <c r="N8119" s="40"/>
    </row>
    <row r="8120" spans="4:14" x14ac:dyDescent="0.25">
      <c r="D8120" s="40">
        <v>135.19459299999983</v>
      </c>
      <c r="E8120" s="40">
        <v>21.45186243720417</v>
      </c>
      <c r="F8120" s="40">
        <v>135.183333</v>
      </c>
      <c r="G8120" s="40">
        <v>22.009087830896867</v>
      </c>
      <c r="H8120" s="40">
        <v>135.183334</v>
      </c>
      <c r="I8120" s="40">
        <v>21.926697157500975</v>
      </c>
      <c r="L8120" s="40"/>
      <c r="M8120" s="40"/>
      <c r="N8120" s="40"/>
    </row>
    <row r="8121" spans="4:14" x14ac:dyDescent="0.25">
      <c r="D8121" s="40">
        <v>135.21125899999981</v>
      </c>
      <c r="E8121" s="40">
        <v>21.45186243720417</v>
      </c>
      <c r="F8121" s="40">
        <v>135.19999999999999</v>
      </c>
      <c r="G8121" s="40">
        <v>22.009087830896867</v>
      </c>
      <c r="H8121" s="40">
        <v>135.20000000000002</v>
      </c>
      <c r="I8121" s="40">
        <v>21.930049893644231</v>
      </c>
      <c r="L8121" s="40"/>
      <c r="M8121" s="40"/>
      <c r="N8121" s="40"/>
    </row>
    <row r="8122" spans="4:14" x14ac:dyDescent="0.25">
      <c r="D8122" s="40">
        <v>135.2279249999998</v>
      </c>
      <c r="E8122" s="40">
        <v>21.45186243720417</v>
      </c>
      <c r="F8122" s="40">
        <v>135.216667</v>
      </c>
      <c r="G8122" s="40">
        <v>22.009087830896867</v>
      </c>
      <c r="H8122" s="40">
        <v>135.216667</v>
      </c>
      <c r="I8122" s="40">
        <v>21.930049893644231</v>
      </c>
      <c r="L8122" s="40"/>
      <c r="M8122" s="40"/>
      <c r="N8122" s="40"/>
    </row>
    <row r="8123" spans="4:14" x14ac:dyDescent="0.25">
      <c r="D8123" s="40">
        <v>135.24459099999979</v>
      </c>
      <c r="E8123" s="40">
        <v>21.45186243720417</v>
      </c>
      <c r="F8123" s="40">
        <v>135.23333299999999</v>
      </c>
      <c r="G8123" s="40">
        <v>22.009087830896867</v>
      </c>
      <c r="H8123" s="40">
        <v>135.23333400000001</v>
      </c>
      <c r="I8123" s="40">
        <v>21.933402629787665</v>
      </c>
      <c r="L8123" s="40"/>
      <c r="M8123" s="40"/>
      <c r="N8123" s="40"/>
    </row>
    <row r="8124" spans="4:14" x14ac:dyDescent="0.25">
      <c r="D8124" s="40">
        <v>135.26125699999977</v>
      </c>
      <c r="E8124" s="40">
        <v>21.45186243720417</v>
      </c>
      <c r="F8124" s="40">
        <v>135.25</v>
      </c>
      <c r="G8124" s="40">
        <v>22.009087830896867</v>
      </c>
      <c r="H8124" s="40">
        <v>135.25</v>
      </c>
      <c r="I8124" s="40">
        <v>21.933402629787665</v>
      </c>
      <c r="L8124" s="40"/>
      <c r="M8124" s="40"/>
      <c r="N8124" s="40"/>
    </row>
    <row r="8125" spans="4:14" x14ac:dyDescent="0.25">
      <c r="D8125" s="40">
        <v>135.27792299999976</v>
      </c>
      <c r="E8125" s="40">
        <v>21.456563169364596</v>
      </c>
      <c r="F8125" s="40">
        <v>135.26666699999998</v>
      </c>
      <c r="G8125" s="40">
        <v>22.009087830896867</v>
      </c>
      <c r="H8125" s="40">
        <v>135.26666700000001</v>
      </c>
      <c r="I8125" s="40">
        <v>21.936656756044254</v>
      </c>
      <c r="L8125" s="40"/>
      <c r="M8125" s="40"/>
      <c r="N8125" s="40"/>
    </row>
    <row r="8126" spans="4:14" x14ac:dyDescent="0.25">
      <c r="D8126" s="40">
        <v>135.29458899999975</v>
      </c>
      <c r="E8126" s="40">
        <v>21.456563169364596</v>
      </c>
      <c r="F8126" s="40">
        <v>135.283333</v>
      </c>
      <c r="G8126" s="40">
        <v>22.013703214866766</v>
      </c>
      <c r="H8126" s="40">
        <v>135.283334</v>
      </c>
      <c r="I8126" s="40">
        <v>21.940009492187688</v>
      </c>
      <c r="L8126" s="40"/>
      <c r="M8126" s="40"/>
      <c r="N8126" s="40"/>
    </row>
    <row r="8127" spans="4:14" x14ac:dyDescent="0.25">
      <c r="D8127" s="40">
        <v>135.31125499999973</v>
      </c>
      <c r="E8127" s="40">
        <v>21.456563169364596</v>
      </c>
      <c r="F8127" s="40">
        <v>135.29999999999998</v>
      </c>
      <c r="G8127" s="40">
        <v>22.013703214866766</v>
      </c>
      <c r="H8127" s="40">
        <v>135.30000000000001</v>
      </c>
      <c r="I8127" s="40">
        <v>21.940009492187688</v>
      </c>
      <c r="L8127" s="40"/>
      <c r="M8127" s="40"/>
      <c r="N8127" s="40"/>
    </row>
    <row r="8128" spans="4:14" x14ac:dyDescent="0.25">
      <c r="D8128" s="40">
        <v>135.32792099999972</v>
      </c>
      <c r="E8128" s="40">
        <v>21.456563169364596</v>
      </c>
      <c r="F8128" s="40">
        <v>135.316667</v>
      </c>
      <c r="G8128" s="40">
        <v>22.013703214866766</v>
      </c>
      <c r="H8128" s="40">
        <v>135.316667</v>
      </c>
      <c r="I8128" s="40">
        <v>21.940009492187688</v>
      </c>
      <c r="L8128" s="40"/>
      <c r="M8128" s="40"/>
      <c r="N8128" s="40"/>
    </row>
    <row r="8129" spans="4:14" x14ac:dyDescent="0.25">
      <c r="D8129" s="40">
        <v>135.34458699999971</v>
      </c>
      <c r="E8129" s="40">
        <v>21.456563169364596</v>
      </c>
      <c r="F8129" s="40">
        <v>135.33333299999998</v>
      </c>
      <c r="G8129" s="40">
        <v>22.013703214866766</v>
      </c>
      <c r="H8129" s="40">
        <v>135.33333400000001</v>
      </c>
      <c r="I8129" s="40">
        <v>21.94336222833094</v>
      </c>
      <c r="L8129" s="40"/>
      <c r="M8129" s="40"/>
      <c r="N8129" s="40"/>
    </row>
    <row r="8130" spans="4:14" x14ac:dyDescent="0.25">
      <c r="D8130" s="40">
        <v>135.36125299999969</v>
      </c>
      <c r="E8130" s="40">
        <v>21.456563169364596</v>
      </c>
      <c r="F8130" s="40">
        <v>135.35</v>
      </c>
      <c r="G8130" s="40">
        <v>22.013703214866766</v>
      </c>
      <c r="H8130" s="40">
        <v>135.35</v>
      </c>
      <c r="I8130" s="40">
        <v>21.94336222833094</v>
      </c>
      <c r="L8130" s="40"/>
      <c r="M8130" s="40"/>
      <c r="N8130" s="40"/>
    </row>
    <row r="8131" spans="4:14" x14ac:dyDescent="0.25">
      <c r="D8131" s="40">
        <v>135.37791899999968</v>
      </c>
      <c r="E8131" s="40">
        <v>21.456563169364596</v>
      </c>
      <c r="F8131" s="40">
        <v>135.36666700000001</v>
      </c>
      <c r="G8131" s="40">
        <v>22.018458458956864</v>
      </c>
      <c r="H8131" s="40">
        <v>135.36666700000001</v>
      </c>
      <c r="I8131" s="40">
        <v>21.946616354587704</v>
      </c>
      <c r="L8131" s="40"/>
      <c r="M8131" s="40"/>
      <c r="N8131" s="40"/>
    </row>
    <row r="8132" spans="4:14" x14ac:dyDescent="0.25">
      <c r="D8132" s="40">
        <v>135.39458499999967</v>
      </c>
      <c r="E8132" s="40">
        <v>21.456563169364596</v>
      </c>
      <c r="F8132" s="40">
        <v>135.38333299999999</v>
      </c>
      <c r="G8132" s="40">
        <v>22.018458458956864</v>
      </c>
      <c r="H8132" s="40">
        <v>135.38333400000002</v>
      </c>
      <c r="I8132" s="40">
        <v>21.949969090730963</v>
      </c>
      <c r="L8132" s="40"/>
      <c r="M8132" s="40"/>
      <c r="N8132" s="40"/>
    </row>
    <row r="8133" spans="4:14" x14ac:dyDescent="0.25">
      <c r="D8133" s="40">
        <v>135.41125099999965</v>
      </c>
      <c r="E8133" s="40">
        <v>21.456563169364596</v>
      </c>
      <c r="F8133" s="40">
        <v>135.4</v>
      </c>
      <c r="G8133" s="40">
        <v>22.018458458956864</v>
      </c>
      <c r="H8133" s="40">
        <v>135.4</v>
      </c>
      <c r="I8133" s="40">
        <v>21.949969090730963</v>
      </c>
      <c r="L8133" s="40"/>
      <c r="M8133" s="40"/>
      <c r="N8133" s="40"/>
    </row>
    <row r="8134" spans="4:14" x14ac:dyDescent="0.25">
      <c r="D8134" s="40">
        <v>135.42791699999964</v>
      </c>
      <c r="E8134" s="40">
        <v>21.461406347954142</v>
      </c>
      <c r="F8134" s="40">
        <v>135.41666699999999</v>
      </c>
      <c r="G8134" s="40">
        <v>22.023213703047084</v>
      </c>
      <c r="H8134" s="40">
        <v>135.41666700000002</v>
      </c>
      <c r="I8134" s="40">
        <v>21.953321826874397</v>
      </c>
      <c r="L8134" s="40"/>
      <c r="M8134" s="40"/>
      <c r="N8134" s="40"/>
    </row>
    <row r="8135" spans="4:14" x14ac:dyDescent="0.25">
      <c r="D8135" s="40">
        <v>135.44458299999962</v>
      </c>
      <c r="E8135" s="40">
        <v>21.461406347954142</v>
      </c>
      <c r="F8135" s="40">
        <v>135.433333</v>
      </c>
      <c r="G8135" s="40">
        <v>22.023213703047084</v>
      </c>
      <c r="H8135" s="40">
        <v>135.433334</v>
      </c>
      <c r="I8135" s="40">
        <v>21.953321826874397</v>
      </c>
      <c r="L8135" s="40"/>
      <c r="M8135" s="40"/>
      <c r="N8135" s="40"/>
    </row>
    <row r="8136" spans="4:14" x14ac:dyDescent="0.25">
      <c r="D8136" s="40">
        <v>135.46124899999961</v>
      </c>
      <c r="E8136" s="40">
        <v>21.461406347954142</v>
      </c>
      <c r="F8136" s="40">
        <v>135.44999999999999</v>
      </c>
      <c r="G8136" s="40">
        <v>22.023213703047084</v>
      </c>
      <c r="H8136" s="40">
        <v>135.45000000000002</v>
      </c>
      <c r="I8136" s="40">
        <v>21.956575953131157</v>
      </c>
      <c r="L8136" s="40"/>
      <c r="M8136" s="40"/>
      <c r="N8136" s="40"/>
    </row>
    <row r="8137" spans="4:14" x14ac:dyDescent="0.25">
      <c r="D8137" s="40">
        <v>135.4779149999996</v>
      </c>
      <c r="E8137" s="40">
        <v>21.461406347954142</v>
      </c>
      <c r="F8137" s="40">
        <v>135.466667</v>
      </c>
      <c r="G8137" s="40">
        <v>22.023213703047084</v>
      </c>
      <c r="H8137" s="40">
        <v>135.466667</v>
      </c>
      <c r="I8137" s="40">
        <v>21.956575953131157</v>
      </c>
      <c r="L8137" s="40"/>
      <c r="M8137" s="40"/>
      <c r="N8137" s="40"/>
    </row>
    <row r="8138" spans="4:14" x14ac:dyDescent="0.25">
      <c r="D8138" s="40">
        <v>135.49458099999958</v>
      </c>
      <c r="E8138" s="40">
        <v>21.461406347954142</v>
      </c>
      <c r="F8138" s="40">
        <v>135.48333299999999</v>
      </c>
      <c r="G8138" s="40">
        <v>22.023213703047084</v>
      </c>
      <c r="H8138" s="40">
        <v>135.48333400000001</v>
      </c>
      <c r="I8138" s="40">
        <v>21.959928689274417</v>
      </c>
      <c r="L8138" s="40"/>
      <c r="M8138" s="40"/>
      <c r="N8138" s="40"/>
    </row>
    <row r="8139" spans="4:14" x14ac:dyDescent="0.25">
      <c r="D8139" s="40">
        <v>135.51124699999957</v>
      </c>
      <c r="E8139" s="40">
        <v>21.466249526543692</v>
      </c>
      <c r="F8139" s="40">
        <v>135.5</v>
      </c>
      <c r="G8139" s="40">
        <v>22.023213703047084</v>
      </c>
      <c r="H8139" s="40">
        <v>135.5</v>
      </c>
      <c r="I8139" s="40">
        <v>21.959928689274417</v>
      </c>
      <c r="L8139" s="40"/>
      <c r="M8139" s="40"/>
      <c r="N8139" s="40"/>
    </row>
    <row r="8140" spans="4:14" x14ac:dyDescent="0.25">
      <c r="D8140" s="40">
        <v>135.52791299999956</v>
      </c>
      <c r="E8140" s="40">
        <v>21.466249526543692</v>
      </c>
      <c r="F8140" s="40">
        <v>135.51666699999998</v>
      </c>
      <c r="G8140" s="40">
        <v>22.023213703047084</v>
      </c>
      <c r="H8140" s="40">
        <v>135.51666700000001</v>
      </c>
      <c r="I8140" s="40">
        <v>21.963281425417669</v>
      </c>
      <c r="L8140" s="40"/>
      <c r="M8140" s="40"/>
      <c r="N8140" s="40"/>
    </row>
    <row r="8141" spans="4:14" x14ac:dyDescent="0.25">
      <c r="D8141" s="40">
        <v>135.54457899999954</v>
      </c>
      <c r="E8141" s="40">
        <v>21.466249526543692</v>
      </c>
      <c r="F8141" s="40">
        <v>135.533333</v>
      </c>
      <c r="G8141" s="40">
        <v>22.023213703047084</v>
      </c>
      <c r="H8141" s="40">
        <v>135.533334</v>
      </c>
      <c r="I8141" s="40">
        <v>21.963281425417669</v>
      </c>
      <c r="L8141" s="40"/>
      <c r="M8141" s="40"/>
      <c r="N8141" s="40"/>
    </row>
    <row r="8142" spans="4:14" x14ac:dyDescent="0.25">
      <c r="D8142" s="40">
        <v>135.56124499999953</v>
      </c>
      <c r="E8142" s="40">
        <v>21.466249526543692</v>
      </c>
      <c r="F8142" s="40">
        <v>135.54999999999998</v>
      </c>
      <c r="G8142" s="40">
        <v>22.023213703047084</v>
      </c>
      <c r="H8142" s="40">
        <v>135.55000000000001</v>
      </c>
      <c r="I8142" s="40">
        <v>21.966535551674433</v>
      </c>
      <c r="L8142" s="40"/>
      <c r="M8142" s="40"/>
      <c r="N8142" s="40"/>
    </row>
    <row r="8143" spans="4:14" x14ac:dyDescent="0.25">
      <c r="D8143" s="40">
        <v>135.57791099999952</v>
      </c>
      <c r="E8143" s="40">
        <v>21.466249526543692</v>
      </c>
      <c r="F8143" s="40">
        <v>135.566667</v>
      </c>
      <c r="G8143" s="40">
        <v>22.023213703047084</v>
      </c>
      <c r="H8143" s="40">
        <v>135.566667</v>
      </c>
      <c r="I8143" s="40">
        <v>21.966535551674433</v>
      </c>
      <c r="L8143" s="40"/>
      <c r="M8143" s="40"/>
      <c r="N8143" s="40"/>
    </row>
    <row r="8144" spans="4:14" x14ac:dyDescent="0.25">
      <c r="D8144" s="40">
        <v>135.5945769999995</v>
      </c>
      <c r="E8144" s="40">
        <v>21.466249526543692</v>
      </c>
      <c r="F8144" s="40">
        <v>135.58333299999998</v>
      </c>
      <c r="G8144" s="40">
        <v>22.027829087016983</v>
      </c>
      <c r="H8144" s="40">
        <v>135.58333400000001</v>
      </c>
      <c r="I8144" s="40">
        <v>21.969888287817692</v>
      </c>
      <c r="L8144" s="40"/>
      <c r="M8144" s="40"/>
      <c r="N8144" s="40"/>
    </row>
    <row r="8145" spans="4:14" x14ac:dyDescent="0.25">
      <c r="D8145" s="40">
        <v>135.61124299999949</v>
      </c>
      <c r="E8145" s="40">
        <v>21.466249526543692</v>
      </c>
      <c r="F8145" s="40">
        <v>135.6</v>
      </c>
      <c r="G8145" s="40">
        <v>22.027829087016983</v>
      </c>
      <c r="H8145" s="40">
        <v>135.6</v>
      </c>
      <c r="I8145" s="40">
        <v>21.969888287817692</v>
      </c>
      <c r="L8145" s="40"/>
      <c r="M8145" s="40"/>
      <c r="N8145" s="40"/>
    </row>
    <row r="8146" spans="4:14" x14ac:dyDescent="0.25">
      <c r="D8146" s="40">
        <v>135.62790899999948</v>
      </c>
      <c r="E8146" s="40">
        <v>21.47095025870399</v>
      </c>
      <c r="F8146" s="40">
        <v>135.61666700000001</v>
      </c>
      <c r="G8146" s="40">
        <v>22.027829087016983</v>
      </c>
      <c r="H8146" s="40">
        <v>135.61666700000001</v>
      </c>
      <c r="I8146" s="40">
        <v>21.973241023961126</v>
      </c>
      <c r="L8146" s="40"/>
      <c r="M8146" s="40"/>
      <c r="N8146" s="40"/>
    </row>
    <row r="8147" spans="4:14" x14ac:dyDescent="0.25">
      <c r="D8147" s="40">
        <v>135.64457499999946</v>
      </c>
      <c r="E8147" s="40">
        <v>21.47095025870399</v>
      </c>
      <c r="F8147" s="40">
        <v>135.63333299999999</v>
      </c>
      <c r="G8147" s="40">
        <v>22.027829087016983</v>
      </c>
      <c r="H8147" s="40">
        <v>135.63333400000002</v>
      </c>
      <c r="I8147" s="40">
        <v>21.973241023961126</v>
      </c>
      <c r="L8147" s="40"/>
      <c r="M8147" s="40"/>
      <c r="N8147" s="40"/>
    </row>
    <row r="8148" spans="4:14" x14ac:dyDescent="0.25">
      <c r="D8148" s="40">
        <v>135.66124099999945</v>
      </c>
      <c r="E8148" s="40">
        <v>21.47579343729354</v>
      </c>
      <c r="F8148" s="40">
        <v>135.65</v>
      </c>
      <c r="G8148" s="40">
        <v>22.027829087016983</v>
      </c>
      <c r="H8148" s="40">
        <v>135.65</v>
      </c>
      <c r="I8148" s="40">
        <v>21.97649515021789</v>
      </c>
      <c r="L8148" s="40"/>
      <c r="M8148" s="40"/>
      <c r="N8148" s="40"/>
    </row>
    <row r="8149" spans="4:14" x14ac:dyDescent="0.25">
      <c r="D8149" s="40">
        <v>135.67790699999944</v>
      </c>
      <c r="E8149" s="40">
        <v>21.47579343729354</v>
      </c>
      <c r="F8149" s="40">
        <v>135.66666699999999</v>
      </c>
      <c r="G8149" s="40">
        <v>22.027829087016983</v>
      </c>
      <c r="H8149" s="40">
        <v>135.66666700000002</v>
      </c>
      <c r="I8149" s="40">
        <v>21.97649515021789</v>
      </c>
      <c r="L8149" s="40"/>
      <c r="M8149" s="40"/>
      <c r="N8149" s="40"/>
    </row>
    <row r="8150" spans="4:14" x14ac:dyDescent="0.25">
      <c r="D8150" s="40">
        <v>135.69457299999942</v>
      </c>
      <c r="E8150" s="40">
        <v>21.47579343729354</v>
      </c>
      <c r="F8150" s="40">
        <v>135.683333</v>
      </c>
      <c r="G8150" s="40">
        <v>22.027829087016983</v>
      </c>
      <c r="H8150" s="40">
        <v>135.683334</v>
      </c>
      <c r="I8150" s="40">
        <v>21.979847886361146</v>
      </c>
      <c r="L8150" s="40"/>
      <c r="M8150" s="40"/>
      <c r="N8150" s="40"/>
    </row>
    <row r="8151" spans="4:14" x14ac:dyDescent="0.25">
      <c r="D8151" s="40">
        <v>135.71123899999941</v>
      </c>
      <c r="E8151" s="40">
        <v>21.47579343729354</v>
      </c>
      <c r="F8151" s="40">
        <v>135.69999999999999</v>
      </c>
      <c r="G8151" s="40">
        <v>22.027829087016983</v>
      </c>
      <c r="H8151" s="40">
        <v>135.70000000000002</v>
      </c>
      <c r="I8151" s="40">
        <v>21.979847886361146</v>
      </c>
      <c r="L8151" s="40"/>
      <c r="M8151" s="40"/>
      <c r="N8151" s="40"/>
    </row>
    <row r="8152" spans="4:14" x14ac:dyDescent="0.25">
      <c r="D8152" s="40">
        <v>135.7279049999994</v>
      </c>
      <c r="E8152" s="40">
        <v>21.47579343729354</v>
      </c>
      <c r="F8152" s="40">
        <v>135.716667</v>
      </c>
      <c r="G8152" s="40">
        <v>22.027829087016983</v>
      </c>
      <c r="H8152" s="40">
        <v>135.716667</v>
      </c>
      <c r="I8152" s="40">
        <v>21.983200622504402</v>
      </c>
      <c r="L8152" s="40"/>
      <c r="M8152" s="40"/>
      <c r="N8152" s="40"/>
    </row>
    <row r="8153" spans="4:14" x14ac:dyDescent="0.25">
      <c r="D8153" s="40">
        <v>135.74457099999938</v>
      </c>
      <c r="E8153" s="40">
        <v>21.47579343729354</v>
      </c>
      <c r="F8153" s="40">
        <v>135.73333299999999</v>
      </c>
      <c r="G8153" s="40">
        <v>22.023213703047084</v>
      </c>
      <c r="H8153" s="40">
        <v>135.73333400000001</v>
      </c>
      <c r="I8153" s="40">
        <v>21.986454748761165</v>
      </c>
      <c r="L8153" s="40"/>
      <c r="M8153" s="40"/>
      <c r="N8153" s="40"/>
    </row>
    <row r="8154" spans="4:14" x14ac:dyDescent="0.25">
      <c r="D8154" s="40">
        <v>135.76123699999937</v>
      </c>
      <c r="E8154" s="40">
        <v>21.47095025870399</v>
      </c>
      <c r="F8154" s="40">
        <v>135.75</v>
      </c>
      <c r="G8154" s="40">
        <v>22.023213703047084</v>
      </c>
      <c r="H8154" s="40">
        <v>135.75</v>
      </c>
      <c r="I8154" s="40">
        <v>21.986454748761165</v>
      </c>
      <c r="L8154" s="40"/>
      <c r="M8154" s="40"/>
      <c r="N8154" s="40"/>
    </row>
    <row r="8155" spans="4:14" x14ac:dyDescent="0.25">
      <c r="D8155" s="40">
        <v>135.77790299999936</v>
      </c>
      <c r="E8155" s="40">
        <v>21.47095025870399</v>
      </c>
      <c r="F8155" s="40">
        <v>135.76666699999998</v>
      </c>
      <c r="G8155" s="40">
        <v>22.023213703047084</v>
      </c>
      <c r="H8155" s="40">
        <v>135.76666700000001</v>
      </c>
      <c r="I8155" s="40">
        <v>21.989807484904599</v>
      </c>
      <c r="L8155" s="40"/>
      <c r="M8155" s="40"/>
      <c r="N8155" s="40"/>
    </row>
    <row r="8156" spans="4:14" x14ac:dyDescent="0.25">
      <c r="D8156" s="40">
        <v>135.79456899999934</v>
      </c>
      <c r="E8156" s="40">
        <v>21.47095025870399</v>
      </c>
      <c r="F8156" s="40">
        <v>135.783333</v>
      </c>
      <c r="G8156" s="40">
        <v>22.023213703047084</v>
      </c>
      <c r="H8156" s="40">
        <v>135.783334</v>
      </c>
      <c r="I8156" s="40">
        <v>21.989807484904599</v>
      </c>
      <c r="L8156" s="40"/>
      <c r="M8156" s="40"/>
      <c r="N8156" s="40"/>
    </row>
    <row r="8157" spans="4:14" x14ac:dyDescent="0.25">
      <c r="D8157" s="40">
        <v>135.81123499999933</v>
      </c>
      <c r="E8157" s="40">
        <v>21.47095025870399</v>
      </c>
      <c r="F8157" s="40">
        <v>135.79999999999998</v>
      </c>
      <c r="G8157" s="40">
        <v>22.023213703047084</v>
      </c>
      <c r="H8157" s="40">
        <v>135.80000000000001</v>
      </c>
      <c r="I8157" s="40">
        <v>21.993160221047855</v>
      </c>
      <c r="L8157" s="40"/>
      <c r="M8157" s="40"/>
      <c r="N8157" s="40"/>
    </row>
    <row r="8158" spans="4:14" x14ac:dyDescent="0.25">
      <c r="D8158" s="40">
        <v>135.82790099999931</v>
      </c>
      <c r="E8158" s="40">
        <v>21.47095025870399</v>
      </c>
      <c r="F8158" s="40">
        <v>135.816667</v>
      </c>
      <c r="G8158" s="40">
        <v>22.023213703047084</v>
      </c>
      <c r="H8158" s="40">
        <v>135.816667</v>
      </c>
      <c r="I8158" s="40">
        <v>21.996414347304619</v>
      </c>
      <c r="L8158" s="40"/>
      <c r="M8158" s="40"/>
      <c r="N8158" s="40"/>
    </row>
    <row r="8159" spans="4:14" x14ac:dyDescent="0.25">
      <c r="D8159" s="40">
        <v>135.8445669999993</v>
      </c>
      <c r="E8159" s="40">
        <v>21.47095025870399</v>
      </c>
      <c r="F8159" s="40">
        <v>135.83333299999998</v>
      </c>
      <c r="G8159" s="40">
        <v>22.018458458956864</v>
      </c>
      <c r="H8159" s="40">
        <v>135.83333400000001</v>
      </c>
      <c r="I8159" s="40">
        <v>21.996414347304619</v>
      </c>
      <c r="L8159" s="40"/>
      <c r="M8159" s="40"/>
      <c r="N8159" s="40"/>
    </row>
    <row r="8160" spans="4:14" x14ac:dyDescent="0.25">
      <c r="D8160" s="40">
        <v>135.86123299999929</v>
      </c>
      <c r="E8160" s="40">
        <v>21.47095025870399</v>
      </c>
      <c r="F8160" s="40">
        <v>135.85</v>
      </c>
      <c r="G8160" s="40">
        <v>22.018458458956864</v>
      </c>
      <c r="H8160" s="40">
        <v>135.85</v>
      </c>
      <c r="I8160" s="40">
        <v>21.999767083447878</v>
      </c>
      <c r="L8160" s="40"/>
      <c r="M8160" s="40"/>
      <c r="N8160" s="40"/>
    </row>
    <row r="8161" spans="4:14" x14ac:dyDescent="0.25">
      <c r="D8161" s="40">
        <v>135.87789899999927</v>
      </c>
      <c r="E8161" s="40">
        <v>21.47095025870399</v>
      </c>
      <c r="F8161" s="40">
        <v>135.86666700000001</v>
      </c>
      <c r="G8161" s="40">
        <v>22.018458458956864</v>
      </c>
      <c r="H8161" s="40">
        <v>135.86666700000001</v>
      </c>
      <c r="I8161" s="40">
        <v>21.999767083447878</v>
      </c>
      <c r="L8161" s="40"/>
      <c r="M8161" s="40"/>
      <c r="N8161" s="40"/>
    </row>
    <row r="8162" spans="4:14" x14ac:dyDescent="0.25">
      <c r="D8162" s="40">
        <v>135.89456499999926</v>
      </c>
      <c r="E8162" s="40">
        <v>21.47095025870399</v>
      </c>
      <c r="F8162" s="40">
        <v>135.88333299999999</v>
      </c>
      <c r="G8162" s="40">
        <v>22.018458458956864</v>
      </c>
      <c r="H8162" s="40">
        <v>135.88333400000002</v>
      </c>
      <c r="I8162" s="40">
        <v>22.003119819591134</v>
      </c>
      <c r="L8162" s="40"/>
      <c r="M8162" s="40"/>
      <c r="N8162" s="40"/>
    </row>
    <row r="8163" spans="4:14" x14ac:dyDescent="0.25">
      <c r="D8163" s="40">
        <v>135.91123099999925</v>
      </c>
      <c r="E8163" s="40">
        <v>21.47095025870399</v>
      </c>
      <c r="F8163" s="40">
        <v>135.9</v>
      </c>
      <c r="G8163" s="40">
        <v>22.018458458956864</v>
      </c>
      <c r="H8163" s="40">
        <v>135.9</v>
      </c>
      <c r="I8163" s="40">
        <v>22.006373945847894</v>
      </c>
      <c r="L8163" s="40"/>
      <c r="M8163" s="40"/>
      <c r="N8163" s="40"/>
    </row>
    <row r="8164" spans="4:14" x14ac:dyDescent="0.25">
      <c r="D8164" s="40">
        <v>135.92789699999923</v>
      </c>
      <c r="E8164" s="40">
        <v>21.47095025870399</v>
      </c>
      <c r="F8164" s="40">
        <v>135.91666699999999</v>
      </c>
      <c r="G8164" s="40">
        <v>22.018458458956864</v>
      </c>
      <c r="H8164" s="40">
        <v>135.91666700000002</v>
      </c>
      <c r="I8164" s="40">
        <v>22.006373945847894</v>
      </c>
      <c r="L8164" s="40"/>
      <c r="M8164" s="40"/>
      <c r="N8164" s="40"/>
    </row>
    <row r="8165" spans="4:14" x14ac:dyDescent="0.25">
      <c r="D8165" s="40">
        <v>135.94456299999922</v>
      </c>
      <c r="E8165" s="40">
        <v>21.47095025870399</v>
      </c>
      <c r="F8165" s="40">
        <v>135.933333</v>
      </c>
      <c r="G8165" s="40">
        <v>22.018458458956864</v>
      </c>
      <c r="H8165" s="40">
        <v>135.933334</v>
      </c>
      <c r="I8165" s="40">
        <v>22.009726681991328</v>
      </c>
      <c r="L8165" s="40"/>
      <c r="M8165" s="40"/>
      <c r="N8165" s="40"/>
    </row>
    <row r="8166" spans="4:14" x14ac:dyDescent="0.25">
      <c r="D8166" s="40">
        <v>135.96122899999921</v>
      </c>
      <c r="E8166" s="40">
        <v>21.47095025870399</v>
      </c>
      <c r="F8166" s="40">
        <v>135.94999999999999</v>
      </c>
      <c r="G8166" s="40">
        <v>22.018458458956864</v>
      </c>
      <c r="H8166" s="40">
        <v>135.95000000000002</v>
      </c>
      <c r="I8166" s="40">
        <v>22.009726681991328</v>
      </c>
      <c r="L8166" s="40"/>
      <c r="M8166" s="40"/>
      <c r="N8166" s="40"/>
    </row>
    <row r="8167" spans="4:14" x14ac:dyDescent="0.25">
      <c r="D8167" s="40">
        <v>135.97789499999919</v>
      </c>
      <c r="E8167" s="40">
        <v>21.47095025870399</v>
      </c>
      <c r="F8167" s="40">
        <v>135.966667</v>
      </c>
      <c r="G8167" s="40">
        <v>22.018458458956864</v>
      </c>
      <c r="H8167" s="40">
        <v>135.966667</v>
      </c>
      <c r="I8167" s="40">
        <v>22.013079418134584</v>
      </c>
      <c r="L8167" s="40"/>
      <c r="M8167" s="40"/>
      <c r="N8167" s="40"/>
    </row>
    <row r="8168" spans="4:14" x14ac:dyDescent="0.25">
      <c r="D8168" s="40">
        <v>135.99456099999918</v>
      </c>
      <c r="E8168" s="40">
        <v>21.466249526543692</v>
      </c>
      <c r="F8168" s="40">
        <v>135.98333299999999</v>
      </c>
      <c r="G8168" s="40">
        <v>22.018458458956864</v>
      </c>
      <c r="H8168" s="40">
        <v>135.98333400000001</v>
      </c>
      <c r="I8168" s="40">
        <v>22.013079418134584</v>
      </c>
      <c r="L8168" s="40"/>
      <c r="M8168" s="40"/>
      <c r="N8168" s="40"/>
    </row>
    <row r="8169" spans="4:14" x14ac:dyDescent="0.25">
      <c r="D8169" s="40">
        <v>136.01122699999917</v>
      </c>
      <c r="E8169" s="40">
        <v>21.466249526543692</v>
      </c>
      <c r="F8169" s="40">
        <v>136</v>
      </c>
      <c r="G8169" s="40">
        <v>22.018458458956864</v>
      </c>
      <c r="H8169" s="40">
        <v>136</v>
      </c>
      <c r="I8169" s="40">
        <v>22.016333544391347</v>
      </c>
      <c r="L8169" s="40"/>
      <c r="M8169" s="40"/>
      <c r="N8169" s="40"/>
    </row>
    <row r="8170" spans="4:14" x14ac:dyDescent="0.25">
      <c r="D8170" s="40">
        <v>136.02789299999915</v>
      </c>
      <c r="E8170" s="40">
        <v>21.466249526543692</v>
      </c>
      <c r="F8170" s="40">
        <v>136.01666699999998</v>
      </c>
      <c r="G8170" s="40">
        <v>22.018458458956864</v>
      </c>
      <c r="H8170" s="40">
        <v>136.01666700000001</v>
      </c>
      <c r="I8170" s="40">
        <v>22.016333544391347</v>
      </c>
      <c r="L8170" s="40"/>
      <c r="M8170" s="40"/>
      <c r="N8170" s="40"/>
    </row>
    <row r="8171" spans="4:14" x14ac:dyDescent="0.25">
      <c r="D8171" s="40">
        <v>136.04455899999914</v>
      </c>
      <c r="E8171" s="40">
        <v>21.461406347954142</v>
      </c>
      <c r="F8171" s="40">
        <v>136.033333</v>
      </c>
      <c r="G8171" s="40">
        <v>22.018458458956864</v>
      </c>
      <c r="H8171" s="40">
        <v>136.033334</v>
      </c>
      <c r="I8171" s="40">
        <v>22.019686280534607</v>
      </c>
      <c r="L8171" s="40"/>
      <c r="M8171" s="40"/>
      <c r="N8171" s="40"/>
    </row>
    <row r="8172" spans="4:14" x14ac:dyDescent="0.25">
      <c r="D8172" s="40">
        <v>136.06122499999913</v>
      </c>
      <c r="E8172" s="40">
        <v>21.461406347954142</v>
      </c>
      <c r="F8172" s="40">
        <v>136.04999999999998</v>
      </c>
      <c r="G8172" s="40">
        <v>22.018458458956864</v>
      </c>
      <c r="H8172" s="40">
        <v>136.05000000000001</v>
      </c>
      <c r="I8172" s="40">
        <v>22.023039016677863</v>
      </c>
      <c r="L8172" s="40"/>
      <c r="M8172" s="40"/>
      <c r="N8172" s="40"/>
    </row>
    <row r="8173" spans="4:14" x14ac:dyDescent="0.25">
      <c r="D8173" s="40">
        <v>136.07789099999911</v>
      </c>
      <c r="E8173" s="40">
        <v>21.456563169364596</v>
      </c>
      <c r="F8173" s="40">
        <v>136.066667</v>
      </c>
      <c r="G8173" s="40">
        <v>22.018458458956864</v>
      </c>
      <c r="H8173" s="40">
        <v>136.066667</v>
      </c>
      <c r="I8173" s="40">
        <v>22.023039016677863</v>
      </c>
      <c r="L8173" s="40"/>
      <c r="M8173" s="40"/>
      <c r="N8173" s="40"/>
    </row>
    <row r="8174" spans="4:14" x14ac:dyDescent="0.25">
      <c r="D8174" s="40">
        <v>136.0945569999991</v>
      </c>
      <c r="E8174" s="40">
        <v>21.456563169364596</v>
      </c>
      <c r="F8174" s="40">
        <v>136.08333299999998</v>
      </c>
      <c r="G8174" s="40">
        <v>22.013703214866766</v>
      </c>
      <c r="H8174" s="40">
        <v>136.08333400000001</v>
      </c>
      <c r="I8174" s="40">
        <v>22.026391752821294</v>
      </c>
      <c r="L8174" s="40"/>
      <c r="M8174" s="40"/>
      <c r="N8174" s="40"/>
    </row>
    <row r="8175" spans="4:14" x14ac:dyDescent="0.25">
      <c r="D8175" s="40">
        <v>136.11122299999909</v>
      </c>
      <c r="E8175" s="40">
        <v>21.456563169364596</v>
      </c>
      <c r="F8175" s="40">
        <v>136.1</v>
      </c>
      <c r="G8175" s="40">
        <v>22.013703214866766</v>
      </c>
      <c r="H8175" s="40">
        <v>136.1</v>
      </c>
      <c r="I8175" s="40">
        <v>22.026391752821294</v>
      </c>
      <c r="L8175" s="40"/>
      <c r="M8175" s="40"/>
      <c r="N8175" s="40"/>
    </row>
    <row r="8176" spans="4:14" x14ac:dyDescent="0.25">
      <c r="D8176" s="40">
        <v>136.12788899999907</v>
      </c>
      <c r="E8176" s="40">
        <v>21.456563169364596</v>
      </c>
      <c r="F8176" s="40">
        <v>136.11666700000001</v>
      </c>
      <c r="G8176" s="40">
        <v>22.013703214866766</v>
      </c>
      <c r="H8176" s="40">
        <v>136.11666700000001</v>
      </c>
      <c r="I8176" s="40">
        <v>22.029645879078057</v>
      </c>
      <c r="L8176" s="40"/>
      <c r="M8176" s="40"/>
      <c r="N8176" s="40"/>
    </row>
    <row r="8177" spans="4:14" x14ac:dyDescent="0.25">
      <c r="D8177" s="40">
        <v>136.14455499999906</v>
      </c>
      <c r="E8177" s="40">
        <v>21.456563169364596</v>
      </c>
      <c r="F8177" s="40">
        <v>136.13333299999999</v>
      </c>
      <c r="G8177" s="40">
        <v>22.013703214866766</v>
      </c>
      <c r="H8177" s="40">
        <v>136.13333400000002</v>
      </c>
      <c r="I8177" s="40">
        <v>22.032998615221317</v>
      </c>
      <c r="L8177" s="40"/>
      <c r="M8177" s="40"/>
      <c r="N8177" s="40"/>
    </row>
    <row r="8178" spans="4:14" x14ac:dyDescent="0.25">
      <c r="D8178" s="40">
        <v>136.16122099999905</v>
      </c>
      <c r="E8178" s="40">
        <v>21.45186243720417</v>
      </c>
      <c r="F8178" s="40">
        <v>136.15</v>
      </c>
      <c r="G8178" s="40">
        <v>22.009087830896867</v>
      </c>
      <c r="H8178" s="40">
        <v>136.15</v>
      </c>
      <c r="I8178" s="40">
        <v>22.032998615221317</v>
      </c>
      <c r="L8178" s="40"/>
      <c r="M8178" s="40"/>
      <c r="N8178" s="40"/>
    </row>
    <row r="8179" spans="4:14" x14ac:dyDescent="0.25">
      <c r="D8179" s="40">
        <v>136.17788699999903</v>
      </c>
      <c r="E8179" s="40">
        <v>21.45186243720417</v>
      </c>
      <c r="F8179" s="40">
        <v>136.16666699999999</v>
      </c>
      <c r="G8179" s="40">
        <v>22.009087830896867</v>
      </c>
      <c r="H8179" s="40">
        <v>136.16666700000002</v>
      </c>
      <c r="I8179" s="40">
        <v>22.036351351364573</v>
      </c>
      <c r="L8179" s="40"/>
      <c r="M8179" s="40"/>
      <c r="N8179" s="40"/>
    </row>
    <row r="8180" spans="4:14" x14ac:dyDescent="0.25">
      <c r="D8180" s="40">
        <v>136.19455299999902</v>
      </c>
      <c r="E8180" s="40">
        <v>21.45186243720417</v>
      </c>
      <c r="F8180" s="40">
        <v>136.183333</v>
      </c>
      <c r="G8180" s="40">
        <v>22.009087830896867</v>
      </c>
      <c r="H8180" s="40">
        <v>136.183334</v>
      </c>
      <c r="I8180" s="40">
        <v>22.036351351364573</v>
      </c>
      <c r="L8180" s="40"/>
      <c r="M8180" s="40"/>
      <c r="N8180" s="40"/>
    </row>
    <row r="8181" spans="4:14" x14ac:dyDescent="0.25">
      <c r="D8181" s="40">
        <v>136.21121899999901</v>
      </c>
      <c r="E8181" s="40">
        <v>21.45186243720417</v>
      </c>
      <c r="F8181" s="40">
        <v>136.19999999999999</v>
      </c>
      <c r="G8181" s="40">
        <v>22.009087830896867</v>
      </c>
      <c r="H8181" s="40">
        <v>136.20000000000002</v>
      </c>
      <c r="I8181" s="40">
        <v>22.039605477621336</v>
      </c>
      <c r="L8181" s="40"/>
      <c r="M8181" s="40"/>
      <c r="N8181" s="40"/>
    </row>
    <row r="8182" spans="4:14" x14ac:dyDescent="0.25">
      <c r="D8182" s="40">
        <v>136.22788499999899</v>
      </c>
      <c r="E8182" s="40">
        <v>21.456563169364596</v>
      </c>
      <c r="F8182" s="40">
        <v>136.216667</v>
      </c>
      <c r="G8182" s="40">
        <v>22.009087830896867</v>
      </c>
      <c r="H8182" s="40">
        <v>136.216667</v>
      </c>
      <c r="I8182" s="40">
        <v>22.039605477621336</v>
      </c>
      <c r="L8182" s="40"/>
      <c r="M8182" s="40"/>
      <c r="N8182" s="40"/>
    </row>
    <row r="8183" spans="4:14" x14ac:dyDescent="0.25">
      <c r="D8183" s="40">
        <v>136.24455099999898</v>
      </c>
      <c r="E8183" s="40">
        <v>21.456563169364596</v>
      </c>
      <c r="F8183" s="40">
        <v>136.23333299999999</v>
      </c>
      <c r="G8183" s="40">
        <v>22.009087830896867</v>
      </c>
      <c r="H8183" s="40">
        <v>136.23333400000001</v>
      </c>
      <c r="I8183" s="40">
        <v>22.042958213764766</v>
      </c>
      <c r="L8183" s="40"/>
      <c r="M8183" s="40"/>
      <c r="N8183" s="40"/>
    </row>
    <row r="8184" spans="4:14" x14ac:dyDescent="0.25">
      <c r="D8184" s="40">
        <v>136.26121699999896</v>
      </c>
      <c r="E8184" s="40">
        <v>21.45186243720417</v>
      </c>
      <c r="F8184" s="40">
        <v>136.25</v>
      </c>
      <c r="G8184" s="40">
        <v>22.009087830896867</v>
      </c>
      <c r="H8184" s="40">
        <v>136.25</v>
      </c>
      <c r="I8184" s="40">
        <v>22.046310949908023</v>
      </c>
      <c r="L8184" s="40"/>
      <c r="M8184" s="40"/>
      <c r="N8184" s="40"/>
    </row>
    <row r="8185" spans="4:14" x14ac:dyDescent="0.25">
      <c r="D8185" s="40">
        <v>136.27788299999895</v>
      </c>
      <c r="E8185" s="40">
        <v>21.45186243720417</v>
      </c>
      <c r="F8185" s="40">
        <v>136.26666699999998</v>
      </c>
      <c r="G8185" s="40">
        <v>22.009087830896867</v>
      </c>
      <c r="H8185" s="40">
        <v>136.26666700000001</v>
      </c>
      <c r="I8185" s="40">
        <v>22.046310949908023</v>
      </c>
      <c r="L8185" s="40"/>
      <c r="M8185" s="40"/>
      <c r="N8185" s="40"/>
    </row>
    <row r="8186" spans="4:14" x14ac:dyDescent="0.25">
      <c r="D8186" s="40">
        <v>136.29454899999894</v>
      </c>
      <c r="E8186" s="40">
        <v>21.447019258614748</v>
      </c>
      <c r="F8186" s="40">
        <v>136.283333</v>
      </c>
      <c r="G8186" s="40">
        <v>22.009087830896867</v>
      </c>
      <c r="H8186" s="40">
        <v>136.283334</v>
      </c>
      <c r="I8186" s="40">
        <v>22.049565076164786</v>
      </c>
      <c r="L8186" s="40"/>
      <c r="M8186" s="40"/>
      <c r="N8186" s="40"/>
    </row>
    <row r="8187" spans="4:14" x14ac:dyDescent="0.25">
      <c r="D8187" s="40">
        <v>136.31121499999892</v>
      </c>
      <c r="E8187" s="40">
        <v>21.447019258614748</v>
      </c>
      <c r="F8187" s="40">
        <v>136.29999999999998</v>
      </c>
      <c r="G8187" s="40">
        <v>22.009087830896867</v>
      </c>
      <c r="H8187" s="40">
        <v>136.30000000000001</v>
      </c>
      <c r="I8187" s="40">
        <v>22.049565076164786</v>
      </c>
      <c r="L8187" s="40"/>
      <c r="M8187" s="40"/>
      <c r="N8187" s="40"/>
    </row>
    <row r="8188" spans="4:14" x14ac:dyDescent="0.25">
      <c r="D8188" s="40">
        <v>136.32788099999891</v>
      </c>
      <c r="E8188" s="40">
        <v>21.447019258614748</v>
      </c>
      <c r="F8188" s="40">
        <v>136.316667</v>
      </c>
      <c r="G8188" s="40">
        <v>22.009087830896867</v>
      </c>
      <c r="H8188" s="40">
        <v>136.316667</v>
      </c>
      <c r="I8188" s="40">
        <v>22.049565076164786</v>
      </c>
      <c r="L8188" s="40"/>
      <c r="M8188" s="40"/>
      <c r="N8188" s="40"/>
    </row>
    <row r="8189" spans="4:14" x14ac:dyDescent="0.25">
      <c r="D8189" s="40">
        <v>136.3445469999989</v>
      </c>
      <c r="E8189" s="40">
        <v>21.447019258614748</v>
      </c>
      <c r="F8189" s="40">
        <v>136.33333299999998</v>
      </c>
      <c r="G8189" s="40">
        <v>22.009087830896867</v>
      </c>
      <c r="H8189" s="40">
        <v>136.33333400000001</v>
      </c>
      <c r="I8189" s="40">
        <v>22.052917812308046</v>
      </c>
      <c r="L8189" s="40"/>
      <c r="M8189" s="40"/>
      <c r="N8189" s="40"/>
    </row>
    <row r="8190" spans="4:14" x14ac:dyDescent="0.25">
      <c r="D8190" s="40">
        <v>136.36121299999888</v>
      </c>
      <c r="E8190" s="40">
        <v>21.442176080025199</v>
      </c>
      <c r="F8190" s="40">
        <v>136.35</v>
      </c>
      <c r="G8190" s="40">
        <v>22.009087830896867</v>
      </c>
      <c r="H8190" s="40">
        <v>136.35</v>
      </c>
      <c r="I8190" s="40">
        <v>22.052917812308046</v>
      </c>
      <c r="L8190" s="40"/>
      <c r="M8190" s="40"/>
      <c r="N8190" s="40"/>
    </row>
    <row r="8191" spans="4:14" x14ac:dyDescent="0.25">
      <c r="D8191" s="40">
        <v>136.37787899999887</v>
      </c>
      <c r="E8191" s="40">
        <v>21.442176080025199</v>
      </c>
      <c r="F8191" s="40">
        <v>136.36666700000001</v>
      </c>
      <c r="G8191" s="40">
        <v>22.004332586806647</v>
      </c>
      <c r="H8191" s="40">
        <v>136.36666700000001</v>
      </c>
      <c r="I8191" s="40">
        <v>22.056270548451302</v>
      </c>
      <c r="L8191" s="40"/>
      <c r="M8191" s="40"/>
      <c r="N8191" s="40"/>
    </row>
    <row r="8192" spans="4:14" x14ac:dyDescent="0.25">
      <c r="D8192" s="40">
        <v>136.39454499999886</v>
      </c>
      <c r="E8192" s="40">
        <v>21.442176080025199</v>
      </c>
      <c r="F8192" s="40">
        <v>136.38333299999999</v>
      </c>
      <c r="G8192" s="40">
        <v>22.004332586806647</v>
      </c>
      <c r="H8192" s="40">
        <v>136.38333400000002</v>
      </c>
      <c r="I8192" s="40">
        <v>22.056270548451302</v>
      </c>
      <c r="L8192" s="40"/>
      <c r="M8192" s="40"/>
      <c r="N8192" s="40"/>
    </row>
    <row r="8193" spans="4:14" x14ac:dyDescent="0.25">
      <c r="D8193" s="40">
        <v>136.41121099999884</v>
      </c>
      <c r="E8193" s="40">
        <v>21.447019258614748</v>
      </c>
      <c r="F8193" s="40">
        <v>136.4</v>
      </c>
      <c r="G8193" s="40">
        <v>22.004332586806647</v>
      </c>
      <c r="H8193" s="40">
        <v>136.4</v>
      </c>
      <c r="I8193" s="40">
        <v>22.059524674708065</v>
      </c>
      <c r="L8193" s="40"/>
      <c r="M8193" s="40"/>
      <c r="N8193" s="40"/>
    </row>
    <row r="8194" spans="4:14" x14ac:dyDescent="0.25">
      <c r="D8194" s="40">
        <v>136.42787699999883</v>
      </c>
      <c r="E8194" s="40">
        <v>21.447019258614748</v>
      </c>
      <c r="F8194" s="40">
        <v>136.41666699999999</v>
      </c>
      <c r="G8194" s="40">
        <v>22.004332586806647</v>
      </c>
      <c r="H8194" s="40">
        <v>136.41666700000002</v>
      </c>
      <c r="I8194" s="40">
        <v>22.059524674708065</v>
      </c>
      <c r="L8194" s="40"/>
      <c r="M8194" s="40"/>
      <c r="N8194" s="40"/>
    </row>
    <row r="8195" spans="4:14" x14ac:dyDescent="0.25">
      <c r="D8195" s="40">
        <v>136.44454299999882</v>
      </c>
      <c r="E8195" s="40">
        <v>21.447019258614748</v>
      </c>
      <c r="F8195" s="40">
        <v>136.433333</v>
      </c>
      <c r="G8195" s="40">
        <v>22.004332586806647</v>
      </c>
      <c r="H8195" s="40">
        <v>136.433334</v>
      </c>
      <c r="I8195" s="40">
        <v>22.062877410851495</v>
      </c>
      <c r="L8195" s="40"/>
      <c r="M8195" s="40"/>
      <c r="N8195" s="40"/>
    </row>
    <row r="8196" spans="4:14" x14ac:dyDescent="0.25">
      <c r="D8196" s="40">
        <v>136.4612089999988</v>
      </c>
      <c r="E8196" s="40">
        <v>21.447019258614748</v>
      </c>
      <c r="F8196" s="40">
        <v>136.44999999999999</v>
      </c>
      <c r="G8196" s="40">
        <v>22.004332586806647</v>
      </c>
      <c r="H8196" s="40">
        <v>136.45000000000002</v>
      </c>
      <c r="I8196" s="40">
        <v>22.066230146994755</v>
      </c>
      <c r="L8196" s="40"/>
      <c r="M8196" s="40"/>
      <c r="N8196" s="40"/>
    </row>
    <row r="8197" spans="4:14" x14ac:dyDescent="0.25">
      <c r="D8197" s="40">
        <v>136.47787499999879</v>
      </c>
      <c r="E8197" s="40">
        <v>21.447019258614748</v>
      </c>
      <c r="F8197" s="40">
        <v>136.466667</v>
      </c>
      <c r="G8197" s="40">
        <v>22.009087830896867</v>
      </c>
      <c r="H8197" s="40">
        <v>136.466667</v>
      </c>
      <c r="I8197" s="40">
        <v>22.066230146994755</v>
      </c>
      <c r="L8197" s="40"/>
      <c r="M8197" s="40"/>
      <c r="N8197" s="40"/>
    </row>
    <row r="8198" spans="4:14" x14ac:dyDescent="0.25">
      <c r="D8198" s="40">
        <v>136.49454099999878</v>
      </c>
      <c r="E8198" s="40">
        <v>21.447019258614748</v>
      </c>
      <c r="F8198" s="40">
        <v>136.48333299999999</v>
      </c>
      <c r="G8198" s="40">
        <v>22.009087830896867</v>
      </c>
      <c r="H8198" s="40">
        <v>136.48333400000001</v>
      </c>
      <c r="I8198" s="40">
        <v>22.066230146994755</v>
      </c>
      <c r="L8198" s="40"/>
      <c r="M8198" s="40"/>
      <c r="N8198" s="40"/>
    </row>
    <row r="8199" spans="4:14" x14ac:dyDescent="0.25">
      <c r="D8199" s="40">
        <v>136.51120699999876</v>
      </c>
      <c r="E8199" s="40">
        <v>21.45186243720417</v>
      </c>
      <c r="F8199" s="40">
        <v>136.5</v>
      </c>
      <c r="G8199" s="40">
        <v>22.009087830896867</v>
      </c>
      <c r="H8199" s="40">
        <v>136.5</v>
      </c>
      <c r="I8199" s="40">
        <v>22.069484273251518</v>
      </c>
      <c r="L8199" s="40"/>
      <c r="M8199" s="40"/>
      <c r="N8199" s="40"/>
    </row>
    <row r="8200" spans="4:14" x14ac:dyDescent="0.25">
      <c r="D8200" s="40">
        <v>136.52787299999875</v>
      </c>
      <c r="E8200" s="40">
        <v>21.45186243720417</v>
      </c>
      <c r="F8200" s="40">
        <v>136.51666699999998</v>
      </c>
      <c r="G8200" s="40">
        <v>22.013703214866766</v>
      </c>
      <c r="H8200" s="40">
        <v>136.51666700000001</v>
      </c>
      <c r="I8200" s="40">
        <v>22.069484273251518</v>
      </c>
      <c r="L8200" s="40"/>
      <c r="M8200" s="40"/>
      <c r="N8200" s="40"/>
    </row>
    <row r="8201" spans="4:14" x14ac:dyDescent="0.25">
      <c r="D8201" s="40">
        <v>136.54453899999874</v>
      </c>
      <c r="E8201" s="40">
        <v>21.45186243720417</v>
      </c>
      <c r="F8201" s="40">
        <v>136.533333</v>
      </c>
      <c r="G8201" s="40">
        <v>22.013703214866766</v>
      </c>
      <c r="H8201" s="40">
        <v>136.533334</v>
      </c>
      <c r="I8201" s="40">
        <v>22.072837009394775</v>
      </c>
      <c r="L8201" s="40"/>
      <c r="M8201" s="40"/>
      <c r="N8201" s="40"/>
    </row>
    <row r="8202" spans="4:14" x14ac:dyDescent="0.25">
      <c r="D8202" s="40">
        <v>136.56120499999872</v>
      </c>
      <c r="E8202" s="40">
        <v>21.45186243720417</v>
      </c>
      <c r="F8202" s="40">
        <v>136.54999999999998</v>
      </c>
      <c r="G8202" s="40">
        <v>22.013703214866766</v>
      </c>
      <c r="H8202" s="40">
        <v>136.55000000000001</v>
      </c>
      <c r="I8202" s="40">
        <v>22.072837009394775</v>
      </c>
      <c r="L8202" s="40"/>
      <c r="M8202" s="40"/>
      <c r="N8202" s="40"/>
    </row>
    <row r="8203" spans="4:14" x14ac:dyDescent="0.25">
      <c r="D8203" s="40">
        <v>136.57787099999871</v>
      </c>
      <c r="E8203" s="40">
        <v>21.45186243720417</v>
      </c>
      <c r="F8203" s="40">
        <v>136.566667</v>
      </c>
      <c r="G8203" s="40">
        <v>22.013703214866766</v>
      </c>
      <c r="H8203" s="40">
        <v>136.566667</v>
      </c>
      <c r="I8203" s="40">
        <v>22.076189745538208</v>
      </c>
      <c r="L8203" s="40"/>
      <c r="M8203" s="40"/>
      <c r="N8203" s="40"/>
    </row>
    <row r="8204" spans="4:14" x14ac:dyDescent="0.25">
      <c r="D8204" s="40">
        <v>136.5945369999987</v>
      </c>
      <c r="E8204" s="40">
        <v>21.456563169364596</v>
      </c>
      <c r="F8204" s="40">
        <v>136.58333299999998</v>
      </c>
      <c r="G8204" s="40">
        <v>22.018458458956864</v>
      </c>
      <c r="H8204" s="40">
        <v>136.58333400000001</v>
      </c>
      <c r="I8204" s="40">
        <v>22.076189745538208</v>
      </c>
      <c r="L8204" s="40"/>
      <c r="M8204" s="40"/>
      <c r="N8204" s="40"/>
    </row>
    <row r="8205" spans="4:14" x14ac:dyDescent="0.25">
      <c r="D8205" s="40">
        <v>136.61120299999868</v>
      </c>
      <c r="E8205" s="40">
        <v>21.456563169364596</v>
      </c>
      <c r="F8205" s="40">
        <v>136.6</v>
      </c>
      <c r="G8205" s="40">
        <v>22.018458458956864</v>
      </c>
      <c r="H8205" s="40">
        <v>136.6</v>
      </c>
      <c r="I8205" s="40">
        <v>22.079443871794798</v>
      </c>
      <c r="L8205" s="40"/>
      <c r="M8205" s="40"/>
      <c r="N8205" s="40"/>
    </row>
    <row r="8206" spans="4:14" x14ac:dyDescent="0.25">
      <c r="D8206" s="40">
        <v>136.62786899999867</v>
      </c>
      <c r="E8206" s="40">
        <v>21.461406347954142</v>
      </c>
      <c r="F8206" s="40">
        <v>136.61666700000001</v>
      </c>
      <c r="G8206" s="40">
        <v>22.018458458956864</v>
      </c>
      <c r="H8206" s="40">
        <v>136.61666700000001</v>
      </c>
      <c r="I8206" s="40">
        <v>22.079443871794798</v>
      </c>
      <c r="L8206" s="40"/>
      <c r="M8206" s="40"/>
      <c r="N8206" s="40"/>
    </row>
    <row r="8207" spans="4:14" x14ac:dyDescent="0.25">
      <c r="D8207" s="40">
        <v>136.64453499999865</v>
      </c>
      <c r="E8207" s="40">
        <v>21.461406347954142</v>
      </c>
      <c r="F8207" s="40">
        <v>136.63333299999999</v>
      </c>
      <c r="G8207" s="40">
        <v>22.023213703047084</v>
      </c>
      <c r="H8207" s="40">
        <v>136.63333400000002</v>
      </c>
      <c r="I8207" s="40">
        <v>22.082796607938228</v>
      </c>
      <c r="L8207" s="40"/>
      <c r="M8207" s="40"/>
      <c r="N8207" s="40"/>
    </row>
    <row r="8208" spans="4:14" x14ac:dyDescent="0.25">
      <c r="D8208" s="40">
        <v>136.66120099999864</v>
      </c>
      <c r="E8208" s="40">
        <v>21.461406347954142</v>
      </c>
      <c r="F8208" s="40">
        <v>136.65</v>
      </c>
      <c r="G8208" s="40">
        <v>22.023213703047084</v>
      </c>
      <c r="H8208" s="40">
        <v>136.65</v>
      </c>
      <c r="I8208" s="40">
        <v>22.082796607938228</v>
      </c>
      <c r="L8208" s="40"/>
      <c r="M8208" s="40"/>
      <c r="N8208" s="40"/>
    </row>
    <row r="8209" spans="4:14" x14ac:dyDescent="0.25">
      <c r="D8209" s="40">
        <v>136.67786699999863</v>
      </c>
      <c r="E8209" s="40">
        <v>21.461406347954142</v>
      </c>
      <c r="F8209" s="40">
        <v>136.66666699999999</v>
      </c>
      <c r="G8209" s="40">
        <v>22.023213703047084</v>
      </c>
      <c r="H8209" s="40">
        <v>136.66666700000002</v>
      </c>
      <c r="I8209" s="40">
        <v>22.086149344081484</v>
      </c>
      <c r="L8209" s="40"/>
      <c r="M8209" s="40"/>
      <c r="N8209" s="40"/>
    </row>
    <row r="8210" spans="4:14" x14ac:dyDescent="0.25">
      <c r="D8210" s="40">
        <v>136.69453299999861</v>
      </c>
      <c r="E8210" s="40">
        <v>21.466249526543692</v>
      </c>
      <c r="F8210" s="40">
        <v>136.683333</v>
      </c>
      <c r="G8210" s="40">
        <v>22.023213703047084</v>
      </c>
      <c r="H8210" s="40">
        <v>136.683334</v>
      </c>
      <c r="I8210" s="40">
        <v>22.086149344081484</v>
      </c>
      <c r="L8210" s="40"/>
      <c r="M8210" s="40"/>
      <c r="N8210" s="40"/>
    </row>
    <row r="8211" spans="4:14" x14ac:dyDescent="0.25">
      <c r="D8211" s="40">
        <v>136.7111989999986</v>
      </c>
      <c r="E8211" s="40">
        <v>21.466249526543692</v>
      </c>
      <c r="F8211" s="40">
        <v>136.69999999999999</v>
      </c>
      <c r="G8211" s="40">
        <v>22.023213703047084</v>
      </c>
      <c r="H8211" s="40">
        <v>136.70000000000002</v>
      </c>
      <c r="I8211" s="40">
        <v>22.089403470338247</v>
      </c>
      <c r="L8211" s="40"/>
      <c r="M8211" s="40"/>
      <c r="N8211" s="40"/>
    </row>
    <row r="8212" spans="4:14" x14ac:dyDescent="0.25">
      <c r="D8212" s="40">
        <v>136.72786499999859</v>
      </c>
      <c r="E8212" s="40">
        <v>21.47095025870399</v>
      </c>
      <c r="F8212" s="40">
        <v>136.716667</v>
      </c>
      <c r="G8212" s="40">
        <v>22.023213703047084</v>
      </c>
      <c r="H8212" s="40">
        <v>136.716667</v>
      </c>
      <c r="I8212" s="40">
        <v>22.089403470338247</v>
      </c>
      <c r="L8212" s="40"/>
      <c r="M8212" s="40"/>
      <c r="N8212" s="40"/>
    </row>
    <row r="8213" spans="4:14" x14ac:dyDescent="0.25">
      <c r="D8213" s="40">
        <v>136.74453099999857</v>
      </c>
      <c r="E8213" s="40">
        <v>21.47095025870399</v>
      </c>
      <c r="F8213" s="40">
        <v>136.73333299999999</v>
      </c>
      <c r="G8213" s="40">
        <v>22.023213703047084</v>
      </c>
      <c r="H8213" s="40">
        <v>136.73333400000001</v>
      </c>
      <c r="I8213" s="40">
        <v>22.092756206481504</v>
      </c>
      <c r="L8213" s="40"/>
      <c r="M8213" s="40"/>
      <c r="N8213" s="40"/>
    </row>
    <row r="8214" spans="4:14" x14ac:dyDescent="0.25">
      <c r="D8214" s="40">
        <v>136.76119699999856</v>
      </c>
      <c r="E8214" s="40">
        <v>21.47579343729354</v>
      </c>
      <c r="F8214" s="40">
        <v>136.75</v>
      </c>
      <c r="G8214" s="40">
        <v>22.027829087016983</v>
      </c>
      <c r="H8214" s="40">
        <v>136.75</v>
      </c>
      <c r="I8214" s="40">
        <v>22.096108942624937</v>
      </c>
      <c r="L8214" s="40"/>
      <c r="M8214" s="40"/>
      <c r="N8214" s="40"/>
    </row>
    <row r="8215" spans="4:14" x14ac:dyDescent="0.25">
      <c r="D8215" s="40">
        <v>136.77786299999855</v>
      </c>
      <c r="E8215" s="40">
        <v>21.47579343729354</v>
      </c>
      <c r="F8215" s="40">
        <v>136.76666699999998</v>
      </c>
      <c r="G8215" s="40">
        <v>22.027829087016983</v>
      </c>
      <c r="H8215" s="40">
        <v>136.76666700000001</v>
      </c>
      <c r="I8215" s="40">
        <v>22.096108942624937</v>
      </c>
      <c r="L8215" s="40"/>
      <c r="M8215" s="40"/>
      <c r="N8215" s="40"/>
    </row>
    <row r="8216" spans="4:14" x14ac:dyDescent="0.25">
      <c r="D8216" s="40">
        <v>136.79452899999853</v>
      </c>
      <c r="E8216" s="40">
        <v>21.480636615883089</v>
      </c>
      <c r="F8216" s="40">
        <v>136.783333</v>
      </c>
      <c r="G8216" s="40">
        <v>22.027829087016983</v>
      </c>
      <c r="H8216" s="40">
        <v>136.783334</v>
      </c>
      <c r="I8216" s="40">
        <v>22.099363068881701</v>
      </c>
      <c r="L8216" s="40"/>
      <c r="M8216" s="40"/>
      <c r="N8216" s="40"/>
    </row>
    <row r="8217" spans="4:14" x14ac:dyDescent="0.25">
      <c r="D8217" s="40">
        <v>136.81119499999852</v>
      </c>
      <c r="E8217" s="40">
        <v>21.480636615883089</v>
      </c>
      <c r="F8217" s="40">
        <v>136.79999999999998</v>
      </c>
      <c r="G8217" s="40">
        <v>22.027829087016983</v>
      </c>
      <c r="H8217" s="40">
        <v>136.80000000000001</v>
      </c>
      <c r="I8217" s="40">
        <v>22.099363068881701</v>
      </c>
      <c r="L8217" s="40"/>
      <c r="M8217" s="40"/>
      <c r="N8217" s="40"/>
    </row>
    <row r="8218" spans="4:14" x14ac:dyDescent="0.25">
      <c r="D8218" s="40">
        <v>136.82786099999851</v>
      </c>
      <c r="E8218" s="40">
        <v>21.480636615883089</v>
      </c>
      <c r="F8218" s="40">
        <v>136.816667</v>
      </c>
      <c r="G8218" s="40">
        <v>22.027829087016983</v>
      </c>
      <c r="H8218" s="40">
        <v>136.816667</v>
      </c>
      <c r="I8218" s="40">
        <v>22.102715805024957</v>
      </c>
      <c r="L8218" s="40"/>
      <c r="M8218" s="40"/>
      <c r="N8218" s="40"/>
    </row>
    <row r="8219" spans="4:14" x14ac:dyDescent="0.25">
      <c r="D8219" s="40">
        <v>136.84452699999849</v>
      </c>
      <c r="E8219" s="40">
        <v>21.480636615883089</v>
      </c>
      <c r="F8219" s="40">
        <v>136.83333299999998</v>
      </c>
      <c r="G8219" s="40">
        <v>22.032584331107202</v>
      </c>
      <c r="H8219" s="40">
        <v>136.83333400000001</v>
      </c>
      <c r="I8219" s="40">
        <v>22.106068541168213</v>
      </c>
      <c r="L8219" s="40"/>
      <c r="M8219" s="40"/>
      <c r="N8219" s="40"/>
    </row>
    <row r="8220" spans="4:14" x14ac:dyDescent="0.25">
      <c r="D8220" s="40">
        <v>136.86119299999848</v>
      </c>
      <c r="E8220" s="40">
        <v>21.480636615883089</v>
      </c>
      <c r="F8220" s="40">
        <v>136.85</v>
      </c>
      <c r="G8220" s="40">
        <v>22.032584331107202</v>
      </c>
      <c r="H8220" s="40">
        <v>136.85</v>
      </c>
      <c r="I8220" s="40">
        <v>22.106068541168213</v>
      </c>
      <c r="L8220" s="40"/>
      <c r="M8220" s="40"/>
      <c r="N8220" s="40"/>
    </row>
    <row r="8221" spans="4:14" x14ac:dyDescent="0.25">
      <c r="D8221" s="40">
        <v>136.87785899999847</v>
      </c>
      <c r="E8221" s="40">
        <v>21.480636615883089</v>
      </c>
      <c r="F8221" s="40">
        <v>136.86666700000001</v>
      </c>
      <c r="G8221" s="40">
        <v>22.032584331107202</v>
      </c>
      <c r="H8221" s="40">
        <v>136.86666700000001</v>
      </c>
      <c r="I8221" s="40">
        <v>22.109322667424976</v>
      </c>
      <c r="L8221" s="40"/>
      <c r="M8221" s="40"/>
      <c r="N8221" s="40"/>
    </row>
    <row r="8222" spans="4:14" x14ac:dyDescent="0.25">
      <c r="D8222" s="40">
        <v>136.89452499999845</v>
      </c>
      <c r="E8222" s="40">
        <v>21.480636615883089</v>
      </c>
      <c r="F8222" s="40">
        <v>136.88333299999999</v>
      </c>
      <c r="G8222" s="40">
        <v>22.032584331107202</v>
      </c>
      <c r="H8222" s="40">
        <v>136.88333400000002</v>
      </c>
      <c r="I8222" s="40">
        <v>22.109322667424976</v>
      </c>
      <c r="L8222" s="40"/>
      <c r="M8222" s="40"/>
      <c r="N8222" s="40"/>
    </row>
    <row r="8223" spans="4:14" x14ac:dyDescent="0.25">
      <c r="D8223" s="40">
        <v>136.91119099999844</v>
      </c>
      <c r="E8223" s="40">
        <v>21.480636615883089</v>
      </c>
      <c r="F8223" s="40">
        <v>136.9</v>
      </c>
      <c r="G8223" s="40">
        <v>22.032584331107202</v>
      </c>
      <c r="H8223" s="40">
        <v>136.9</v>
      </c>
      <c r="I8223" s="40">
        <v>22.112675403568236</v>
      </c>
      <c r="L8223" s="40"/>
      <c r="M8223" s="40"/>
      <c r="N8223" s="40"/>
    </row>
    <row r="8224" spans="4:14" x14ac:dyDescent="0.25">
      <c r="D8224" s="40">
        <v>136.92785699999843</v>
      </c>
      <c r="E8224" s="40">
        <v>21.47579343729354</v>
      </c>
      <c r="F8224" s="40">
        <v>136.91666699999999</v>
      </c>
      <c r="G8224" s="40">
        <v>22.032584331107202</v>
      </c>
      <c r="H8224" s="40">
        <v>136.91666700000002</v>
      </c>
      <c r="I8224" s="40">
        <v>22.112675403568236</v>
      </c>
      <c r="L8224" s="40"/>
      <c r="M8224" s="40"/>
      <c r="N8224" s="40"/>
    </row>
    <row r="8225" spans="4:14" x14ac:dyDescent="0.25">
      <c r="D8225" s="40">
        <v>136.94452299999841</v>
      </c>
      <c r="E8225" s="40">
        <v>21.47579343729354</v>
      </c>
      <c r="F8225" s="40">
        <v>136.933333</v>
      </c>
      <c r="G8225" s="40">
        <v>22.032584331107202</v>
      </c>
      <c r="H8225" s="40">
        <v>136.933334</v>
      </c>
      <c r="I8225" s="40">
        <v>22.11602813971167</v>
      </c>
      <c r="L8225" s="40"/>
      <c r="M8225" s="40"/>
      <c r="N8225" s="40"/>
    </row>
    <row r="8226" spans="4:14" x14ac:dyDescent="0.25">
      <c r="D8226" s="40">
        <v>136.9611889999984</v>
      </c>
      <c r="E8226" s="40">
        <v>21.47579343729354</v>
      </c>
      <c r="F8226" s="40">
        <v>136.94999999999999</v>
      </c>
      <c r="G8226" s="40">
        <v>22.032584331107202</v>
      </c>
      <c r="H8226" s="40">
        <v>136.95000000000002</v>
      </c>
      <c r="I8226" s="40">
        <v>22.119282265968433</v>
      </c>
      <c r="L8226" s="40"/>
      <c r="M8226" s="40"/>
      <c r="N8226" s="40"/>
    </row>
    <row r="8227" spans="4:14" x14ac:dyDescent="0.25">
      <c r="D8227" s="40">
        <v>136.97785499999839</v>
      </c>
      <c r="E8227" s="40">
        <v>21.480636615883089</v>
      </c>
      <c r="F8227" s="40">
        <v>136.966667</v>
      </c>
      <c r="G8227" s="40">
        <v>22.032584331107202</v>
      </c>
      <c r="H8227" s="40">
        <v>136.966667</v>
      </c>
      <c r="I8227" s="40">
        <v>22.119282265968433</v>
      </c>
      <c r="L8227" s="40"/>
      <c r="M8227" s="40"/>
      <c r="N8227" s="40"/>
    </row>
    <row r="8228" spans="4:14" x14ac:dyDescent="0.25">
      <c r="D8228" s="40">
        <v>136.99452099999837</v>
      </c>
      <c r="E8228" s="40">
        <v>21.480636615883089</v>
      </c>
      <c r="F8228" s="40">
        <v>136.98333299999999</v>
      </c>
      <c r="G8228" s="40">
        <v>22.032584331107202</v>
      </c>
      <c r="H8228" s="40">
        <v>136.98333400000001</v>
      </c>
      <c r="I8228" s="40">
        <v>22.122635002111686</v>
      </c>
      <c r="L8228" s="40"/>
      <c r="M8228" s="40"/>
      <c r="N8228" s="40"/>
    </row>
    <row r="8229" spans="4:14" x14ac:dyDescent="0.25">
      <c r="D8229" s="40">
        <v>137.01118699999836</v>
      </c>
      <c r="E8229" s="40">
        <v>21.480636615883089</v>
      </c>
      <c r="F8229" s="40">
        <v>137</v>
      </c>
      <c r="G8229" s="40">
        <v>22.032584331107202</v>
      </c>
      <c r="H8229" s="40">
        <v>137</v>
      </c>
      <c r="I8229" s="40">
        <v>22.122635002111686</v>
      </c>
      <c r="L8229" s="40"/>
      <c r="M8229" s="40"/>
      <c r="N8229" s="40"/>
    </row>
    <row r="8230" spans="4:14" x14ac:dyDescent="0.25">
      <c r="D8230" s="40">
        <v>137.02785299999834</v>
      </c>
      <c r="E8230" s="40">
        <v>21.485337348043515</v>
      </c>
      <c r="F8230" s="40">
        <v>137.01666699999998</v>
      </c>
      <c r="G8230" s="40">
        <v>22.032584331107202</v>
      </c>
      <c r="H8230" s="40">
        <v>137.01666700000001</v>
      </c>
      <c r="I8230" s="40">
        <v>22.125987738254945</v>
      </c>
      <c r="L8230" s="40"/>
      <c r="M8230" s="40"/>
      <c r="N8230" s="40"/>
    </row>
    <row r="8231" spans="4:14" x14ac:dyDescent="0.25">
      <c r="D8231" s="40">
        <v>137.04451899999833</v>
      </c>
      <c r="E8231" s="40">
        <v>21.485337348043515</v>
      </c>
      <c r="F8231" s="40">
        <v>137.033333</v>
      </c>
      <c r="G8231" s="40">
        <v>22.032584331107202</v>
      </c>
      <c r="H8231" s="40">
        <v>137.033334</v>
      </c>
      <c r="I8231" s="40">
        <v>22.125987738254945</v>
      </c>
      <c r="L8231" s="40"/>
      <c r="M8231" s="40"/>
      <c r="N8231" s="40"/>
    </row>
    <row r="8232" spans="4:14" x14ac:dyDescent="0.25">
      <c r="D8232" s="40">
        <v>137.06118499999832</v>
      </c>
      <c r="E8232" s="40">
        <v>21.485337348043515</v>
      </c>
      <c r="F8232" s="40">
        <v>137.04999999999998</v>
      </c>
      <c r="G8232" s="40">
        <v>22.032584331107202</v>
      </c>
      <c r="H8232" s="40">
        <v>137.05000000000001</v>
      </c>
      <c r="I8232" s="40">
        <v>22.129241864511705</v>
      </c>
      <c r="L8232" s="40"/>
      <c r="M8232" s="40"/>
      <c r="N8232" s="40"/>
    </row>
    <row r="8233" spans="4:14" x14ac:dyDescent="0.25">
      <c r="D8233" s="40">
        <v>137.0778509999983</v>
      </c>
      <c r="E8233" s="40">
        <v>21.485337348043515</v>
      </c>
      <c r="F8233" s="40">
        <v>137.066667</v>
      </c>
      <c r="G8233" s="40">
        <v>22.032584331107202</v>
      </c>
      <c r="H8233" s="40">
        <v>137.066667</v>
      </c>
      <c r="I8233" s="40">
        <v>22.132594600655139</v>
      </c>
      <c r="L8233" s="40"/>
      <c r="M8233" s="40"/>
      <c r="N8233" s="40"/>
    </row>
    <row r="8234" spans="4:14" x14ac:dyDescent="0.25">
      <c r="D8234" s="40">
        <v>137.09451699999829</v>
      </c>
      <c r="E8234" s="40">
        <v>21.480636615883089</v>
      </c>
      <c r="F8234" s="40">
        <v>137.08333299999998</v>
      </c>
      <c r="G8234" s="40">
        <v>22.032584331107202</v>
      </c>
      <c r="H8234" s="40">
        <v>137.08333400000001</v>
      </c>
      <c r="I8234" s="40">
        <v>22.132594600655139</v>
      </c>
      <c r="L8234" s="40"/>
      <c r="M8234" s="40"/>
      <c r="N8234" s="40"/>
    </row>
    <row r="8235" spans="4:14" x14ac:dyDescent="0.25">
      <c r="D8235" s="40">
        <v>137.11118299999828</v>
      </c>
      <c r="E8235" s="40">
        <v>21.480636615883089</v>
      </c>
      <c r="F8235" s="40">
        <v>137.1</v>
      </c>
      <c r="G8235" s="40">
        <v>22.032584331107202</v>
      </c>
      <c r="H8235" s="40">
        <v>137.1</v>
      </c>
      <c r="I8235" s="40">
        <v>22.135947336798399</v>
      </c>
      <c r="L8235" s="40"/>
      <c r="M8235" s="40"/>
      <c r="N8235" s="40"/>
    </row>
    <row r="8236" spans="4:14" x14ac:dyDescent="0.25">
      <c r="D8236" s="40">
        <v>137.12784899999826</v>
      </c>
      <c r="E8236" s="40">
        <v>21.480636615883089</v>
      </c>
      <c r="F8236" s="40">
        <v>137.11666700000001</v>
      </c>
      <c r="G8236" s="40">
        <v>22.032584331107202</v>
      </c>
      <c r="H8236" s="40">
        <v>137.11666700000001</v>
      </c>
      <c r="I8236" s="40">
        <v>22.135947336798399</v>
      </c>
      <c r="L8236" s="40"/>
      <c r="M8236" s="40"/>
      <c r="N8236" s="40"/>
    </row>
    <row r="8237" spans="4:14" x14ac:dyDescent="0.25">
      <c r="D8237" s="40">
        <v>137.14451499999825</v>
      </c>
      <c r="E8237" s="40">
        <v>21.480636615883089</v>
      </c>
      <c r="F8237" s="40">
        <v>137.13333299999999</v>
      </c>
      <c r="G8237" s="40">
        <v>22.032584331107202</v>
      </c>
      <c r="H8237" s="40">
        <v>137.13333400000002</v>
      </c>
      <c r="I8237" s="40">
        <v>22.139201463055162</v>
      </c>
      <c r="L8237" s="40"/>
      <c r="M8237" s="40"/>
      <c r="N8237" s="40"/>
    </row>
    <row r="8238" spans="4:14" x14ac:dyDescent="0.25">
      <c r="D8238" s="40">
        <v>137.16118099999824</v>
      </c>
      <c r="E8238" s="40">
        <v>21.480636615883089</v>
      </c>
      <c r="F8238" s="40">
        <v>137.15</v>
      </c>
      <c r="G8238" s="40">
        <v>22.032584331107202</v>
      </c>
      <c r="H8238" s="40">
        <v>137.15</v>
      </c>
      <c r="I8238" s="40">
        <v>22.139201463055162</v>
      </c>
      <c r="L8238" s="40"/>
      <c r="M8238" s="40"/>
      <c r="N8238" s="40"/>
    </row>
    <row r="8239" spans="4:14" x14ac:dyDescent="0.25">
      <c r="D8239" s="40">
        <v>137.17784699999822</v>
      </c>
      <c r="E8239" s="40">
        <v>21.480636615883089</v>
      </c>
      <c r="F8239" s="40">
        <v>137.16666699999999</v>
      </c>
      <c r="G8239" s="40">
        <v>22.037339575197297</v>
      </c>
      <c r="H8239" s="40">
        <v>137.16666700000002</v>
      </c>
      <c r="I8239" s="40">
        <v>22.142554199198415</v>
      </c>
      <c r="L8239" s="40"/>
      <c r="M8239" s="40"/>
      <c r="N8239" s="40"/>
    </row>
    <row r="8240" spans="4:14" x14ac:dyDescent="0.25">
      <c r="D8240" s="40">
        <v>137.19451299999821</v>
      </c>
      <c r="E8240" s="40">
        <v>21.480636615883089</v>
      </c>
      <c r="F8240" s="40">
        <v>137.183333</v>
      </c>
      <c r="G8240" s="40">
        <v>22.037339575197297</v>
      </c>
      <c r="H8240" s="40">
        <v>137.183334</v>
      </c>
      <c r="I8240" s="40">
        <v>22.142554199198415</v>
      </c>
      <c r="L8240" s="40"/>
      <c r="M8240" s="40"/>
      <c r="N8240" s="40"/>
    </row>
    <row r="8241" spans="4:14" x14ac:dyDescent="0.25">
      <c r="D8241" s="40">
        <v>137.2111789999982</v>
      </c>
      <c r="E8241" s="40">
        <v>21.47579343729354</v>
      </c>
      <c r="F8241" s="40">
        <v>137.19999999999999</v>
      </c>
      <c r="G8241" s="40">
        <v>22.037339575197297</v>
      </c>
      <c r="H8241" s="40">
        <v>137.20000000000002</v>
      </c>
      <c r="I8241" s="40">
        <v>22.145906935341674</v>
      </c>
      <c r="L8241" s="40"/>
      <c r="M8241" s="40"/>
      <c r="N8241" s="40"/>
    </row>
    <row r="8242" spans="4:14" x14ac:dyDescent="0.25">
      <c r="D8242" s="40">
        <v>137.22784499999818</v>
      </c>
      <c r="E8242" s="40">
        <v>21.47579343729354</v>
      </c>
      <c r="F8242" s="40">
        <v>137.216667</v>
      </c>
      <c r="G8242" s="40">
        <v>22.037339575197297</v>
      </c>
      <c r="H8242" s="40">
        <v>137.216667</v>
      </c>
      <c r="I8242" s="40">
        <v>22.145906935341674</v>
      </c>
      <c r="L8242" s="40"/>
      <c r="M8242" s="40"/>
      <c r="N8242" s="40"/>
    </row>
    <row r="8243" spans="4:14" x14ac:dyDescent="0.25">
      <c r="D8243" s="40">
        <v>137.24451099999817</v>
      </c>
      <c r="E8243" s="40">
        <v>21.47579343729354</v>
      </c>
      <c r="F8243" s="40">
        <v>137.23333299999999</v>
      </c>
      <c r="G8243" s="40">
        <v>22.037339575197297</v>
      </c>
      <c r="H8243" s="40">
        <v>137.23333400000001</v>
      </c>
      <c r="I8243" s="40">
        <v>22.145906935341674</v>
      </c>
      <c r="L8243" s="40"/>
      <c r="M8243" s="40"/>
      <c r="N8243" s="40"/>
    </row>
    <row r="8244" spans="4:14" x14ac:dyDescent="0.25">
      <c r="D8244" s="40">
        <v>137.26117699999816</v>
      </c>
      <c r="E8244" s="40">
        <v>21.47579343729354</v>
      </c>
      <c r="F8244" s="40">
        <v>137.25</v>
      </c>
      <c r="G8244" s="40">
        <v>22.037339575197297</v>
      </c>
      <c r="H8244" s="40">
        <v>137.25</v>
      </c>
      <c r="I8244" s="40">
        <v>22.149161061598438</v>
      </c>
      <c r="L8244" s="40"/>
      <c r="M8244" s="40"/>
      <c r="N8244" s="40"/>
    </row>
    <row r="8245" spans="4:14" x14ac:dyDescent="0.25">
      <c r="D8245" s="40">
        <v>137.27784299999814</v>
      </c>
      <c r="E8245" s="40">
        <v>21.47579343729354</v>
      </c>
      <c r="F8245" s="40">
        <v>137.26666699999998</v>
      </c>
      <c r="G8245" s="40">
        <v>22.037339575197297</v>
      </c>
      <c r="H8245" s="40">
        <v>137.26666700000001</v>
      </c>
      <c r="I8245" s="40">
        <v>22.149161061598438</v>
      </c>
      <c r="L8245" s="40"/>
      <c r="M8245" s="40"/>
      <c r="N8245" s="40"/>
    </row>
    <row r="8246" spans="4:14" x14ac:dyDescent="0.25">
      <c r="D8246" s="40">
        <v>137.29450899999813</v>
      </c>
      <c r="E8246" s="40">
        <v>21.47579343729354</v>
      </c>
      <c r="F8246" s="40">
        <v>137.283333</v>
      </c>
      <c r="G8246" s="40">
        <v>22.032584331107202</v>
      </c>
      <c r="H8246" s="40">
        <v>137.283334</v>
      </c>
      <c r="I8246" s="40">
        <v>22.152513797741872</v>
      </c>
      <c r="L8246" s="40"/>
      <c r="M8246" s="40"/>
      <c r="N8246" s="40"/>
    </row>
    <row r="8247" spans="4:14" x14ac:dyDescent="0.25">
      <c r="D8247" s="40">
        <v>137.31117499999812</v>
      </c>
      <c r="E8247" s="40">
        <v>21.47579343729354</v>
      </c>
      <c r="F8247" s="40">
        <v>137.29999999999998</v>
      </c>
      <c r="G8247" s="40">
        <v>22.032584331107202</v>
      </c>
      <c r="H8247" s="40">
        <v>137.30000000000001</v>
      </c>
      <c r="I8247" s="40">
        <v>22.152513797741872</v>
      </c>
      <c r="L8247" s="40"/>
      <c r="M8247" s="40"/>
      <c r="N8247" s="40"/>
    </row>
    <row r="8248" spans="4:14" x14ac:dyDescent="0.25">
      <c r="D8248" s="40">
        <v>137.3278409999981</v>
      </c>
      <c r="E8248" s="40">
        <v>21.47579343729354</v>
      </c>
      <c r="F8248" s="40">
        <v>137.316667</v>
      </c>
      <c r="G8248" s="40">
        <v>22.032584331107202</v>
      </c>
      <c r="H8248" s="40">
        <v>137.316667</v>
      </c>
      <c r="I8248" s="40">
        <v>22.155866533885128</v>
      </c>
      <c r="L8248" s="40"/>
      <c r="M8248" s="40"/>
      <c r="N8248" s="40"/>
    </row>
    <row r="8249" spans="4:14" x14ac:dyDescent="0.25">
      <c r="D8249" s="40">
        <v>137.34450699999809</v>
      </c>
      <c r="E8249" s="40">
        <v>21.47579343729354</v>
      </c>
      <c r="F8249" s="40">
        <v>137.33333299999998</v>
      </c>
      <c r="G8249" s="40">
        <v>22.032584331107202</v>
      </c>
      <c r="H8249" s="40">
        <v>137.33333400000001</v>
      </c>
      <c r="I8249" s="40">
        <v>22.155866533885128</v>
      </c>
      <c r="L8249" s="40"/>
      <c r="M8249" s="40"/>
      <c r="N8249" s="40"/>
    </row>
    <row r="8250" spans="4:14" x14ac:dyDescent="0.25">
      <c r="D8250" s="40">
        <v>137.36117299999808</v>
      </c>
      <c r="E8250" s="40">
        <v>21.47579343729354</v>
      </c>
      <c r="F8250" s="40">
        <v>137.35</v>
      </c>
      <c r="G8250" s="40">
        <v>22.032584331107202</v>
      </c>
      <c r="H8250" s="40">
        <v>137.35</v>
      </c>
      <c r="I8250" s="40">
        <v>22.155866533885128</v>
      </c>
      <c r="L8250" s="40"/>
      <c r="M8250" s="40"/>
      <c r="N8250" s="40"/>
    </row>
    <row r="8251" spans="4:14" x14ac:dyDescent="0.25">
      <c r="D8251" s="40">
        <v>137.37783899999806</v>
      </c>
      <c r="E8251" s="40">
        <v>21.480636615883089</v>
      </c>
      <c r="F8251" s="40">
        <v>137.36666700000001</v>
      </c>
      <c r="G8251" s="40">
        <v>22.032584331107202</v>
      </c>
      <c r="H8251" s="40">
        <v>137.36666700000001</v>
      </c>
      <c r="I8251" s="40">
        <v>22.159219270028387</v>
      </c>
      <c r="L8251" s="40"/>
      <c r="M8251" s="40"/>
      <c r="N8251" s="40"/>
    </row>
    <row r="8252" spans="4:14" x14ac:dyDescent="0.25">
      <c r="D8252" s="40">
        <v>137.39450499999805</v>
      </c>
      <c r="E8252" s="40">
        <v>21.47579343729354</v>
      </c>
      <c r="F8252" s="40">
        <v>137.38333299999999</v>
      </c>
      <c r="G8252" s="40">
        <v>22.027829087016983</v>
      </c>
      <c r="H8252" s="40">
        <v>137.38333400000002</v>
      </c>
      <c r="I8252" s="40">
        <v>22.159219270028387</v>
      </c>
      <c r="L8252" s="40"/>
      <c r="M8252" s="40"/>
      <c r="N8252" s="40"/>
    </row>
    <row r="8253" spans="4:14" x14ac:dyDescent="0.25">
      <c r="D8253" s="40">
        <v>137.41117099999803</v>
      </c>
      <c r="E8253" s="40">
        <v>21.47579343729354</v>
      </c>
      <c r="F8253" s="40">
        <v>137.4</v>
      </c>
      <c r="G8253" s="40">
        <v>22.027829087016983</v>
      </c>
      <c r="H8253" s="40">
        <v>137.4</v>
      </c>
      <c r="I8253" s="40">
        <v>22.162473396285151</v>
      </c>
      <c r="L8253" s="40"/>
      <c r="M8253" s="40"/>
      <c r="N8253" s="40"/>
    </row>
    <row r="8254" spans="4:14" x14ac:dyDescent="0.25">
      <c r="D8254" s="40">
        <v>137.42783699999802</v>
      </c>
      <c r="E8254" s="40">
        <v>21.47579343729354</v>
      </c>
      <c r="F8254" s="40">
        <v>137.41666699999999</v>
      </c>
      <c r="G8254" s="40">
        <v>22.027829087016983</v>
      </c>
      <c r="H8254" s="40">
        <v>137.41666700000002</v>
      </c>
      <c r="I8254" s="40">
        <v>22.162473396285151</v>
      </c>
      <c r="L8254" s="40"/>
      <c r="M8254" s="40"/>
      <c r="N8254" s="40"/>
    </row>
    <row r="8255" spans="4:14" x14ac:dyDescent="0.25">
      <c r="D8255" s="40">
        <v>137.44450299999801</v>
      </c>
      <c r="E8255" s="40">
        <v>21.47579343729354</v>
      </c>
      <c r="F8255" s="40">
        <v>137.433333</v>
      </c>
      <c r="G8255" s="40">
        <v>22.027829087016983</v>
      </c>
      <c r="H8255" s="40">
        <v>137.433334</v>
      </c>
      <c r="I8255" s="40">
        <v>22.162473396285151</v>
      </c>
      <c r="L8255" s="40"/>
      <c r="M8255" s="40"/>
      <c r="N8255" s="40"/>
    </row>
    <row r="8256" spans="4:14" x14ac:dyDescent="0.25">
      <c r="D8256" s="40">
        <v>137.46116899999799</v>
      </c>
      <c r="E8256" s="40">
        <v>21.47579343729354</v>
      </c>
      <c r="F8256" s="40">
        <v>137.44999999999999</v>
      </c>
      <c r="G8256" s="40">
        <v>22.027829087016983</v>
      </c>
      <c r="H8256" s="40">
        <v>137.45000000000002</v>
      </c>
      <c r="I8256" s="40">
        <v>22.165826132428581</v>
      </c>
      <c r="L8256" s="40"/>
      <c r="M8256" s="40"/>
      <c r="N8256" s="40"/>
    </row>
    <row r="8257" spans="4:14" x14ac:dyDescent="0.25">
      <c r="D8257" s="40">
        <v>137.47783499999798</v>
      </c>
      <c r="E8257" s="40">
        <v>21.47579343729354</v>
      </c>
      <c r="F8257" s="40">
        <v>137.466667</v>
      </c>
      <c r="G8257" s="40">
        <v>22.027829087016983</v>
      </c>
      <c r="H8257" s="40">
        <v>137.466667</v>
      </c>
      <c r="I8257" s="40">
        <v>22.165826132428581</v>
      </c>
      <c r="L8257" s="40"/>
      <c r="M8257" s="40"/>
      <c r="N8257" s="40"/>
    </row>
    <row r="8258" spans="4:14" x14ac:dyDescent="0.25">
      <c r="D8258" s="40">
        <v>137.49450099999797</v>
      </c>
      <c r="E8258" s="40">
        <v>21.47579343729354</v>
      </c>
      <c r="F8258" s="40">
        <v>137.48333299999999</v>
      </c>
      <c r="G8258" s="40">
        <v>22.027829087016983</v>
      </c>
      <c r="H8258" s="40">
        <v>137.48333400000001</v>
      </c>
      <c r="I8258" s="40">
        <v>22.169178868571837</v>
      </c>
      <c r="L8258" s="40"/>
      <c r="M8258" s="40"/>
      <c r="N8258" s="40"/>
    </row>
    <row r="8259" spans="4:14" x14ac:dyDescent="0.25">
      <c r="D8259" s="40">
        <v>137.51116699999795</v>
      </c>
      <c r="E8259" s="40">
        <v>21.47579343729354</v>
      </c>
      <c r="F8259" s="40">
        <v>137.5</v>
      </c>
      <c r="G8259" s="40">
        <v>22.027829087016983</v>
      </c>
      <c r="H8259" s="40">
        <v>137.5</v>
      </c>
      <c r="I8259" s="40">
        <v>22.169178868571837</v>
      </c>
      <c r="L8259" s="40"/>
      <c r="M8259" s="40"/>
      <c r="N8259" s="40"/>
    </row>
    <row r="8260" spans="4:14" x14ac:dyDescent="0.25">
      <c r="D8260" s="40">
        <v>137.52783299999794</v>
      </c>
      <c r="E8260" s="40">
        <v>21.47579343729354</v>
      </c>
      <c r="F8260" s="40">
        <v>137.51666699999998</v>
      </c>
      <c r="G8260" s="40">
        <v>22.032584331107202</v>
      </c>
      <c r="H8260" s="40">
        <v>137.51666700000001</v>
      </c>
      <c r="I8260" s="40">
        <v>22.169178868571837</v>
      </c>
      <c r="L8260" s="40"/>
      <c r="M8260" s="40"/>
      <c r="N8260" s="40"/>
    </row>
    <row r="8261" spans="4:14" x14ac:dyDescent="0.25">
      <c r="D8261" s="40">
        <v>137.54449899999793</v>
      </c>
      <c r="E8261" s="40">
        <v>21.47579343729354</v>
      </c>
      <c r="F8261" s="40">
        <v>137.533333</v>
      </c>
      <c r="G8261" s="40">
        <v>22.032584331107202</v>
      </c>
      <c r="H8261" s="40">
        <v>137.533334</v>
      </c>
      <c r="I8261" s="40">
        <v>22.172432994828601</v>
      </c>
      <c r="L8261" s="40"/>
      <c r="M8261" s="40"/>
      <c r="N8261" s="40"/>
    </row>
    <row r="8262" spans="4:14" x14ac:dyDescent="0.25">
      <c r="D8262" s="40">
        <v>137.56116499999791</v>
      </c>
      <c r="E8262" s="40">
        <v>21.47579343729354</v>
      </c>
      <c r="F8262" s="40">
        <v>137.54999999999998</v>
      </c>
      <c r="G8262" s="40">
        <v>22.032584331107202</v>
      </c>
      <c r="H8262" s="40">
        <v>137.55000000000001</v>
      </c>
      <c r="I8262" s="40">
        <v>22.172432994828601</v>
      </c>
      <c r="L8262" s="40"/>
      <c r="M8262" s="40"/>
      <c r="N8262" s="40"/>
    </row>
    <row r="8263" spans="4:14" x14ac:dyDescent="0.25">
      <c r="D8263" s="40">
        <v>137.5778309999979</v>
      </c>
      <c r="E8263" s="40">
        <v>21.47579343729354</v>
      </c>
      <c r="F8263" s="40">
        <v>137.566667</v>
      </c>
      <c r="G8263" s="40">
        <v>22.032584331107202</v>
      </c>
      <c r="H8263" s="40">
        <v>137.566667</v>
      </c>
      <c r="I8263" s="40">
        <v>22.175785730971857</v>
      </c>
      <c r="L8263" s="40"/>
      <c r="M8263" s="40"/>
      <c r="N8263" s="40"/>
    </row>
    <row r="8264" spans="4:14" x14ac:dyDescent="0.25">
      <c r="D8264" s="40">
        <v>137.59449699999789</v>
      </c>
      <c r="E8264" s="40">
        <v>21.47579343729354</v>
      </c>
      <c r="F8264" s="40">
        <v>137.58333299999998</v>
      </c>
      <c r="G8264" s="40">
        <v>22.032584331107202</v>
      </c>
      <c r="H8264" s="40">
        <v>137.58333400000001</v>
      </c>
      <c r="I8264" s="40">
        <v>22.179138467115116</v>
      </c>
      <c r="L8264" s="40"/>
      <c r="M8264" s="40"/>
      <c r="N8264" s="40"/>
    </row>
    <row r="8265" spans="4:14" x14ac:dyDescent="0.25">
      <c r="D8265" s="40">
        <v>137.61116299999787</v>
      </c>
      <c r="E8265" s="40">
        <v>21.480636615883089</v>
      </c>
      <c r="F8265" s="40">
        <v>137.6</v>
      </c>
      <c r="G8265" s="40">
        <v>22.032584331107202</v>
      </c>
      <c r="H8265" s="40">
        <v>137.6</v>
      </c>
      <c r="I8265" s="40">
        <v>22.179138467115116</v>
      </c>
      <c r="L8265" s="40"/>
      <c r="M8265" s="40"/>
      <c r="N8265" s="40"/>
    </row>
    <row r="8266" spans="4:14" x14ac:dyDescent="0.25">
      <c r="D8266" s="40">
        <v>137.62782899999786</v>
      </c>
      <c r="E8266" s="40">
        <v>21.480636615883089</v>
      </c>
      <c r="F8266" s="40">
        <v>137.61666700000001</v>
      </c>
      <c r="G8266" s="40">
        <v>22.032584331107202</v>
      </c>
      <c r="H8266" s="40">
        <v>137.61666700000001</v>
      </c>
      <c r="I8266" s="40">
        <v>22.18239259337188</v>
      </c>
      <c r="L8266" s="40"/>
      <c r="M8266" s="40"/>
      <c r="N8266" s="40"/>
    </row>
    <row r="8267" spans="4:14" x14ac:dyDescent="0.25">
      <c r="D8267" s="40">
        <v>137.64449499999785</v>
      </c>
      <c r="E8267" s="40">
        <v>21.480636615883089</v>
      </c>
      <c r="F8267" s="40">
        <v>137.63333299999999</v>
      </c>
      <c r="G8267" s="40">
        <v>22.037339575197297</v>
      </c>
      <c r="H8267" s="40">
        <v>137.63333400000002</v>
      </c>
      <c r="I8267" s="40">
        <v>22.18239259337188</v>
      </c>
      <c r="L8267" s="40"/>
      <c r="M8267" s="40"/>
      <c r="N8267" s="40"/>
    </row>
    <row r="8268" spans="4:14" x14ac:dyDescent="0.25">
      <c r="D8268" s="40">
        <v>137.66116099999783</v>
      </c>
      <c r="E8268" s="40">
        <v>21.485337348043515</v>
      </c>
      <c r="F8268" s="40">
        <v>137.65</v>
      </c>
      <c r="G8268" s="40">
        <v>22.037339575197297</v>
      </c>
      <c r="H8268" s="40">
        <v>137.65</v>
      </c>
      <c r="I8268" s="40">
        <v>22.18574532951531</v>
      </c>
      <c r="L8268" s="40"/>
      <c r="M8268" s="40"/>
      <c r="N8268" s="40"/>
    </row>
    <row r="8269" spans="4:14" x14ac:dyDescent="0.25">
      <c r="D8269" s="40">
        <v>137.67782699999782</v>
      </c>
      <c r="E8269" s="40">
        <v>21.485337348043515</v>
      </c>
      <c r="F8269" s="40">
        <v>137.66666699999999</v>
      </c>
      <c r="G8269" s="40">
        <v>22.037339575197297</v>
      </c>
      <c r="H8269" s="40">
        <v>137.66666700000002</v>
      </c>
      <c r="I8269" s="40">
        <v>22.189098065658566</v>
      </c>
      <c r="L8269" s="40"/>
      <c r="M8269" s="40"/>
      <c r="N8269" s="40"/>
    </row>
    <row r="8270" spans="4:14" x14ac:dyDescent="0.25">
      <c r="D8270" s="40">
        <v>137.69449299999781</v>
      </c>
      <c r="E8270" s="40">
        <v>21.485337348043515</v>
      </c>
      <c r="F8270" s="40">
        <v>137.683333</v>
      </c>
      <c r="G8270" s="40">
        <v>22.037339575197297</v>
      </c>
      <c r="H8270" s="40">
        <v>137.683334</v>
      </c>
      <c r="I8270" s="40">
        <v>22.189098065658566</v>
      </c>
      <c r="L8270" s="40"/>
      <c r="M8270" s="40"/>
      <c r="N8270" s="40"/>
    </row>
    <row r="8271" spans="4:14" x14ac:dyDescent="0.25">
      <c r="D8271" s="40">
        <v>137.71115899999779</v>
      </c>
      <c r="E8271" s="40">
        <v>21.485337348043515</v>
      </c>
      <c r="F8271" s="40">
        <v>137.69999999999999</v>
      </c>
      <c r="G8271" s="40">
        <v>22.037339575197297</v>
      </c>
      <c r="H8271" s="40">
        <v>137.70000000000002</v>
      </c>
      <c r="I8271" s="40">
        <v>22.192352191915329</v>
      </c>
      <c r="L8271" s="40"/>
      <c r="M8271" s="40"/>
      <c r="N8271" s="40"/>
    </row>
    <row r="8272" spans="4:14" x14ac:dyDescent="0.25">
      <c r="D8272" s="40">
        <v>137.72782499999778</v>
      </c>
      <c r="E8272" s="40">
        <v>21.485337348043515</v>
      </c>
      <c r="F8272" s="40">
        <v>137.716667</v>
      </c>
      <c r="G8272" s="40">
        <v>22.037339575197297</v>
      </c>
      <c r="H8272" s="40">
        <v>137.716667</v>
      </c>
      <c r="I8272" s="40">
        <v>22.192352191915329</v>
      </c>
      <c r="L8272" s="40"/>
      <c r="M8272" s="40"/>
      <c r="N8272" s="40"/>
    </row>
    <row r="8273" spans="4:14" x14ac:dyDescent="0.25">
      <c r="D8273" s="40">
        <v>137.74449099999777</v>
      </c>
      <c r="E8273" s="40">
        <v>21.485337348043515</v>
      </c>
      <c r="F8273" s="40">
        <v>137.73333299999999</v>
      </c>
      <c r="G8273" s="40">
        <v>22.037339575197297</v>
      </c>
      <c r="H8273" s="40">
        <v>137.73333400000001</v>
      </c>
      <c r="I8273" s="40">
        <v>22.195704928058589</v>
      </c>
      <c r="L8273" s="40"/>
      <c r="M8273" s="40"/>
      <c r="N8273" s="40"/>
    </row>
    <row r="8274" spans="4:14" x14ac:dyDescent="0.25">
      <c r="D8274" s="40">
        <v>137.76115699999775</v>
      </c>
      <c r="E8274" s="40">
        <v>21.485337348043515</v>
      </c>
      <c r="F8274" s="40">
        <v>137.75</v>
      </c>
      <c r="G8274" s="40">
        <v>22.041954959167196</v>
      </c>
      <c r="H8274" s="40">
        <v>137.75</v>
      </c>
      <c r="I8274" s="40">
        <v>22.195704928058589</v>
      </c>
      <c r="L8274" s="40"/>
      <c r="M8274" s="40"/>
      <c r="N8274" s="40"/>
    </row>
    <row r="8275" spans="4:14" x14ac:dyDescent="0.25">
      <c r="D8275" s="40">
        <v>137.77782299999774</v>
      </c>
      <c r="E8275" s="40">
        <v>21.485337348043515</v>
      </c>
      <c r="F8275" s="40">
        <v>137.76666699999998</v>
      </c>
      <c r="G8275" s="40">
        <v>22.041954959167196</v>
      </c>
      <c r="H8275" s="40">
        <v>137.76666700000001</v>
      </c>
      <c r="I8275" s="40">
        <v>22.199057664202019</v>
      </c>
      <c r="L8275" s="40"/>
      <c r="M8275" s="40"/>
      <c r="N8275" s="40"/>
    </row>
    <row r="8276" spans="4:14" x14ac:dyDescent="0.25">
      <c r="D8276" s="40">
        <v>137.79448899999772</v>
      </c>
      <c r="E8276" s="40">
        <v>21.485337348043515</v>
      </c>
      <c r="F8276" s="40">
        <v>137.783333</v>
      </c>
      <c r="G8276" s="40">
        <v>22.041954959167196</v>
      </c>
      <c r="H8276" s="40">
        <v>137.783334</v>
      </c>
      <c r="I8276" s="40">
        <v>22.199057664202019</v>
      </c>
      <c r="L8276" s="40"/>
      <c r="M8276" s="40"/>
      <c r="N8276" s="40"/>
    </row>
    <row r="8277" spans="4:14" x14ac:dyDescent="0.25">
      <c r="D8277" s="40">
        <v>137.81115499999771</v>
      </c>
      <c r="E8277" s="40">
        <v>21.485337348043515</v>
      </c>
      <c r="F8277" s="40">
        <v>137.79999999999998</v>
      </c>
      <c r="G8277" s="40">
        <v>22.046710203257415</v>
      </c>
      <c r="H8277" s="40">
        <v>137.80000000000001</v>
      </c>
      <c r="I8277" s="40">
        <v>22.202311790458609</v>
      </c>
      <c r="L8277" s="40"/>
      <c r="M8277" s="40"/>
      <c r="N8277" s="40"/>
    </row>
    <row r="8278" spans="4:14" x14ac:dyDescent="0.25">
      <c r="D8278" s="40">
        <v>137.8278209999977</v>
      </c>
      <c r="E8278" s="40">
        <v>21.485337348043515</v>
      </c>
      <c r="F8278" s="40">
        <v>137.816667</v>
      </c>
      <c r="G8278" s="40">
        <v>22.046710203257415</v>
      </c>
      <c r="H8278" s="40">
        <v>137.816667</v>
      </c>
      <c r="I8278" s="40">
        <v>22.202311790458609</v>
      </c>
      <c r="L8278" s="40"/>
      <c r="M8278" s="40"/>
      <c r="N8278" s="40"/>
    </row>
    <row r="8279" spans="4:14" x14ac:dyDescent="0.25">
      <c r="D8279" s="40">
        <v>137.84448699999768</v>
      </c>
      <c r="E8279" s="40">
        <v>21.485337348043515</v>
      </c>
      <c r="F8279" s="40">
        <v>137.83333299999998</v>
      </c>
      <c r="G8279" s="40">
        <v>22.051465447347514</v>
      </c>
      <c r="H8279" s="40">
        <v>137.83333400000001</v>
      </c>
      <c r="I8279" s="40">
        <v>22.205664526602039</v>
      </c>
      <c r="L8279" s="40"/>
      <c r="M8279" s="40"/>
      <c r="N8279" s="40"/>
    </row>
    <row r="8280" spans="4:14" x14ac:dyDescent="0.25">
      <c r="D8280" s="40">
        <v>137.86115299999767</v>
      </c>
      <c r="E8280" s="40">
        <v>21.485337348043515</v>
      </c>
      <c r="F8280" s="40">
        <v>137.85</v>
      </c>
      <c r="G8280" s="40">
        <v>22.051465447347514</v>
      </c>
      <c r="H8280" s="40">
        <v>137.85</v>
      </c>
      <c r="I8280" s="40">
        <v>22.209017262745299</v>
      </c>
      <c r="L8280" s="40"/>
      <c r="M8280" s="40"/>
      <c r="N8280" s="40"/>
    </row>
    <row r="8281" spans="4:14" x14ac:dyDescent="0.25">
      <c r="D8281" s="40">
        <v>137.87781899999766</v>
      </c>
      <c r="E8281" s="40">
        <v>21.485337348043515</v>
      </c>
      <c r="F8281" s="40">
        <v>137.86666700000001</v>
      </c>
      <c r="G8281" s="40">
        <v>22.051465447347514</v>
      </c>
      <c r="H8281" s="40">
        <v>137.86666700000001</v>
      </c>
      <c r="I8281" s="40">
        <v>22.209017262745299</v>
      </c>
      <c r="L8281" s="40"/>
      <c r="M8281" s="40"/>
      <c r="N8281" s="40"/>
    </row>
    <row r="8282" spans="4:14" x14ac:dyDescent="0.25">
      <c r="D8282" s="40">
        <v>137.89448499999764</v>
      </c>
      <c r="E8282" s="40">
        <v>21.485337348043515</v>
      </c>
      <c r="F8282" s="40">
        <v>137.88333299999999</v>
      </c>
      <c r="G8282" s="40">
        <v>22.051465447347514</v>
      </c>
      <c r="H8282" s="40">
        <v>137.88333400000002</v>
      </c>
      <c r="I8282" s="40">
        <v>22.212271389002062</v>
      </c>
      <c r="L8282" s="40"/>
      <c r="M8282" s="40"/>
      <c r="N8282" s="40"/>
    </row>
    <row r="8283" spans="4:14" x14ac:dyDescent="0.25">
      <c r="D8283" s="40">
        <v>137.91115099999763</v>
      </c>
      <c r="E8283" s="40">
        <v>21.485337348043515</v>
      </c>
      <c r="F8283" s="40">
        <v>137.9</v>
      </c>
      <c r="G8283" s="40">
        <v>22.051465447347514</v>
      </c>
      <c r="H8283" s="40">
        <v>137.9</v>
      </c>
      <c r="I8283" s="40">
        <v>22.215624125145318</v>
      </c>
      <c r="L8283" s="40"/>
      <c r="M8283" s="40"/>
      <c r="N8283" s="40"/>
    </row>
    <row r="8284" spans="4:14" x14ac:dyDescent="0.25">
      <c r="D8284" s="40">
        <v>137.92781699999762</v>
      </c>
      <c r="E8284" s="40">
        <v>21.485337348043515</v>
      </c>
      <c r="F8284" s="40">
        <v>137.91666699999999</v>
      </c>
      <c r="G8284" s="40">
        <v>22.051465447347514</v>
      </c>
      <c r="H8284" s="40">
        <v>137.91666700000002</v>
      </c>
      <c r="I8284" s="40">
        <v>22.215624125145318</v>
      </c>
      <c r="L8284" s="40"/>
      <c r="M8284" s="40"/>
      <c r="N8284" s="40"/>
    </row>
    <row r="8285" spans="4:14" x14ac:dyDescent="0.25">
      <c r="D8285" s="40">
        <v>137.9444829999976</v>
      </c>
      <c r="E8285" s="40">
        <v>21.485337348043515</v>
      </c>
      <c r="F8285" s="40">
        <v>137.933333</v>
      </c>
      <c r="G8285" s="40">
        <v>22.046710203257415</v>
      </c>
      <c r="H8285" s="40">
        <v>137.933334</v>
      </c>
      <c r="I8285" s="40">
        <v>22.218976861288748</v>
      </c>
      <c r="L8285" s="40"/>
      <c r="M8285" s="40"/>
      <c r="N8285" s="40"/>
    </row>
    <row r="8286" spans="4:14" x14ac:dyDescent="0.25">
      <c r="D8286" s="40">
        <v>137.96114899999759</v>
      </c>
      <c r="E8286" s="40">
        <v>21.490180526632937</v>
      </c>
      <c r="F8286" s="40">
        <v>137.94999999999999</v>
      </c>
      <c r="G8286" s="40">
        <v>22.046710203257415</v>
      </c>
      <c r="H8286" s="40">
        <v>137.95000000000002</v>
      </c>
      <c r="I8286" s="40">
        <v>22.218976861288748</v>
      </c>
      <c r="L8286" s="40"/>
      <c r="M8286" s="40"/>
      <c r="N8286" s="40"/>
    </row>
    <row r="8287" spans="4:14" x14ac:dyDescent="0.25">
      <c r="D8287" s="40">
        <v>137.97781499999758</v>
      </c>
      <c r="E8287" s="40">
        <v>21.490180526632937</v>
      </c>
      <c r="F8287" s="40">
        <v>137.966667</v>
      </c>
      <c r="G8287" s="40">
        <v>22.046710203257415</v>
      </c>
      <c r="H8287" s="40">
        <v>137.966667</v>
      </c>
      <c r="I8287" s="40">
        <v>22.222230987545512</v>
      </c>
      <c r="L8287" s="40"/>
      <c r="M8287" s="40"/>
      <c r="N8287" s="40"/>
    </row>
    <row r="8288" spans="4:14" x14ac:dyDescent="0.25">
      <c r="D8288" s="40">
        <v>137.99448099999756</v>
      </c>
      <c r="E8288" s="40">
        <v>21.490180526632937</v>
      </c>
      <c r="F8288" s="40">
        <v>137.98333299999999</v>
      </c>
      <c r="G8288" s="40">
        <v>22.046710203257415</v>
      </c>
      <c r="H8288" s="40">
        <v>137.98333400000001</v>
      </c>
      <c r="I8288" s="40">
        <v>22.222230987545512</v>
      </c>
      <c r="L8288" s="40"/>
      <c r="M8288" s="40"/>
      <c r="N8288" s="40"/>
    </row>
    <row r="8289" spans="4:14" x14ac:dyDescent="0.25">
      <c r="D8289" s="40">
        <v>138.01114699999755</v>
      </c>
      <c r="E8289" s="40">
        <v>21.490180526632937</v>
      </c>
      <c r="F8289" s="40">
        <v>138</v>
      </c>
      <c r="G8289" s="40">
        <v>22.046710203257415</v>
      </c>
      <c r="H8289" s="40">
        <v>138</v>
      </c>
      <c r="I8289" s="40">
        <v>22.225583723688768</v>
      </c>
      <c r="L8289" s="40"/>
      <c r="M8289" s="40"/>
      <c r="N8289" s="40"/>
    </row>
    <row r="8290" spans="4:14" x14ac:dyDescent="0.25">
      <c r="D8290" s="40">
        <v>138.02781299999754</v>
      </c>
      <c r="E8290" s="40">
        <v>21.490180526632937</v>
      </c>
      <c r="F8290" s="40">
        <v>138.01666699999998</v>
      </c>
      <c r="G8290" s="40">
        <v>22.046710203257415</v>
      </c>
      <c r="H8290" s="40">
        <v>138.01666700000001</v>
      </c>
      <c r="I8290" s="40">
        <v>22.225583723688768</v>
      </c>
      <c r="L8290" s="40"/>
      <c r="M8290" s="40"/>
      <c r="N8290" s="40"/>
    </row>
    <row r="8291" spans="4:14" x14ac:dyDescent="0.25">
      <c r="D8291" s="40">
        <v>138.04447899999752</v>
      </c>
      <c r="E8291" s="40">
        <v>21.490180526632937</v>
      </c>
      <c r="F8291" s="40">
        <v>138.033333</v>
      </c>
      <c r="G8291" s="40">
        <v>22.046710203257415</v>
      </c>
      <c r="H8291" s="40">
        <v>138.033334</v>
      </c>
      <c r="I8291" s="40">
        <v>22.228936459832028</v>
      </c>
      <c r="L8291" s="40"/>
      <c r="M8291" s="40"/>
      <c r="N8291" s="40"/>
    </row>
    <row r="8292" spans="4:14" x14ac:dyDescent="0.25">
      <c r="D8292" s="40">
        <v>138.06114499999751</v>
      </c>
      <c r="E8292" s="40">
        <v>21.490180526632937</v>
      </c>
      <c r="F8292" s="40">
        <v>138.04999999999998</v>
      </c>
      <c r="G8292" s="40">
        <v>22.041954959167196</v>
      </c>
      <c r="H8292" s="40">
        <v>138.05000000000001</v>
      </c>
      <c r="I8292" s="40">
        <v>22.228936459832028</v>
      </c>
      <c r="L8292" s="40"/>
      <c r="M8292" s="40"/>
      <c r="N8292" s="40"/>
    </row>
    <row r="8293" spans="4:14" x14ac:dyDescent="0.25">
      <c r="D8293" s="40">
        <v>138.0778109999975</v>
      </c>
      <c r="E8293" s="40">
        <v>21.485337348043515</v>
      </c>
      <c r="F8293" s="40">
        <v>138.066667</v>
      </c>
      <c r="G8293" s="40">
        <v>22.041954959167196</v>
      </c>
      <c r="H8293" s="40">
        <v>138.066667</v>
      </c>
      <c r="I8293" s="40">
        <v>22.232190586088791</v>
      </c>
      <c r="L8293" s="40"/>
      <c r="M8293" s="40"/>
      <c r="N8293" s="40"/>
    </row>
    <row r="8294" spans="4:14" x14ac:dyDescent="0.25">
      <c r="D8294" s="40">
        <v>138.09447699999748</v>
      </c>
      <c r="E8294" s="40">
        <v>21.490180526632937</v>
      </c>
      <c r="F8294" s="40">
        <v>138.08333299999998</v>
      </c>
      <c r="G8294" s="40">
        <v>22.046710203257415</v>
      </c>
      <c r="H8294" s="40">
        <v>138.08333400000001</v>
      </c>
      <c r="I8294" s="40">
        <v>22.232190586088791</v>
      </c>
      <c r="L8294" s="40"/>
      <c r="M8294" s="40"/>
      <c r="N8294" s="40"/>
    </row>
    <row r="8295" spans="4:14" x14ac:dyDescent="0.25">
      <c r="D8295" s="40">
        <v>138.11114299999747</v>
      </c>
      <c r="E8295" s="40">
        <v>21.485337348043515</v>
      </c>
      <c r="F8295" s="40">
        <v>138.1</v>
      </c>
      <c r="G8295" s="40">
        <v>22.041954959167196</v>
      </c>
      <c r="H8295" s="40">
        <v>138.1</v>
      </c>
      <c r="I8295" s="40">
        <v>22.235543322232047</v>
      </c>
      <c r="L8295" s="40"/>
      <c r="M8295" s="40"/>
      <c r="N8295" s="40"/>
    </row>
    <row r="8296" spans="4:14" x14ac:dyDescent="0.25">
      <c r="D8296" s="40">
        <v>138.12780899999746</v>
      </c>
      <c r="E8296" s="40">
        <v>21.485337348043515</v>
      </c>
      <c r="F8296" s="40">
        <v>138.11666700000001</v>
      </c>
      <c r="G8296" s="40">
        <v>22.041954959167196</v>
      </c>
      <c r="H8296" s="40">
        <v>138.11666700000001</v>
      </c>
      <c r="I8296" s="40">
        <v>22.235543322232047</v>
      </c>
      <c r="L8296" s="40"/>
      <c r="M8296" s="40"/>
      <c r="N8296" s="40"/>
    </row>
    <row r="8297" spans="4:14" x14ac:dyDescent="0.25">
      <c r="D8297" s="40">
        <v>138.14447499999744</v>
      </c>
      <c r="E8297" s="40">
        <v>21.485337348043515</v>
      </c>
      <c r="F8297" s="40">
        <v>138.13333299999999</v>
      </c>
      <c r="G8297" s="40">
        <v>22.041954959167196</v>
      </c>
      <c r="H8297" s="40">
        <v>138.13333400000002</v>
      </c>
      <c r="I8297" s="40">
        <v>22.238896058375481</v>
      </c>
      <c r="L8297" s="40"/>
      <c r="M8297" s="40"/>
      <c r="N8297" s="40"/>
    </row>
    <row r="8298" spans="4:14" x14ac:dyDescent="0.25">
      <c r="D8298" s="40">
        <v>138.16114099999743</v>
      </c>
      <c r="E8298" s="40">
        <v>21.485337348043515</v>
      </c>
      <c r="F8298" s="40">
        <v>138.15</v>
      </c>
      <c r="G8298" s="40">
        <v>22.041954959167196</v>
      </c>
      <c r="H8298" s="40">
        <v>138.15</v>
      </c>
      <c r="I8298" s="40">
        <v>22.238896058375481</v>
      </c>
      <c r="L8298" s="40"/>
      <c r="M8298" s="40"/>
      <c r="N8298" s="40"/>
    </row>
    <row r="8299" spans="4:14" x14ac:dyDescent="0.25">
      <c r="D8299" s="40">
        <v>138.17780699999742</v>
      </c>
      <c r="E8299" s="40">
        <v>21.485337348043515</v>
      </c>
      <c r="F8299" s="40">
        <v>138.16666699999999</v>
      </c>
      <c r="G8299" s="40">
        <v>22.041954959167196</v>
      </c>
      <c r="H8299" s="40">
        <v>138.16666700000002</v>
      </c>
      <c r="I8299" s="40">
        <v>22.242150184632241</v>
      </c>
      <c r="L8299" s="40"/>
      <c r="M8299" s="40"/>
      <c r="N8299" s="40"/>
    </row>
    <row r="8300" spans="4:14" x14ac:dyDescent="0.25">
      <c r="D8300" s="40">
        <v>138.1944729999974</v>
      </c>
      <c r="E8300" s="40">
        <v>21.485337348043515</v>
      </c>
      <c r="F8300" s="40">
        <v>138.183333</v>
      </c>
      <c r="G8300" s="40">
        <v>22.041954959167196</v>
      </c>
      <c r="H8300" s="40">
        <v>138.183334</v>
      </c>
      <c r="I8300" s="40">
        <v>22.242150184632241</v>
      </c>
      <c r="L8300" s="40"/>
      <c r="M8300" s="40"/>
      <c r="N8300" s="40"/>
    </row>
    <row r="8301" spans="4:14" x14ac:dyDescent="0.25">
      <c r="D8301" s="40">
        <v>138.21113899999739</v>
      </c>
      <c r="E8301" s="40">
        <v>21.485337348043515</v>
      </c>
      <c r="F8301" s="40">
        <v>138.19999999999999</v>
      </c>
      <c r="G8301" s="40">
        <v>22.041954959167196</v>
      </c>
      <c r="H8301" s="40">
        <v>138.20000000000002</v>
      </c>
      <c r="I8301" s="40">
        <v>22.2455029207755</v>
      </c>
      <c r="L8301" s="40"/>
      <c r="M8301" s="40"/>
      <c r="N8301" s="40"/>
    </row>
    <row r="8302" spans="4:14" x14ac:dyDescent="0.25">
      <c r="D8302" s="40">
        <v>138.22780499999737</v>
      </c>
      <c r="E8302" s="40">
        <v>21.485337348043515</v>
      </c>
      <c r="F8302" s="40">
        <v>138.216667</v>
      </c>
      <c r="G8302" s="40">
        <v>22.041954959167196</v>
      </c>
      <c r="H8302" s="40">
        <v>138.216667</v>
      </c>
      <c r="I8302" s="40">
        <v>22.2455029207755</v>
      </c>
      <c r="L8302" s="40"/>
      <c r="M8302" s="40"/>
      <c r="N8302" s="40"/>
    </row>
    <row r="8303" spans="4:14" x14ac:dyDescent="0.25">
      <c r="D8303" s="40">
        <v>138.24447099999736</v>
      </c>
      <c r="E8303" s="40">
        <v>21.485337348043515</v>
      </c>
      <c r="F8303" s="40">
        <v>138.23333299999999</v>
      </c>
      <c r="G8303" s="40">
        <v>22.041954959167196</v>
      </c>
      <c r="H8303" s="40">
        <v>138.23333400000001</v>
      </c>
      <c r="I8303" s="40">
        <v>22.248855656918757</v>
      </c>
      <c r="L8303" s="40"/>
      <c r="M8303" s="40"/>
      <c r="N8303" s="40"/>
    </row>
    <row r="8304" spans="4:14" x14ac:dyDescent="0.25">
      <c r="D8304" s="40">
        <v>138.26113699999735</v>
      </c>
      <c r="E8304" s="40">
        <v>21.480636615883089</v>
      </c>
      <c r="F8304" s="40">
        <v>138.25</v>
      </c>
      <c r="G8304" s="40">
        <v>22.041954959167196</v>
      </c>
      <c r="H8304" s="40">
        <v>138.25</v>
      </c>
      <c r="I8304" s="40">
        <v>22.248855656918757</v>
      </c>
      <c r="L8304" s="40"/>
      <c r="M8304" s="40"/>
      <c r="N8304" s="40"/>
    </row>
    <row r="8305" spans="4:14" x14ac:dyDescent="0.25">
      <c r="D8305" s="40">
        <v>138.27780299999733</v>
      </c>
      <c r="E8305" s="40">
        <v>21.480636615883089</v>
      </c>
      <c r="F8305" s="40">
        <v>138.26666699999998</v>
      </c>
      <c r="G8305" s="40">
        <v>22.041954959167196</v>
      </c>
      <c r="H8305" s="40">
        <v>138.26666700000001</v>
      </c>
      <c r="I8305" s="40">
        <v>22.25210978317552</v>
      </c>
      <c r="L8305" s="40"/>
      <c r="M8305" s="40"/>
      <c r="N8305" s="40"/>
    </row>
    <row r="8306" spans="4:14" x14ac:dyDescent="0.25">
      <c r="D8306" s="40">
        <v>138.29446899999732</v>
      </c>
      <c r="E8306" s="40">
        <v>21.480636615883089</v>
      </c>
      <c r="F8306" s="40">
        <v>138.283333</v>
      </c>
      <c r="G8306" s="40">
        <v>22.041954959167196</v>
      </c>
      <c r="H8306" s="40">
        <v>138.283334</v>
      </c>
      <c r="I8306" s="40">
        <v>22.25210978317552</v>
      </c>
      <c r="L8306" s="40"/>
      <c r="M8306" s="40"/>
      <c r="N8306" s="40"/>
    </row>
    <row r="8307" spans="4:14" x14ac:dyDescent="0.25">
      <c r="D8307" s="40">
        <v>138.31113499999731</v>
      </c>
      <c r="E8307" s="40">
        <v>21.480636615883089</v>
      </c>
      <c r="F8307" s="40">
        <v>138.29999999999998</v>
      </c>
      <c r="G8307" s="40">
        <v>22.041954959167196</v>
      </c>
      <c r="H8307" s="40">
        <v>138.30000000000001</v>
      </c>
      <c r="I8307" s="40">
        <v>22.25210978317552</v>
      </c>
      <c r="L8307" s="40"/>
      <c r="M8307" s="40"/>
      <c r="N8307" s="40"/>
    </row>
    <row r="8308" spans="4:14" x14ac:dyDescent="0.25">
      <c r="D8308" s="40">
        <v>138.32780099999729</v>
      </c>
      <c r="E8308" s="40">
        <v>21.480636615883089</v>
      </c>
      <c r="F8308" s="40">
        <v>138.316667</v>
      </c>
      <c r="G8308" s="40">
        <v>22.041954959167196</v>
      </c>
      <c r="H8308" s="40">
        <v>138.316667</v>
      </c>
      <c r="I8308" s="40">
        <v>22.255462519318954</v>
      </c>
      <c r="L8308" s="40"/>
      <c r="M8308" s="40"/>
      <c r="N8308" s="40"/>
    </row>
    <row r="8309" spans="4:14" x14ac:dyDescent="0.25">
      <c r="D8309" s="40">
        <v>138.34446699999728</v>
      </c>
      <c r="E8309" s="40">
        <v>21.47579343729354</v>
      </c>
      <c r="F8309" s="40">
        <v>138.33333299999998</v>
      </c>
      <c r="G8309" s="40">
        <v>22.041954959167196</v>
      </c>
      <c r="H8309" s="40">
        <v>138.33333400000001</v>
      </c>
      <c r="I8309" s="40">
        <v>22.255462519318954</v>
      </c>
      <c r="L8309" s="40"/>
      <c r="M8309" s="40"/>
      <c r="N8309" s="40"/>
    </row>
    <row r="8310" spans="4:14" x14ac:dyDescent="0.25">
      <c r="D8310" s="40">
        <v>138.36113299999727</v>
      </c>
      <c r="E8310" s="40">
        <v>21.47579343729354</v>
      </c>
      <c r="F8310" s="40">
        <v>138.35</v>
      </c>
      <c r="G8310" s="40">
        <v>22.041954959167196</v>
      </c>
      <c r="H8310" s="40">
        <v>138.35</v>
      </c>
      <c r="I8310" s="40">
        <v>22.25881525546221</v>
      </c>
      <c r="L8310" s="40"/>
      <c r="M8310" s="40"/>
      <c r="N8310" s="40"/>
    </row>
    <row r="8311" spans="4:14" x14ac:dyDescent="0.25">
      <c r="D8311" s="40">
        <v>138.37779899999725</v>
      </c>
      <c r="E8311" s="40">
        <v>21.47579343729354</v>
      </c>
      <c r="F8311" s="40">
        <v>138.36666700000001</v>
      </c>
      <c r="G8311" s="40">
        <v>22.041954959167196</v>
      </c>
      <c r="H8311" s="40">
        <v>138.36666700000001</v>
      </c>
      <c r="I8311" s="40">
        <v>22.25881525546221</v>
      </c>
      <c r="L8311" s="40"/>
      <c r="M8311" s="40"/>
      <c r="N8311" s="40"/>
    </row>
    <row r="8312" spans="4:14" x14ac:dyDescent="0.25">
      <c r="D8312" s="40">
        <v>138.39446499999724</v>
      </c>
      <c r="E8312" s="40">
        <v>21.47579343729354</v>
      </c>
      <c r="F8312" s="40">
        <v>138.38333299999999</v>
      </c>
      <c r="G8312" s="40">
        <v>22.046710203257415</v>
      </c>
      <c r="H8312" s="40">
        <v>138.38333400000002</v>
      </c>
      <c r="I8312" s="40">
        <v>22.26206938171897</v>
      </c>
      <c r="L8312" s="40"/>
      <c r="M8312" s="40"/>
      <c r="N8312" s="40"/>
    </row>
    <row r="8313" spans="4:14" x14ac:dyDescent="0.25">
      <c r="D8313" s="40">
        <v>138.41113099999723</v>
      </c>
      <c r="E8313" s="40">
        <v>21.47579343729354</v>
      </c>
      <c r="F8313" s="40">
        <v>138.4</v>
      </c>
      <c r="G8313" s="40">
        <v>22.046710203257415</v>
      </c>
      <c r="H8313" s="40">
        <v>138.4</v>
      </c>
      <c r="I8313" s="40">
        <v>22.26206938171897</v>
      </c>
      <c r="L8313" s="40"/>
      <c r="M8313" s="40"/>
      <c r="N8313" s="40"/>
    </row>
    <row r="8314" spans="4:14" x14ac:dyDescent="0.25">
      <c r="D8314" s="40">
        <v>138.42779699999721</v>
      </c>
      <c r="E8314" s="40">
        <v>21.47579343729354</v>
      </c>
      <c r="F8314" s="40">
        <v>138.41666699999999</v>
      </c>
      <c r="G8314" s="40">
        <v>22.046710203257415</v>
      </c>
      <c r="H8314" s="40">
        <v>138.41666700000002</v>
      </c>
      <c r="I8314" s="40">
        <v>22.265422117862229</v>
      </c>
      <c r="L8314" s="40"/>
      <c r="M8314" s="40"/>
      <c r="N8314" s="40"/>
    </row>
    <row r="8315" spans="4:14" x14ac:dyDescent="0.25">
      <c r="D8315" s="40">
        <v>138.4444629999972</v>
      </c>
      <c r="E8315" s="40">
        <v>21.47579343729354</v>
      </c>
      <c r="F8315" s="40">
        <v>138.433333</v>
      </c>
      <c r="G8315" s="40">
        <v>22.046710203257415</v>
      </c>
      <c r="H8315" s="40">
        <v>138.433334</v>
      </c>
      <c r="I8315" s="40">
        <v>22.268774854005486</v>
      </c>
      <c r="L8315" s="40"/>
      <c r="M8315" s="40"/>
      <c r="N8315" s="40"/>
    </row>
    <row r="8316" spans="4:14" x14ac:dyDescent="0.25">
      <c r="D8316" s="40">
        <v>138.46112899999719</v>
      </c>
      <c r="E8316" s="40">
        <v>21.47579343729354</v>
      </c>
      <c r="F8316" s="40">
        <v>138.44999999999999</v>
      </c>
      <c r="G8316" s="40">
        <v>22.046710203257415</v>
      </c>
      <c r="H8316" s="40">
        <v>138.45000000000002</v>
      </c>
      <c r="I8316" s="40">
        <v>22.268774854005486</v>
      </c>
      <c r="L8316" s="40"/>
      <c r="M8316" s="40"/>
      <c r="N8316" s="40"/>
    </row>
    <row r="8317" spans="4:14" x14ac:dyDescent="0.25">
      <c r="D8317" s="40">
        <v>138.47779499999717</v>
      </c>
      <c r="E8317" s="40">
        <v>21.47579343729354</v>
      </c>
      <c r="F8317" s="40">
        <v>138.466667</v>
      </c>
      <c r="G8317" s="40">
        <v>22.046710203257415</v>
      </c>
      <c r="H8317" s="40">
        <v>138.466667</v>
      </c>
      <c r="I8317" s="40">
        <v>22.272028980262249</v>
      </c>
      <c r="L8317" s="40"/>
      <c r="M8317" s="40"/>
      <c r="N8317" s="40"/>
    </row>
    <row r="8318" spans="4:14" x14ac:dyDescent="0.25">
      <c r="D8318" s="40">
        <v>138.49446099999716</v>
      </c>
      <c r="E8318" s="40">
        <v>21.47579343729354</v>
      </c>
      <c r="F8318" s="40">
        <v>138.48333299999999</v>
      </c>
      <c r="G8318" s="40">
        <v>22.046710203257415</v>
      </c>
      <c r="H8318" s="40">
        <v>138.48333400000001</v>
      </c>
      <c r="I8318" s="40">
        <v>22.272028980262249</v>
      </c>
      <c r="L8318" s="40"/>
      <c r="M8318" s="40"/>
      <c r="N8318" s="40"/>
    </row>
    <row r="8319" spans="4:14" x14ac:dyDescent="0.25">
      <c r="D8319" s="40">
        <v>138.51112699999715</v>
      </c>
      <c r="E8319" s="40">
        <v>21.47579343729354</v>
      </c>
      <c r="F8319" s="40">
        <v>138.5</v>
      </c>
      <c r="G8319" s="40">
        <v>22.046710203257415</v>
      </c>
      <c r="H8319" s="40">
        <v>138.5</v>
      </c>
      <c r="I8319" s="40">
        <v>22.275381716405683</v>
      </c>
      <c r="L8319" s="40"/>
      <c r="M8319" s="40"/>
      <c r="N8319" s="40"/>
    </row>
    <row r="8320" spans="4:14" x14ac:dyDescent="0.25">
      <c r="D8320" s="40">
        <v>138.52779299999713</v>
      </c>
      <c r="E8320" s="40">
        <v>21.47579343729354</v>
      </c>
      <c r="F8320" s="40">
        <v>138.51666699999998</v>
      </c>
      <c r="G8320" s="40">
        <v>22.046710203257415</v>
      </c>
      <c r="H8320" s="40">
        <v>138.51666700000001</v>
      </c>
      <c r="I8320" s="40">
        <v>22.278734452548942</v>
      </c>
      <c r="L8320" s="40"/>
      <c r="M8320" s="40"/>
      <c r="N8320" s="40"/>
    </row>
    <row r="8321" spans="4:14" x14ac:dyDescent="0.25">
      <c r="D8321" s="40">
        <v>138.54445899999712</v>
      </c>
      <c r="E8321" s="40">
        <v>21.47579343729354</v>
      </c>
      <c r="F8321" s="40">
        <v>138.533333</v>
      </c>
      <c r="G8321" s="40">
        <v>22.046710203257415</v>
      </c>
      <c r="H8321" s="40">
        <v>138.533334</v>
      </c>
      <c r="I8321" s="40">
        <v>22.278734452548942</v>
      </c>
      <c r="L8321" s="40"/>
      <c r="M8321" s="40"/>
      <c r="N8321" s="40"/>
    </row>
    <row r="8322" spans="4:14" x14ac:dyDescent="0.25">
      <c r="D8322" s="40">
        <v>138.56112499999711</v>
      </c>
      <c r="E8322" s="40">
        <v>21.47579343729354</v>
      </c>
      <c r="F8322" s="40">
        <v>138.54999999999998</v>
      </c>
      <c r="G8322" s="40">
        <v>22.046710203257415</v>
      </c>
      <c r="H8322" s="40">
        <v>138.55000000000001</v>
      </c>
      <c r="I8322" s="40">
        <v>22.281988578805702</v>
      </c>
      <c r="L8322" s="40"/>
      <c r="M8322" s="40"/>
      <c r="N8322" s="40"/>
    </row>
    <row r="8323" spans="4:14" x14ac:dyDescent="0.25">
      <c r="D8323" s="40">
        <v>138.57779099999709</v>
      </c>
      <c r="E8323" s="40">
        <v>21.47579343729354</v>
      </c>
      <c r="F8323" s="40">
        <v>138.566667</v>
      </c>
      <c r="G8323" s="40">
        <v>22.051465447347514</v>
      </c>
      <c r="H8323" s="40">
        <v>138.566667</v>
      </c>
      <c r="I8323" s="40">
        <v>22.281988578805702</v>
      </c>
      <c r="L8323" s="40"/>
      <c r="M8323" s="40"/>
      <c r="N8323" s="40"/>
    </row>
    <row r="8324" spans="4:14" x14ac:dyDescent="0.25">
      <c r="D8324" s="40">
        <v>138.59445699999708</v>
      </c>
      <c r="E8324" s="40">
        <v>21.47579343729354</v>
      </c>
      <c r="F8324" s="40">
        <v>138.58333299999998</v>
      </c>
      <c r="G8324" s="40">
        <v>22.051465447347514</v>
      </c>
      <c r="H8324" s="40">
        <v>138.58333400000001</v>
      </c>
      <c r="I8324" s="40">
        <v>22.285341314948958</v>
      </c>
      <c r="L8324" s="40"/>
      <c r="M8324" s="40"/>
      <c r="N8324" s="40"/>
    </row>
    <row r="8325" spans="4:14" x14ac:dyDescent="0.25">
      <c r="D8325" s="40">
        <v>138.61112299999706</v>
      </c>
      <c r="E8325" s="40">
        <v>21.480636615883089</v>
      </c>
      <c r="F8325" s="40">
        <v>138.6</v>
      </c>
      <c r="G8325" s="40">
        <v>22.051465447347514</v>
      </c>
      <c r="H8325" s="40">
        <v>138.6</v>
      </c>
      <c r="I8325" s="40">
        <v>22.288694051092392</v>
      </c>
      <c r="L8325" s="40"/>
      <c r="M8325" s="40"/>
      <c r="N8325" s="40"/>
    </row>
    <row r="8326" spans="4:14" x14ac:dyDescent="0.25">
      <c r="D8326" s="40">
        <v>138.62778899999705</v>
      </c>
      <c r="E8326" s="40">
        <v>21.480636615883089</v>
      </c>
      <c r="F8326" s="40">
        <v>138.61666700000001</v>
      </c>
      <c r="G8326" s="40">
        <v>22.051465447347514</v>
      </c>
      <c r="H8326" s="40">
        <v>138.61666700000001</v>
      </c>
      <c r="I8326" s="40">
        <v>22.288694051092392</v>
      </c>
      <c r="L8326" s="40"/>
      <c r="M8326" s="40"/>
      <c r="N8326" s="40"/>
    </row>
    <row r="8327" spans="4:14" x14ac:dyDescent="0.25">
      <c r="D8327" s="40">
        <v>138.64445499999704</v>
      </c>
      <c r="E8327" s="40">
        <v>21.480636615883089</v>
      </c>
      <c r="F8327" s="40">
        <v>138.63333299999999</v>
      </c>
      <c r="G8327" s="40">
        <v>22.051465447347514</v>
      </c>
      <c r="H8327" s="40">
        <v>138.63333400000002</v>
      </c>
      <c r="I8327" s="40">
        <v>22.292046787235652</v>
      </c>
      <c r="L8327" s="40"/>
      <c r="M8327" s="40"/>
      <c r="N8327" s="40"/>
    </row>
    <row r="8328" spans="4:14" x14ac:dyDescent="0.25">
      <c r="D8328" s="40">
        <v>138.66112099999702</v>
      </c>
      <c r="E8328" s="40">
        <v>21.480636615883089</v>
      </c>
      <c r="F8328" s="40">
        <v>138.65</v>
      </c>
      <c r="G8328" s="40">
        <v>22.051465447347514</v>
      </c>
      <c r="H8328" s="40">
        <v>138.65</v>
      </c>
      <c r="I8328" s="40">
        <v>22.292046787235652</v>
      </c>
      <c r="L8328" s="40"/>
      <c r="M8328" s="40"/>
      <c r="N8328" s="40"/>
    </row>
    <row r="8329" spans="4:14" x14ac:dyDescent="0.25">
      <c r="D8329" s="40">
        <v>138.67778699999701</v>
      </c>
      <c r="E8329" s="40">
        <v>21.480636615883089</v>
      </c>
      <c r="F8329" s="40">
        <v>138.66666699999999</v>
      </c>
      <c r="G8329" s="40">
        <v>22.051465447347514</v>
      </c>
      <c r="H8329" s="40">
        <v>138.66666700000002</v>
      </c>
      <c r="I8329" s="40">
        <v>22.295300913492415</v>
      </c>
      <c r="L8329" s="40"/>
      <c r="M8329" s="40"/>
      <c r="N8329" s="40"/>
    </row>
    <row r="8330" spans="4:14" x14ac:dyDescent="0.25">
      <c r="D8330" s="40">
        <v>138.694452999997</v>
      </c>
      <c r="E8330" s="40">
        <v>21.480636615883089</v>
      </c>
      <c r="F8330" s="40">
        <v>138.683333</v>
      </c>
      <c r="G8330" s="40">
        <v>22.051465447347514</v>
      </c>
      <c r="H8330" s="40">
        <v>138.683334</v>
      </c>
      <c r="I8330" s="40">
        <v>22.295300913492415</v>
      </c>
      <c r="L8330" s="40"/>
      <c r="M8330" s="40"/>
      <c r="N8330" s="40"/>
    </row>
    <row r="8331" spans="4:14" x14ac:dyDescent="0.25">
      <c r="D8331" s="40">
        <v>138.71111899999698</v>
      </c>
      <c r="E8331" s="40">
        <v>21.480636615883089</v>
      </c>
      <c r="F8331" s="40">
        <v>138.69999999999999</v>
      </c>
      <c r="G8331" s="40">
        <v>22.051465447347514</v>
      </c>
      <c r="H8331" s="40">
        <v>138.70000000000002</v>
      </c>
      <c r="I8331" s="40">
        <v>22.298653649635671</v>
      </c>
      <c r="L8331" s="40"/>
      <c r="M8331" s="40"/>
      <c r="N8331" s="40"/>
    </row>
    <row r="8332" spans="4:14" x14ac:dyDescent="0.25">
      <c r="D8332" s="40">
        <v>138.72778499999697</v>
      </c>
      <c r="E8332" s="40">
        <v>21.485337348043515</v>
      </c>
      <c r="F8332" s="40">
        <v>138.716667</v>
      </c>
      <c r="G8332" s="40">
        <v>22.051465447347514</v>
      </c>
      <c r="H8332" s="40">
        <v>138.716667</v>
      </c>
      <c r="I8332" s="40">
        <v>22.302006385778927</v>
      </c>
      <c r="L8332" s="40"/>
      <c r="M8332" s="40"/>
      <c r="N8332" s="40"/>
    </row>
    <row r="8333" spans="4:14" x14ac:dyDescent="0.25">
      <c r="D8333" s="40">
        <v>138.74445099999696</v>
      </c>
      <c r="E8333" s="40">
        <v>21.485337348043515</v>
      </c>
      <c r="F8333" s="40">
        <v>138.73333299999999</v>
      </c>
      <c r="G8333" s="40">
        <v>22.051465447347514</v>
      </c>
      <c r="H8333" s="40">
        <v>138.73333400000001</v>
      </c>
      <c r="I8333" s="40">
        <v>22.302006385778927</v>
      </c>
      <c r="L8333" s="40"/>
      <c r="M8333" s="40"/>
      <c r="N8333" s="40"/>
    </row>
    <row r="8334" spans="4:14" x14ac:dyDescent="0.25">
      <c r="D8334" s="40">
        <v>138.76111699999694</v>
      </c>
      <c r="E8334" s="40">
        <v>21.490180526632937</v>
      </c>
      <c r="F8334" s="40">
        <v>138.75</v>
      </c>
      <c r="G8334" s="40">
        <v>22.051465447347514</v>
      </c>
      <c r="H8334" s="40">
        <v>138.75</v>
      </c>
      <c r="I8334" s="40">
        <v>22.305260512035687</v>
      </c>
      <c r="L8334" s="40"/>
      <c r="M8334" s="40"/>
      <c r="N8334" s="40"/>
    </row>
    <row r="8335" spans="4:14" x14ac:dyDescent="0.25">
      <c r="D8335" s="40">
        <v>138.77778299999693</v>
      </c>
      <c r="E8335" s="40">
        <v>21.490180526632937</v>
      </c>
      <c r="F8335" s="40">
        <v>138.76666699999998</v>
      </c>
      <c r="G8335" s="40">
        <v>22.051465447347514</v>
      </c>
      <c r="H8335" s="40">
        <v>138.76666700000001</v>
      </c>
      <c r="I8335" s="40">
        <v>22.305260512035687</v>
      </c>
      <c r="L8335" s="40"/>
      <c r="M8335" s="40"/>
      <c r="N8335" s="40"/>
    </row>
    <row r="8336" spans="4:14" x14ac:dyDescent="0.25">
      <c r="D8336" s="40">
        <v>138.79444899999692</v>
      </c>
      <c r="E8336" s="40">
        <v>21.490180526632937</v>
      </c>
      <c r="F8336" s="40">
        <v>138.783333</v>
      </c>
      <c r="G8336" s="40">
        <v>22.051465447347514</v>
      </c>
      <c r="H8336" s="40">
        <v>138.783334</v>
      </c>
      <c r="I8336" s="40">
        <v>22.308613248179121</v>
      </c>
      <c r="L8336" s="40"/>
      <c r="M8336" s="40"/>
      <c r="N8336" s="40"/>
    </row>
    <row r="8337" spans="4:14" x14ac:dyDescent="0.25">
      <c r="D8337" s="40">
        <v>138.8111149999969</v>
      </c>
      <c r="E8337" s="40">
        <v>21.490180526632937</v>
      </c>
      <c r="F8337" s="40">
        <v>138.79999999999998</v>
      </c>
      <c r="G8337" s="40">
        <v>22.051465447347514</v>
      </c>
      <c r="H8337" s="40">
        <v>138.80000000000001</v>
      </c>
      <c r="I8337" s="40">
        <v>22.308613248179121</v>
      </c>
      <c r="L8337" s="40"/>
      <c r="M8337" s="40"/>
      <c r="N8337" s="40"/>
    </row>
    <row r="8338" spans="4:14" x14ac:dyDescent="0.25">
      <c r="D8338" s="40">
        <v>138.82778099999689</v>
      </c>
      <c r="E8338" s="40">
        <v>21.495023705222483</v>
      </c>
      <c r="F8338" s="40">
        <v>138.816667</v>
      </c>
      <c r="G8338" s="40">
        <v>22.051465447347514</v>
      </c>
      <c r="H8338" s="40">
        <v>138.816667</v>
      </c>
      <c r="I8338" s="40">
        <v>22.311965984322381</v>
      </c>
      <c r="L8338" s="40"/>
      <c r="M8338" s="40"/>
      <c r="N8338" s="40"/>
    </row>
    <row r="8339" spans="4:14" x14ac:dyDescent="0.25">
      <c r="D8339" s="40">
        <v>138.84444699999688</v>
      </c>
      <c r="E8339" s="40">
        <v>21.495023705222483</v>
      </c>
      <c r="F8339" s="40">
        <v>138.83333299999998</v>
      </c>
      <c r="G8339" s="40">
        <v>22.051465447347514</v>
      </c>
      <c r="H8339" s="40">
        <v>138.83333400000001</v>
      </c>
      <c r="I8339" s="40">
        <v>22.311965984322381</v>
      </c>
      <c r="L8339" s="40"/>
      <c r="M8339" s="40"/>
      <c r="N8339" s="40"/>
    </row>
    <row r="8340" spans="4:14" x14ac:dyDescent="0.25">
      <c r="D8340" s="40">
        <v>138.86111299999686</v>
      </c>
      <c r="E8340" s="40">
        <v>21.495023705222483</v>
      </c>
      <c r="F8340" s="40">
        <v>138.85</v>
      </c>
      <c r="G8340" s="40">
        <v>22.051465447347514</v>
      </c>
      <c r="H8340" s="40">
        <v>138.85</v>
      </c>
      <c r="I8340" s="40">
        <v>22.315220110579144</v>
      </c>
      <c r="L8340" s="40"/>
      <c r="M8340" s="40"/>
      <c r="N8340" s="40"/>
    </row>
    <row r="8341" spans="4:14" x14ac:dyDescent="0.25">
      <c r="D8341" s="40">
        <v>138.87777899999685</v>
      </c>
      <c r="E8341" s="40">
        <v>21.495023705222483</v>
      </c>
      <c r="F8341" s="40">
        <v>138.86666700000001</v>
      </c>
      <c r="G8341" s="40">
        <v>22.051465447347514</v>
      </c>
      <c r="H8341" s="40">
        <v>138.86666700000001</v>
      </c>
      <c r="I8341" s="40">
        <v>22.315220110579144</v>
      </c>
      <c r="L8341" s="40"/>
      <c r="M8341" s="40"/>
      <c r="N8341" s="40"/>
    </row>
    <row r="8342" spans="4:14" x14ac:dyDescent="0.25">
      <c r="D8342" s="40">
        <v>138.89444499999684</v>
      </c>
      <c r="E8342" s="40">
        <v>21.499866883811904</v>
      </c>
      <c r="F8342" s="40">
        <v>138.88333299999999</v>
      </c>
      <c r="G8342" s="40">
        <v>22.051465447347514</v>
      </c>
      <c r="H8342" s="40">
        <v>138.88333400000002</v>
      </c>
      <c r="I8342" s="40">
        <v>22.3185728467224</v>
      </c>
      <c r="L8342" s="40"/>
      <c r="M8342" s="40"/>
      <c r="N8342" s="40"/>
    </row>
    <row r="8343" spans="4:14" x14ac:dyDescent="0.25">
      <c r="D8343" s="40">
        <v>138.91111099999682</v>
      </c>
      <c r="E8343" s="40">
        <v>21.499866883811904</v>
      </c>
      <c r="F8343" s="40">
        <v>138.9</v>
      </c>
      <c r="G8343" s="40">
        <v>22.051465447347514</v>
      </c>
      <c r="H8343" s="40">
        <v>138.9</v>
      </c>
      <c r="I8343" s="40">
        <v>22.3185728467224</v>
      </c>
      <c r="L8343" s="40"/>
      <c r="M8343" s="40"/>
      <c r="N8343" s="40"/>
    </row>
    <row r="8344" spans="4:14" x14ac:dyDescent="0.25">
      <c r="D8344" s="40">
        <v>138.92777699999681</v>
      </c>
      <c r="E8344" s="40">
        <v>21.504567615972331</v>
      </c>
      <c r="F8344" s="40">
        <v>138.91666699999999</v>
      </c>
      <c r="G8344" s="40">
        <v>22.051465447347514</v>
      </c>
      <c r="H8344" s="40">
        <v>138.91666700000002</v>
      </c>
      <c r="I8344" s="40">
        <v>22.3185728467224</v>
      </c>
      <c r="L8344" s="40"/>
      <c r="M8344" s="40"/>
      <c r="N8344" s="40"/>
    </row>
    <row r="8345" spans="4:14" x14ac:dyDescent="0.25">
      <c r="D8345" s="40">
        <v>138.9444429999968</v>
      </c>
      <c r="E8345" s="40">
        <v>21.504567615972331</v>
      </c>
      <c r="F8345" s="40">
        <v>138.933333</v>
      </c>
      <c r="G8345" s="40">
        <v>22.051465447347514</v>
      </c>
      <c r="H8345" s="40">
        <v>138.933334</v>
      </c>
      <c r="I8345" s="40">
        <v>22.321925582865656</v>
      </c>
      <c r="L8345" s="40"/>
      <c r="M8345" s="40"/>
      <c r="N8345" s="40"/>
    </row>
    <row r="8346" spans="4:14" x14ac:dyDescent="0.25">
      <c r="D8346" s="40">
        <v>138.96110899999678</v>
      </c>
      <c r="E8346" s="40">
        <v>21.509410794561877</v>
      </c>
      <c r="F8346" s="40">
        <v>138.94999999999999</v>
      </c>
      <c r="G8346" s="40">
        <v>22.051465447347514</v>
      </c>
      <c r="H8346" s="40">
        <v>138.95000000000002</v>
      </c>
      <c r="I8346" s="40">
        <v>22.321925582865656</v>
      </c>
      <c r="L8346" s="40"/>
      <c r="M8346" s="40"/>
      <c r="N8346" s="40"/>
    </row>
    <row r="8347" spans="4:14" x14ac:dyDescent="0.25">
      <c r="D8347" s="40">
        <v>138.97777499999677</v>
      </c>
      <c r="E8347" s="40">
        <v>21.509410794561877</v>
      </c>
      <c r="F8347" s="40">
        <v>138.966667</v>
      </c>
      <c r="G8347" s="40">
        <v>22.051465447347514</v>
      </c>
      <c r="H8347" s="40">
        <v>138.966667</v>
      </c>
      <c r="I8347" s="40">
        <v>22.32517970912242</v>
      </c>
      <c r="L8347" s="40"/>
      <c r="M8347" s="40"/>
      <c r="N8347" s="40"/>
    </row>
    <row r="8348" spans="4:14" x14ac:dyDescent="0.25">
      <c r="D8348" s="40">
        <v>138.99444099999675</v>
      </c>
      <c r="E8348" s="40">
        <v>21.509410794561877</v>
      </c>
      <c r="F8348" s="40">
        <v>138.98333299999999</v>
      </c>
      <c r="G8348" s="40">
        <v>22.051465447347514</v>
      </c>
      <c r="H8348" s="40">
        <v>138.98333400000001</v>
      </c>
      <c r="I8348" s="40">
        <v>22.32517970912242</v>
      </c>
      <c r="L8348" s="40"/>
      <c r="M8348" s="40"/>
      <c r="N8348" s="40"/>
    </row>
    <row r="8349" spans="4:14" x14ac:dyDescent="0.25">
      <c r="D8349" s="40">
        <v>139.01110699999674</v>
      </c>
      <c r="E8349" s="40">
        <v>21.509410794561877</v>
      </c>
      <c r="F8349" s="40">
        <v>139</v>
      </c>
      <c r="G8349" s="40">
        <v>22.051465447347514</v>
      </c>
      <c r="H8349" s="40">
        <v>139</v>
      </c>
      <c r="I8349" s="40">
        <v>22.32517970912242</v>
      </c>
      <c r="L8349" s="40"/>
      <c r="M8349" s="40"/>
      <c r="N8349" s="40"/>
    </row>
    <row r="8350" spans="4:14" x14ac:dyDescent="0.25">
      <c r="D8350" s="40">
        <v>139.02777299999673</v>
      </c>
      <c r="E8350" s="40">
        <v>21.509410794561877</v>
      </c>
      <c r="F8350" s="40">
        <v>139.01666699999998</v>
      </c>
      <c r="G8350" s="40">
        <v>22.051465447347514</v>
      </c>
      <c r="H8350" s="40">
        <v>139.01666700000001</v>
      </c>
      <c r="I8350" s="40">
        <v>22.328532445265854</v>
      </c>
      <c r="L8350" s="40"/>
      <c r="M8350" s="40"/>
      <c r="N8350" s="40"/>
    </row>
    <row r="8351" spans="4:14" x14ac:dyDescent="0.25">
      <c r="D8351" s="40">
        <v>139.04443899999671</v>
      </c>
      <c r="E8351" s="40">
        <v>21.509410794561877</v>
      </c>
      <c r="F8351" s="40">
        <v>139.033333</v>
      </c>
      <c r="G8351" s="40">
        <v>22.051465447347514</v>
      </c>
      <c r="H8351" s="40">
        <v>139.033334</v>
      </c>
      <c r="I8351" s="40">
        <v>22.328532445265854</v>
      </c>
      <c r="L8351" s="40"/>
      <c r="M8351" s="40"/>
      <c r="N8351" s="40"/>
    </row>
    <row r="8352" spans="4:14" x14ac:dyDescent="0.25">
      <c r="D8352" s="40">
        <v>139.0611049999967</v>
      </c>
      <c r="E8352" s="40">
        <v>21.509410794561877</v>
      </c>
      <c r="F8352" s="40">
        <v>139.04999999999998</v>
      </c>
      <c r="G8352" s="40">
        <v>22.051465447347514</v>
      </c>
      <c r="H8352" s="40">
        <v>139.05000000000001</v>
      </c>
      <c r="I8352" s="40">
        <v>22.33188518140911</v>
      </c>
      <c r="L8352" s="40"/>
      <c r="M8352" s="40"/>
      <c r="N8352" s="40"/>
    </row>
    <row r="8353" spans="4:14" x14ac:dyDescent="0.25">
      <c r="D8353" s="40">
        <v>139.07777099999669</v>
      </c>
      <c r="E8353" s="40">
        <v>21.509410794561877</v>
      </c>
      <c r="F8353" s="40">
        <v>139.066667</v>
      </c>
      <c r="G8353" s="40">
        <v>22.051465447347514</v>
      </c>
      <c r="H8353" s="40">
        <v>139.066667</v>
      </c>
      <c r="I8353" s="40">
        <v>22.33188518140911</v>
      </c>
      <c r="L8353" s="40"/>
      <c r="M8353" s="40"/>
      <c r="N8353" s="40"/>
    </row>
    <row r="8354" spans="4:14" x14ac:dyDescent="0.25">
      <c r="D8354" s="40">
        <v>139.09443699999667</v>
      </c>
      <c r="E8354" s="40">
        <v>21.509410794561877</v>
      </c>
      <c r="F8354" s="40">
        <v>139.08333299999998</v>
      </c>
      <c r="G8354" s="40">
        <v>22.051465447347514</v>
      </c>
      <c r="H8354" s="40">
        <v>139.08333400000001</v>
      </c>
      <c r="I8354" s="40">
        <v>22.33188518140911</v>
      </c>
      <c r="L8354" s="40"/>
      <c r="M8354" s="40"/>
      <c r="N8354" s="40"/>
    </row>
    <row r="8355" spans="4:14" x14ac:dyDescent="0.25">
      <c r="D8355" s="40">
        <v>139.11110299999666</v>
      </c>
      <c r="E8355" s="40">
        <v>21.509410794561877</v>
      </c>
      <c r="F8355" s="40">
        <v>139.1</v>
      </c>
      <c r="G8355" s="40">
        <v>22.051465447347514</v>
      </c>
      <c r="H8355" s="40">
        <v>139.1</v>
      </c>
      <c r="I8355" s="40">
        <v>22.335139307665873</v>
      </c>
      <c r="L8355" s="40"/>
      <c r="M8355" s="40"/>
      <c r="N8355" s="40"/>
    </row>
    <row r="8356" spans="4:14" x14ac:dyDescent="0.25">
      <c r="D8356" s="40">
        <v>139.12776899999665</v>
      </c>
      <c r="E8356" s="40">
        <v>21.509410794561877</v>
      </c>
      <c r="F8356" s="40">
        <v>139.11666700000001</v>
      </c>
      <c r="G8356" s="40">
        <v>22.051465447347514</v>
      </c>
      <c r="H8356" s="40">
        <v>139.11666700000001</v>
      </c>
      <c r="I8356" s="40">
        <v>22.335139307665873</v>
      </c>
      <c r="L8356" s="40"/>
      <c r="M8356" s="40"/>
      <c r="N8356" s="40"/>
    </row>
    <row r="8357" spans="4:14" x14ac:dyDescent="0.25">
      <c r="D8357" s="40">
        <v>139.14443499999663</v>
      </c>
      <c r="E8357" s="40">
        <v>21.509410794561877</v>
      </c>
      <c r="F8357" s="40">
        <v>139.13333299999999</v>
      </c>
      <c r="G8357" s="40">
        <v>22.051465447347514</v>
      </c>
      <c r="H8357" s="40">
        <v>139.13333400000002</v>
      </c>
      <c r="I8357" s="40">
        <v>22.338492043809133</v>
      </c>
      <c r="L8357" s="40"/>
      <c r="M8357" s="40"/>
      <c r="N8357" s="40"/>
    </row>
    <row r="8358" spans="4:14" x14ac:dyDescent="0.25">
      <c r="D8358" s="40">
        <v>139.16110099999662</v>
      </c>
      <c r="E8358" s="40">
        <v>21.509410794561877</v>
      </c>
      <c r="F8358" s="40">
        <v>139.15</v>
      </c>
      <c r="G8358" s="40">
        <v>22.051465447347514</v>
      </c>
      <c r="H8358" s="40">
        <v>139.15</v>
      </c>
      <c r="I8358" s="40">
        <v>22.338492043809133</v>
      </c>
      <c r="L8358" s="40"/>
      <c r="M8358" s="40"/>
      <c r="N8358" s="40"/>
    </row>
    <row r="8359" spans="4:14" x14ac:dyDescent="0.25">
      <c r="D8359" s="40">
        <v>139.17776699999661</v>
      </c>
      <c r="E8359" s="40">
        <v>21.504567615972331</v>
      </c>
      <c r="F8359" s="40">
        <v>139.16666699999999</v>
      </c>
      <c r="G8359" s="40">
        <v>22.051465447347514</v>
      </c>
      <c r="H8359" s="40">
        <v>139.16666700000002</v>
      </c>
      <c r="I8359" s="40">
        <v>22.341844779952563</v>
      </c>
      <c r="L8359" s="40"/>
      <c r="M8359" s="40"/>
      <c r="N8359" s="40"/>
    </row>
    <row r="8360" spans="4:14" x14ac:dyDescent="0.25">
      <c r="D8360" s="40">
        <v>139.19443299999659</v>
      </c>
      <c r="E8360" s="40">
        <v>21.504567615972331</v>
      </c>
      <c r="F8360" s="40">
        <v>139.183333</v>
      </c>
      <c r="G8360" s="40">
        <v>22.051465447347514</v>
      </c>
      <c r="H8360" s="40">
        <v>139.183334</v>
      </c>
      <c r="I8360" s="40">
        <v>22.341844779952563</v>
      </c>
      <c r="L8360" s="40"/>
      <c r="M8360" s="40"/>
      <c r="N8360" s="40"/>
    </row>
    <row r="8361" spans="4:14" x14ac:dyDescent="0.25">
      <c r="D8361" s="40">
        <v>139.21109899999658</v>
      </c>
      <c r="E8361" s="40">
        <v>21.504567615972331</v>
      </c>
      <c r="F8361" s="40">
        <v>139.19999999999999</v>
      </c>
      <c r="G8361" s="40">
        <v>22.051465447347514</v>
      </c>
      <c r="H8361" s="40">
        <v>139.20000000000002</v>
      </c>
      <c r="I8361" s="40">
        <v>22.341844779952563</v>
      </c>
      <c r="L8361" s="40"/>
      <c r="M8361" s="40"/>
      <c r="N8361" s="40"/>
    </row>
    <row r="8362" spans="4:14" x14ac:dyDescent="0.25">
      <c r="D8362" s="40">
        <v>139.22776499999657</v>
      </c>
      <c r="E8362" s="40">
        <v>21.504567615972331</v>
      </c>
      <c r="F8362" s="40">
        <v>139.216667</v>
      </c>
      <c r="G8362" s="40">
        <v>22.051465447347514</v>
      </c>
      <c r="H8362" s="40">
        <v>139.216667</v>
      </c>
      <c r="I8362" s="40">
        <v>22.345098906209149</v>
      </c>
      <c r="L8362" s="40"/>
      <c r="M8362" s="40"/>
      <c r="N8362" s="40"/>
    </row>
    <row r="8363" spans="4:14" x14ac:dyDescent="0.25">
      <c r="D8363" s="40">
        <v>139.24443099999655</v>
      </c>
      <c r="E8363" s="40">
        <v>21.504567615972331</v>
      </c>
      <c r="F8363" s="40">
        <v>139.23333299999999</v>
      </c>
      <c r="G8363" s="40">
        <v>22.051465447347514</v>
      </c>
      <c r="H8363" s="40">
        <v>139.23333400000001</v>
      </c>
      <c r="I8363" s="40">
        <v>22.345098906209149</v>
      </c>
      <c r="L8363" s="40"/>
      <c r="M8363" s="40"/>
      <c r="N8363" s="40"/>
    </row>
    <row r="8364" spans="4:14" x14ac:dyDescent="0.25">
      <c r="D8364" s="40">
        <v>139.26109699999654</v>
      </c>
      <c r="E8364" s="40">
        <v>21.504567615972331</v>
      </c>
      <c r="F8364" s="40">
        <v>139.25</v>
      </c>
      <c r="G8364" s="40">
        <v>22.051465447347514</v>
      </c>
      <c r="H8364" s="40">
        <v>139.25</v>
      </c>
      <c r="I8364" s="40">
        <v>22.348451642352583</v>
      </c>
      <c r="L8364" s="40"/>
      <c r="M8364" s="40"/>
      <c r="N8364" s="40"/>
    </row>
    <row r="8365" spans="4:14" x14ac:dyDescent="0.25">
      <c r="D8365" s="40">
        <v>139.27776299999653</v>
      </c>
      <c r="E8365" s="40">
        <v>21.499866883811904</v>
      </c>
      <c r="F8365" s="40">
        <v>139.26666699999998</v>
      </c>
      <c r="G8365" s="40">
        <v>22.051465447347514</v>
      </c>
      <c r="H8365" s="40">
        <v>139.26666700000001</v>
      </c>
      <c r="I8365" s="40">
        <v>22.348451642352583</v>
      </c>
      <c r="L8365" s="40"/>
      <c r="M8365" s="40"/>
      <c r="N8365" s="40"/>
    </row>
    <row r="8366" spans="4:14" x14ac:dyDescent="0.25">
      <c r="D8366" s="40">
        <v>139.29442899999651</v>
      </c>
      <c r="E8366" s="40">
        <v>21.499866883811904</v>
      </c>
      <c r="F8366" s="40">
        <v>139.283333</v>
      </c>
      <c r="G8366" s="40">
        <v>22.051465447347514</v>
      </c>
      <c r="H8366" s="40">
        <v>139.283334</v>
      </c>
      <c r="I8366" s="40">
        <v>22.351804378495839</v>
      </c>
      <c r="L8366" s="40"/>
      <c r="M8366" s="40"/>
      <c r="N8366" s="40"/>
    </row>
    <row r="8367" spans="4:14" x14ac:dyDescent="0.25">
      <c r="D8367" s="40">
        <v>139.3110949999965</v>
      </c>
      <c r="E8367" s="40">
        <v>21.504567615972331</v>
      </c>
      <c r="F8367" s="40">
        <v>139.29999999999998</v>
      </c>
      <c r="G8367" s="40">
        <v>22.051465447347514</v>
      </c>
      <c r="H8367" s="40">
        <v>139.30000000000001</v>
      </c>
      <c r="I8367" s="40">
        <v>22.351804378495839</v>
      </c>
      <c r="L8367" s="40"/>
      <c r="M8367" s="40"/>
      <c r="N8367" s="40"/>
    </row>
    <row r="8368" spans="4:14" x14ac:dyDescent="0.25">
      <c r="D8368" s="40">
        <v>139.32776099999649</v>
      </c>
      <c r="E8368" s="40">
        <v>21.499866883811904</v>
      </c>
      <c r="F8368" s="40">
        <v>139.316667</v>
      </c>
      <c r="G8368" s="40">
        <v>22.051465447347514</v>
      </c>
      <c r="H8368" s="40">
        <v>139.316667</v>
      </c>
      <c r="I8368" s="40">
        <v>22.355058504752602</v>
      </c>
      <c r="L8368" s="40"/>
      <c r="M8368" s="40"/>
      <c r="N8368" s="40"/>
    </row>
    <row r="8369" spans="4:14" x14ac:dyDescent="0.25">
      <c r="D8369" s="40">
        <v>139.34442699999647</v>
      </c>
      <c r="E8369" s="40">
        <v>21.499866883811904</v>
      </c>
      <c r="F8369" s="40">
        <v>139.33333299999998</v>
      </c>
      <c r="G8369" s="40">
        <v>22.051465447347514</v>
      </c>
      <c r="H8369" s="40">
        <v>139.33333400000001</v>
      </c>
      <c r="I8369" s="40">
        <v>22.355058504752602</v>
      </c>
      <c r="L8369" s="40"/>
      <c r="M8369" s="40"/>
      <c r="N8369" s="40"/>
    </row>
    <row r="8370" spans="4:14" x14ac:dyDescent="0.25">
      <c r="D8370" s="40">
        <v>139.36109299999646</v>
      </c>
      <c r="E8370" s="40">
        <v>21.499866883811904</v>
      </c>
      <c r="F8370" s="40">
        <v>139.35</v>
      </c>
      <c r="G8370" s="40">
        <v>22.051465447347514</v>
      </c>
      <c r="H8370" s="40">
        <v>139.35</v>
      </c>
      <c r="I8370" s="40">
        <v>22.358411240895862</v>
      </c>
      <c r="L8370" s="40"/>
      <c r="M8370" s="40"/>
      <c r="N8370" s="40"/>
    </row>
    <row r="8371" spans="4:14" x14ac:dyDescent="0.25">
      <c r="D8371" s="40">
        <v>139.37775899999644</v>
      </c>
      <c r="E8371" s="40">
        <v>21.499866883811904</v>
      </c>
      <c r="F8371" s="40">
        <v>139.36666700000001</v>
      </c>
      <c r="G8371" s="40">
        <v>22.051465447347514</v>
      </c>
      <c r="H8371" s="40">
        <v>139.36666700000001</v>
      </c>
      <c r="I8371" s="40">
        <v>22.358411240895862</v>
      </c>
      <c r="L8371" s="40"/>
      <c r="M8371" s="40"/>
      <c r="N8371" s="40"/>
    </row>
    <row r="8372" spans="4:14" x14ac:dyDescent="0.25">
      <c r="D8372" s="40">
        <v>139.39442499999643</v>
      </c>
      <c r="E8372" s="40">
        <v>21.499866883811904</v>
      </c>
      <c r="F8372" s="40">
        <v>139.38333299999999</v>
      </c>
      <c r="G8372" s="40">
        <v>22.056080831317413</v>
      </c>
      <c r="H8372" s="40">
        <v>139.38333400000002</v>
      </c>
      <c r="I8372" s="40">
        <v>22.358411240895862</v>
      </c>
      <c r="L8372" s="40"/>
      <c r="M8372" s="40"/>
      <c r="N8372" s="40"/>
    </row>
    <row r="8373" spans="4:14" x14ac:dyDescent="0.25">
      <c r="D8373" s="40">
        <v>139.41109099999642</v>
      </c>
      <c r="E8373" s="40">
        <v>21.499866883811904</v>
      </c>
      <c r="F8373" s="40">
        <v>139.4</v>
      </c>
      <c r="G8373" s="40">
        <v>22.056080831317413</v>
      </c>
      <c r="H8373" s="40">
        <v>139.4</v>
      </c>
      <c r="I8373" s="40">
        <v>22.361763977039292</v>
      </c>
      <c r="L8373" s="40"/>
      <c r="M8373" s="40"/>
      <c r="N8373" s="40"/>
    </row>
    <row r="8374" spans="4:14" x14ac:dyDescent="0.25">
      <c r="D8374" s="40">
        <v>139.4277569999964</v>
      </c>
      <c r="E8374" s="40">
        <v>21.499866883811904</v>
      </c>
      <c r="F8374" s="40">
        <v>139.41666699999999</v>
      </c>
      <c r="G8374" s="40">
        <v>22.056080831317413</v>
      </c>
      <c r="H8374" s="40">
        <v>139.41666700000002</v>
      </c>
      <c r="I8374" s="40">
        <v>22.361763977039292</v>
      </c>
      <c r="L8374" s="40"/>
      <c r="M8374" s="40"/>
      <c r="N8374" s="40"/>
    </row>
    <row r="8375" spans="4:14" x14ac:dyDescent="0.25">
      <c r="D8375" s="40">
        <v>139.44442299999639</v>
      </c>
      <c r="E8375" s="40">
        <v>21.495023705222483</v>
      </c>
      <c r="F8375" s="40">
        <v>139.433333</v>
      </c>
      <c r="G8375" s="40">
        <v>22.056080831317413</v>
      </c>
      <c r="H8375" s="40">
        <v>139.433334</v>
      </c>
      <c r="I8375" s="40">
        <v>22.365018103296055</v>
      </c>
      <c r="L8375" s="40"/>
      <c r="M8375" s="40"/>
      <c r="N8375" s="40"/>
    </row>
    <row r="8376" spans="4:14" x14ac:dyDescent="0.25">
      <c r="D8376" s="40">
        <v>139.46108899999638</v>
      </c>
      <c r="E8376" s="40">
        <v>21.495023705222483</v>
      </c>
      <c r="F8376" s="40">
        <v>139.44999999999999</v>
      </c>
      <c r="G8376" s="40">
        <v>22.060836075407632</v>
      </c>
      <c r="H8376" s="40">
        <v>139.45000000000002</v>
      </c>
      <c r="I8376" s="40">
        <v>22.365018103296055</v>
      </c>
      <c r="L8376" s="40"/>
      <c r="M8376" s="40"/>
      <c r="N8376" s="40"/>
    </row>
    <row r="8377" spans="4:14" x14ac:dyDescent="0.25">
      <c r="D8377" s="40">
        <v>139.47775499999636</v>
      </c>
      <c r="E8377" s="40">
        <v>21.495023705222483</v>
      </c>
      <c r="F8377" s="40">
        <v>139.466667</v>
      </c>
      <c r="G8377" s="40">
        <v>22.060836075407632</v>
      </c>
      <c r="H8377" s="40">
        <v>139.466667</v>
      </c>
      <c r="I8377" s="40">
        <v>22.368370839439311</v>
      </c>
      <c r="L8377" s="40"/>
      <c r="M8377" s="40"/>
      <c r="N8377" s="40"/>
    </row>
    <row r="8378" spans="4:14" x14ac:dyDescent="0.25">
      <c r="D8378" s="40">
        <v>139.49442099999635</v>
      </c>
      <c r="E8378" s="40">
        <v>21.495023705222483</v>
      </c>
      <c r="F8378" s="40">
        <v>139.48333299999999</v>
      </c>
      <c r="G8378" s="40">
        <v>22.060836075407632</v>
      </c>
      <c r="H8378" s="40">
        <v>139.48333400000001</v>
      </c>
      <c r="I8378" s="40">
        <v>22.368370839439311</v>
      </c>
      <c r="L8378" s="40"/>
      <c r="M8378" s="40"/>
      <c r="N8378" s="40"/>
    </row>
    <row r="8379" spans="4:14" x14ac:dyDescent="0.25">
      <c r="D8379" s="40">
        <v>139.51108699999634</v>
      </c>
      <c r="E8379" s="40">
        <v>21.495023705222483</v>
      </c>
      <c r="F8379" s="40">
        <v>139.5</v>
      </c>
      <c r="G8379" s="40">
        <v>22.060836075407632</v>
      </c>
      <c r="H8379" s="40">
        <v>139.5</v>
      </c>
      <c r="I8379" s="40">
        <v>22.368370839439311</v>
      </c>
      <c r="L8379" s="40"/>
      <c r="M8379" s="40"/>
      <c r="N8379" s="40"/>
    </row>
    <row r="8380" spans="4:14" x14ac:dyDescent="0.25">
      <c r="D8380" s="40">
        <v>139.52775299999632</v>
      </c>
      <c r="E8380" s="40">
        <v>21.495023705222483</v>
      </c>
      <c r="F8380" s="40">
        <v>139.51666699999998</v>
      </c>
      <c r="G8380" s="40">
        <v>22.060836075407632</v>
      </c>
      <c r="H8380" s="40">
        <v>139.51666700000001</v>
      </c>
      <c r="I8380" s="40">
        <v>22.371723575582571</v>
      </c>
      <c r="L8380" s="40"/>
      <c r="M8380" s="40"/>
      <c r="N8380" s="40"/>
    </row>
    <row r="8381" spans="4:14" x14ac:dyDescent="0.25">
      <c r="D8381" s="40">
        <v>139.54441899999631</v>
      </c>
      <c r="E8381" s="40">
        <v>21.499866883811904</v>
      </c>
      <c r="F8381" s="40">
        <v>139.533333</v>
      </c>
      <c r="G8381" s="40">
        <v>22.060836075407632</v>
      </c>
      <c r="H8381" s="40">
        <v>139.533334</v>
      </c>
      <c r="I8381" s="40">
        <v>22.371723575582571</v>
      </c>
      <c r="L8381" s="40"/>
      <c r="M8381" s="40"/>
      <c r="N8381" s="40"/>
    </row>
    <row r="8382" spans="4:14" x14ac:dyDescent="0.25">
      <c r="D8382" s="40">
        <v>139.5610849999963</v>
      </c>
      <c r="E8382" s="40">
        <v>21.499866883811904</v>
      </c>
      <c r="F8382" s="40">
        <v>139.54999999999998</v>
      </c>
      <c r="G8382" s="40">
        <v>22.065591319497727</v>
      </c>
      <c r="H8382" s="40">
        <v>139.55000000000001</v>
      </c>
      <c r="I8382" s="40">
        <v>22.374977701839335</v>
      </c>
      <c r="L8382" s="40"/>
      <c r="M8382" s="40"/>
      <c r="N8382" s="40"/>
    </row>
    <row r="8383" spans="4:14" x14ac:dyDescent="0.25">
      <c r="D8383" s="40">
        <v>139.57775099999628</v>
      </c>
      <c r="E8383" s="40">
        <v>21.499866883811904</v>
      </c>
      <c r="F8383" s="40">
        <v>139.566667</v>
      </c>
      <c r="G8383" s="40">
        <v>22.065591319497727</v>
      </c>
      <c r="H8383" s="40">
        <v>139.566667</v>
      </c>
      <c r="I8383" s="40">
        <v>22.374977701839335</v>
      </c>
      <c r="L8383" s="40"/>
      <c r="M8383" s="40"/>
      <c r="N8383" s="40"/>
    </row>
    <row r="8384" spans="4:14" x14ac:dyDescent="0.25">
      <c r="D8384" s="40">
        <v>139.59441699999627</v>
      </c>
      <c r="E8384" s="40">
        <v>21.499866883811904</v>
      </c>
      <c r="F8384" s="40">
        <v>139.58333299999998</v>
      </c>
      <c r="G8384" s="40">
        <v>22.065591319497727</v>
      </c>
      <c r="H8384" s="40">
        <v>139.58333400000001</v>
      </c>
      <c r="I8384" s="40">
        <v>22.378330437982591</v>
      </c>
      <c r="L8384" s="40"/>
      <c r="M8384" s="40"/>
      <c r="N8384" s="40"/>
    </row>
    <row r="8385" spans="4:14" x14ac:dyDescent="0.25">
      <c r="D8385" s="40">
        <v>139.61108299999626</v>
      </c>
      <c r="E8385" s="40">
        <v>21.499866883811904</v>
      </c>
      <c r="F8385" s="40">
        <v>139.6</v>
      </c>
      <c r="G8385" s="40">
        <v>22.060836075407632</v>
      </c>
      <c r="H8385" s="40">
        <v>139.6</v>
      </c>
      <c r="I8385" s="40">
        <v>22.378330437982591</v>
      </c>
      <c r="L8385" s="40"/>
      <c r="M8385" s="40"/>
      <c r="N8385" s="40"/>
    </row>
    <row r="8386" spans="4:14" x14ac:dyDescent="0.25">
      <c r="D8386" s="40">
        <v>139.62774899999624</v>
      </c>
      <c r="E8386" s="40">
        <v>21.499866883811904</v>
      </c>
      <c r="F8386" s="40">
        <v>139.61666700000001</v>
      </c>
      <c r="G8386" s="40">
        <v>22.060836075407632</v>
      </c>
      <c r="H8386" s="40">
        <v>139.61666700000001</v>
      </c>
      <c r="I8386" s="40">
        <v>22.381683174126021</v>
      </c>
      <c r="L8386" s="40"/>
      <c r="M8386" s="40"/>
      <c r="N8386" s="40"/>
    </row>
    <row r="8387" spans="4:14" x14ac:dyDescent="0.25">
      <c r="D8387" s="40">
        <v>139.64441499999623</v>
      </c>
      <c r="E8387" s="40">
        <v>21.499866883811904</v>
      </c>
      <c r="F8387" s="40">
        <v>139.63333299999999</v>
      </c>
      <c r="G8387" s="40">
        <v>22.060836075407632</v>
      </c>
      <c r="H8387" s="40">
        <v>139.63333400000002</v>
      </c>
      <c r="I8387" s="40">
        <v>22.381683174126021</v>
      </c>
      <c r="L8387" s="40"/>
      <c r="M8387" s="40"/>
      <c r="N8387" s="40"/>
    </row>
    <row r="8388" spans="4:14" x14ac:dyDescent="0.25">
      <c r="D8388" s="40">
        <v>139.66108099999622</v>
      </c>
      <c r="E8388" s="40">
        <v>21.504567615972331</v>
      </c>
      <c r="F8388" s="40">
        <v>139.65</v>
      </c>
      <c r="G8388" s="40">
        <v>22.060836075407632</v>
      </c>
      <c r="H8388" s="40">
        <v>139.65</v>
      </c>
      <c r="I8388" s="40">
        <v>22.381683174126021</v>
      </c>
      <c r="L8388" s="40"/>
      <c r="M8388" s="40"/>
      <c r="N8388" s="40"/>
    </row>
    <row r="8389" spans="4:14" x14ac:dyDescent="0.25">
      <c r="D8389" s="40">
        <v>139.6777469999962</v>
      </c>
      <c r="E8389" s="40">
        <v>21.504567615972331</v>
      </c>
      <c r="F8389" s="40">
        <v>139.66666699999999</v>
      </c>
      <c r="G8389" s="40">
        <v>22.060836075407632</v>
      </c>
      <c r="H8389" s="40">
        <v>139.66666700000002</v>
      </c>
      <c r="I8389" s="40">
        <v>22.384937300382784</v>
      </c>
      <c r="L8389" s="40"/>
      <c r="M8389" s="40"/>
      <c r="N8389" s="40"/>
    </row>
    <row r="8390" spans="4:14" x14ac:dyDescent="0.25">
      <c r="D8390" s="40">
        <v>139.69441299999619</v>
      </c>
      <c r="E8390" s="40">
        <v>21.504567615972331</v>
      </c>
      <c r="F8390" s="40">
        <v>139.683333</v>
      </c>
      <c r="G8390" s="40">
        <v>22.060836075407632</v>
      </c>
      <c r="H8390" s="40">
        <v>139.683334</v>
      </c>
      <c r="I8390" s="40">
        <v>22.384937300382784</v>
      </c>
      <c r="L8390" s="40"/>
      <c r="M8390" s="40"/>
      <c r="N8390" s="40"/>
    </row>
    <row r="8391" spans="4:14" x14ac:dyDescent="0.25">
      <c r="D8391" s="40">
        <v>139.71107899999618</v>
      </c>
      <c r="E8391" s="40">
        <v>21.504567615972331</v>
      </c>
      <c r="F8391" s="40">
        <v>139.69999999999999</v>
      </c>
      <c r="G8391" s="40">
        <v>22.065591319497727</v>
      </c>
      <c r="H8391" s="40">
        <v>139.70000000000002</v>
      </c>
      <c r="I8391" s="40">
        <v>22.38829003652604</v>
      </c>
      <c r="L8391" s="40"/>
      <c r="M8391" s="40"/>
      <c r="N8391" s="40"/>
    </row>
    <row r="8392" spans="4:14" x14ac:dyDescent="0.25">
      <c r="D8392" s="40">
        <v>139.72774499999616</v>
      </c>
      <c r="E8392" s="40">
        <v>21.504567615972331</v>
      </c>
      <c r="F8392" s="40">
        <v>139.716667</v>
      </c>
      <c r="G8392" s="40">
        <v>22.065591319497727</v>
      </c>
      <c r="H8392" s="40">
        <v>139.716667</v>
      </c>
      <c r="I8392" s="40">
        <v>22.38829003652604</v>
      </c>
      <c r="L8392" s="40"/>
      <c r="M8392" s="40"/>
      <c r="N8392" s="40"/>
    </row>
    <row r="8393" spans="4:14" x14ac:dyDescent="0.25">
      <c r="D8393" s="40">
        <v>139.74441099999615</v>
      </c>
      <c r="E8393" s="40">
        <v>21.504567615972331</v>
      </c>
      <c r="F8393" s="40">
        <v>139.73333299999999</v>
      </c>
      <c r="G8393" s="40">
        <v>22.060836075407632</v>
      </c>
      <c r="H8393" s="40">
        <v>139.73333400000001</v>
      </c>
      <c r="I8393" s="40">
        <v>22.38829003652604</v>
      </c>
      <c r="L8393" s="40"/>
      <c r="M8393" s="40"/>
      <c r="N8393" s="40"/>
    </row>
    <row r="8394" spans="4:14" x14ac:dyDescent="0.25">
      <c r="D8394" s="40">
        <v>139.76107699999613</v>
      </c>
      <c r="E8394" s="40">
        <v>21.509410794561877</v>
      </c>
      <c r="F8394" s="40">
        <v>139.75</v>
      </c>
      <c r="G8394" s="40">
        <v>22.060836075407632</v>
      </c>
      <c r="H8394" s="40">
        <v>139.75</v>
      </c>
      <c r="I8394" s="40">
        <v>22.3916427726693</v>
      </c>
      <c r="L8394" s="40"/>
      <c r="M8394" s="40"/>
      <c r="N8394" s="40"/>
    </row>
    <row r="8395" spans="4:14" x14ac:dyDescent="0.25">
      <c r="D8395" s="40">
        <v>139.77774299999612</v>
      </c>
      <c r="E8395" s="40">
        <v>21.509410794561877</v>
      </c>
      <c r="F8395" s="40">
        <v>139.76666699999998</v>
      </c>
      <c r="G8395" s="40">
        <v>22.060836075407632</v>
      </c>
      <c r="H8395" s="40">
        <v>139.76666700000001</v>
      </c>
      <c r="I8395" s="40">
        <v>22.3916427726693</v>
      </c>
      <c r="L8395" s="40"/>
      <c r="M8395" s="40"/>
      <c r="N8395" s="40"/>
    </row>
    <row r="8396" spans="4:14" x14ac:dyDescent="0.25">
      <c r="D8396" s="40">
        <v>139.79440899999611</v>
      </c>
      <c r="E8396" s="40">
        <v>21.509410794561877</v>
      </c>
      <c r="F8396" s="40">
        <v>139.783333</v>
      </c>
      <c r="G8396" s="40">
        <v>22.060836075407632</v>
      </c>
      <c r="H8396" s="40">
        <v>139.783334</v>
      </c>
      <c r="I8396" s="40">
        <v>22.3916427726693</v>
      </c>
      <c r="L8396" s="40"/>
      <c r="M8396" s="40"/>
      <c r="N8396" s="40"/>
    </row>
    <row r="8397" spans="4:14" x14ac:dyDescent="0.25">
      <c r="D8397" s="40">
        <v>139.81107499999609</v>
      </c>
      <c r="E8397" s="40">
        <v>21.51425397315143</v>
      </c>
      <c r="F8397" s="40">
        <v>139.79999999999998</v>
      </c>
      <c r="G8397" s="40">
        <v>22.060836075407632</v>
      </c>
      <c r="H8397" s="40">
        <v>139.80000000000001</v>
      </c>
      <c r="I8397" s="40">
        <v>22.394896898926063</v>
      </c>
      <c r="L8397" s="40"/>
      <c r="M8397" s="40"/>
      <c r="N8397" s="40"/>
    </row>
    <row r="8398" spans="4:14" x14ac:dyDescent="0.25">
      <c r="D8398" s="40">
        <v>139.82774099999608</v>
      </c>
      <c r="E8398" s="40">
        <v>21.51425397315143</v>
      </c>
      <c r="F8398" s="40">
        <v>139.816667</v>
      </c>
      <c r="G8398" s="40">
        <v>22.060836075407632</v>
      </c>
      <c r="H8398" s="40">
        <v>139.816667</v>
      </c>
      <c r="I8398" s="40">
        <v>22.394896898926063</v>
      </c>
      <c r="L8398" s="40"/>
      <c r="M8398" s="40"/>
      <c r="N8398" s="40"/>
    </row>
    <row r="8399" spans="4:14" x14ac:dyDescent="0.25">
      <c r="D8399" s="40">
        <v>139.84440699999607</v>
      </c>
      <c r="E8399" s="40">
        <v>21.518954705311724</v>
      </c>
      <c r="F8399" s="40">
        <v>139.83333299999998</v>
      </c>
      <c r="G8399" s="40">
        <v>22.060836075407632</v>
      </c>
      <c r="H8399" s="40">
        <v>139.83333400000001</v>
      </c>
      <c r="I8399" s="40">
        <v>22.394896898926063</v>
      </c>
      <c r="L8399" s="40"/>
      <c r="M8399" s="40"/>
      <c r="N8399" s="40"/>
    </row>
    <row r="8400" spans="4:14" x14ac:dyDescent="0.25">
      <c r="D8400" s="40">
        <v>139.86107299999605</v>
      </c>
      <c r="E8400" s="40">
        <v>21.518954705311724</v>
      </c>
      <c r="F8400" s="40">
        <v>139.85</v>
      </c>
      <c r="G8400" s="40">
        <v>22.060836075407632</v>
      </c>
      <c r="H8400" s="40">
        <v>139.85</v>
      </c>
      <c r="I8400" s="40">
        <v>22.398249635069497</v>
      </c>
      <c r="L8400" s="40"/>
      <c r="M8400" s="40"/>
      <c r="N8400" s="40"/>
    </row>
    <row r="8401" spans="4:14" x14ac:dyDescent="0.25">
      <c r="D8401" s="40">
        <v>139.87773899999604</v>
      </c>
      <c r="E8401" s="40">
        <v>21.523797883901278</v>
      </c>
      <c r="F8401" s="40">
        <v>139.86666700000001</v>
      </c>
      <c r="G8401" s="40">
        <v>22.060836075407632</v>
      </c>
      <c r="H8401" s="40">
        <v>139.86666700000001</v>
      </c>
      <c r="I8401" s="40">
        <v>22.398249635069497</v>
      </c>
      <c r="L8401" s="40"/>
      <c r="M8401" s="40"/>
      <c r="N8401" s="40"/>
    </row>
    <row r="8402" spans="4:14" x14ac:dyDescent="0.25">
      <c r="D8402" s="40">
        <v>139.89440499999603</v>
      </c>
      <c r="E8402" s="40">
        <v>21.523797883901278</v>
      </c>
      <c r="F8402" s="40">
        <v>139.88333299999999</v>
      </c>
      <c r="G8402" s="40">
        <v>22.060836075407632</v>
      </c>
      <c r="H8402" s="40">
        <v>139.88333400000002</v>
      </c>
      <c r="I8402" s="40">
        <v>22.40160237121275</v>
      </c>
      <c r="L8402" s="40"/>
      <c r="M8402" s="40"/>
      <c r="N8402" s="40"/>
    </row>
    <row r="8403" spans="4:14" x14ac:dyDescent="0.25">
      <c r="D8403" s="40">
        <v>139.91107099999601</v>
      </c>
      <c r="E8403" s="40">
        <v>21.523797883901278</v>
      </c>
      <c r="F8403" s="40">
        <v>139.9</v>
      </c>
      <c r="G8403" s="40">
        <v>22.060836075407632</v>
      </c>
      <c r="H8403" s="40">
        <v>139.9</v>
      </c>
      <c r="I8403" s="40">
        <v>22.40160237121275</v>
      </c>
      <c r="L8403" s="40"/>
      <c r="M8403" s="40"/>
      <c r="N8403" s="40"/>
    </row>
    <row r="8404" spans="4:14" x14ac:dyDescent="0.25">
      <c r="D8404" s="40">
        <v>139.927736999996</v>
      </c>
      <c r="E8404" s="40">
        <v>21.523797883901278</v>
      </c>
      <c r="F8404" s="40">
        <v>139.91666699999999</v>
      </c>
      <c r="G8404" s="40">
        <v>22.060836075407632</v>
      </c>
      <c r="H8404" s="40">
        <v>139.91666700000002</v>
      </c>
      <c r="I8404" s="40">
        <v>22.404856497469513</v>
      </c>
      <c r="L8404" s="40"/>
      <c r="M8404" s="40"/>
      <c r="N8404" s="40"/>
    </row>
    <row r="8405" spans="4:14" x14ac:dyDescent="0.25">
      <c r="D8405" s="40">
        <v>139.94440299999599</v>
      </c>
      <c r="E8405" s="40">
        <v>21.523797883901278</v>
      </c>
      <c r="F8405" s="40">
        <v>139.933333</v>
      </c>
      <c r="G8405" s="40">
        <v>22.060836075407632</v>
      </c>
      <c r="H8405" s="40">
        <v>139.933334</v>
      </c>
      <c r="I8405" s="40">
        <v>22.404856497469513</v>
      </c>
      <c r="L8405" s="40"/>
      <c r="M8405" s="40"/>
      <c r="N8405" s="40"/>
    </row>
    <row r="8406" spans="4:14" x14ac:dyDescent="0.25">
      <c r="D8406" s="40">
        <v>139.96106899999597</v>
      </c>
      <c r="E8406" s="40">
        <v>21.523797883901278</v>
      </c>
      <c r="F8406" s="40">
        <v>139.94999999999999</v>
      </c>
      <c r="G8406" s="40">
        <v>22.056080831317413</v>
      </c>
      <c r="H8406" s="40">
        <v>139.95000000000002</v>
      </c>
      <c r="I8406" s="40">
        <v>22.408209233612773</v>
      </c>
      <c r="L8406" s="40"/>
      <c r="M8406" s="40"/>
      <c r="N8406" s="40"/>
    </row>
    <row r="8407" spans="4:14" x14ac:dyDescent="0.25">
      <c r="D8407" s="40">
        <v>139.97773499999596</v>
      </c>
      <c r="E8407" s="40">
        <v>21.523797883901278</v>
      </c>
      <c r="F8407" s="40">
        <v>139.966667</v>
      </c>
      <c r="G8407" s="40">
        <v>22.056080831317413</v>
      </c>
      <c r="H8407" s="40">
        <v>139.966667</v>
      </c>
      <c r="I8407" s="40">
        <v>22.408209233612773</v>
      </c>
      <c r="L8407" s="40"/>
      <c r="M8407" s="40"/>
      <c r="N8407" s="40"/>
    </row>
    <row r="8408" spans="4:14" x14ac:dyDescent="0.25">
      <c r="D8408" s="40">
        <v>139.99440099999595</v>
      </c>
      <c r="E8408" s="40">
        <v>21.523797883901278</v>
      </c>
      <c r="F8408" s="40">
        <v>139.98333299999999</v>
      </c>
      <c r="G8408" s="40">
        <v>22.056080831317413</v>
      </c>
      <c r="H8408" s="40">
        <v>139.98333400000001</v>
      </c>
      <c r="I8408" s="40">
        <v>22.408209233612773</v>
      </c>
      <c r="L8408" s="40"/>
      <c r="M8408" s="40"/>
      <c r="N8408" s="40"/>
    </row>
    <row r="8409" spans="4:14" x14ac:dyDescent="0.25">
      <c r="D8409" s="40">
        <v>140.01106699999593</v>
      </c>
      <c r="E8409" s="40">
        <v>21.523797883901278</v>
      </c>
      <c r="F8409" s="40">
        <v>140</v>
      </c>
      <c r="G8409" s="40">
        <v>22.060836075407632</v>
      </c>
      <c r="H8409" s="40">
        <v>140</v>
      </c>
      <c r="I8409" s="40">
        <v>22.411561969756029</v>
      </c>
      <c r="L8409" s="40"/>
      <c r="M8409" s="40"/>
      <c r="N8409" s="40"/>
    </row>
    <row r="8410" spans="4:14" x14ac:dyDescent="0.25">
      <c r="D8410" s="40">
        <v>140.02773299999592</v>
      </c>
      <c r="E8410" s="40">
        <v>21.518954705311724</v>
      </c>
      <c r="F8410" s="40">
        <v>140.01666699999998</v>
      </c>
      <c r="G8410" s="40">
        <v>22.060836075407632</v>
      </c>
      <c r="H8410" s="40">
        <v>140.01666700000001</v>
      </c>
      <c r="I8410" s="40">
        <v>22.411561969756029</v>
      </c>
      <c r="L8410" s="40"/>
      <c r="M8410" s="40"/>
      <c r="N8410" s="40"/>
    </row>
    <row r="8411" spans="4:14" x14ac:dyDescent="0.25">
      <c r="D8411" s="40">
        <v>140.04439899999591</v>
      </c>
      <c r="E8411" s="40">
        <v>21.518954705311724</v>
      </c>
      <c r="F8411" s="40">
        <v>140.033333</v>
      </c>
      <c r="G8411" s="40">
        <v>22.060836075407632</v>
      </c>
      <c r="H8411" s="40">
        <v>140.033334</v>
      </c>
      <c r="I8411" s="40">
        <v>22.414914705899463</v>
      </c>
      <c r="L8411" s="40"/>
      <c r="M8411" s="40"/>
      <c r="N8411" s="40"/>
    </row>
    <row r="8412" spans="4:14" x14ac:dyDescent="0.25">
      <c r="D8412" s="40">
        <v>140.06106499999589</v>
      </c>
      <c r="E8412" s="40">
        <v>21.518954705311724</v>
      </c>
      <c r="F8412" s="40">
        <v>140.04999999999998</v>
      </c>
      <c r="G8412" s="40">
        <v>22.060836075407632</v>
      </c>
      <c r="H8412" s="40">
        <v>140.05000000000001</v>
      </c>
      <c r="I8412" s="40">
        <v>22.414914705899463</v>
      </c>
      <c r="L8412" s="40"/>
      <c r="M8412" s="40"/>
      <c r="N8412" s="40"/>
    </row>
    <row r="8413" spans="4:14" x14ac:dyDescent="0.25">
      <c r="D8413" s="40">
        <v>140.07773099999588</v>
      </c>
      <c r="E8413" s="40">
        <v>21.518954705311724</v>
      </c>
      <c r="F8413" s="40">
        <v>140.066667</v>
      </c>
      <c r="G8413" s="40">
        <v>22.060836075407632</v>
      </c>
      <c r="H8413" s="40">
        <v>140.066667</v>
      </c>
      <c r="I8413" s="40">
        <v>22.418168832156226</v>
      </c>
      <c r="L8413" s="40"/>
      <c r="M8413" s="40"/>
      <c r="N8413" s="40"/>
    </row>
    <row r="8414" spans="4:14" x14ac:dyDescent="0.25">
      <c r="D8414" s="40">
        <v>140.09439699999587</v>
      </c>
      <c r="E8414" s="40">
        <v>21.518954705311724</v>
      </c>
      <c r="F8414" s="40">
        <v>140.08333299999998</v>
      </c>
      <c r="G8414" s="40">
        <v>22.060836075407632</v>
      </c>
      <c r="H8414" s="40">
        <v>140.08333400000001</v>
      </c>
      <c r="I8414" s="40">
        <v>22.418168832156226</v>
      </c>
      <c r="L8414" s="40"/>
      <c r="M8414" s="40"/>
      <c r="N8414" s="40"/>
    </row>
    <row r="8415" spans="4:14" x14ac:dyDescent="0.25">
      <c r="D8415" s="40">
        <v>140.11106299999585</v>
      </c>
      <c r="E8415" s="40">
        <v>21.518954705311724</v>
      </c>
      <c r="F8415" s="40">
        <v>140.1</v>
      </c>
      <c r="G8415" s="40">
        <v>22.065591319497727</v>
      </c>
      <c r="H8415" s="40">
        <v>140.1</v>
      </c>
      <c r="I8415" s="40">
        <v>22.421521568299482</v>
      </c>
      <c r="L8415" s="40"/>
      <c r="M8415" s="40"/>
      <c r="N8415" s="40"/>
    </row>
    <row r="8416" spans="4:14" x14ac:dyDescent="0.25">
      <c r="D8416" s="40">
        <v>140.12772899999584</v>
      </c>
      <c r="E8416" s="40">
        <v>21.518954705311724</v>
      </c>
      <c r="F8416" s="40">
        <v>140.11666700000001</v>
      </c>
      <c r="G8416" s="40">
        <v>22.065591319497727</v>
      </c>
      <c r="H8416" s="40">
        <v>140.11666700000001</v>
      </c>
      <c r="I8416" s="40">
        <v>22.421521568299482</v>
      </c>
      <c r="L8416" s="40"/>
      <c r="M8416" s="40"/>
      <c r="N8416" s="40"/>
    </row>
    <row r="8417" spans="4:14" x14ac:dyDescent="0.25">
      <c r="D8417" s="40">
        <v>140.14439499999582</v>
      </c>
      <c r="E8417" s="40">
        <v>21.518954705311724</v>
      </c>
      <c r="F8417" s="40">
        <v>140.13333299999999</v>
      </c>
      <c r="G8417" s="40">
        <v>22.065591319497727</v>
      </c>
      <c r="H8417" s="40">
        <v>140.13333400000002</v>
      </c>
      <c r="I8417" s="40">
        <v>22.424874304442739</v>
      </c>
      <c r="L8417" s="40"/>
      <c r="M8417" s="40"/>
      <c r="N8417" s="40"/>
    </row>
    <row r="8418" spans="4:14" x14ac:dyDescent="0.25">
      <c r="D8418" s="40">
        <v>140.16106099999581</v>
      </c>
      <c r="E8418" s="40">
        <v>21.518954705311724</v>
      </c>
      <c r="F8418" s="40">
        <v>140.15</v>
      </c>
      <c r="G8418" s="40">
        <v>22.070206703467626</v>
      </c>
      <c r="H8418" s="40">
        <v>140.15</v>
      </c>
      <c r="I8418" s="40">
        <v>22.424874304442739</v>
      </c>
      <c r="L8418" s="40"/>
      <c r="M8418" s="40"/>
      <c r="N8418" s="40"/>
    </row>
    <row r="8419" spans="4:14" x14ac:dyDescent="0.25">
      <c r="D8419" s="40">
        <v>140.1777269999958</v>
      </c>
      <c r="E8419" s="40">
        <v>21.518954705311724</v>
      </c>
      <c r="F8419" s="40">
        <v>140.16666699999999</v>
      </c>
      <c r="G8419" s="40">
        <v>22.070206703467626</v>
      </c>
      <c r="H8419" s="40">
        <v>140.16666700000002</v>
      </c>
      <c r="I8419" s="40">
        <v>22.428128430699502</v>
      </c>
      <c r="L8419" s="40"/>
      <c r="M8419" s="40"/>
      <c r="N8419" s="40"/>
    </row>
    <row r="8420" spans="4:14" x14ac:dyDescent="0.25">
      <c r="D8420" s="40">
        <v>140.19439299999578</v>
      </c>
      <c r="E8420" s="40">
        <v>21.51425397315143</v>
      </c>
      <c r="F8420" s="40">
        <v>140.183333</v>
      </c>
      <c r="G8420" s="40">
        <v>22.070206703467626</v>
      </c>
      <c r="H8420" s="40">
        <v>140.183334</v>
      </c>
      <c r="I8420" s="40">
        <v>22.428128430699502</v>
      </c>
      <c r="L8420" s="40"/>
      <c r="M8420" s="40"/>
      <c r="N8420" s="40"/>
    </row>
    <row r="8421" spans="4:14" x14ac:dyDescent="0.25">
      <c r="D8421" s="40">
        <v>140.21105899999577</v>
      </c>
      <c r="E8421" s="40">
        <v>21.51425397315143</v>
      </c>
      <c r="F8421" s="40">
        <v>140.19999999999999</v>
      </c>
      <c r="G8421" s="40">
        <v>22.070206703467626</v>
      </c>
      <c r="H8421" s="40">
        <v>140.20000000000002</v>
      </c>
      <c r="I8421" s="40">
        <v>22.431481166842936</v>
      </c>
      <c r="L8421" s="40"/>
      <c r="M8421" s="40"/>
      <c r="N8421" s="40"/>
    </row>
    <row r="8422" spans="4:14" x14ac:dyDescent="0.25">
      <c r="D8422" s="40">
        <v>140.22772499999576</v>
      </c>
      <c r="E8422" s="40">
        <v>21.51425397315143</v>
      </c>
      <c r="F8422" s="40">
        <v>140.216667</v>
      </c>
      <c r="G8422" s="40">
        <v>22.070206703467626</v>
      </c>
      <c r="H8422" s="40">
        <v>140.216667</v>
      </c>
      <c r="I8422" s="40">
        <v>22.431481166842936</v>
      </c>
      <c r="L8422" s="40"/>
      <c r="M8422" s="40"/>
      <c r="N8422" s="40"/>
    </row>
    <row r="8423" spans="4:14" x14ac:dyDescent="0.25">
      <c r="D8423" s="40">
        <v>140.24439099999574</v>
      </c>
      <c r="E8423" s="40">
        <v>21.51425397315143</v>
      </c>
      <c r="F8423" s="40">
        <v>140.23333299999999</v>
      </c>
      <c r="G8423" s="40">
        <v>22.065591319497727</v>
      </c>
      <c r="H8423" s="40">
        <v>140.23333400000001</v>
      </c>
      <c r="I8423" s="40">
        <v>22.434833902986192</v>
      </c>
      <c r="L8423" s="40"/>
      <c r="M8423" s="40"/>
      <c r="N8423" s="40"/>
    </row>
    <row r="8424" spans="4:14" x14ac:dyDescent="0.25">
      <c r="D8424" s="40">
        <v>140.26105699999573</v>
      </c>
      <c r="E8424" s="40">
        <v>21.509410794561877</v>
      </c>
      <c r="F8424" s="40">
        <v>140.25</v>
      </c>
      <c r="G8424" s="40">
        <v>22.065591319497727</v>
      </c>
      <c r="H8424" s="40">
        <v>140.25</v>
      </c>
      <c r="I8424" s="40">
        <v>22.434833902986192</v>
      </c>
      <c r="L8424" s="40"/>
      <c r="M8424" s="40"/>
      <c r="N8424" s="40"/>
    </row>
    <row r="8425" spans="4:14" x14ac:dyDescent="0.25">
      <c r="D8425" s="40">
        <v>140.27772299999572</v>
      </c>
      <c r="E8425" s="40">
        <v>21.509410794561877</v>
      </c>
      <c r="F8425" s="40">
        <v>140.26666699999998</v>
      </c>
      <c r="G8425" s="40">
        <v>22.065591319497727</v>
      </c>
      <c r="H8425" s="40">
        <v>140.26666700000001</v>
      </c>
      <c r="I8425" s="40">
        <v>22.438088029242955</v>
      </c>
      <c r="L8425" s="40"/>
      <c r="M8425" s="40"/>
      <c r="N8425" s="40"/>
    </row>
    <row r="8426" spans="4:14" x14ac:dyDescent="0.25">
      <c r="D8426" s="40">
        <v>140.2943889999957</v>
      </c>
      <c r="E8426" s="40">
        <v>21.504567615972331</v>
      </c>
      <c r="F8426" s="40">
        <v>140.283333</v>
      </c>
      <c r="G8426" s="40">
        <v>22.065591319497727</v>
      </c>
      <c r="H8426" s="40">
        <v>140.283334</v>
      </c>
      <c r="I8426" s="40">
        <v>22.438088029242955</v>
      </c>
      <c r="L8426" s="40"/>
      <c r="M8426" s="40"/>
      <c r="N8426" s="40"/>
    </row>
    <row r="8427" spans="4:14" x14ac:dyDescent="0.25">
      <c r="D8427" s="40">
        <v>140.31105499999569</v>
      </c>
      <c r="E8427" s="40">
        <v>21.504567615972331</v>
      </c>
      <c r="F8427" s="40">
        <v>140.29999999999998</v>
      </c>
      <c r="G8427" s="40">
        <v>22.065591319497727</v>
      </c>
      <c r="H8427" s="40">
        <v>140.30000000000001</v>
      </c>
      <c r="I8427" s="40">
        <v>22.441440765386211</v>
      </c>
      <c r="L8427" s="40"/>
      <c r="M8427" s="40"/>
      <c r="N8427" s="40"/>
    </row>
    <row r="8428" spans="4:14" x14ac:dyDescent="0.25">
      <c r="D8428" s="40">
        <v>140.32772099999568</v>
      </c>
      <c r="E8428" s="40">
        <v>21.504567615972331</v>
      </c>
      <c r="F8428" s="40">
        <v>140.316667</v>
      </c>
      <c r="G8428" s="40">
        <v>22.065591319497727</v>
      </c>
      <c r="H8428" s="40">
        <v>140.316667</v>
      </c>
      <c r="I8428" s="40">
        <v>22.441440765386211</v>
      </c>
      <c r="L8428" s="40"/>
      <c r="M8428" s="40"/>
      <c r="N8428" s="40"/>
    </row>
    <row r="8429" spans="4:14" x14ac:dyDescent="0.25">
      <c r="D8429" s="40">
        <v>140.34438699999566</v>
      </c>
      <c r="E8429" s="40">
        <v>21.504567615972331</v>
      </c>
      <c r="F8429" s="40">
        <v>140.33333299999998</v>
      </c>
      <c r="G8429" s="40">
        <v>22.065591319497727</v>
      </c>
      <c r="H8429" s="40">
        <v>140.33333400000001</v>
      </c>
      <c r="I8429" s="40">
        <v>22.444793501529468</v>
      </c>
      <c r="L8429" s="40"/>
      <c r="M8429" s="40"/>
      <c r="N8429" s="40"/>
    </row>
    <row r="8430" spans="4:14" x14ac:dyDescent="0.25">
      <c r="D8430" s="40">
        <v>140.36105299999565</v>
      </c>
      <c r="E8430" s="40">
        <v>21.504567615972331</v>
      </c>
      <c r="F8430" s="40">
        <v>140.35</v>
      </c>
      <c r="G8430" s="40">
        <v>22.065591319497727</v>
      </c>
      <c r="H8430" s="40">
        <v>140.35</v>
      </c>
      <c r="I8430" s="40">
        <v>22.444793501529468</v>
      </c>
      <c r="L8430" s="40"/>
      <c r="M8430" s="40"/>
      <c r="N8430" s="40"/>
    </row>
    <row r="8431" spans="4:14" x14ac:dyDescent="0.25">
      <c r="D8431" s="40">
        <v>140.37771899999564</v>
      </c>
      <c r="E8431" s="40">
        <v>21.504567615972331</v>
      </c>
      <c r="F8431" s="40">
        <v>140.36666700000001</v>
      </c>
      <c r="G8431" s="40">
        <v>22.065591319497727</v>
      </c>
      <c r="H8431" s="40">
        <v>140.36666700000001</v>
      </c>
      <c r="I8431" s="40">
        <v>22.448047627786231</v>
      </c>
      <c r="L8431" s="40"/>
      <c r="M8431" s="40"/>
      <c r="N8431" s="40"/>
    </row>
    <row r="8432" spans="4:14" x14ac:dyDescent="0.25">
      <c r="D8432" s="40">
        <v>140.39438499999562</v>
      </c>
      <c r="E8432" s="40">
        <v>21.509410794561877</v>
      </c>
      <c r="F8432" s="40">
        <v>140.38333299999999</v>
      </c>
      <c r="G8432" s="40">
        <v>22.065591319497727</v>
      </c>
      <c r="H8432" s="40">
        <v>140.38333400000002</v>
      </c>
      <c r="I8432" s="40">
        <v>22.448047627786231</v>
      </c>
      <c r="L8432" s="40"/>
      <c r="M8432" s="40"/>
      <c r="N8432" s="40"/>
    </row>
    <row r="8433" spans="4:14" x14ac:dyDescent="0.25">
      <c r="D8433" s="40">
        <v>140.41105099999561</v>
      </c>
      <c r="E8433" s="40">
        <v>21.509410794561877</v>
      </c>
      <c r="F8433" s="40">
        <v>140.4</v>
      </c>
      <c r="G8433" s="40">
        <v>22.060836075407632</v>
      </c>
      <c r="H8433" s="40">
        <v>140.4</v>
      </c>
      <c r="I8433" s="40">
        <v>22.448047627786231</v>
      </c>
      <c r="L8433" s="40"/>
      <c r="M8433" s="40"/>
      <c r="N8433" s="40"/>
    </row>
    <row r="8434" spans="4:14" x14ac:dyDescent="0.25">
      <c r="D8434" s="40">
        <v>140.4277169999956</v>
      </c>
      <c r="E8434" s="40">
        <v>21.51425397315143</v>
      </c>
      <c r="F8434" s="40">
        <v>140.41666699999999</v>
      </c>
      <c r="G8434" s="40">
        <v>22.060836075407632</v>
      </c>
      <c r="H8434" s="40">
        <v>140.41666700000002</v>
      </c>
      <c r="I8434" s="40">
        <v>22.451400363929665</v>
      </c>
      <c r="L8434" s="40"/>
      <c r="M8434" s="40"/>
      <c r="N8434" s="40"/>
    </row>
    <row r="8435" spans="4:14" x14ac:dyDescent="0.25">
      <c r="D8435" s="40">
        <v>140.44438299999558</v>
      </c>
      <c r="E8435" s="40">
        <v>21.51425397315143</v>
      </c>
      <c r="F8435" s="40">
        <v>140.433333</v>
      </c>
      <c r="G8435" s="40">
        <v>22.060836075407632</v>
      </c>
      <c r="H8435" s="40">
        <v>140.433334</v>
      </c>
      <c r="I8435" s="40">
        <v>22.451400363929665</v>
      </c>
      <c r="L8435" s="40"/>
      <c r="M8435" s="40"/>
      <c r="N8435" s="40"/>
    </row>
    <row r="8436" spans="4:14" x14ac:dyDescent="0.25">
      <c r="D8436" s="40">
        <v>140.46104899999557</v>
      </c>
      <c r="E8436" s="40">
        <v>21.51425397315143</v>
      </c>
      <c r="F8436" s="40">
        <v>140.44999999999999</v>
      </c>
      <c r="G8436" s="40">
        <v>22.060836075407632</v>
      </c>
      <c r="H8436" s="40">
        <v>140.45000000000002</v>
      </c>
      <c r="I8436" s="40">
        <v>22.454753100072924</v>
      </c>
      <c r="L8436" s="40"/>
      <c r="M8436" s="40"/>
      <c r="N8436" s="40"/>
    </row>
    <row r="8437" spans="4:14" x14ac:dyDescent="0.25">
      <c r="D8437" s="40">
        <v>140.47771499999556</v>
      </c>
      <c r="E8437" s="40">
        <v>21.518954705311724</v>
      </c>
      <c r="F8437" s="40">
        <v>140.466667</v>
      </c>
      <c r="G8437" s="40">
        <v>22.060836075407632</v>
      </c>
      <c r="H8437" s="40">
        <v>140.466667</v>
      </c>
      <c r="I8437" s="40">
        <v>22.454753100072924</v>
      </c>
      <c r="L8437" s="40"/>
      <c r="M8437" s="40"/>
      <c r="N8437" s="40"/>
    </row>
    <row r="8438" spans="4:14" x14ac:dyDescent="0.25">
      <c r="D8438" s="40">
        <v>140.49438099999554</v>
      </c>
      <c r="E8438" s="40">
        <v>21.518954705311724</v>
      </c>
      <c r="F8438" s="40">
        <v>140.48333299999999</v>
      </c>
      <c r="G8438" s="40">
        <v>22.060836075407632</v>
      </c>
      <c r="H8438" s="40">
        <v>140.48333400000001</v>
      </c>
      <c r="I8438" s="40">
        <v>22.454753100072924</v>
      </c>
      <c r="L8438" s="40"/>
      <c r="M8438" s="40"/>
      <c r="N8438" s="40"/>
    </row>
    <row r="8439" spans="4:14" x14ac:dyDescent="0.25">
      <c r="D8439" s="40">
        <v>140.51104699999553</v>
      </c>
      <c r="E8439" s="40">
        <v>21.51425397315143</v>
      </c>
      <c r="F8439" s="40">
        <v>140.5</v>
      </c>
      <c r="G8439" s="40">
        <v>22.060836075407632</v>
      </c>
      <c r="H8439" s="40">
        <v>140.5</v>
      </c>
      <c r="I8439" s="40">
        <v>22.458007226329688</v>
      </c>
      <c r="L8439" s="40"/>
      <c r="M8439" s="40"/>
      <c r="N8439" s="40"/>
    </row>
    <row r="8440" spans="4:14" x14ac:dyDescent="0.25">
      <c r="D8440" s="40">
        <v>140.52771299999552</v>
      </c>
      <c r="E8440" s="40">
        <v>21.51425397315143</v>
      </c>
      <c r="F8440" s="40">
        <v>140.51666699999998</v>
      </c>
      <c r="G8440" s="40">
        <v>22.056080831317413</v>
      </c>
      <c r="H8440" s="40">
        <v>140.51666700000001</v>
      </c>
      <c r="I8440" s="40">
        <v>22.458007226329688</v>
      </c>
      <c r="L8440" s="40"/>
      <c r="M8440" s="40"/>
      <c r="N8440" s="40"/>
    </row>
    <row r="8441" spans="4:14" x14ac:dyDescent="0.25">
      <c r="D8441" s="40">
        <v>140.5443789999955</v>
      </c>
      <c r="E8441" s="40">
        <v>21.51425397315143</v>
      </c>
      <c r="F8441" s="40">
        <v>140.533333</v>
      </c>
      <c r="G8441" s="40">
        <v>22.056080831317413</v>
      </c>
      <c r="H8441" s="40">
        <v>140.533334</v>
      </c>
      <c r="I8441" s="40">
        <v>22.46135996247294</v>
      </c>
      <c r="L8441" s="40"/>
      <c r="M8441" s="40"/>
      <c r="N8441" s="40"/>
    </row>
    <row r="8442" spans="4:14" x14ac:dyDescent="0.25">
      <c r="D8442" s="40">
        <v>140.56104499999549</v>
      </c>
      <c r="E8442" s="40">
        <v>21.51425397315143</v>
      </c>
      <c r="F8442" s="40">
        <v>140.54999999999998</v>
      </c>
      <c r="G8442" s="40">
        <v>22.056080831317413</v>
      </c>
      <c r="H8442" s="40">
        <v>140.55000000000001</v>
      </c>
      <c r="I8442" s="40">
        <v>22.46135996247294</v>
      </c>
      <c r="L8442" s="40"/>
      <c r="M8442" s="40"/>
      <c r="N8442" s="40"/>
    </row>
    <row r="8443" spans="4:14" x14ac:dyDescent="0.25">
      <c r="D8443" s="40">
        <v>140.57771099999547</v>
      </c>
      <c r="E8443" s="40">
        <v>21.51425397315143</v>
      </c>
      <c r="F8443" s="40">
        <v>140.566667</v>
      </c>
      <c r="G8443" s="40">
        <v>22.056080831317413</v>
      </c>
      <c r="H8443" s="40">
        <v>140.566667</v>
      </c>
      <c r="I8443" s="40">
        <v>22.46135996247294</v>
      </c>
      <c r="L8443" s="40"/>
      <c r="M8443" s="40"/>
      <c r="N8443" s="40"/>
    </row>
    <row r="8444" spans="4:14" x14ac:dyDescent="0.25">
      <c r="D8444" s="40">
        <v>140.59437699999546</v>
      </c>
      <c r="E8444" s="40">
        <v>21.51425397315143</v>
      </c>
      <c r="F8444" s="40">
        <v>140.58333299999998</v>
      </c>
      <c r="G8444" s="40">
        <v>22.056080831317413</v>
      </c>
      <c r="H8444" s="40">
        <v>140.58333400000001</v>
      </c>
      <c r="I8444" s="40">
        <v>22.464712698616374</v>
      </c>
      <c r="L8444" s="40"/>
      <c r="M8444" s="40"/>
      <c r="N8444" s="40"/>
    </row>
    <row r="8445" spans="4:14" x14ac:dyDescent="0.25">
      <c r="D8445" s="40">
        <v>140.61104299999545</v>
      </c>
      <c r="E8445" s="40">
        <v>21.51425397315143</v>
      </c>
      <c r="F8445" s="40">
        <v>140.6</v>
      </c>
      <c r="G8445" s="40">
        <v>22.056080831317413</v>
      </c>
      <c r="H8445" s="40">
        <v>140.6</v>
      </c>
      <c r="I8445" s="40">
        <v>22.464712698616374</v>
      </c>
      <c r="L8445" s="40"/>
      <c r="M8445" s="40"/>
      <c r="N8445" s="40"/>
    </row>
    <row r="8446" spans="4:14" x14ac:dyDescent="0.25">
      <c r="D8446" s="40">
        <v>140.62770899999543</v>
      </c>
      <c r="E8446" s="40">
        <v>21.51425397315143</v>
      </c>
      <c r="F8446" s="40">
        <v>140.61666700000001</v>
      </c>
      <c r="G8446" s="40">
        <v>22.056080831317413</v>
      </c>
      <c r="H8446" s="40">
        <v>140.61666700000001</v>
      </c>
      <c r="I8446" s="40">
        <v>22.467966824872963</v>
      </c>
      <c r="L8446" s="40"/>
      <c r="M8446" s="40"/>
      <c r="N8446" s="40"/>
    </row>
    <row r="8447" spans="4:14" x14ac:dyDescent="0.25">
      <c r="D8447" s="40">
        <v>140.64437499999542</v>
      </c>
      <c r="E8447" s="40">
        <v>21.51425397315143</v>
      </c>
      <c r="F8447" s="40">
        <v>140.63333299999999</v>
      </c>
      <c r="G8447" s="40">
        <v>22.060836075407632</v>
      </c>
      <c r="H8447" s="40">
        <v>140.63333400000002</v>
      </c>
      <c r="I8447" s="40">
        <v>22.467966824872963</v>
      </c>
      <c r="L8447" s="40"/>
      <c r="M8447" s="40"/>
      <c r="N8447" s="40"/>
    </row>
    <row r="8448" spans="4:14" x14ac:dyDescent="0.25">
      <c r="D8448" s="40">
        <v>140.66104099999541</v>
      </c>
      <c r="E8448" s="40">
        <v>21.51425397315143</v>
      </c>
      <c r="F8448" s="40">
        <v>140.65</v>
      </c>
      <c r="G8448" s="40">
        <v>22.060836075407632</v>
      </c>
      <c r="H8448" s="40">
        <v>140.65</v>
      </c>
      <c r="I8448" s="40">
        <v>22.467966824872963</v>
      </c>
      <c r="L8448" s="40"/>
      <c r="M8448" s="40"/>
      <c r="N8448" s="40"/>
    </row>
    <row r="8449" spans="4:14" x14ac:dyDescent="0.25">
      <c r="D8449" s="40">
        <v>140.67770699999539</v>
      </c>
      <c r="E8449" s="40">
        <v>21.518954705311724</v>
      </c>
      <c r="F8449" s="40">
        <v>140.66666699999999</v>
      </c>
      <c r="G8449" s="40">
        <v>22.060836075407632</v>
      </c>
      <c r="H8449" s="40">
        <v>140.66666700000002</v>
      </c>
      <c r="I8449" s="40">
        <v>22.471319561016397</v>
      </c>
      <c r="L8449" s="40"/>
      <c r="M8449" s="40"/>
      <c r="N8449" s="40"/>
    </row>
    <row r="8450" spans="4:14" x14ac:dyDescent="0.25">
      <c r="D8450" s="40">
        <v>140.69437299999538</v>
      </c>
      <c r="E8450" s="40">
        <v>21.518954705311724</v>
      </c>
      <c r="F8450" s="40">
        <v>140.683333</v>
      </c>
      <c r="G8450" s="40">
        <v>22.060836075407632</v>
      </c>
      <c r="H8450" s="40">
        <v>140.683334</v>
      </c>
      <c r="I8450" s="40">
        <v>22.471319561016397</v>
      </c>
      <c r="L8450" s="40"/>
      <c r="M8450" s="40"/>
      <c r="N8450" s="40"/>
    </row>
    <row r="8451" spans="4:14" x14ac:dyDescent="0.25">
      <c r="D8451" s="40">
        <v>140.71103899999537</v>
      </c>
      <c r="E8451" s="40">
        <v>21.518954705311724</v>
      </c>
      <c r="F8451" s="40">
        <v>140.69999999999999</v>
      </c>
      <c r="G8451" s="40">
        <v>22.065591319497727</v>
      </c>
      <c r="H8451" s="40">
        <v>140.70000000000002</v>
      </c>
      <c r="I8451" s="40">
        <v>22.474672297159653</v>
      </c>
      <c r="L8451" s="40"/>
      <c r="M8451" s="40"/>
      <c r="N8451" s="40"/>
    </row>
    <row r="8452" spans="4:14" x14ac:dyDescent="0.25">
      <c r="D8452" s="40">
        <v>140.72770499999535</v>
      </c>
      <c r="E8452" s="40">
        <v>21.523797883901278</v>
      </c>
      <c r="F8452" s="40">
        <v>140.716667</v>
      </c>
      <c r="G8452" s="40">
        <v>22.065591319497727</v>
      </c>
      <c r="H8452" s="40">
        <v>140.716667</v>
      </c>
      <c r="I8452" s="40">
        <v>22.474672297159653</v>
      </c>
      <c r="L8452" s="40"/>
      <c r="M8452" s="40"/>
      <c r="N8452" s="40"/>
    </row>
    <row r="8453" spans="4:14" x14ac:dyDescent="0.25">
      <c r="D8453" s="40">
        <v>140.74437099999534</v>
      </c>
      <c r="E8453" s="40">
        <v>21.523797883901278</v>
      </c>
      <c r="F8453" s="40">
        <v>140.73333299999999</v>
      </c>
      <c r="G8453" s="40">
        <v>22.065591319497727</v>
      </c>
      <c r="H8453" s="40">
        <v>140.73333400000001</v>
      </c>
      <c r="I8453" s="40">
        <v>22.477926423416417</v>
      </c>
      <c r="L8453" s="40"/>
      <c r="M8453" s="40"/>
      <c r="N8453" s="40"/>
    </row>
    <row r="8454" spans="4:14" x14ac:dyDescent="0.25">
      <c r="D8454" s="40">
        <v>140.76103699999533</v>
      </c>
      <c r="E8454" s="40">
        <v>21.528641062490824</v>
      </c>
      <c r="F8454" s="40">
        <v>140.75</v>
      </c>
      <c r="G8454" s="40">
        <v>22.070206703467626</v>
      </c>
      <c r="H8454" s="40">
        <v>140.75</v>
      </c>
      <c r="I8454" s="40">
        <v>22.477926423416417</v>
      </c>
      <c r="L8454" s="40"/>
      <c r="M8454" s="40"/>
      <c r="N8454" s="40"/>
    </row>
    <row r="8455" spans="4:14" x14ac:dyDescent="0.25">
      <c r="D8455" s="40">
        <v>140.77770299999531</v>
      </c>
      <c r="E8455" s="40">
        <v>21.528641062490824</v>
      </c>
      <c r="F8455" s="40">
        <v>140.76666699999998</v>
      </c>
      <c r="G8455" s="40">
        <v>22.070206703467626</v>
      </c>
      <c r="H8455" s="40">
        <v>140.76666700000001</v>
      </c>
      <c r="I8455" s="40">
        <v>22.477926423416417</v>
      </c>
      <c r="L8455" s="40"/>
      <c r="M8455" s="40"/>
      <c r="N8455" s="40"/>
    </row>
    <row r="8456" spans="4:14" x14ac:dyDescent="0.25">
      <c r="D8456" s="40">
        <v>140.7943689999953</v>
      </c>
      <c r="E8456" s="40">
        <v>21.528641062490824</v>
      </c>
      <c r="F8456" s="40">
        <v>140.783333</v>
      </c>
      <c r="G8456" s="40">
        <v>22.070206703467626</v>
      </c>
      <c r="H8456" s="40">
        <v>140.783334</v>
      </c>
      <c r="I8456" s="40">
        <v>22.481279159559669</v>
      </c>
      <c r="L8456" s="40"/>
      <c r="M8456" s="40"/>
      <c r="N8456" s="40"/>
    </row>
    <row r="8457" spans="4:14" x14ac:dyDescent="0.25">
      <c r="D8457" s="40">
        <v>140.81103499999529</v>
      </c>
      <c r="E8457" s="40">
        <v>21.528641062490824</v>
      </c>
      <c r="F8457" s="40">
        <v>140.79999999999998</v>
      </c>
      <c r="G8457" s="40">
        <v>22.070206703467626</v>
      </c>
      <c r="H8457" s="40">
        <v>140.80000000000001</v>
      </c>
      <c r="I8457" s="40">
        <v>22.481279159559669</v>
      </c>
      <c r="L8457" s="40"/>
      <c r="M8457" s="40"/>
      <c r="N8457" s="40"/>
    </row>
    <row r="8458" spans="4:14" x14ac:dyDescent="0.25">
      <c r="D8458" s="40">
        <v>140.82770099999527</v>
      </c>
      <c r="E8458" s="40">
        <v>21.528641062490824</v>
      </c>
      <c r="F8458" s="40">
        <v>140.816667</v>
      </c>
      <c r="G8458" s="40">
        <v>22.074961947557846</v>
      </c>
      <c r="H8458" s="40">
        <v>140.816667</v>
      </c>
      <c r="I8458" s="40">
        <v>22.484631895703103</v>
      </c>
      <c r="L8458" s="40"/>
      <c r="M8458" s="40"/>
      <c r="N8458" s="40"/>
    </row>
    <row r="8459" spans="4:14" x14ac:dyDescent="0.25">
      <c r="D8459" s="40">
        <v>140.84436699999526</v>
      </c>
      <c r="E8459" s="40">
        <v>21.523797883901278</v>
      </c>
      <c r="F8459" s="40">
        <v>140.83333299999998</v>
      </c>
      <c r="G8459" s="40">
        <v>22.074961947557846</v>
      </c>
      <c r="H8459" s="40">
        <v>140.83333400000001</v>
      </c>
      <c r="I8459" s="40">
        <v>22.484631895703103</v>
      </c>
      <c r="L8459" s="40"/>
      <c r="M8459" s="40"/>
      <c r="N8459" s="40"/>
    </row>
    <row r="8460" spans="4:14" x14ac:dyDescent="0.25">
      <c r="D8460" s="40">
        <v>140.86103299999525</v>
      </c>
      <c r="E8460" s="40">
        <v>21.523797883901278</v>
      </c>
      <c r="F8460" s="40">
        <v>140.85</v>
      </c>
      <c r="G8460" s="40">
        <v>22.074961947557846</v>
      </c>
      <c r="H8460" s="40">
        <v>140.85</v>
      </c>
      <c r="I8460" s="40">
        <v>22.487886021959866</v>
      </c>
      <c r="L8460" s="40"/>
      <c r="M8460" s="40"/>
      <c r="N8460" s="40"/>
    </row>
    <row r="8461" spans="4:14" x14ac:dyDescent="0.25">
      <c r="D8461" s="40">
        <v>140.87769899999523</v>
      </c>
      <c r="E8461" s="40">
        <v>21.523797883901278</v>
      </c>
      <c r="F8461" s="40">
        <v>140.86666700000001</v>
      </c>
      <c r="G8461" s="40">
        <v>22.079717191647941</v>
      </c>
      <c r="H8461" s="40">
        <v>140.86666700000001</v>
      </c>
      <c r="I8461" s="40">
        <v>22.487886021959866</v>
      </c>
      <c r="L8461" s="40"/>
      <c r="M8461" s="40"/>
      <c r="N8461" s="40"/>
    </row>
    <row r="8462" spans="4:14" x14ac:dyDescent="0.25">
      <c r="D8462" s="40">
        <v>140.89436499999522</v>
      </c>
      <c r="E8462" s="40">
        <v>21.523797883901278</v>
      </c>
      <c r="F8462" s="40">
        <v>140.88333299999999</v>
      </c>
      <c r="G8462" s="40">
        <v>22.079717191647941</v>
      </c>
      <c r="H8462" s="40">
        <v>140.88333400000002</v>
      </c>
      <c r="I8462" s="40">
        <v>22.491238758103126</v>
      </c>
      <c r="L8462" s="40"/>
      <c r="M8462" s="40"/>
      <c r="N8462" s="40"/>
    </row>
    <row r="8463" spans="4:14" x14ac:dyDescent="0.25">
      <c r="D8463" s="40">
        <v>140.91103099999521</v>
      </c>
      <c r="E8463" s="40">
        <v>21.523797883901278</v>
      </c>
      <c r="F8463" s="40">
        <v>140.9</v>
      </c>
      <c r="G8463" s="40">
        <v>22.079717191647941</v>
      </c>
      <c r="H8463" s="40">
        <v>140.9</v>
      </c>
      <c r="I8463" s="40">
        <v>22.491238758103126</v>
      </c>
      <c r="L8463" s="40"/>
      <c r="M8463" s="40"/>
      <c r="N8463" s="40"/>
    </row>
    <row r="8464" spans="4:14" x14ac:dyDescent="0.25">
      <c r="D8464" s="40">
        <v>140.92769699999519</v>
      </c>
      <c r="E8464" s="40">
        <v>21.523797883901278</v>
      </c>
      <c r="F8464" s="40">
        <v>140.91666699999999</v>
      </c>
      <c r="G8464" s="40">
        <v>22.079717191647941</v>
      </c>
      <c r="H8464" s="40">
        <v>140.91666700000002</v>
      </c>
      <c r="I8464" s="40">
        <v>22.494591494246382</v>
      </c>
      <c r="L8464" s="40"/>
      <c r="M8464" s="40"/>
      <c r="N8464" s="40"/>
    </row>
    <row r="8465" spans="4:14" x14ac:dyDescent="0.25">
      <c r="D8465" s="40">
        <v>140.94436299999518</v>
      </c>
      <c r="E8465" s="40">
        <v>21.523797883901278</v>
      </c>
      <c r="F8465" s="40">
        <v>140.933333</v>
      </c>
      <c r="G8465" s="40">
        <v>22.084332575617839</v>
      </c>
      <c r="H8465" s="40">
        <v>140.933334</v>
      </c>
      <c r="I8465" s="40">
        <v>22.494591494246382</v>
      </c>
      <c r="L8465" s="40"/>
      <c r="M8465" s="40"/>
      <c r="N8465" s="40"/>
    </row>
    <row r="8466" spans="4:14" x14ac:dyDescent="0.25">
      <c r="D8466" s="40">
        <v>140.96102899999516</v>
      </c>
      <c r="E8466" s="40">
        <v>21.523797883901278</v>
      </c>
      <c r="F8466" s="40">
        <v>140.94999999999999</v>
      </c>
      <c r="G8466" s="40">
        <v>22.084332575617839</v>
      </c>
      <c r="H8466" s="40">
        <v>140.95000000000002</v>
      </c>
      <c r="I8466" s="40">
        <v>22.497845620503146</v>
      </c>
      <c r="L8466" s="40"/>
      <c r="M8466" s="40"/>
      <c r="N8466" s="40"/>
    </row>
    <row r="8467" spans="4:14" x14ac:dyDescent="0.25">
      <c r="D8467" s="40">
        <v>140.97769499999515</v>
      </c>
      <c r="E8467" s="40">
        <v>21.523797883901278</v>
      </c>
      <c r="F8467" s="40">
        <v>140.966667</v>
      </c>
      <c r="G8467" s="40">
        <v>22.084332575617839</v>
      </c>
      <c r="H8467" s="40">
        <v>140.966667</v>
      </c>
      <c r="I8467" s="40">
        <v>22.497845620503146</v>
      </c>
      <c r="L8467" s="40"/>
      <c r="M8467" s="40"/>
      <c r="N8467" s="40"/>
    </row>
    <row r="8468" spans="4:14" x14ac:dyDescent="0.25">
      <c r="D8468" s="40">
        <v>140.99436099999514</v>
      </c>
      <c r="E8468" s="40">
        <v>21.523797883901278</v>
      </c>
      <c r="F8468" s="40">
        <v>140.98333299999999</v>
      </c>
      <c r="G8468" s="40">
        <v>22.084332575617839</v>
      </c>
      <c r="H8468" s="40">
        <v>140.98333400000001</v>
      </c>
      <c r="I8468" s="40">
        <v>22.501198356646402</v>
      </c>
      <c r="L8468" s="40"/>
      <c r="M8468" s="40"/>
      <c r="N8468" s="40"/>
    </row>
    <row r="8469" spans="4:14" x14ac:dyDescent="0.25">
      <c r="D8469" s="40">
        <v>141.01102699999512</v>
      </c>
      <c r="E8469" s="40">
        <v>21.523797883901278</v>
      </c>
      <c r="F8469" s="40">
        <v>141</v>
      </c>
      <c r="G8469" s="40">
        <v>22.084332575617839</v>
      </c>
      <c r="H8469" s="40">
        <v>141</v>
      </c>
      <c r="I8469" s="40">
        <v>22.501198356646402</v>
      </c>
      <c r="L8469" s="40"/>
      <c r="M8469" s="40"/>
      <c r="N8469" s="40"/>
    </row>
    <row r="8470" spans="4:14" x14ac:dyDescent="0.25">
      <c r="D8470" s="40">
        <v>141.02769299999511</v>
      </c>
      <c r="E8470" s="40">
        <v>21.523797883901278</v>
      </c>
      <c r="F8470" s="40">
        <v>141.01666699999998</v>
      </c>
      <c r="G8470" s="40">
        <v>22.084332575617839</v>
      </c>
      <c r="H8470" s="40">
        <v>141.01666700000001</v>
      </c>
      <c r="I8470" s="40">
        <v>22.504551092789836</v>
      </c>
      <c r="L8470" s="40"/>
      <c r="M8470" s="40"/>
      <c r="N8470" s="40"/>
    </row>
    <row r="8471" spans="4:14" x14ac:dyDescent="0.25">
      <c r="D8471" s="40">
        <v>141.0443589999951</v>
      </c>
      <c r="E8471" s="40">
        <v>21.528641062490824</v>
      </c>
      <c r="F8471" s="40">
        <v>141.033333</v>
      </c>
      <c r="G8471" s="40">
        <v>22.084332575617839</v>
      </c>
      <c r="H8471" s="40">
        <v>141.033334</v>
      </c>
      <c r="I8471" s="40">
        <v>22.504551092789836</v>
      </c>
      <c r="L8471" s="40"/>
      <c r="M8471" s="40"/>
      <c r="N8471" s="40"/>
    </row>
    <row r="8472" spans="4:14" x14ac:dyDescent="0.25">
      <c r="D8472" s="40">
        <v>141.06102499999508</v>
      </c>
      <c r="E8472" s="40">
        <v>21.528641062490824</v>
      </c>
      <c r="F8472" s="40">
        <v>141.04999999999998</v>
      </c>
      <c r="G8472" s="40">
        <v>22.084332575617839</v>
      </c>
      <c r="H8472" s="40">
        <v>141.05000000000001</v>
      </c>
      <c r="I8472" s="40">
        <v>22.507805219046599</v>
      </c>
      <c r="L8472" s="40"/>
      <c r="M8472" s="40"/>
      <c r="N8472" s="40"/>
    </row>
    <row r="8473" spans="4:14" x14ac:dyDescent="0.25">
      <c r="D8473" s="40">
        <v>141.07769099999507</v>
      </c>
      <c r="E8473" s="40">
        <v>21.528641062490824</v>
      </c>
      <c r="F8473" s="40">
        <v>141.066667</v>
      </c>
      <c r="G8473" s="40">
        <v>22.089087819708059</v>
      </c>
      <c r="H8473" s="40">
        <v>141.066667</v>
      </c>
      <c r="I8473" s="40">
        <v>22.507805219046599</v>
      </c>
      <c r="L8473" s="40"/>
      <c r="M8473" s="40"/>
      <c r="N8473" s="40"/>
    </row>
    <row r="8474" spans="4:14" x14ac:dyDescent="0.25">
      <c r="D8474" s="40">
        <v>141.09435699999506</v>
      </c>
      <c r="E8474" s="40">
        <v>21.528641062490824</v>
      </c>
      <c r="F8474" s="40">
        <v>141.08333299999998</v>
      </c>
      <c r="G8474" s="40">
        <v>22.089087819708059</v>
      </c>
      <c r="H8474" s="40">
        <v>141.08333400000001</v>
      </c>
      <c r="I8474" s="40">
        <v>22.511157955189855</v>
      </c>
      <c r="L8474" s="40"/>
      <c r="M8474" s="40"/>
      <c r="N8474" s="40"/>
    </row>
    <row r="8475" spans="4:14" x14ac:dyDescent="0.25">
      <c r="D8475" s="40">
        <v>141.11102299999504</v>
      </c>
      <c r="E8475" s="40">
        <v>21.528641062490824</v>
      </c>
      <c r="F8475" s="40">
        <v>141.1</v>
      </c>
      <c r="G8475" s="40">
        <v>22.084332575617839</v>
      </c>
      <c r="H8475" s="40">
        <v>141.1</v>
      </c>
      <c r="I8475" s="40">
        <v>22.511157955189855</v>
      </c>
      <c r="L8475" s="40"/>
      <c r="M8475" s="40"/>
      <c r="N8475" s="40"/>
    </row>
    <row r="8476" spans="4:14" x14ac:dyDescent="0.25">
      <c r="D8476" s="40">
        <v>141.12768899999503</v>
      </c>
      <c r="E8476" s="40">
        <v>21.523797883901278</v>
      </c>
      <c r="F8476" s="40">
        <v>141.11666700000001</v>
      </c>
      <c r="G8476" s="40">
        <v>22.084332575617839</v>
      </c>
      <c r="H8476" s="40">
        <v>141.11666700000001</v>
      </c>
      <c r="I8476" s="40">
        <v>22.514510691333115</v>
      </c>
      <c r="L8476" s="40"/>
      <c r="M8476" s="40"/>
      <c r="N8476" s="40"/>
    </row>
    <row r="8477" spans="4:14" x14ac:dyDescent="0.25">
      <c r="D8477" s="40">
        <v>141.14435499999502</v>
      </c>
      <c r="E8477" s="40">
        <v>21.523797883901278</v>
      </c>
      <c r="F8477" s="40">
        <v>141.13333299999999</v>
      </c>
      <c r="G8477" s="40">
        <v>22.084332575617839</v>
      </c>
      <c r="H8477" s="40">
        <v>141.13333400000002</v>
      </c>
      <c r="I8477" s="40">
        <v>22.514510691333115</v>
      </c>
      <c r="L8477" s="40"/>
      <c r="M8477" s="40"/>
      <c r="N8477" s="40"/>
    </row>
    <row r="8478" spans="4:14" x14ac:dyDescent="0.25">
      <c r="D8478" s="40">
        <v>141.161020999995</v>
      </c>
      <c r="E8478" s="40">
        <v>21.523797883901278</v>
      </c>
      <c r="F8478" s="40">
        <v>141.15</v>
      </c>
      <c r="G8478" s="40">
        <v>22.084332575617839</v>
      </c>
      <c r="H8478" s="40">
        <v>141.15</v>
      </c>
      <c r="I8478" s="40">
        <v>22.517764817589875</v>
      </c>
      <c r="L8478" s="40"/>
      <c r="M8478" s="40"/>
      <c r="N8478" s="40"/>
    </row>
    <row r="8479" spans="4:14" x14ac:dyDescent="0.25">
      <c r="D8479" s="40">
        <v>141.17768699999499</v>
      </c>
      <c r="E8479" s="40">
        <v>21.518954705311724</v>
      </c>
      <c r="F8479" s="40">
        <v>141.16666699999999</v>
      </c>
      <c r="G8479" s="40">
        <v>22.084332575617839</v>
      </c>
      <c r="H8479" s="40">
        <v>141.16666700000002</v>
      </c>
      <c r="I8479" s="40">
        <v>22.517764817589875</v>
      </c>
      <c r="L8479" s="40"/>
      <c r="M8479" s="40"/>
      <c r="N8479" s="40"/>
    </row>
    <row r="8480" spans="4:14" x14ac:dyDescent="0.25">
      <c r="D8480" s="40">
        <v>141.19435299999498</v>
      </c>
      <c r="E8480" s="40">
        <v>21.523797883901278</v>
      </c>
      <c r="F8480" s="40">
        <v>141.183333</v>
      </c>
      <c r="G8480" s="40">
        <v>22.084332575617839</v>
      </c>
      <c r="H8480" s="40">
        <v>141.183334</v>
      </c>
      <c r="I8480" s="40">
        <v>22.521117553733305</v>
      </c>
      <c r="L8480" s="40"/>
      <c r="M8480" s="40"/>
      <c r="N8480" s="40"/>
    </row>
    <row r="8481" spans="4:14" x14ac:dyDescent="0.25">
      <c r="D8481" s="40">
        <v>141.21101899999496</v>
      </c>
      <c r="E8481" s="40">
        <v>21.523797883901278</v>
      </c>
      <c r="F8481" s="40">
        <v>141.19999999999999</v>
      </c>
      <c r="G8481" s="40">
        <v>22.079717191647941</v>
      </c>
      <c r="H8481" s="40">
        <v>141.20000000000002</v>
      </c>
      <c r="I8481" s="40">
        <v>22.524470289876565</v>
      </c>
      <c r="L8481" s="40"/>
      <c r="M8481" s="40"/>
      <c r="N8481" s="40"/>
    </row>
    <row r="8482" spans="4:14" x14ac:dyDescent="0.25">
      <c r="D8482" s="40">
        <v>141.22768499999495</v>
      </c>
      <c r="E8482" s="40">
        <v>21.523797883901278</v>
      </c>
      <c r="F8482" s="40">
        <v>141.216667</v>
      </c>
      <c r="G8482" s="40">
        <v>22.079717191647941</v>
      </c>
      <c r="H8482" s="40">
        <v>141.216667</v>
      </c>
      <c r="I8482" s="40">
        <v>22.524470289876565</v>
      </c>
      <c r="L8482" s="40"/>
      <c r="M8482" s="40"/>
      <c r="N8482" s="40"/>
    </row>
    <row r="8483" spans="4:14" x14ac:dyDescent="0.25">
      <c r="D8483" s="40">
        <v>141.24435099999494</v>
      </c>
      <c r="E8483" s="40">
        <v>21.523797883901278</v>
      </c>
      <c r="F8483" s="40">
        <v>141.23333299999999</v>
      </c>
      <c r="G8483" s="40">
        <v>22.079717191647941</v>
      </c>
      <c r="H8483" s="40">
        <v>141.23333400000001</v>
      </c>
      <c r="I8483" s="40">
        <v>22.524470289876565</v>
      </c>
      <c r="L8483" s="40"/>
      <c r="M8483" s="40"/>
      <c r="N8483" s="40"/>
    </row>
    <row r="8484" spans="4:14" x14ac:dyDescent="0.25">
      <c r="D8484" s="40">
        <v>141.26101699999492</v>
      </c>
      <c r="E8484" s="40">
        <v>21.528641062490824</v>
      </c>
      <c r="F8484" s="40">
        <v>141.25</v>
      </c>
      <c r="G8484" s="40">
        <v>22.079717191647941</v>
      </c>
      <c r="H8484" s="40">
        <v>141.25</v>
      </c>
      <c r="I8484" s="40">
        <v>22.527724416133328</v>
      </c>
      <c r="L8484" s="40"/>
      <c r="M8484" s="40"/>
      <c r="N8484" s="40"/>
    </row>
    <row r="8485" spans="4:14" x14ac:dyDescent="0.25">
      <c r="D8485" s="40">
        <v>141.27768299999491</v>
      </c>
      <c r="E8485" s="40">
        <v>21.528641062490824</v>
      </c>
      <c r="F8485" s="40">
        <v>141.26666699999998</v>
      </c>
      <c r="G8485" s="40">
        <v>22.079717191647941</v>
      </c>
      <c r="H8485" s="40">
        <v>141.26666700000001</v>
      </c>
      <c r="I8485" s="40">
        <v>22.527724416133328</v>
      </c>
      <c r="L8485" s="40"/>
      <c r="M8485" s="40"/>
      <c r="N8485" s="40"/>
    </row>
    <row r="8486" spans="4:14" x14ac:dyDescent="0.25">
      <c r="D8486" s="40">
        <v>141.2943489999949</v>
      </c>
      <c r="E8486" s="40">
        <v>21.528641062490824</v>
      </c>
      <c r="F8486" s="40">
        <v>141.283333</v>
      </c>
      <c r="G8486" s="40">
        <v>22.079717191647941</v>
      </c>
      <c r="H8486" s="40">
        <v>141.283334</v>
      </c>
      <c r="I8486" s="40">
        <v>22.531077152276584</v>
      </c>
      <c r="L8486" s="40"/>
      <c r="M8486" s="40"/>
      <c r="N8486" s="40"/>
    </row>
    <row r="8487" spans="4:14" x14ac:dyDescent="0.25">
      <c r="D8487" s="40">
        <v>141.31101499999488</v>
      </c>
      <c r="E8487" s="40">
        <v>21.528641062490824</v>
      </c>
      <c r="F8487" s="40">
        <v>141.29999999999998</v>
      </c>
      <c r="G8487" s="40">
        <v>22.079717191647941</v>
      </c>
      <c r="H8487" s="40">
        <v>141.30000000000001</v>
      </c>
      <c r="I8487" s="40">
        <v>22.534429888419844</v>
      </c>
      <c r="L8487" s="40"/>
      <c r="M8487" s="40"/>
      <c r="N8487" s="40"/>
    </row>
    <row r="8488" spans="4:14" x14ac:dyDescent="0.25">
      <c r="D8488" s="40">
        <v>141.32768099999487</v>
      </c>
      <c r="E8488" s="40">
        <v>21.533341794651122</v>
      </c>
      <c r="F8488" s="40">
        <v>141.316667</v>
      </c>
      <c r="G8488" s="40">
        <v>22.079717191647941</v>
      </c>
      <c r="H8488" s="40">
        <v>141.316667</v>
      </c>
      <c r="I8488" s="40">
        <v>22.534429888419844</v>
      </c>
      <c r="L8488" s="40"/>
      <c r="M8488" s="40"/>
      <c r="N8488" s="40"/>
    </row>
    <row r="8489" spans="4:14" x14ac:dyDescent="0.25">
      <c r="D8489" s="40">
        <v>141.34434699999485</v>
      </c>
      <c r="E8489" s="40">
        <v>21.533341794651122</v>
      </c>
      <c r="F8489" s="40">
        <v>141.33333299999998</v>
      </c>
      <c r="G8489" s="40">
        <v>22.079717191647941</v>
      </c>
      <c r="H8489" s="40">
        <v>141.33333400000001</v>
      </c>
      <c r="I8489" s="40">
        <v>22.534429888419844</v>
      </c>
      <c r="L8489" s="40"/>
      <c r="M8489" s="40"/>
      <c r="N8489" s="40"/>
    </row>
    <row r="8490" spans="4:14" x14ac:dyDescent="0.25">
      <c r="D8490" s="40">
        <v>141.36101299999484</v>
      </c>
      <c r="E8490" s="40">
        <v>21.538184973240671</v>
      </c>
      <c r="F8490" s="40">
        <v>141.35</v>
      </c>
      <c r="G8490" s="40">
        <v>22.079717191647941</v>
      </c>
      <c r="H8490" s="40">
        <v>141.35</v>
      </c>
      <c r="I8490" s="40">
        <v>22.537684014676607</v>
      </c>
      <c r="L8490" s="40"/>
      <c r="M8490" s="40"/>
      <c r="N8490" s="40"/>
    </row>
    <row r="8491" spans="4:14" x14ac:dyDescent="0.25">
      <c r="D8491" s="40">
        <v>141.37767899999483</v>
      </c>
      <c r="E8491" s="40">
        <v>21.538184973240671</v>
      </c>
      <c r="F8491" s="40">
        <v>141.36666700000001</v>
      </c>
      <c r="G8491" s="40">
        <v>22.079717191647941</v>
      </c>
      <c r="H8491" s="40">
        <v>141.36666700000001</v>
      </c>
      <c r="I8491" s="40">
        <v>22.537684014676607</v>
      </c>
      <c r="L8491" s="40"/>
      <c r="M8491" s="40"/>
      <c r="N8491" s="40"/>
    </row>
    <row r="8492" spans="4:14" x14ac:dyDescent="0.25">
      <c r="D8492" s="40">
        <v>141.39434499999481</v>
      </c>
      <c r="E8492" s="40">
        <v>21.538184973240671</v>
      </c>
      <c r="F8492" s="40">
        <v>141.38333299999999</v>
      </c>
      <c r="G8492" s="40">
        <v>22.079717191647941</v>
      </c>
      <c r="H8492" s="40">
        <v>141.38333400000002</v>
      </c>
      <c r="I8492" s="40">
        <v>22.541036750820037</v>
      </c>
      <c r="L8492" s="40"/>
      <c r="M8492" s="40"/>
      <c r="N8492" s="40"/>
    </row>
    <row r="8493" spans="4:14" x14ac:dyDescent="0.25">
      <c r="D8493" s="40">
        <v>141.4110109999948</v>
      </c>
      <c r="E8493" s="40">
        <v>21.538184973240671</v>
      </c>
      <c r="F8493" s="40">
        <v>141.4</v>
      </c>
      <c r="G8493" s="40">
        <v>22.079717191647941</v>
      </c>
      <c r="H8493" s="40">
        <v>141.4</v>
      </c>
      <c r="I8493" s="40">
        <v>22.541036750820037</v>
      </c>
      <c r="L8493" s="40"/>
      <c r="M8493" s="40"/>
      <c r="N8493" s="40"/>
    </row>
    <row r="8494" spans="4:14" x14ac:dyDescent="0.25">
      <c r="D8494" s="40">
        <v>141.42767699999479</v>
      </c>
      <c r="E8494" s="40">
        <v>21.538184973240671</v>
      </c>
      <c r="F8494" s="40">
        <v>141.41666699999999</v>
      </c>
      <c r="G8494" s="40">
        <v>22.079717191647941</v>
      </c>
      <c r="H8494" s="40">
        <v>141.41666700000002</v>
      </c>
      <c r="I8494" s="40">
        <v>22.544389486963293</v>
      </c>
      <c r="L8494" s="40"/>
      <c r="M8494" s="40"/>
      <c r="N8494" s="40"/>
    </row>
    <row r="8495" spans="4:14" x14ac:dyDescent="0.25">
      <c r="D8495" s="40">
        <v>141.44434299999477</v>
      </c>
      <c r="E8495" s="40">
        <v>21.538184973240671</v>
      </c>
      <c r="F8495" s="40">
        <v>141.433333</v>
      </c>
      <c r="G8495" s="40">
        <v>22.079717191647941</v>
      </c>
      <c r="H8495" s="40">
        <v>141.433334</v>
      </c>
      <c r="I8495" s="40">
        <v>22.544389486963293</v>
      </c>
      <c r="L8495" s="40"/>
      <c r="M8495" s="40"/>
      <c r="N8495" s="40"/>
    </row>
    <row r="8496" spans="4:14" x14ac:dyDescent="0.25">
      <c r="D8496" s="40">
        <v>141.46100899999476</v>
      </c>
      <c r="E8496" s="40">
        <v>21.538184973240671</v>
      </c>
      <c r="F8496" s="40">
        <v>141.44999999999999</v>
      </c>
      <c r="G8496" s="40">
        <v>22.079717191647941</v>
      </c>
      <c r="H8496" s="40">
        <v>141.45000000000002</v>
      </c>
      <c r="I8496" s="40">
        <v>22.547742223106553</v>
      </c>
      <c r="L8496" s="40"/>
      <c r="M8496" s="40"/>
      <c r="N8496" s="40"/>
    </row>
    <row r="8497" spans="4:14" x14ac:dyDescent="0.25">
      <c r="D8497" s="40">
        <v>141.47767499999475</v>
      </c>
      <c r="E8497" s="40">
        <v>21.543028151830217</v>
      </c>
      <c r="F8497" s="40">
        <v>141.466667</v>
      </c>
      <c r="G8497" s="40">
        <v>22.079717191647941</v>
      </c>
      <c r="H8497" s="40">
        <v>141.466667</v>
      </c>
      <c r="I8497" s="40">
        <v>22.547742223106553</v>
      </c>
      <c r="L8497" s="40"/>
      <c r="M8497" s="40"/>
      <c r="N8497" s="40"/>
    </row>
    <row r="8498" spans="4:14" x14ac:dyDescent="0.25">
      <c r="D8498" s="40">
        <v>141.49434099999473</v>
      </c>
      <c r="E8498" s="40">
        <v>21.543028151830217</v>
      </c>
      <c r="F8498" s="40">
        <v>141.48333299999999</v>
      </c>
      <c r="G8498" s="40">
        <v>22.079717191647941</v>
      </c>
      <c r="H8498" s="40">
        <v>141.48333400000001</v>
      </c>
      <c r="I8498" s="40">
        <v>22.550996349363317</v>
      </c>
      <c r="L8498" s="40"/>
      <c r="M8498" s="40"/>
      <c r="N8498" s="40"/>
    </row>
    <row r="8499" spans="4:14" x14ac:dyDescent="0.25">
      <c r="D8499" s="40">
        <v>141.51100699999472</v>
      </c>
      <c r="E8499" s="40">
        <v>21.543028151830217</v>
      </c>
      <c r="F8499" s="40">
        <v>141.5</v>
      </c>
      <c r="G8499" s="40">
        <v>22.079717191647941</v>
      </c>
      <c r="H8499" s="40">
        <v>141.5</v>
      </c>
      <c r="I8499" s="40">
        <v>22.550996349363317</v>
      </c>
      <c r="L8499" s="40"/>
      <c r="M8499" s="40"/>
      <c r="N8499" s="40"/>
    </row>
    <row r="8500" spans="4:14" x14ac:dyDescent="0.25">
      <c r="D8500" s="40">
        <v>141.52767299999471</v>
      </c>
      <c r="E8500" s="40">
        <v>21.543028151830217</v>
      </c>
      <c r="F8500" s="40">
        <v>141.51666699999998</v>
      </c>
      <c r="G8500" s="40">
        <v>22.084332575617839</v>
      </c>
      <c r="H8500" s="40">
        <v>141.51666700000001</v>
      </c>
      <c r="I8500" s="40">
        <v>22.55434908550675</v>
      </c>
      <c r="L8500" s="40"/>
      <c r="M8500" s="40"/>
      <c r="N8500" s="40"/>
    </row>
    <row r="8501" spans="4:14" x14ac:dyDescent="0.25">
      <c r="D8501" s="40">
        <v>141.54433899999469</v>
      </c>
      <c r="E8501" s="40">
        <v>21.543028151830217</v>
      </c>
      <c r="F8501" s="40">
        <v>141.533333</v>
      </c>
      <c r="G8501" s="40">
        <v>22.084332575617839</v>
      </c>
      <c r="H8501" s="40">
        <v>141.533334</v>
      </c>
      <c r="I8501" s="40">
        <v>22.55434908550675</v>
      </c>
      <c r="L8501" s="40"/>
      <c r="M8501" s="40"/>
      <c r="N8501" s="40"/>
    </row>
    <row r="8502" spans="4:14" x14ac:dyDescent="0.25">
      <c r="D8502" s="40">
        <v>141.56100499999468</v>
      </c>
      <c r="E8502" s="40">
        <v>21.543028151830217</v>
      </c>
      <c r="F8502" s="40">
        <v>141.54999999999998</v>
      </c>
      <c r="G8502" s="40">
        <v>22.084332575617839</v>
      </c>
      <c r="H8502" s="40">
        <v>141.55000000000001</v>
      </c>
      <c r="I8502" s="40">
        <v>22.557701821650003</v>
      </c>
      <c r="L8502" s="40"/>
      <c r="M8502" s="40"/>
      <c r="N8502" s="40"/>
    </row>
    <row r="8503" spans="4:14" x14ac:dyDescent="0.25">
      <c r="D8503" s="40">
        <v>141.57767099999467</v>
      </c>
      <c r="E8503" s="40">
        <v>21.543028151830217</v>
      </c>
      <c r="F8503" s="40">
        <v>141.566667</v>
      </c>
      <c r="G8503" s="40">
        <v>22.084332575617839</v>
      </c>
      <c r="H8503" s="40">
        <v>141.566667</v>
      </c>
      <c r="I8503" s="40">
        <v>22.557701821650003</v>
      </c>
      <c r="L8503" s="40"/>
      <c r="M8503" s="40"/>
      <c r="N8503" s="40"/>
    </row>
    <row r="8504" spans="4:14" x14ac:dyDescent="0.25">
      <c r="D8504" s="40">
        <v>141.59433699999465</v>
      </c>
      <c r="E8504" s="40">
        <v>21.543028151830217</v>
      </c>
      <c r="F8504" s="40">
        <v>141.58333299999998</v>
      </c>
      <c r="G8504" s="40">
        <v>22.084332575617839</v>
      </c>
      <c r="H8504" s="40">
        <v>141.58333400000001</v>
      </c>
      <c r="I8504" s="40">
        <v>22.560955947906766</v>
      </c>
      <c r="L8504" s="40"/>
      <c r="M8504" s="40"/>
      <c r="N8504" s="40"/>
    </row>
    <row r="8505" spans="4:14" x14ac:dyDescent="0.25">
      <c r="D8505" s="40">
        <v>141.61100299999464</v>
      </c>
      <c r="E8505" s="40">
        <v>21.543028151830217</v>
      </c>
      <c r="F8505" s="40">
        <v>141.6</v>
      </c>
      <c r="G8505" s="40">
        <v>22.084332575617839</v>
      </c>
      <c r="H8505" s="40">
        <v>141.6</v>
      </c>
      <c r="I8505" s="40">
        <v>22.560955947906766</v>
      </c>
      <c r="L8505" s="40"/>
      <c r="M8505" s="40"/>
      <c r="N8505" s="40"/>
    </row>
    <row r="8506" spans="4:14" x14ac:dyDescent="0.25">
      <c r="D8506" s="40">
        <v>141.62766899999463</v>
      </c>
      <c r="E8506" s="40">
        <v>21.543028151830217</v>
      </c>
      <c r="F8506" s="40">
        <v>141.61666700000001</v>
      </c>
      <c r="G8506" s="40">
        <v>22.089087819708059</v>
      </c>
      <c r="H8506" s="40">
        <v>141.61666700000001</v>
      </c>
      <c r="I8506" s="40">
        <v>22.560955947906766</v>
      </c>
      <c r="L8506" s="40"/>
      <c r="M8506" s="40"/>
      <c r="N8506" s="40"/>
    </row>
    <row r="8507" spans="4:14" x14ac:dyDescent="0.25">
      <c r="D8507" s="40">
        <v>141.64433499999461</v>
      </c>
      <c r="E8507" s="40">
        <v>21.543028151830217</v>
      </c>
      <c r="F8507" s="40">
        <v>141.63333299999999</v>
      </c>
      <c r="G8507" s="40">
        <v>22.089087819708059</v>
      </c>
      <c r="H8507" s="40">
        <v>141.63333400000002</v>
      </c>
      <c r="I8507" s="40">
        <v>22.564308684050022</v>
      </c>
      <c r="L8507" s="40"/>
      <c r="M8507" s="40"/>
      <c r="N8507" s="40"/>
    </row>
    <row r="8508" spans="4:14" x14ac:dyDescent="0.25">
      <c r="D8508" s="40">
        <v>141.6610009999946</v>
      </c>
      <c r="E8508" s="40">
        <v>21.543028151830217</v>
      </c>
      <c r="F8508" s="40">
        <v>141.65</v>
      </c>
      <c r="G8508" s="40">
        <v>22.089087819708059</v>
      </c>
      <c r="H8508" s="40">
        <v>141.65</v>
      </c>
      <c r="I8508" s="40">
        <v>22.564308684050022</v>
      </c>
      <c r="L8508" s="40"/>
      <c r="M8508" s="40"/>
      <c r="N8508" s="40"/>
    </row>
    <row r="8509" spans="4:14" x14ac:dyDescent="0.25">
      <c r="D8509" s="40">
        <v>141.67766699999459</v>
      </c>
      <c r="E8509" s="40">
        <v>21.538184973240671</v>
      </c>
      <c r="F8509" s="40">
        <v>141.66666699999999</v>
      </c>
      <c r="G8509" s="40">
        <v>22.089087819708059</v>
      </c>
      <c r="H8509" s="40">
        <v>141.66666700000002</v>
      </c>
      <c r="I8509" s="40">
        <v>22.567661420193282</v>
      </c>
      <c r="L8509" s="40"/>
      <c r="M8509" s="40"/>
      <c r="N8509" s="40"/>
    </row>
    <row r="8510" spans="4:14" x14ac:dyDescent="0.25">
      <c r="D8510" s="40">
        <v>141.69433299999457</v>
      </c>
      <c r="E8510" s="40">
        <v>21.538184973240671</v>
      </c>
      <c r="F8510" s="40">
        <v>141.683333</v>
      </c>
      <c r="G8510" s="40">
        <v>22.089087819708059</v>
      </c>
      <c r="H8510" s="40">
        <v>141.683334</v>
      </c>
      <c r="I8510" s="40">
        <v>22.567661420193282</v>
      </c>
      <c r="L8510" s="40"/>
      <c r="M8510" s="40"/>
      <c r="N8510" s="40"/>
    </row>
    <row r="8511" spans="4:14" x14ac:dyDescent="0.25">
      <c r="D8511" s="40">
        <v>141.71099899999456</v>
      </c>
      <c r="E8511" s="40">
        <v>21.538184973240671</v>
      </c>
      <c r="F8511" s="40">
        <v>141.69999999999999</v>
      </c>
      <c r="G8511" s="40">
        <v>22.089087819708059</v>
      </c>
      <c r="H8511" s="40">
        <v>141.70000000000002</v>
      </c>
      <c r="I8511" s="40">
        <v>22.570915546450045</v>
      </c>
      <c r="L8511" s="40"/>
      <c r="M8511" s="40"/>
      <c r="N8511" s="40"/>
    </row>
    <row r="8512" spans="4:14" x14ac:dyDescent="0.25">
      <c r="D8512" s="40">
        <v>141.72766499999454</v>
      </c>
      <c r="E8512" s="40">
        <v>21.538184973240671</v>
      </c>
      <c r="F8512" s="40">
        <v>141.716667</v>
      </c>
      <c r="G8512" s="40">
        <v>22.089087819708059</v>
      </c>
      <c r="H8512" s="40">
        <v>141.716667</v>
      </c>
      <c r="I8512" s="40">
        <v>22.570915546450045</v>
      </c>
      <c r="L8512" s="40"/>
      <c r="M8512" s="40"/>
      <c r="N8512" s="40"/>
    </row>
    <row r="8513" spans="4:14" x14ac:dyDescent="0.25">
      <c r="D8513" s="40">
        <v>141.74433099999453</v>
      </c>
      <c r="E8513" s="40">
        <v>21.538184973240671</v>
      </c>
      <c r="F8513" s="40">
        <v>141.73333299999999</v>
      </c>
      <c r="G8513" s="40">
        <v>22.093843063798278</v>
      </c>
      <c r="H8513" s="40">
        <v>141.73333400000001</v>
      </c>
      <c r="I8513" s="40">
        <v>22.574268282593479</v>
      </c>
      <c r="L8513" s="40"/>
      <c r="M8513" s="40"/>
      <c r="N8513" s="40"/>
    </row>
    <row r="8514" spans="4:14" x14ac:dyDescent="0.25">
      <c r="D8514" s="40">
        <v>141.76099699999452</v>
      </c>
      <c r="E8514" s="40">
        <v>21.538184973240671</v>
      </c>
      <c r="F8514" s="40">
        <v>141.75</v>
      </c>
      <c r="G8514" s="40">
        <v>22.093843063798278</v>
      </c>
      <c r="H8514" s="40">
        <v>141.75</v>
      </c>
      <c r="I8514" s="40">
        <v>22.574268282593479</v>
      </c>
      <c r="L8514" s="40"/>
      <c r="M8514" s="40"/>
      <c r="N8514" s="40"/>
    </row>
    <row r="8515" spans="4:14" x14ac:dyDescent="0.25">
      <c r="D8515" s="40">
        <v>141.7776629999945</v>
      </c>
      <c r="E8515" s="40">
        <v>21.538184973240671</v>
      </c>
      <c r="F8515" s="40">
        <v>141.76666699999998</v>
      </c>
      <c r="G8515" s="40">
        <v>22.093843063798278</v>
      </c>
      <c r="H8515" s="40">
        <v>141.76666700000001</v>
      </c>
      <c r="I8515" s="40">
        <v>22.577621018736732</v>
      </c>
      <c r="L8515" s="40"/>
      <c r="M8515" s="40"/>
      <c r="N8515" s="40"/>
    </row>
    <row r="8516" spans="4:14" x14ac:dyDescent="0.25">
      <c r="D8516" s="40">
        <v>141.79432899999449</v>
      </c>
      <c r="E8516" s="40">
        <v>21.538184973240671</v>
      </c>
      <c r="F8516" s="40">
        <v>141.783333</v>
      </c>
      <c r="G8516" s="40">
        <v>22.093843063798278</v>
      </c>
      <c r="H8516" s="40">
        <v>141.783334</v>
      </c>
      <c r="I8516" s="40">
        <v>22.577621018736732</v>
      </c>
      <c r="L8516" s="40"/>
      <c r="M8516" s="40"/>
      <c r="N8516" s="40"/>
    </row>
    <row r="8517" spans="4:14" x14ac:dyDescent="0.25">
      <c r="D8517" s="40">
        <v>141.81099499999448</v>
      </c>
      <c r="E8517" s="40">
        <v>21.538184973240671</v>
      </c>
      <c r="F8517" s="40">
        <v>141.79999999999998</v>
      </c>
      <c r="G8517" s="40">
        <v>22.093843063798278</v>
      </c>
      <c r="H8517" s="40">
        <v>141.80000000000001</v>
      </c>
      <c r="I8517" s="40">
        <v>22.580875144993495</v>
      </c>
      <c r="L8517" s="40"/>
      <c r="M8517" s="40"/>
      <c r="N8517" s="40"/>
    </row>
    <row r="8518" spans="4:14" x14ac:dyDescent="0.25">
      <c r="D8518" s="40">
        <v>141.82766099999446</v>
      </c>
      <c r="E8518" s="40">
        <v>21.538184973240671</v>
      </c>
      <c r="F8518" s="40">
        <v>141.816667</v>
      </c>
      <c r="G8518" s="40">
        <v>22.093843063798278</v>
      </c>
      <c r="H8518" s="40">
        <v>141.816667</v>
      </c>
      <c r="I8518" s="40">
        <v>22.580875144993495</v>
      </c>
      <c r="L8518" s="40"/>
      <c r="M8518" s="40"/>
      <c r="N8518" s="40"/>
    </row>
    <row r="8519" spans="4:14" x14ac:dyDescent="0.25">
      <c r="D8519" s="40">
        <v>141.84432699999445</v>
      </c>
      <c r="E8519" s="40">
        <v>21.538184973240671</v>
      </c>
      <c r="F8519" s="40">
        <v>141.83333299999998</v>
      </c>
      <c r="G8519" s="40">
        <v>22.093843063798278</v>
      </c>
      <c r="H8519" s="40">
        <v>141.83333400000001</v>
      </c>
      <c r="I8519" s="40">
        <v>22.584227881136755</v>
      </c>
      <c r="L8519" s="40"/>
      <c r="M8519" s="40"/>
      <c r="N8519" s="40"/>
    </row>
    <row r="8520" spans="4:14" x14ac:dyDescent="0.25">
      <c r="D8520" s="40">
        <v>141.86099299999444</v>
      </c>
      <c r="E8520" s="40">
        <v>21.538184973240671</v>
      </c>
      <c r="F8520" s="40">
        <v>141.85</v>
      </c>
      <c r="G8520" s="40">
        <v>22.098458447768056</v>
      </c>
      <c r="H8520" s="40">
        <v>141.85</v>
      </c>
      <c r="I8520" s="40">
        <v>22.584227881136755</v>
      </c>
      <c r="L8520" s="40"/>
      <c r="M8520" s="40"/>
      <c r="N8520" s="40"/>
    </row>
    <row r="8521" spans="4:14" x14ac:dyDescent="0.25">
      <c r="D8521" s="40">
        <v>141.87765899999442</v>
      </c>
      <c r="E8521" s="40">
        <v>21.543028151830217</v>
      </c>
      <c r="F8521" s="40">
        <v>141.86666700000001</v>
      </c>
      <c r="G8521" s="40">
        <v>22.098458447768056</v>
      </c>
      <c r="H8521" s="40">
        <v>141.86666700000001</v>
      </c>
      <c r="I8521" s="40">
        <v>22.587580617280189</v>
      </c>
      <c r="L8521" s="40"/>
      <c r="M8521" s="40"/>
      <c r="N8521" s="40"/>
    </row>
    <row r="8522" spans="4:14" x14ac:dyDescent="0.25">
      <c r="D8522" s="40">
        <v>141.89432499999441</v>
      </c>
      <c r="E8522" s="40">
        <v>21.538184973240671</v>
      </c>
      <c r="F8522" s="40">
        <v>141.88333299999999</v>
      </c>
      <c r="G8522" s="40">
        <v>22.098458447768056</v>
      </c>
      <c r="H8522" s="40">
        <v>141.88333400000002</v>
      </c>
      <c r="I8522" s="40">
        <v>22.587580617280189</v>
      </c>
      <c r="L8522" s="40"/>
      <c r="M8522" s="40"/>
      <c r="N8522" s="40"/>
    </row>
    <row r="8523" spans="4:14" x14ac:dyDescent="0.25">
      <c r="D8523" s="40">
        <v>141.9109909999944</v>
      </c>
      <c r="E8523" s="40">
        <v>21.538184973240671</v>
      </c>
      <c r="F8523" s="40">
        <v>141.9</v>
      </c>
      <c r="G8523" s="40">
        <v>22.098458447768056</v>
      </c>
      <c r="H8523" s="40">
        <v>141.9</v>
      </c>
      <c r="I8523" s="40">
        <v>22.590834743536774</v>
      </c>
      <c r="L8523" s="40"/>
      <c r="M8523" s="40"/>
      <c r="N8523" s="40"/>
    </row>
    <row r="8524" spans="4:14" x14ac:dyDescent="0.25">
      <c r="D8524" s="40">
        <v>141.92765699999438</v>
      </c>
      <c r="E8524" s="40">
        <v>21.538184973240671</v>
      </c>
      <c r="F8524" s="40">
        <v>141.91666699999999</v>
      </c>
      <c r="G8524" s="40">
        <v>22.093843063798278</v>
      </c>
      <c r="H8524" s="40">
        <v>141.91666700000002</v>
      </c>
      <c r="I8524" s="40">
        <v>22.590834743536774</v>
      </c>
      <c r="L8524" s="40"/>
      <c r="M8524" s="40"/>
      <c r="N8524" s="40"/>
    </row>
    <row r="8525" spans="4:14" x14ac:dyDescent="0.25">
      <c r="D8525" s="40">
        <v>141.94432299999437</v>
      </c>
      <c r="E8525" s="40">
        <v>21.538184973240671</v>
      </c>
      <c r="F8525" s="40">
        <v>141.933333</v>
      </c>
      <c r="G8525" s="40">
        <v>22.093843063798278</v>
      </c>
      <c r="H8525" s="40">
        <v>141.933334</v>
      </c>
      <c r="I8525" s="40">
        <v>22.594187479680208</v>
      </c>
      <c r="L8525" s="40"/>
      <c r="M8525" s="40"/>
      <c r="N8525" s="40"/>
    </row>
    <row r="8526" spans="4:14" x14ac:dyDescent="0.25">
      <c r="D8526" s="40">
        <v>141.96098899999436</v>
      </c>
      <c r="E8526" s="40">
        <v>21.538184973240671</v>
      </c>
      <c r="F8526" s="40">
        <v>141.94999999999999</v>
      </c>
      <c r="G8526" s="40">
        <v>22.098458447768056</v>
      </c>
      <c r="H8526" s="40">
        <v>141.95000000000002</v>
      </c>
      <c r="I8526" s="40">
        <v>22.594187479680208</v>
      </c>
      <c r="L8526" s="40"/>
      <c r="M8526" s="40"/>
      <c r="N8526" s="40"/>
    </row>
    <row r="8527" spans="4:14" x14ac:dyDescent="0.25">
      <c r="D8527" s="40">
        <v>141.97765499999434</v>
      </c>
      <c r="E8527" s="40">
        <v>21.538184973240671</v>
      </c>
      <c r="F8527" s="40">
        <v>141.966667</v>
      </c>
      <c r="G8527" s="40">
        <v>22.093843063798278</v>
      </c>
      <c r="H8527" s="40">
        <v>141.966667</v>
      </c>
      <c r="I8527" s="40">
        <v>22.594187479680208</v>
      </c>
      <c r="L8527" s="40"/>
      <c r="M8527" s="40"/>
      <c r="N8527" s="40"/>
    </row>
    <row r="8528" spans="4:14" x14ac:dyDescent="0.25">
      <c r="D8528" s="40">
        <v>141.99432099999433</v>
      </c>
      <c r="E8528" s="40">
        <v>21.538184973240671</v>
      </c>
      <c r="F8528" s="40">
        <v>141.98333299999999</v>
      </c>
      <c r="G8528" s="40">
        <v>22.093843063798278</v>
      </c>
      <c r="H8528" s="40">
        <v>141.98333400000001</v>
      </c>
      <c r="I8528" s="40">
        <v>22.597540215823464</v>
      </c>
      <c r="L8528" s="40"/>
      <c r="M8528" s="40"/>
      <c r="N8528" s="40"/>
    </row>
    <row r="8529" spans="4:14" x14ac:dyDescent="0.25">
      <c r="D8529" s="40">
        <v>142.01098699999432</v>
      </c>
      <c r="E8529" s="40">
        <v>21.538184973240671</v>
      </c>
      <c r="F8529" s="40">
        <v>142</v>
      </c>
      <c r="G8529" s="40">
        <v>22.093843063798278</v>
      </c>
      <c r="H8529" s="40">
        <v>142</v>
      </c>
      <c r="I8529" s="40">
        <v>22.600794342080228</v>
      </c>
      <c r="L8529" s="40"/>
      <c r="M8529" s="40"/>
      <c r="N8529" s="40"/>
    </row>
    <row r="8530" spans="4:14" x14ac:dyDescent="0.25">
      <c r="D8530" s="40">
        <v>142.0276529999943</v>
      </c>
      <c r="E8530" s="40">
        <v>21.538184973240671</v>
      </c>
      <c r="F8530" s="40">
        <v>142.01666699999998</v>
      </c>
      <c r="G8530" s="40">
        <v>22.093843063798278</v>
      </c>
      <c r="H8530" s="40">
        <v>142.01666700000001</v>
      </c>
      <c r="I8530" s="40">
        <v>22.600794342080228</v>
      </c>
      <c r="L8530" s="40"/>
      <c r="M8530" s="40"/>
      <c r="N8530" s="40"/>
    </row>
    <row r="8531" spans="4:14" x14ac:dyDescent="0.25">
      <c r="D8531" s="40">
        <v>142.04431899999429</v>
      </c>
      <c r="E8531" s="40">
        <v>21.538184973240671</v>
      </c>
      <c r="F8531" s="40">
        <v>142.033333</v>
      </c>
      <c r="G8531" s="40">
        <v>22.093843063798278</v>
      </c>
      <c r="H8531" s="40">
        <v>142.033334</v>
      </c>
      <c r="I8531" s="40">
        <v>22.600794342080228</v>
      </c>
      <c r="L8531" s="40"/>
      <c r="M8531" s="40"/>
      <c r="N8531" s="40"/>
    </row>
    <row r="8532" spans="4:14" x14ac:dyDescent="0.25">
      <c r="D8532" s="40">
        <v>142.06098499999428</v>
      </c>
      <c r="E8532" s="40">
        <v>21.538184973240671</v>
      </c>
      <c r="F8532" s="40">
        <v>142.04999999999998</v>
      </c>
      <c r="G8532" s="40">
        <v>22.093843063798278</v>
      </c>
      <c r="H8532" s="40">
        <v>142.05000000000001</v>
      </c>
      <c r="I8532" s="40">
        <v>22.604147078223484</v>
      </c>
      <c r="L8532" s="40"/>
      <c r="M8532" s="40"/>
      <c r="N8532" s="40"/>
    </row>
    <row r="8533" spans="4:14" x14ac:dyDescent="0.25">
      <c r="D8533" s="40">
        <v>142.07765099999426</v>
      </c>
      <c r="E8533" s="40">
        <v>21.538184973240671</v>
      </c>
      <c r="F8533" s="40">
        <v>142.066667</v>
      </c>
      <c r="G8533" s="40">
        <v>22.093843063798278</v>
      </c>
      <c r="H8533" s="40">
        <v>142.066667</v>
      </c>
      <c r="I8533" s="40">
        <v>22.604147078223484</v>
      </c>
      <c r="L8533" s="40"/>
      <c r="M8533" s="40"/>
      <c r="N8533" s="40"/>
    </row>
    <row r="8534" spans="4:14" x14ac:dyDescent="0.25">
      <c r="D8534" s="40">
        <v>142.09431699999425</v>
      </c>
      <c r="E8534" s="40">
        <v>21.538184973240671</v>
      </c>
      <c r="F8534" s="40">
        <v>142.08333299999998</v>
      </c>
      <c r="G8534" s="40">
        <v>22.093843063798278</v>
      </c>
      <c r="H8534" s="40">
        <v>142.08333400000001</v>
      </c>
      <c r="I8534" s="40">
        <v>22.607499814366918</v>
      </c>
      <c r="L8534" s="40"/>
      <c r="M8534" s="40"/>
      <c r="N8534" s="40"/>
    </row>
    <row r="8535" spans="4:14" x14ac:dyDescent="0.25">
      <c r="D8535" s="40">
        <v>142.11098299999423</v>
      </c>
      <c r="E8535" s="40">
        <v>21.538184973240671</v>
      </c>
      <c r="F8535" s="40">
        <v>142.1</v>
      </c>
      <c r="G8535" s="40">
        <v>22.093843063798278</v>
      </c>
      <c r="H8535" s="40">
        <v>142.1</v>
      </c>
      <c r="I8535" s="40">
        <v>22.607499814366918</v>
      </c>
      <c r="L8535" s="40"/>
      <c r="M8535" s="40"/>
      <c r="N8535" s="40"/>
    </row>
    <row r="8536" spans="4:14" x14ac:dyDescent="0.25">
      <c r="D8536" s="40">
        <v>142.12764899999422</v>
      </c>
      <c r="E8536" s="40">
        <v>21.538184973240671</v>
      </c>
      <c r="F8536" s="40">
        <v>142.11666700000001</v>
      </c>
      <c r="G8536" s="40">
        <v>22.093843063798278</v>
      </c>
      <c r="H8536" s="40">
        <v>142.11666700000001</v>
      </c>
      <c r="I8536" s="40">
        <v>22.610753940623681</v>
      </c>
      <c r="L8536" s="40"/>
      <c r="M8536" s="40"/>
      <c r="N8536" s="40"/>
    </row>
    <row r="8537" spans="4:14" x14ac:dyDescent="0.25">
      <c r="D8537" s="40">
        <v>142.14431499999421</v>
      </c>
      <c r="E8537" s="40">
        <v>21.538184973240671</v>
      </c>
      <c r="F8537" s="40">
        <v>142.13333299999999</v>
      </c>
      <c r="G8537" s="40">
        <v>22.093843063798278</v>
      </c>
      <c r="H8537" s="40">
        <v>142.13333400000002</v>
      </c>
      <c r="I8537" s="40">
        <v>22.610753940623681</v>
      </c>
      <c r="L8537" s="40"/>
      <c r="M8537" s="40"/>
      <c r="N8537" s="40"/>
    </row>
    <row r="8538" spans="4:14" x14ac:dyDescent="0.25">
      <c r="D8538" s="40">
        <v>142.16098099999419</v>
      </c>
      <c r="E8538" s="40">
        <v>21.533341794651122</v>
      </c>
      <c r="F8538" s="40">
        <v>142.15</v>
      </c>
      <c r="G8538" s="40">
        <v>22.093843063798278</v>
      </c>
      <c r="H8538" s="40">
        <v>142.15</v>
      </c>
      <c r="I8538" s="40">
        <v>22.614106676766937</v>
      </c>
      <c r="L8538" s="40"/>
      <c r="M8538" s="40"/>
      <c r="N8538" s="40"/>
    </row>
    <row r="8539" spans="4:14" x14ac:dyDescent="0.25">
      <c r="D8539" s="40">
        <v>142.17764699999418</v>
      </c>
      <c r="E8539" s="40">
        <v>21.533341794651122</v>
      </c>
      <c r="F8539" s="40">
        <v>142.16666699999999</v>
      </c>
      <c r="G8539" s="40">
        <v>22.093843063798278</v>
      </c>
      <c r="H8539" s="40">
        <v>142.16666700000002</v>
      </c>
      <c r="I8539" s="40">
        <v>22.614106676766937</v>
      </c>
      <c r="L8539" s="40"/>
      <c r="M8539" s="40"/>
      <c r="N8539" s="40"/>
    </row>
    <row r="8540" spans="4:14" x14ac:dyDescent="0.25">
      <c r="D8540" s="40">
        <v>142.19431299999417</v>
      </c>
      <c r="E8540" s="40">
        <v>21.533341794651122</v>
      </c>
      <c r="F8540" s="40">
        <v>142.183333</v>
      </c>
      <c r="G8540" s="40">
        <v>22.093843063798278</v>
      </c>
      <c r="H8540" s="40">
        <v>142.183334</v>
      </c>
      <c r="I8540" s="40">
        <v>22.617459412910193</v>
      </c>
      <c r="L8540" s="40"/>
      <c r="M8540" s="40"/>
      <c r="N8540" s="40"/>
    </row>
    <row r="8541" spans="4:14" x14ac:dyDescent="0.25">
      <c r="D8541" s="40">
        <v>142.21097899999415</v>
      </c>
      <c r="E8541" s="40">
        <v>21.533341794651122</v>
      </c>
      <c r="F8541" s="40">
        <v>142.19999999999999</v>
      </c>
      <c r="G8541" s="40">
        <v>22.093843063798278</v>
      </c>
      <c r="H8541" s="40">
        <v>142.20000000000002</v>
      </c>
      <c r="I8541" s="40">
        <v>22.617459412910193</v>
      </c>
      <c r="L8541" s="40"/>
      <c r="M8541" s="40"/>
      <c r="N8541" s="40"/>
    </row>
    <row r="8542" spans="4:14" x14ac:dyDescent="0.25">
      <c r="D8542" s="40">
        <v>142.22764499999414</v>
      </c>
      <c r="E8542" s="40">
        <v>21.538184973240671</v>
      </c>
      <c r="F8542" s="40">
        <v>142.216667</v>
      </c>
      <c r="G8542" s="40">
        <v>22.093843063798278</v>
      </c>
      <c r="H8542" s="40">
        <v>142.216667</v>
      </c>
      <c r="I8542" s="40">
        <v>22.620713539166957</v>
      </c>
      <c r="L8542" s="40"/>
      <c r="M8542" s="40"/>
      <c r="N8542" s="40"/>
    </row>
    <row r="8543" spans="4:14" x14ac:dyDescent="0.25">
      <c r="D8543" s="40">
        <v>142.24431099999413</v>
      </c>
      <c r="E8543" s="40">
        <v>21.538184973240671</v>
      </c>
      <c r="F8543" s="40">
        <v>142.23333299999999</v>
      </c>
      <c r="G8543" s="40">
        <v>22.093843063798278</v>
      </c>
      <c r="H8543" s="40">
        <v>142.23333400000001</v>
      </c>
      <c r="I8543" s="40">
        <v>22.620713539166957</v>
      </c>
      <c r="L8543" s="40"/>
      <c r="M8543" s="40"/>
      <c r="N8543" s="40"/>
    </row>
    <row r="8544" spans="4:14" x14ac:dyDescent="0.25">
      <c r="D8544" s="40">
        <v>142.26097699999411</v>
      </c>
      <c r="E8544" s="40">
        <v>21.538184973240671</v>
      </c>
      <c r="F8544" s="40">
        <v>142.25</v>
      </c>
      <c r="G8544" s="40">
        <v>22.093843063798278</v>
      </c>
      <c r="H8544" s="40">
        <v>142.25</v>
      </c>
      <c r="I8544" s="40">
        <v>22.620713539166957</v>
      </c>
      <c r="L8544" s="40"/>
      <c r="M8544" s="40"/>
      <c r="N8544" s="40"/>
    </row>
    <row r="8545" spans="4:14" x14ac:dyDescent="0.25">
      <c r="D8545" s="40">
        <v>142.2776429999941</v>
      </c>
      <c r="E8545" s="40">
        <v>21.538184973240671</v>
      </c>
      <c r="F8545" s="40">
        <v>142.26666699999998</v>
      </c>
      <c r="G8545" s="40">
        <v>22.093843063798278</v>
      </c>
      <c r="H8545" s="40">
        <v>142.26666700000001</v>
      </c>
      <c r="I8545" s="40">
        <v>22.624066275310213</v>
      </c>
      <c r="L8545" s="40"/>
      <c r="M8545" s="40"/>
      <c r="N8545" s="40"/>
    </row>
    <row r="8546" spans="4:14" x14ac:dyDescent="0.25">
      <c r="D8546" s="40">
        <v>142.29430899999409</v>
      </c>
      <c r="E8546" s="40">
        <v>21.538184973240671</v>
      </c>
      <c r="F8546" s="40">
        <v>142.283333</v>
      </c>
      <c r="G8546" s="40">
        <v>22.093843063798278</v>
      </c>
      <c r="H8546" s="40">
        <v>142.283334</v>
      </c>
      <c r="I8546" s="40">
        <v>22.624066275310213</v>
      </c>
      <c r="L8546" s="40"/>
      <c r="M8546" s="40"/>
      <c r="N8546" s="40"/>
    </row>
    <row r="8547" spans="4:14" x14ac:dyDescent="0.25">
      <c r="D8547" s="40">
        <v>142.31097499999407</v>
      </c>
      <c r="E8547" s="40">
        <v>21.538184973240671</v>
      </c>
      <c r="F8547" s="40">
        <v>142.29999999999998</v>
      </c>
      <c r="G8547" s="40">
        <v>22.098458447768056</v>
      </c>
      <c r="H8547" s="40">
        <v>142.30000000000001</v>
      </c>
      <c r="I8547" s="40">
        <v>22.627419011453647</v>
      </c>
      <c r="L8547" s="40"/>
      <c r="M8547" s="40"/>
      <c r="N8547" s="40"/>
    </row>
    <row r="8548" spans="4:14" x14ac:dyDescent="0.25">
      <c r="D8548" s="40">
        <v>142.32764099999406</v>
      </c>
      <c r="E8548" s="40">
        <v>21.538184973240671</v>
      </c>
      <c r="F8548" s="40">
        <v>142.316667</v>
      </c>
      <c r="G8548" s="40">
        <v>22.098458447768056</v>
      </c>
      <c r="H8548" s="40">
        <v>142.316667</v>
      </c>
      <c r="I8548" s="40">
        <v>22.627419011453647</v>
      </c>
      <c r="L8548" s="40"/>
      <c r="M8548" s="40"/>
      <c r="N8548" s="40"/>
    </row>
    <row r="8549" spans="4:14" x14ac:dyDescent="0.25">
      <c r="D8549" s="40">
        <v>142.34430699999405</v>
      </c>
      <c r="E8549" s="40">
        <v>21.538184973240671</v>
      </c>
      <c r="F8549" s="40">
        <v>142.33333299999998</v>
      </c>
      <c r="G8549" s="40">
        <v>22.098458447768056</v>
      </c>
      <c r="H8549" s="40">
        <v>142.33333400000001</v>
      </c>
      <c r="I8549" s="40">
        <v>22.63067313771041</v>
      </c>
      <c r="L8549" s="40"/>
      <c r="M8549" s="40"/>
      <c r="N8549" s="40"/>
    </row>
    <row r="8550" spans="4:14" x14ac:dyDescent="0.25">
      <c r="D8550" s="40">
        <v>142.36097299999403</v>
      </c>
      <c r="E8550" s="40">
        <v>21.538184973240671</v>
      </c>
      <c r="F8550" s="40">
        <v>142.35</v>
      </c>
      <c r="G8550" s="40">
        <v>22.098458447768056</v>
      </c>
      <c r="H8550" s="40">
        <v>142.35</v>
      </c>
      <c r="I8550" s="40">
        <v>22.63067313771041</v>
      </c>
      <c r="L8550" s="40"/>
      <c r="M8550" s="40"/>
      <c r="N8550" s="40"/>
    </row>
    <row r="8551" spans="4:14" x14ac:dyDescent="0.25">
      <c r="D8551" s="40">
        <v>142.37763899999402</v>
      </c>
      <c r="E8551" s="40">
        <v>21.538184973240671</v>
      </c>
      <c r="F8551" s="40">
        <v>142.36666700000001</v>
      </c>
      <c r="G8551" s="40">
        <v>22.098458447768056</v>
      </c>
      <c r="H8551" s="40">
        <v>142.36666700000001</v>
      </c>
      <c r="I8551" s="40">
        <v>22.63402587385367</v>
      </c>
      <c r="L8551" s="40"/>
      <c r="M8551" s="40"/>
      <c r="N8551" s="40"/>
    </row>
    <row r="8552" spans="4:14" x14ac:dyDescent="0.25">
      <c r="D8552" s="40">
        <v>142.39430499999401</v>
      </c>
      <c r="E8552" s="40">
        <v>21.538184973240671</v>
      </c>
      <c r="F8552" s="40">
        <v>142.38333299999999</v>
      </c>
      <c r="G8552" s="40">
        <v>22.098458447768056</v>
      </c>
      <c r="H8552" s="40">
        <v>142.38333400000002</v>
      </c>
      <c r="I8552" s="40">
        <v>22.63402587385367</v>
      </c>
      <c r="L8552" s="40"/>
      <c r="M8552" s="40"/>
      <c r="N8552" s="40"/>
    </row>
    <row r="8553" spans="4:14" x14ac:dyDescent="0.25">
      <c r="D8553" s="40">
        <v>142.41097099999399</v>
      </c>
      <c r="E8553" s="40">
        <v>21.543028151830217</v>
      </c>
      <c r="F8553" s="40">
        <v>142.4</v>
      </c>
      <c r="G8553" s="40">
        <v>22.098458447768056</v>
      </c>
      <c r="H8553" s="40">
        <v>142.4</v>
      </c>
      <c r="I8553" s="40">
        <v>22.637378609996926</v>
      </c>
      <c r="L8553" s="40"/>
      <c r="M8553" s="40"/>
      <c r="N8553" s="40"/>
    </row>
    <row r="8554" spans="4:14" x14ac:dyDescent="0.25">
      <c r="D8554" s="40">
        <v>142.42763699999398</v>
      </c>
      <c r="E8554" s="40">
        <v>21.543028151830217</v>
      </c>
      <c r="F8554" s="40">
        <v>142.41666699999999</v>
      </c>
      <c r="G8554" s="40">
        <v>22.103213691858276</v>
      </c>
      <c r="H8554" s="40">
        <v>142.41666700000002</v>
      </c>
      <c r="I8554" s="40">
        <v>22.637378609996926</v>
      </c>
      <c r="L8554" s="40"/>
      <c r="M8554" s="40"/>
      <c r="N8554" s="40"/>
    </row>
    <row r="8555" spans="4:14" x14ac:dyDescent="0.25">
      <c r="D8555" s="40">
        <v>142.44430299999397</v>
      </c>
      <c r="E8555" s="40">
        <v>21.543028151830217</v>
      </c>
      <c r="F8555" s="40">
        <v>142.433333</v>
      </c>
      <c r="G8555" s="40">
        <v>22.103213691858276</v>
      </c>
      <c r="H8555" s="40">
        <v>142.433334</v>
      </c>
      <c r="I8555" s="40">
        <v>22.637378609996926</v>
      </c>
      <c r="L8555" s="40"/>
      <c r="M8555" s="40"/>
      <c r="N8555" s="40"/>
    </row>
    <row r="8556" spans="4:14" x14ac:dyDescent="0.25">
      <c r="D8556" s="40">
        <v>142.46096899999395</v>
      </c>
      <c r="E8556" s="40">
        <v>21.543028151830217</v>
      </c>
      <c r="F8556" s="40">
        <v>142.44999999999999</v>
      </c>
      <c r="G8556" s="40">
        <v>22.103213691858276</v>
      </c>
      <c r="H8556" s="40">
        <v>142.45000000000002</v>
      </c>
      <c r="I8556" s="40">
        <v>22.640632736253686</v>
      </c>
      <c r="L8556" s="40"/>
      <c r="M8556" s="40"/>
      <c r="N8556" s="40"/>
    </row>
    <row r="8557" spans="4:14" x14ac:dyDescent="0.25">
      <c r="D8557" s="40">
        <v>142.47763499999394</v>
      </c>
      <c r="E8557" s="40">
        <v>21.543028151830217</v>
      </c>
      <c r="F8557" s="40">
        <v>142.466667</v>
      </c>
      <c r="G8557" s="40">
        <v>22.103213691858276</v>
      </c>
      <c r="H8557" s="40">
        <v>142.466667</v>
      </c>
      <c r="I8557" s="40">
        <v>22.640632736253686</v>
      </c>
      <c r="L8557" s="40"/>
      <c r="M8557" s="40"/>
      <c r="N8557" s="40"/>
    </row>
    <row r="8558" spans="4:14" x14ac:dyDescent="0.25">
      <c r="D8558" s="40">
        <v>142.49430099999392</v>
      </c>
      <c r="E8558" s="40">
        <v>21.543028151830217</v>
      </c>
      <c r="F8558" s="40">
        <v>142.48333299999999</v>
      </c>
      <c r="G8558" s="40">
        <v>22.103213691858276</v>
      </c>
      <c r="H8558" s="40">
        <v>142.48333400000001</v>
      </c>
      <c r="I8558" s="40">
        <v>22.643985472396945</v>
      </c>
      <c r="L8558" s="40"/>
      <c r="M8558" s="40"/>
      <c r="N8558" s="40"/>
    </row>
    <row r="8559" spans="4:14" x14ac:dyDescent="0.25">
      <c r="D8559" s="40">
        <v>142.51096699999391</v>
      </c>
      <c r="E8559" s="40">
        <v>21.547728883990644</v>
      </c>
      <c r="F8559" s="40">
        <v>142.5</v>
      </c>
      <c r="G8559" s="40">
        <v>22.103213691858276</v>
      </c>
      <c r="H8559" s="40">
        <v>142.5</v>
      </c>
      <c r="I8559" s="40">
        <v>22.643985472396945</v>
      </c>
      <c r="L8559" s="40"/>
      <c r="M8559" s="40"/>
      <c r="N8559" s="40"/>
    </row>
    <row r="8560" spans="4:14" x14ac:dyDescent="0.25">
      <c r="D8560" s="40">
        <v>142.5276329999939</v>
      </c>
      <c r="E8560" s="40">
        <v>21.547728883990644</v>
      </c>
      <c r="F8560" s="40">
        <v>142.51666699999998</v>
      </c>
      <c r="G8560" s="40">
        <v>22.103213691858276</v>
      </c>
      <c r="H8560" s="40">
        <v>142.51666700000001</v>
      </c>
      <c r="I8560" s="40">
        <v>22.647338208540376</v>
      </c>
      <c r="L8560" s="40"/>
      <c r="M8560" s="40"/>
      <c r="N8560" s="40"/>
    </row>
    <row r="8561" spans="4:14" x14ac:dyDescent="0.25">
      <c r="D8561" s="40">
        <v>142.54429899999388</v>
      </c>
      <c r="E8561" s="40">
        <v>21.547728883990644</v>
      </c>
      <c r="F8561" s="40">
        <v>142.533333</v>
      </c>
      <c r="G8561" s="40">
        <v>22.103213691858276</v>
      </c>
      <c r="H8561" s="40">
        <v>142.533334</v>
      </c>
      <c r="I8561" s="40">
        <v>22.647338208540376</v>
      </c>
      <c r="L8561" s="40"/>
      <c r="M8561" s="40"/>
      <c r="N8561" s="40"/>
    </row>
    <row r="8562" spans="4:14" x14ac:dyDescent="0.25">
      <c r="D8562" s="40">
        <v>142.56096499999387</v>
      </c>
      <c r="E8562" s="40">
        <v>21.547728883990644</v>
      </c>
      <c r="F8562" s="40">
        <v>142.54999999999998</v>
      </c>
      <c r="G8562" s="40">
        <v>22.103213691858276</v>
      </c>
      <c r="H8562" s="40">
        <v>142.55000000000001</v>
      </c>
      <c r="I8562" s="40">
        <v>22.647338208540376</v>
      </c>
      <c r="L8562" s="40"/>
      <c r="M8562" s="40"/>
      <c r="N8562" s="40"/>
    </row>
    <row r="8563" spans="4:14" x14ac:dyDescent="0.25">
      <c r="D8563" s="40">
        <v>142.57763099999386</v>
      </c>
      <c r="E8563" s="40">
        <v>21.547728883990644</v>
      </c>
      <c r="F8563" s="40">
        <v>142.566667</v>
      </c>
      <c r="G8563" s="40">
        <v>22.103213691858276</v>
      </c>
      <c r="H8563" s="40">
        <v>142.566667</v>
      </c>
      <c r="I8563" s="40">
        <v>22.650592334797139</v>
      </c>
      <c r="L8563" s="40"/>
      <c r="M8563" s="40"/>
      <c r="N8563" s="40"/>
    </row>
    <row r="8564" spans="4:14" x14ac:dyDescent="0.25">
      <c r="D8564" s="40">
        <v>142.59429699999384</v>
      </c>
      <c r="E8564" s="40">
        <v>21.552572062580065</v>
      </c>
      <c r="F8564" s="40">
        <v>142.58333299999998</v>
      </c>
      <c r="G8564" s="40">
        <v>22.103213691858276</v>
      </c>
      <c r="H8564" s="40">
        <v>142.58333400000001</v>
      </c>
      <c r="I8564" s="40">
        <v>22.650592334797139</v>
      </c>
      <c r="L8564" s="40"/>
      <c r="M8564" s="40"/>
      <c r="N8564" s="40"/>
    </row>
    <row r="8565" spans="4:14" x14ac:dyDescent="0.25">
      <c r="D8565" s="40">
        <v>142.61096299999383</v>
      </c>
      <c r="E8565" s="40">
        <v>21.552572062580065</v>
      </c>
      <c r="F8565" s="40">
        <v>142.6</v>
      </c>
      <c r="G8565" s="40">
        <v>22.103213691858276</v>
      </c>
      <c r="H8565" s="40">
        <v>142.6</v>
      </c>
      <c r="I8565" s="40">
        <v>22.653945070940399</v>
      </c>
      <c r="L8565" s="40"/>
      <c r="M8565" s="40"/>
      <c r="N8565" s="40"/>
    </row>
    <row r="8566" spans="4:14" x14ac:dyDescent="0.25">
      <c r="D8566" s="40">
        <v>142.62762899999382</v>
      </c>
      <c r="E8566" s="40">
        <v>21.552572062580065</v>
      </c>
      <c r="F8566" s="40">
        <v>142.61666700000001</v>
      </c>
      <c r="G8566" s="40">
        <v>22.103213691858276</v>
      </c>
      <c r="H8566" s="40">
        <v>142.61666700000001</v>
      </c>
      <c r="I8566" s="40">
        <v>22.653945070940399</v>
      </c>
      <c r="L8566" s="40"/>
      <c r="M8566" s="40"/>
      <c r="N8566" s="40"/>
    </row>
    <row r="8567" spans="4:14" x14ac:dyDescent="0.25">
      <c r="D8567" s="40">
        <v>142.6442949999938</v>
      </c>
      <c r="E8567" s="40">
        <v>21.552572062580065</v>
      </c>
      <c r="F8567" s="40">
        <v>142.63333299999999</v>
      </c>
      <c r="G8567" s="40">
        <v>22.103213691858276</v>
      </c>
      <c r="H8567" s="40">
        <v>142.63333400000002</v>
      </c>
      <c r="I8567" s="40">
        <v>22.657297807083655</v>
      </c>
      <c r="L8567" s="40"/>
      <c r="M8567" s="40"/>
      <c r="N8567" s="40"/>
    </row>
    <row r="8568" spans="4:14" x14ac:dyDescent="0.25">
      <c r="D8568" s="40">
        <v>142.66096099999379</v>
      </c>
      <c r="E8568" s="40">
        <v>21.552572062580065</v>
      </c>
      <c r="F8568" s="40">
        <v>142.65</v>
      </c>
      <c r="G8568" s="40">
        <v>22.103213691858276</v>
      </c>
      <c r="H8568" s="40">
        <v>142.65</v>
      </c>
      <c r="I8568" s="40">
        <v>22.657297807083655</v>
      </c>
      <c r="L8568" s="40"/>
      <c r="M8568" s="40"/>
      <c r="N8568" s="40"/>
    </row>
    <row r="8569" spans="4:14" x14ac:dyDescent="0.25">
      <c r="D8569" s="40">
        <v>142.67762699999378</v>
      </c>
      <c r="E8569" s="40">
        <v>21.552572062580065</v>
      </c>
      <c r="F8569" s="40">
        <v>142.66666699999999</v>
      </c>
      <c r="G8569" s="40">
        <v>22.103213691858276</v>
      </c>
      <c r="H8569" s="40">
        <v>142.66666700000002</v>
      </c>
      <c r="I8569" s="40">
        <v>22.660551933340415</v>
      </c>
      <c r="L8569" s="40"/>
      <c r="M8569" s="40"/>
      <c r="N8569" s="40"/>
    </row>
    <row r="8570" spans="4:14" x14ac:dyDescent="0.25">
      <c r="D8570" s="40">
        <v>142.69429299999376</v>
      </c>
      <c r="E8570" s="40">
        <v>21.552572062580065</v>
      </c>
      <c r="F8570" s="40">
        <v>142.683333</v>
      </c>
      <c r="G8570" s="40">
        <v>22.098458447768056</v>
      </c>
      <c r="H8570" s="40">
        <v>142.683334</v>
      </c>
      <c r="I8570" s="40">
        <v>22.660551933340415</v>
      </c>
      <c r="L8570" s="40"/>
      <c r="M8570" s="40"/>
      <c r="N8570" s="40"/>
    </row>
    <row r="8571" spans="4:14" x14ac:dyDescent="0.25">
      <c r="D8571" s="40">
        <v>142.71095899999375</v>
      </c>
      <c r="E8571" s="40">
        <v>21.552572062580065</v>
      </c>
      <c r="F8571" s="40">
        <v>142.69999999999999</v>
      </c>
      <c r="G8571" s="40">
        <v>22.098458447768056</v>
      </c>
      <c r="H8571" s="40">
        <v>142.70000000000002</v>
      </c>
      <c r="I8571" s="40">
        <v>22.660551933340415</v>
      </c>
      <c r="L8571" s="40"/>
      <c r="M8571" s="40"/>
      <c r="N8571" s="40"/>
    </row>
    <row r="8572" spans="4:14" x14ac:dyDescent="0.25">
      <c r="D8572" s="40">
        <v>142.72762499999374</v>
      </c>
      <c r="E8572" s="40">
        <v>21.552572062580065</v>
      </c>
      <c r="F8572" s="40">
        <v>142.716667</v>
      </c>
      <c r="G8572" s="40">
        <v>22.098458447768056</v>
      </c>
      <c r="H8572" s="40">
        <v>142.716667</v>
      </c>
      <c r="I8572" s="40">
        <v>22.663904669483848</v>
      </c>
      <c r="L8572" s="40"/>
      <c r="M8572" s="40"/>
      <c r="N8572" s="40"/>
    </row>
    <row r="8573" spans="4:14" x14ac:dyDescent="0.25">
      <c r="D8573" s="40">
        <v>142.74429099999372</v>
      </c>
      <c r="E8573" s="40">
        <v>21.552572062580065</v>
      </c>
      <c r="F8573" s="40">
        <v>142.73333299999999</v>
      </c>
      <c r="G8573" s="40">
        <v>22.098458447768056</v>
      </c>
      <c r="H8573" s="40">
        <v>142.73333400000001</v>
      </c>
      <c r="I8573" s="40">
        <v>22.663904669483848</v>
      </c>
      <c r="L8573" s="40"/>
      <c r="M8573" s="40"/>
      <c r="N8573" s="40"/>
    </row>
    <row r="8574" spans="4:14" x14ac:dyDescent="0.25">
      <c r="D8574" s="40">
        <v>142.76095699999371</v>
      </c>
      <c r="E8574" s="40">
        <v>21.552572062580065</v>
      </c>
      <c r="F8574" s="40">
        <v>142.75</v>
      </c>
      <c r="G8574" s="40">
        <v>22.098458447768056</v>
      </c>
      <c r="H8574" s="40">
        <v>142.75</v>
      </c>
      <c r="I8574" s="40">
        <v>22.667257405627108</v>
      </c>
      <c r="L8574" s="40"/>
      <c r="M8574" s="40"/>
      <c r="N8574" s="40"/>
    </row>
    <row r="8575" spans="4:14" x14ac:dyDescent="0.25">
      <c r="D8575" s="40">
        <v>142.7776229999937</v>
      </c>
      <c r="E8575" s="40">
        <v>21.552572062580065</v>
      </c>
      <c r="F8575" s="40">
        <v>142.76666699999998</v>
      </c>
      <c r="G8575" s="40">
        <v>22.098458447768056</v>
      </c>
      <c r="H8575" s="40">
        <v>142.76666700000001</v>
      </c>
      <c r="I8575" s="40">
        <v>22.667257405627108</v>
      </c>
      <c r="L8575" s="40"/>
      <c r="M8575" s="40"/>
      <c r="N8575" s="40"/>
    </row>
    <row r="8576" spans="4:14" x14ac:dyDescent="0.25">
      <c r="D8576" s="40">
        <v>142.79428899999368</v>
      </c>
      <c r="E8576" s="40">
        <v>21.552572062580065</v>
      </c>
      <c r="F8576" s="40">
        <v>142.783333</v>
      </c>
      <c r="G8576" s="40">
        <v>22.098458447768056</v>
      </c>
      <c r="H8576" s="40">
        <v>142.783334</v>
      </c>
      <c r="I8576" s="40">
        <v>22.670610141770364</v>
      </c>
      <c r="L8576" s="40"/>
      <c r="M8576" s="40"/>
      <c r="N8576" s="40"/>
    </row>
    <row r="8577" spans="4:14" x14ac:dyDescent="0.25">
      <c r="D8577" s="40">
        <v>142.81095499999367</v>
      </c>
      <c r="E8577" s="40">
        <v>21.552572062580065</v>
      </c>
      <c r="F8577" s="40">
        <v>142.79999999999998</v>
      </c>
      <c r="G8577" s="40">
        <v>22.098458447768056</v>
      </c>
      <c r="H8577" s="40">
        <v>142.80000000000001</v>
      </c>
      <c r="I8577" s="40">
        <v>22.670610141770364</v>
      </c>
      <c r="L8577" s="40"/>
      <c r="M8577" s="40"/>
      <c r="N8577" s="40"/>
    </row>
    <row r="8578" spans="4:14" x14ac:dyDescent="0.25">
      <c r="D8578" s="40">
        <v>142.82762099999366</v>
      </c>
      <c r="E8578" s="40">
        <v>21.557415241169615</v>
      </c>
      <c r="F8578" s="40">
        <v>142.816667</v>
      </c>
      <c r="G8578" s="40">
        <v>22.098458447768056</v>
      </c>
      <c r="H8578" s="40">
        <v>142.816667</v>
      </c>
      <c r="I8578" s="40">
        <v>22.673864268027128</v>
      </c>
      <c r="L8578" s="40"/>
      <c r="M8578" s="40"/>
      <c r="N8578" s="40"/>
    </row>
    <row r="8579" spans="4:14" x14ac:dyDescent="0.25">
      <c r="D8579" s="40">
        <v>142.84428699999364</v>
      </c>
      <c r="E8579" s="40">
        <v>21.557415241169615</v>
      </c>
      <c r="F8579" s="40">
        <v>142.83333299999998</v>
      </c>
      <c r="G8579" s="40">
        <v>22.098458447768056</v>
      </c>
      <c r="H8579" s="40">
        <v>142.83333400000001</v>
      </c>
      <c r="I8579" s="40">
        <v>22.673864268027128</v>
      </c>
      <c r="L8579" s="40"/>
      <c r="M8579" s="40"/>
      <c r="N8579" s="40"/>
    </row>
    <row r="8580" spans="4:14" x14ac:dyDescent="0.25">
      <c r="D8580" s="40">
        <v>142.86095299999363</v>
      </c>
      <c r="E8580" s="40">
        <v>21.557415241169615</v>
      </c>
      <c r="F8580" s="40">
        <v>142.85</v>
      </c>
      <c r="G8580" s="40">
        <v>22.098458447768056</v>
      </c>
      <c r="H8580" s="40">
        <v>142.85</v>
      </c>
      <c r="I8580" s="40">
        <v>22.677217004170387</v>
      </c>
      <c r="L8580" s="40"/>
      <c r="M8580" s="40"/>
      <c r="N8580" s="40"/>
    </row>
    <row r="8581" spans="4:14" x14ac:dyDescent="0.25">
      <c r="D8581" s="40">
        <v>142.87761899999362</v>
      </c>
      <c r="E8581" s="40">
        <v>21.557415241169615</v>
      </c>
      <c r="F8581" s="40">
        <v>142.86666700000001</v>
      </c>
      <c r="G8581" s="40">
        <v>22.098458447768056</v>
      </c>
      <c r="H8581" s="40">
        <v>142.86666700000001</v>
      </c>
      <c r="I8581" s="40">
        <v>22.680569740313818</v>
      </c>
      <c r="L8581" s="40"/>
      <c r="M8581" s="40"/>
      <c r="N8581" s="40"/>
    </row>
    <row r="8582" spans="4:14" x14ac:dyDescent="0.25">
      <c r="D8582" s="40">
        <v>142.8942849999936</v>
      </c>
      <c r="E8582" s="40">
        <v>21.562115973330041</v>
      </c>
      <c r="F8582" s="40">
        <v>142.88333299999999</v>
      </c>
      <c r="G8582" s="40">
        <v>22.098458447768056</v>
      </c>
      <c r="H8582" s="40">
        <v>142.88333400000002</v>
      </c>
      <c r="I8582" s="40">
        <v>22.680569740313818</v>
      </c>
      <c r="L8582" s="40"/>
      <c r="M8582" s="40"/>
      <c r="N8582" s="40"/>
    </row>
    <row r="8583" spans="4:14" x14ac:dyDescent="0.25">
      <c r="D8583" s="40">
        <v>142.91095099999359</v>
      </c>
      <c r="E8583" s="40">
        <v>21.562115973330041</v>
      </c>
      <c r="F8583" s="40">
        <v>142.9</v>
      </c>
      <c r="G8583" s="40">
        <v>22.098458447768056</v>
      </c>
      <c r="H8583" s="40">
        <v>142.9</v>
      </c>
      <c r="I8583" s="40">
        <v>22.680569740313818</v>
      </c>
      <c r="L8583" s="40"/>
      <c r="M8583" s="40"/>
      <c r="N8583" s="40"/>
    </row>
    <row r="8584" spans="4:14" x14ac:dyDescent="0.25">
      <c r="D8584" s="40">
        <v>142.92761699999357</v>
      </c>
      <c r="E8584" s="40">
        <v>21.562115973330041</v>
      </c>
      <c r="F8584" s="40">
        <v>142.91666699999999</v>
      </c>
      <c r="G8584" s="40">
        <v>22.098458447768056</v>
      </c>
      <c r="H8584" s="40">
        <v>142.91666700000002</v>
      </c>
      <c r="I8584" s="40">
        <v>22.683823866570581</v>
      </c>
      <c r="L8584" s="40"/>
      <c r="M8584" s="40"/>
      <c r="N8584" s="40"/>
    </row>
    <row r="8585" spans="4:14" x14ac:dyDescent="0.25">
      <c r="D8585" s="40">
        <v>142.94428299999356</v>
      </c>
      <c r="E8585" s="40">
        <v>21.562115973330041</v>
      </c>
      <c r="F8585" s="40">
        <v>142.933333</v>
      </c>
      <c r="G8585" s="40">
        <v>22.098458447768056</v>
      </c>
      <c r="H8585" s="40">
        <v>142.933334</v>
      </c>
      <c r="I8585" s="40">
        <v>22.683823866570581</v>
      </c>
      <c r="L8585" s="40"/>
      <c r="M8585" s="40"/>
      <c r="N8585" s="40"/>
    </row>
    <row r="8586" spans="4:14" x14ac:dyDescent="0.25">
      <c r="D8586" s="40">
        <v>142.96094899999355</v>
      </c>
      <c r="E8586" s="40">
        <v>21.562115973330041</v>
      </c>
      <c r="F8586" s="40">
        <v>142.94999999999999</v>
      </c>
      <c r="G8586" s="40">
        <v>22.098458447768056</v>
      </c>
      <c r="H8586" s="40">
        <v>142.95000000000002</v>
      </c>
      <c r="I8586" s="40">
        <v>22.687176602713837</v>
      </c>
      <c r="L8586" s="40"/>
      <c r="M8586" s="40"/>
      <c r="N8586" s="40"/>
    </row>
    <row r="8587" spans="4:14" x14ac:dyDescent="0.25">
      <c r="D8587" s="40">
        <v>142.97761499999353</v>
      </c>
      <c r="E8587" s="40">
        <v>21.562115973330041</v>
      </c>
      <c r="F8587" s="40">
        <v>142.966667</v>
      </c>
      <c r="G8587" s="40">
        <v>22.098458447768056</v>
      </c>
      <c r="H8587" s="40">
        <v>142.966667</v>
      </c>
      <c r="I8587" s="40">
        <v>22.687176602713837</v>
      </c>
      <c r="L8587" s="40"/>
      <c r="M8587" s="40"/>
      <c r="N8587" s="40"/>
    </row>
    <row r="8588" spans="4:14" x14ac:dyDescent="0.25">
      <c r="D8588" s="40">
        <v>142.99428099999352</v>
      </c>
      <c r="E8588" s="40">
        <v>21.566959151919463</v>
      </c>
      <c r="F8588" s="40">
        <v>142.98333299999999</v>
      </c>
      <c r="G8588" s="40">
        <v>22.098458447768056</v>
      </c>
      <c r="H8588" s="40">
        <v>142.98333400000001</v>
      </c>
      <c r="I8588" s="40">
        <v>22.690529338857093</v>
      </c>
      <c r="L8588" s="40"/>
      <c r="M8588" s="40"/>
      <c r="N8588" s="40"/>
    </row>
    <row r="8589" spans="4:14" x14ac:dyDescent="0.25">
      <c r="D8589" s="40">
        <v>143.01094699999351</v>
      </c>
      <c r="E8589" s="40">
        <v>21.566959151919463</v>
      </c>
      <c r="F8589" s="40">
        <v>143</v>
      </c>
      <c r="G8589" s="40">
        <v>22.098458447768056</v>
      </c>
      <c r="H8589" s="40">
        <v>143</v>
      </c>
      <c r="I8589" s="40">
        <v>22.690529338857093</v>
      </c>
      <c r="L8589" s="40"/>
      <c r="M8589" s="40"/>
      <c r="N8589" s="40"/>
    </row>
    <row r="8590" spans="4:14" x14ac:dyDescent="0.25">
      <c r="D8590" s="40">
        <v>143.02761299999349</v>
      </c>
      <c r="E8590" s="40">
        <v>21.566959151919463</v>
      </c>
      <c r="F8590" s="40">
        <v>143.01666699999998</v>
      </c>
      <c r="G8590" s="40">
        <v>22.098458447768056</v>
      </c>
      <c r="H8590" s="40">
        <v>143.01666700000001</v>
      </c>
      <c r="I8590" s="40">
        <v>22.693783465113857</v>
      </c>
      <c r="L8590" s="40"/>
      <c r="M8590" s="40"/>
      <c r="N8590" s="40"/>
    </row>
    <row r="8591" spans="4:14" x14ac:dyDescent="0.25">
      <c r="D8591" s="40">
        <v>143.04427899999348</v>
      </c>
      <c r="E8591" s="40">
        <v>21.566959151919463</v>
      </c>
      <c r="F8591" s="40">
        <v>143.033333</v>
      </c>
      <c r="G8591" s="40">
        <v>22.098458447768056</v>
      </c>
      <c r="H8591" s="40">
        <v>143.033334</v>
      </c>
      <c r="I8591" s="40">
        <v>22.693783465113857</v>
      </c>
      <c r="L8591" s="40"/>
      <c r="M8591" s="40"/>
      <c r="N8591" s="40"/>
    </row>
    <row r="8592" spans="4:14" x14ac:dyDescent="0.25">
      <c r="D8592" s="40">
        <v>143.06094499999347</v>
      </c>
      <c r="E8592" s="40">
        <v>21.566959151919463</v>
      </c>
      <c r="F8592" s="40">
        <v>143.04999999999998</v>
      </c>
      <c r="G8592" s="40">
        <v>22.098458447768056</v>
      </c>
      <c r="H8592" s="40">
        <v>143.05000000000001</v>
      </c>
      <c r="I8592" s="40">
        <v>22.697136201257287</v>
      </c>
      <c r="L8592" s="40"/>
      <c r="M8592" s="40"/>
      <c r="N8592" s="40"/>
    </row>
    <row r="8593" spans="4:14" x14ac:dyDescent="0.25">
      <c r="D8593" s="40">
        <v>143.07761099999345</v>
      </c>
      <c r="E8593" s="40">
        <v>21.566959151919463</v>
      </c>
      <c r="F8593" s="40">
        <v>143.066667</v>
      </c>
      <c r="G8593" s="40">
        <v>22.098458447768056</v>
      </c>
      <c r="H8593" s="40">
        <v>143.066667</v>
      </c>
      <c r="I8593" s="40">
        <v>22.697136201257287</v>
      </c>
      <c r="L8593" s="40"/>
      <c r="M8593" s="40"/>
      <c r="N8593" s="40"/>
    </row>
    <row r="8594" spans="4:14" x14ac:dyDescent="0.25">
      <c r="D8594" s="40">
        <v>143.09427699999344</v>
      </c>
      <c r="E8594" s="40">
        <v>21.566959151919463</v>
      </c>
      <c r="F8594" s="40">
        <v>143.08333299999998</v>
      </c>
      <c r="G8594" s="40">
        <v>22.098458447768056</v>
      </c>
      <c r="H8594" s="40">
        <v>143.08333400000001</v>
      </c>
      <c r="I8594" s="40">
        <v>22.700488937400547</v>
      </c>
      <c r="L8594" s="40"/>
      <c r="M8594" s="40"/>
      <c r="N8594" s="40"/>
    </row>
    <row r="8595" spans="4:14" x14ac:dyDescent="0.25">
      <c r="D8595" s="40">
        <v>143.11094299999343</v>
      </c>
      <c r="E8595" s="40">
        <v>21.566959151919463</v>
      </c>
      <c r="F8595" s="40">
        <v>143.1</v>
      </c>
      <c r="G8595" s="40">
        <v>22.098458447768056</v>
      </c>
      <c r="H8595" s="40">
        <v>143.1</v>
      </c>
      <c r="I8595" s="40">
        <v>22.700488937400547</v>
      </c>
      <c r="L8595" s="40"/>
      <c r="M8595" s="40"/>
      <c r="N8595" s="40"/>
    </row>
    <row r="8596" spans="4:14" x14ac:dyDescent="0.25">
      <c r="D8596" s="40">
        <v>143.12760899999341</v>
      </c>
      <c r="E8596" s="40">
        <v>21.566959151919463</v>
      </c>
      <c r="F8596" s="40">
        <v>143.11666700000001</v>
      </c>
      <c r="G8596" s="40">
        <v>22.098458447768056</v>
      </c>
      <c r="H8596" s="40">
        <v>143.11666700000001</v>
      </c>
      <c r="I8596" s="40">
        <v>22.70374306365731</v>
      </c>
      <c r="L8596" s="40"/>
      <c r="M8596" s="40"/>
      <c r="N8596" s="40"/>
    </row>
    <row r="8597" spans="4:14" x14ac:dyDescent="0.25">
      <c r="D8597" s="40">
        <v>143.1442749999934</v>
      </c>
      <c r="E8597" s="40">
        <v>21.566959151919463</v>
      </c>
      <c r="F8597" s="40">
        <v>143.13333299999999</v>
      </c>
      <c r="G8597" s="40">
        <v>22.103213691858276</v>
      </c>
      <c r="H8597" s="40">
        <v>143.13333400000002</v>
      </c>
      <c r="I8597" s="40">
        <v>22.70374306365731</v>
      </c>
      <c r="L8597" s="40"/>
      <c r="M8597" s="40"/>
      <c r="N8597" s="40"/>
    </row>
    <row r="8598" spans="4:14" x14ac:dyDescent="0.25">
      <c r="D8598" s="40">
        <v>143.16094099999339</v>
      </c>
      <c r="E8598" s="40">
        <v>21.566959151919463</v>
      </c>
      <c r="F8598" s="40">
        <v>143.15</v>
      </c>
      <c r="G8598" s="40">
        <v>22.103213691858276</v>
      </c>
      <c r="H8598" s="40">
        <v>143.15</v>
      </c>
      <c r="I8598" s="40">
        <v>22.707095799800566</v>
      </c>
      <c r="L8598" s="40"/>
      <c r="M8598" s="40"/>
      <c r="N8598" s="40"/>
    </row>
    <row r="8599" spans="4:14" x14ac:dyDescent="0.25">
      <c r="D8599" s="40">
        <v>143.17760699999337</v>
      </c>
      <c r="E8599" s="40">
        <v>21.571802330509009</v>
      </c>
      <c r="F8599" s="40">
        <v>143.16666699999999</v>
      </c>
      <c r="G8599" s="40">
        <v>22.103213691858276</v>
      </c>
      <c r="H8599" s="40">
        <v>143.16666700000002</v>
      </c>
      <c r="I8599" s="40">
        <v>22.707095799800566</v>
      </c>
      <c r="L8599" s="40"/>
      <c r="M8599" s="40"/>
      <c r="N8599" s="40"/>
    </row>
    <row r="8600" spans="4:14" x14ac:dyDescent="0.25">
      <c r="D8600" s="40">
        <v>143.19427299999336</v>
      </c>
      <c r="E8600" s="40">
        <v>21.571802330509009</v>
      </c>
      <c r="F8600" s="40">
        <v>143.183333</v>
      </c>
      <c r="G8600" s="40">
        <v>22.103213691858276</v>
      </c>
      <c r="H8600" s="40">
        <v>143.183334</v>
      </c>
      <c r="I8600" s="40">
        <v>22.707095799800566</v>
      </c>
      <c r="L8600" s="40"/>
      <c r="M8600" s="40"/>
      <c r="N8600" s="40"/>
    </row>
    <row r="8601" spans="4:14" x14ac:dyDescent="0.25">
      <c r="D8601" s="40">
        <v>143.21093899999335</v>
      </c>
      <c r="E8601" s="40">
        <v>21.571802330509009</v>
      </c>
      <c r="F8601" s="40">
        <v>143.19999999999999</v>
      </c>
      <c r="G8601" s="40">
        <v>22.103213691858276</v>
      </c>
      <c r="H8601" s="40">
        <v>143.20000000000002</v>
      </c>
      <c r="I8601" s="40">
        <v>22.710448535943826</v>
      </c>
      <c r="L8601" s="40"/>
      <c r="M8601" s="40"/>
      <c r="N8601" s="40"/>
    </row>
    <row r="8602" spans="4:14" x14ac:dyDescent="0.25">
      <c r="D8602" s="40">
        <v>143.22760499999333</v>
      </c>
      <c r="E8602" s="40">
        <v>21.571802330509009</v>
      </c>
      <c r="F8602" s="40">
        <v>143.216667</v>
      </c>
      <c r="G8602" s="40">
        <v>22.103213691858276</v>
      </c>
      <c r="H8602" s="40">
        <v>143.216667</v>
      </c>
      <c r="I8602" s="40">
        <v>22.710448535943826</v>
      </c>
      <c r="L8602" s="40"/>
      <c r="M8602" s="40"/>
      <c r="N8602" s="40"/>
    </row>
    <row r="8603" spans="4:14" x14ac:dyDescent="0.25">
      <c r="D8603" s="40">
        <v>143.24427099999332</v>
      </c>
      <c r="E8603" s="40">
        <v>21.571802330509009</v>
      </c>
      <c r="F8603" s="40">
        <v>143.23333299999999</v>
      </c>
      <c r="G8603" s="40">
        <v>22.103213691858276</v>
      </c>
      <c r="H8603" s="40">
        <v>143.23333400000001</v>
      </c>
      <c r="I8603" s="40">
        <v>22.713702662200589</v>
      </c>
      <c r="L8603" s="40"/>
      <c r="M8603" s="40"/>
      <c r="N8603" s="40"/>
    </row>
    <row r="8604" spans="4:14" x14ac:dyDescent="0.25">
      <c r="D8604" s="40">
        <v>143.26093699999331</v>
      </c>
      <c r="E8604" s="40">
        <v>21.571802330509009</v>
      </c>
      <c r="F8604" s="40">
        <v>143.25</v>
      </c>
      <c r="G8604" s="40">
        <v>22.103213691858276</v>
      </c>
      <c r="H8604" s="40">
        <v>143.25</v>
      </c>
      <c r="I8604" s="40">
        <v>22.713702662200589</v>
      </c>
      <c r="L8604" s="40"/>
      <c r="M8604" s="40"/>
      <c r="N8604" s="40"/>
    </row>
    <row r="8605" spans="4:14" x14ac:dyDescent="0.25">
      <c r="D8605" s="40">
        <v>143.27760299999329</v>
      </c>
      <c r="E8605" s="40">
        <v>21.571802330509009</v>
      </c>
      <c r="F8605" s="40">
        <v>143.26666699999998</v>
      </c>
      <c r="G8605" s="40">
        <v>22.103213691858276</v>
      </c>
      <c r="H8605" s="40">
        <v>143.26666700000001</v>
      </c>
      <c r="I8605" s="40">
        <v>22.717055398344019</v>
      </c>
      <c r="L8605" s="40"/>
      <c r="M8605" s="40"/>
      <c r="N8605" s="40"/>
    </row>
    <row r="8606" spans="4:14" x14ac:dyDescent="0.25">
      <c r="D8606" s="40">
        <v>143.29426899999328</v>
      </c>
      <c r="E8606" s="40">
        <v>21.571802330509009</v>
      </c>
      <c r="F8606" s="40">
        <v>143.283333</v>
      </c>
      <c r="G8606" s="40">
        <v>22.103213691858276</v>
      </c>
      <c r="H8606" s="40">
        <v>143.283334</v>
      </c>
      <c r="I8606" s="40">
        <v>22.717055398344019</v>
      </c>
      <c r="L8606" s="40"/>
      <c r="M8606" s="40"/>
      <c r="N8606" s="40"/>
    </row>
    <row r="8607" spans="4:14" x14ac:dyDescent="0.25">
      <c r="D8607" s="40">
        <v>143.31093499999326</v>
      </c>
      <c r="E8607" s="40">
        <v>21.571802330509009</v>
      </c>
      <c r="F8607" s="40">
        <v>143.29999999999998</v>
      </c>
      <c r="G8607" s="40">
        <v>22.103213691858276</v>
      </c>
      <c r="H8607" s="40">
        <v>143.30000000000001</v>
      </c>
      <c r="I8607" s="40">
        <v>22.717055398344019</v>
      </c>
      <c r="L8607" s="40"/>
      <c r="M8607" s="40"/>
      <c r="N8607" s="40"/>
    </row>
    <row r="8608" spans="4:14" x14ac:dyDescent="0.25">
      <c r="D8608" s="40">
        <v>143.32760099999325</v>
      </c>
      <c r="E8608" s="40">
        <v>21.571802330509009</v>
      </c>
      <c r="F8608" s="40">
        <v>143.316667</v>
      </c>
      <c r="G8608" s="40">
        <v>22.103213691858276</v>
      </c>
      <c r="H8608" s="40">
        <v>143.316667</v>
      </c>
      <c r="I8608" s="40">
        <v>22.720408134487275</v>
      </c>
      <c r="L8608" s="40"/>
      <c r="M8608" s="40"/>
      <c r="N8608" s="40"/>
    </row>
    <row r="8609" spans="4:14" x14ac:dyDescent="0.25">
      <c r="D8609" s="40">
        <v>143.34426699999324</v>
      </c>
      <c r="E8609" s="40">
        <v>21.566959151919463</v>
      </c>
      <c r="F8609" s="40">
        <v>143.33333299999998</v>
      </c>
      <c r="G8609" s="40">
        <v>22.103213691858276</v>
      </c>
      <c r="H8609" s="40">
        <v>143.33333400000001</v>
      </c>
      <c r="I8609" s="40">
        <v>22.720408134487275</v>
      </c>
      <c r="L8609" s="40"/>
      <c r="M8609" s="40"/>
      <c r="N8609" s="40"/>
    </row>
    <row r="8610" spans="4:14" x14ac:dyDescent="0.25">
      <c r="D8610" s="40">
        <v>143.36093299999322</v>
      </c>
      <c r="E8610" s="40">
        <v>21.566959151919463</v>
      </c>
      <c r="F8610" s="40">
        <v>143.35</v>
      </c>
      <c r="G8610" s="40">
        <v>22.103213691858276</v>
      </c>
      <c r="H8610" s="40">
        <v>143.35</v>
      </c>
      <c r="I8610" s="40">
        <v>22.723662260744039</v>
      </c>
      <c r="L8610" s="40"/>
      <c r="M8610" s="40"/>
      <c r="N8610" s="40"/>
    </row>
    <row r="8611" spans="4:14" x14ac:dyDescent="0.25">
      <c r="D8611" s="40">
        <v>143.37759899999321</v>
      </c>
      <c r="E8611" s="40">
        <v>21.566959151919463</v>
      </c>
      <c r="F8611" s="40">
        <v>143.36666700000001</v>
      </c>
      <c r="G8611" s="40">
        <v>22.103213691858276</v>
      </c>
      <c r="H8611" s="40">
        <v>143.36666700000001</v>
      </c>
      <c r="I8611" s="40">
        <v>22.723662260744039</v>
      </c>
      <c r="L8611" s="40"/>
      <c r="M8611" s="40"/>
      <c r="N8611" s="40"/>
    </row>
    <row r="8612" spans="4:14" x14ac:dyDescent="0.25">
      <c r="D8612" s="40">
        <v>143.3942649999932</v>
      </c>
      <c r="E8612" s="40">
        <v>21.566959151919463</v>
      </c>
      <c r="F8612" s="40">
        <v>143.38333299999999</v>
      </c>
      <c r="G8612" s="40">
        <v>22.103213691858276</v>
      </c>
      <c r="H8612" s="40">
        <v>143.38333400000002</v>
      </c>
      <c r="I8612" s="40">
        <v>22.723662260744039</v>
      </c>
      <c r="L8612" s="40"/>
      <c r="M8612" s="40"/>
      <c r="N8612" s="40"/>
    </row>
    <row r="8613" spans="4:14" x14ac:dyDescent="0.25">
      <c r="D8613" s="40">
        <v>143.41093099999318</v>
      </c>
      <c r="E8613" s="40">
        <v>21.566959151919463</v>
      </c>
      <c r="F8613" s="40">
        <v>143.4</v>
      </c>
      <c r="G8613" s="40">
        <v>22.103213691858276</v>
      </c>
      <c r="H8613" s="40">
        <v>143.4</v>
      </c>
      <c r="I8613" s="40">
        <v>22.727014996887299</v>
      </c>
      <c r="L8613" s="40"/>
      <c r="M8613" s="40"/>
      <c r="N8613" s="40"/>
    </row>
    <row r="8614" spans="4:14" x14ac:dyDescent="0.25">
      <c r="D8614" s="40">
        <v>143.42759699999317</v>
      </c>
      <c r="E8614" s="40">
        <v>21.566959151919463</v>
      </c>
      <c r="F8614" s="40">
        <v>143.41666699999999</v>
      </c>
      <c r="G8614" s="40">
        <v>22.103213691858276</v>
      </c>
      <c r="H8614" s="40">
        <v>143.41666700000002</v>
      </c>
      <c r="I8614" s="40">
        <v>22.727014996887299</v>
      </c>
      <c r="L8614" s="40"/>
      <c r="M8614" s="40"/>
      <c r="N8614" s="40"/>
    </row>
    <row r="8615" spans="4:14" x14ac:dyDescent="0.25">
      <c r="D8615" s="40">
        <v>143.44426299999316</v>
      </c>
      <c r="E8615" s="40">
        <v>21.566959151919463</v>
      </c>
      <c r="F8615" s="40">
        <v>143.433333</v>
      </c>
      <c r="G8615" s="40">
        <v>22.107968935948495</v>
      </c>
      <c r="H8615" s="40">
        <v>143.433334</v>
      </c>
      <c r="I8615" s="40">
        <v>22.730367733030732</v>
      </c>
      <c r="L8615" s="40"/>
      <c r="M8615" s="40"/>
      <c r="N8615" s="40"/>
    </row>
    <row r="8616" spans="4:14" x14ac:dyDescent="0.25">
      <c r="D8616" s="40">
        <v>143.46092899999314</v>
      </c>
      <c r="E8616" s="40">
        <v>21.566959151919463</v>
      </c>
      <c r="F8616" s="40">
        <v>143.44999999999999</v>
      </c>
      <c r="G8616" s="40">
        <v>22.107968935948495</v>
      </c>
      <c r="H8616" s="40">
        <v>143.45000000000002</v>
      </c>
      <c r="I8616" s="40">
        <v>22.730367733030732</v>
      </c>
      <c r="L8616" s="40"/>
      <c r="M8616" s="40"/>
      <c r="N8616" s="40"/>
    </row>
    <row r="8617" spans="4:14" x14ac:dyDescent="0.25">
      <c r="D8617" s="40">
        <v>143.47759499999313</v>
      </c>
      <c r="E8617" s="40">
        <v>21.566959151919463</v>
      </c>
      <c r="F8617" s="40">
        <v>143.466667</v>
      </c>
      <c r="G8617" s="40">
        <v>22.107968935948495</v>
      </c>
      <c r="H8617" s="40">
        <v>143.466667</v>
      </c>
      <c r="I8617" s="40">
        <v>22.733621859287318</v>
      </c>
      <c r="L8617" s="40"/>
      <c r="M8617" s="40"/>
      <c r="N8617" s="40"/>
    </row>
    <row r="8618" spans="4:14" x14ac:dyDescent="0.25">
      <c r="D8618" s="40">
        <v>143.49426099999312</v>
      </c>
      <c r="E8618" s="40">
        <v>21.566959151919463</v>
      </c>
      <c r="F8618" s="40">
        <v>143.48333299999999</v>
      </c>
      <c r="G8618" s="40">
        <v>22.107968935948495</v>
      </c>
      <c r="H8618" s="40">
        <v>143.48333400000001</v>
      </c>
      <c r="I8618" s="40">
        <v>22.733621859287318</v>
      </c>
      <c r="L8618" s="40"/>
      <c r="M8618" s="40"/>
      <c r="N8618" s="40"/>
    </row>
    <row r="8619" spans="4:14" x14ac:dyDescent="0.25">
      <c r="D8619" s="40">
        <v>143.5109269999931</v>
      </c>
      <c r="E8619" s="40">
        <v>21.566959151919463</v>
      </c>
      <c r="F8619" s="40">
        <v>143.5</v>
      </c>
      <c r="G8619" s="40">
        <v>22.107968935948495</v>
      </c>
      <c r="H8619" s="40">
        <v>143.5</v>
      </c>
      <c r="I8619" s="40">
        <v>22.736974595430748</v>
      </c>
      <c r="L8619" s="40"/>
      <c r="M8619" s="40"/>
      <c r="N8619" s="40"/>
    </row>
    <row r="8620" spans="4:14" x14ac:dyDescent="0.25">
      <c r="D8620" s="40">
        <v>143.52759299999309</v>
      </c>
      <c r="E8620" s="40">
        <v>21.566959151919463</v>
      </c>
      <c r="F8620" s="40">
        <v>143.51666699999998</v>
      </c>
      <c r="G8620" s="40">
        <v>22.107968935948495</v>
      </c>
      <c r="H8620" s="40">
        <v>143.51666700000001</v>
      </c>
      <c r="I8620" s="40">
        <v>22.736974595430748</v>
      </c>
      <c r="L8620" s="40"/>
      <c r="M8620" s="40"/>
      <c r="N8620" s="40"/>
    </row>
    <row r="8621" spans="4:14" x14ac:dyDescent="0.25">
      <c r="D8621" s="40">
        <v>143.54425899999308</v>
      </c>
      <c r="E8621" s="40">
        <v>21.562115973330041</v>
      </c>
      <c r="F8621" s="40">
        <v>143.533333</v>
      </c>
      <c r="G8621" s="40">
        <v>22.107968935948495</v>
      </c>
      <c r="H8621" s="40">
        <v>143.533334</v>
      </c>
      <c r="I8621" s="40">
        <v>22.740327331574004</v>
      </c>
      <c r="L8621" s="40"/>
      <c r="M8621" s="40"/>
      <c r="N8621" s="40"/>
    </row>
    <row r="8622" spans="4:14" x14ac:dyDescent="0.25">
      <c r="D8622" s="40">
        <v>143.56092499999306</v>
      </c>
      <c r="E8622" s="40">
        <v>21.562115973330041</v>
      </c>
      <c r="F8622" s="40">
        <v>143.54999999999998</v>
      </c>
      <c r="G8622" s="40">
        <v>22.107968935948495</v>
      </c>
      <c r="H8622" s="40">
        <v>143.55000000000001</v>
      </c>
      <c r="I8622" s="40">
        <v>22.740327331574004</v>
      </c>
      <c r="L8622" s="40"/>
      <c r="M8622" s="40"/>
      <c r="N8622" s="40"/>
    </row>
    <row r="8623" spans="4:14" x14ac:dyDescent="0.25">
      <c r="D8623" s="40">
        <v>143.57759099999305</v>
      </c>
      <c r="E8623" s="40">
        <v>21.562115973330041</v>
      </c>
      <c r="F8623" s="40">
        <v>143.566667</v>
      </c>
      <c r="G8623" s="40">
        <v>22.107968935948495</v>
      </c>
      <c r="H8623" s="40">
        <v>143.566667</v>
      </c>
      <c r="I8623" s="40">
        <v>22.743581457830768</v>
      </c>
      <c r="L8623" s="40"/>
      <c r="M8623" s="40"/>
      <c r="N8623" s="40"/>
    </row>
    <row r="8624" spans="4:14" x14ac:dyDescent="0.25">
      <c r="D8624" s="40">
        <v>143.59425699999304</v>
      </c>
      <c r="E8624" s="40">
        <v>21.562115973330041</v>
      </c>
      <c r="F8624" s="40">
        <v>143.58333299999998</v>
      </c>
      <c r="G8624" s="40">
        <v>22.107968935948495</v>
      </c>
      <c r="H8624" s="40">
        <v>143.58333400000001</v>
      </c>
      <c r="I8624" s="40">
        <v>22.743581457830768</v>
      </c>
      <c r="L8624" s="40"/>
      <c r="M8624" s="40"/>
      <c r="N8624" s="40"/>
    </row>
    <row r="8625" spans="4:14" x14ac:dyDescent="0.25">
      <c r="D8625" s="40">
        <v>143.61092299999302</v>
      </c>
      <c r="E8625" s="40">
        <v>21.566959151919463</v>
      </c>
      <c r="F8625" s="40">
        <v>143.6</v>
      </c>
      <c r="G8625" s="40">
        <v>22.107968935948495</v>
      </c>
      <c r="H8625" s="40">
        <v>143.6</v>
      </c>
      <c r="I8625" s="40">
        <v>22.743581457830768</v>
      </c>
      <c r="L8625" s="40"/>
      <c r="M8625" s="40"/>
      <c r="N8625" s="40"/>
    </row>
    <row r="8626" spans="4:14" x14ac:dyDescent="0.25">
      <c r="D8626" s="40">
        <v>143.62758899999301</v>
      </c>
      <c r="E8626" s="40">
        <v>21.566959151919463</v>
      </c>
      <c r="F8626" s="40">
        <v>143.61666700000001</v>
      </c>
      <c r="G8626" s="40">
        <v>22.107968935948495</v>
      </c>
      <c r="H8626" s="40">
        <v>143.61666700000001</v>
      </c>
      <c r="I8626" s="40">
        <v>22.746934193974027</v>
      </c>
      <c r="L8626" s="40"/>
      <c r="M8626" s="40"/>
      <c r="N8626" s="40"/>
    </row>
    <row r="8627" spans="4:14" x14ac:dyDescent="0.25">
      <c r="D8627" s="40">
        <v>143.644254999993</v>
      </c>
      <c r="E8627" s="40">
        <v>21.566959151919463</v>
      </c>
      <c r="F8627" s="40">
        <v>143.63333299999999</v>
      </c>
      <c r="G8627" s="40">
        <v>22.112724180038587</v>
      </c>
      <c r="H8627" s="40">
        <v>143.63333400000002</v>
      </c>
      <c r="I8627" s="40">
        <v>22.746934193974027</v>
      </c>
      <c r="L8627" s="40"/>
      <c r="M8627" s="40"/>
      <c r="N8627" s="40"/>
    </row>
    <row r="8628" spans="4:14" x14ac:dyDescent="0.25">
      <c r="D8628" s="40">
        <v>143.66092099999298</v>
      </c>
      <c r="E8628" s="40">
        <v>21.566959151919463</v>
      </c>
      <c r="F8628" s="40">
        <v>143.65</v>
      </c>
      <c r="G8628" s="40">
        <v>22.112724180038587</v>
      </c>
      <c r="H8628" s="40">
        <v>143.65</v>
      </c>
      <c r="I8628" s="40">
        <v>22.750286930117461</v>
      </c>
      <c r="L8628" s="40"/>
      <c r="M8628" s="40"/>
      <c r="N8628" s="40"/>
    </row>
    <row r="8629" spans="4:14" x14ac:dyDescent="0.25">
      <c r="D8629" s="40">
        <v>143.67758699999297</v>
      </c>
      <c r="E8629" s="40">
        <v>21.566959151919463</v>
      </c>
      <c r="F8629" s="40">
        <v>143.66666699999999</v>
      </c>
      <c r="G8629" s="40">
        <v>22.112724180038587</v>
      </c>
      <c r="H8629" s="40">
        <v>143.66666700000002</v>
      </c>
      <c r="I8629" s="40">
        <v>22.750286930117461</v>
      </c>
      <c r="L8629" s="40"/>
      <c r="M8629" s="40"/>
      <c r="N8629" s="40"/>
    </row>
    <row r="8630" spans="4:14" x14ac:dyDescent="0.25">
      <c r="D8630" s="40">
        <v>143.69425299999295</v>
      </c>
      <c r="E8630" s="40">
        <v>21.566959151919463</v>
      </c>
      <c r="F8630" s="40">
        <v>143.683333</v>
      </c>
      <c r="G8630" s="40">
        <v>22.107968935948495</v>
      </c>
      <c r="H8630" s="40">
        <v>143.683334</v>
      </c>
      <c r="I8630" s="40">
        <v>22.750286930117461</v>
      </c>
      <c r="L8630" s="40"/>
      <c r="M8630" s="40"/>
      <c r="N8630" s="40"/>
    </row>
    <row r="8631" spans="4:14" x14ac:dyDescent="0.25">
      <c r="D8631" s="40">
        <v>143.71091899999294</v>
      </c>
      <c r="E8631" s="40">
        <v>21.566959151919463</v>
      </c>
      <c r="F8631" s="40">
        <v>143.69999999999999</v>
      </c>
      <c r="G8631" s="40">
        <v>22.112724180038587</v>
      </c>
      <c r="H8631" s="40">
        <v>143.70000000000002</v>
      </c>
      <c r="I8631" s="40">
        <v>22.753541056374225</v>
      </c>
      <c r="L8631" s="40"/>
      <c r="M8631" s="40"/>
      <c r="N8631" s="40"/>
    </row>
    <row r="8632" spans="4:14" x14ac:dyDescent="0.25">
      <c r="D8632" s="40">
        <v>143.72758499999293</v>
      </c>
      <c r="E8632" s="40">
        <v>21.566959151919463</v>
      </c>
      <c r="F8632" s="40">
        <v>143.716667</v>
      </c>
      <c r="G8632" s="40">
        <v>22.112724180038587</v>
      </c>
      <c r="H8632" s="40">
        <v>143.716667</v>
      </c>
      <c r="I8632" s="40">
        <v>22.753541056374225</v>
      </c>
      <c r="L8632" s="40"/>
      <c r="M8632" s="40"/>
      <c r="N8632" s="40"/>
    </row>
    <row r="8633" spans="4:14" x14ac:dyDescent="0.25">
      <c r="D8633" s="40">
        <v>143.74425099999291</v>
      </c>
      <c r="E8633" s="40">
        <v>21.566959151919463</v>
      </c>
      <c r="F8633" s="40">
        <v>143.73333299999999</v>
      </c>
      <c r="G8633" s="40">
        <v>22.112724180038587</v>
      </c>
      <c r="H8633" s="40">
        <v>143.73333400000001</v>
      </c>
      <c r="I8633" s="40">
        <v>22.756893792517477</v>
      </c>
      <c r="L8633" s="40"/>
      <c r="M8633" s="40"/>
      <c r="N8633" s="40"/>
    </row>
    <row r="8634" spans="4:14" x14ac:dyDescent="0.25">
      <c r="D8634" s="40">
        <v>143.7609169999929</v>
      </c>
      <c r="E8634" s="40">
        <v>21.566959151919463</v>
      </c>
      <c r="F8634" s="40">
        <v>143.75</v>
      </c>
      <c r="G8634" s="40">
        <v>22.112724180038587</v>
      </c>
      <c r="H8634" s="40">
        <v>143.75</v>
      </c>
      <c r="I8634" s="40">
        <v>22.756893792517477</v>
      </c>
      <c r="L8634" s="40"/>
      <c r="M8634" s="40"/>
      <c r="N8634" s="40"/>
    </row>
    <row r="8635" spans="4:14" x14ac:dyDescent="0.25">
      <c r="D8635" s="40">
        <v>143.77758299999289</v>
      </c>
      <c r="E8635" s="40">
        <v>21.566959151919463</v>
      </c>
      <c r="F8635" s="40">
        <v>143.76666699999998</v>
      </c>
      <c r="G8635" s="40">
        <v>22.112724180038587</v>
      </c>
      <c r="H8635" s="40">
        <v>143.76666700000001</v>
      </c>
      <c r="I8635" s="40">
        <v>22.760246528660737</v>
      </c>
      <c r="L8635" s="40"/>
      <c r="M8635" s="40"/>
      <c r="N8635" s="40"/>
    </row>
    <row r="8636" spans="4:14" x14ac:dyDescent="0.25">
      <c r="D8636" s="40">
        <v>143.79424899999287</v>
      </c>
      <c r="E8636" s="40">
        <v>21.566959151919463</v>
      </c>
      <c r="F8636" s="40">
        <v>143.783333</v>
      </c>
      <c r="G8636" s="40">
        <v>22.112724180038587</v>
      </c>
      <c r="H8636" s="40">
        <v>143.783334</v>
      </c>
      <c r="I8636" s="40">
        <v>22.760246528660737</v>
      </c>
      <c r="L8636" s="40"/>
      <c r="M8636" s="40"/>
      <c r="N8636" s="40"/>
    </row>
    <row r="8637" spans="4:14" x14ac:dyDescent="0.25">
      <c r="D8637" s="40">
        <v>143.81091499999286</v>
      </c>
      <c r="E8637" s="40">
        <v>21.566959151919463</v>
      </c>
      <c r="F8637" s="40">
        <v>143.79999999999998</v>
      </c>
      <c r="G8637" s="40">
        <v>22.112724180038587</v>
      </c>
      <c r="H8637" s="40">
        <v>143.80000000000001</v>
      </c>
      <c r="I8637" s="40">
        <v>22.760246528660737</v>
      </c>
      <c r="L8637" s="40"/>
      <c r="M8637" s="40"/>
      <c r="N8637" s="40"/>
    </row>
    <row r="8638" spans="4:14" x14ac:dyDescent="0.25">
      <c r="D8638" s="40">
        <v>143.82758099999285</v>
      </c>
      <c r="E8638" s="40">
        <v>21.566959151919463</v>
      </c>
      <c r="F8638" s="40">
        <v>143.816667</v>
      </c>
      <c r="G8638" s="40">
        <v>22.112724180038587</v>
      </c>
      <c r="H8638" s="40">
        <v>143.816667</v>
      </c>
      <c r="I8638" s="40">
        <v>22.7635006549175</v>
      </c>
      <c r="L8638" s="40"/>
      <c r="M8638" s="40"/>
      <c r="N8638" s="40"/>
    </row>
    <row r="8639" spans="4:14" x14ac:dyDescent="0.25">
      <c r="D8639" s="40">
        <v>143.84424699999283</v>
      </c>
      <c r="E8639" s="40">
        <v>21.571802330509009</v>
      </c>
      <c r="F8639" s="40">
        <v>143.83333299999998</v>
      </c>
      <c r="G8639" s="40">
        <v>22.112724180038587</v>
      </c>
      <c r="H8639" s="40">
        <v>143.83333400000001</v>
      </c>
      <c r="I8639" s="40">
        <v>22.7635006549175</v>
      </c>
      <c r="L8639" s="40"/>
      <c r="M8639" s="40"/>
      <c r="N8639" s="40"/>
    </row>
    <row r="8640" spans="4:14" x14ac:dyDescent="0.25">
      <c r="D8640" s="40">
        <v>143.86091299999282</v>
      </c>
      <c r="E8640" s="40">
        <v>21.571802330509009</v>
      </c>
      <c r="F8640" s="40">
        <v>143.85</v>
      </c>
      <c r="G8640" s="40">
        <v>22.112724180038587</v>
      </c>
      <c r="H8640" s="40">
        <v>143.85</v>
      </c>
      <c r="I8640" s="40">
        <v>22.766853391060756</v>
      </c>
      <c r="L8640" s="40"/>
      <c r="M8640" s="40"/>
      <c r="N8640" s="40"/>
    </row>
    <row r="8641" spans="4:14" x14ac:dyDescent="0.25">
      <c r="D8641" s="40">
        <v>143.87757899999281</v>
      </c>
      <c r="E8641" s="40">
        <v>21.571802330509009</v>
      </c>
      <c r="F8641" s="40">
        <v>143.86666700000001</v>
      </c>
      <c r="G8641" s="40">
        <v>22.112724180038587</v>
      </c>
      <c r="H8641" s="40">
        <v>143.86666700000001</v>
      </c>
      <c r="I8641" s="40">
        <v>22.766853391060756</v>
      </c>
      <c r="L8641" s="40"/>
      <c r="M8641" s="40"/>
      <c r="N8641" s="40"/>
    </row>
    <row r="8642" spans="4:14" x14ac:dyDescent="0.25">
      <c r="D8642" s="40">
        <v>143.89424499999279</v>
      </c>
      <c r="E8642" s="40">
        <v>21.571802330509009</v>
      </c>
      <c r="F8642" s="40">
        <v>143.88333299999999</v>
      </c>
      <c r="G8642" s="40">
        <v>22.112724180038587</v>
      </c>
      <c r="H8642" s="40">
        <v>143.88333400000002</v>
      </c>
      <c r="I8642" s="40">
        <v>22.77020612720419</v>
      </c>
      <c r="L8642" s="40"/>
      <c r="M8642" s="40"/>
      <c r="N8642" s="40"/>
    </row>
    <row r="8643" spans="4:14" x14ac:dyDescent="0.25">
      <c r="D8643" s="40">
        <v>143.91091099999278</v>
      </c>
      <c r="E8643" s="40">
        <v>21.571802330509009</v>
      </c>
      <c r="F8643" s="40">
        <v>143.9</v>
      </c>
      <c r="G8643" s="40">
        <v>22.112724180038587</v>
      </c>
      <c r="H8643" s="40">
        <v>143.9</v>
      </c>
      <c r="I8643" s="40">
        <v>22.77020612720419</v>
      </c>
      <c r="L8643" s="40"/>
      <c r="M8643" s="40"/>
      <c r="N8643" s="40"/>
    </row>
    <row r="8644" spans="4:14" x14ac:dyDescent="0.25">
      <c r="D8644" s="40">
        <v>143.92757699999277</v>
      </c>
      <c r="E8644" s="40">
        <v>21.576503062669435</v>
      </c>
      <c r="F8644" s="40">
        <v>143.91666699999999</v>
      </c>
      <c r="G8644" s="40">
        <v>22.112724180038587</v>
      </c>
      <c r="H8644" s="40">
        <v>143.91666700000002</v>
      </c>
      <c r="I8644" s="40">
        <v>22.77020612720419</v>
      </c>
      <c r="L8644" s="40"/>
      <c r="M8644" s="40"/>
      <c r="N8644" s="40"/>
    </row>
    <row r="8645" spans="4:14" x14ac:dyDescent="0.25">
      <c r="D8645" s="40">
        <v>143.94424299999275</v>
      </c>
      <c r="E8645" s="40">
        <v>21.581346241258856</v>
      </c>
      <c r="F8645" s="40">
        <v>143.933333</v>
      </c>
      <c r="G8645" s="40">
        <v>22.112724180038587</v>
      </c>
      <c r="H8645" s="40">
        <v>143.933334</v>
      </c>
      <c r="I8645" s="40">
        <v>22.773460253460954</v>
      </c>
      <c r="L8645" s="40"/>
      <c r="M8645" s="40"/>
      <c r="N8645" s="40"/>
    </row>
    <row r="8646" spans="4:14" x14ac:dyDescent="0.25">
      <c r="D8646" s="40">
        <v>143.96090899999274</v>
      </c>
      <c r="E8646" s="40">
        <v>21.581346241258856</v>
      </c>
      <c r="F8646" s="40">
        <v>143.94999999999999</v>
      </c>
      <c r="G8646" s="40">
        <v>22.112724180038587</v>
      </c>
      <c r="H8646" s="40">
        <v>143.95000000000002</v>
      </c>
      <c r="I8646" s="40">
        <v>22.773460253460954</v>
      </c>
      <c r="L8646" s="40"/>
      <c r="M8646" s="40"/>
      <c r="N8646" s="40"/>
    </row>
    <row r="8647" spans="4:14" x14ac:dyDescent="0.25">
      <c r="D8647" s="40">
        <v>143.97757499999273</v>
      </c>
      <c r="E8647" s="40">
        <v>21.586189419848406</v>
      </c>
      <c r="F8647" s="40">
        <v>143.966667</v>
      </c>
      <c r="G8647" s="40">
        <v>22.112724180038587</v>
      </c>
      <c r="H8647" s="40">
        <v>143.966667</v>
      </c>
      <c r="I8647" s="40">
        <v>22.77681298960421</v>
      </c>
      <c r="L8647" s="40"/>
      <c r="M8647" s="40"/>
      <c r="N8647" s="40"/>
    </row>
    <row r="8648" spans="4:14" x14ac:dyDescent="0.25">
      <c r="D8648" s="40">
        <v>143.99424099999271</v>
      </c>
      <c r="E8648" s="40">
        <v>21.586189419848406</v>
      </c>
      <c r="F8648" s="40">
        <v>143.98333299999999</v>
      </c>
      <c r="G8648" s="40">
        <v>22.112724180038587</v>
      </c>
      <c r="H8648" s="40">
        <v>143.98333400000001</v>
      </c>
      <c r="I8648" s="40">
        <v>22.77681298960421</v>
      </c>
      <c r="L8648" s="40"/>
      <c r="M8648" s="40"/>
      <c r="N8648" s="40"/>
    </row>
    <row r="8649" spans="4:14" x14ac:dyDescent="0.25">
      <c r="D8649" s="40">
        <v>144.0109069999927</v>
      </c>
      <c r="E8649" s="40">
        <v>21.586189419848406</v>
      </c>
      <c r="F8649" s="40">
        <v>144</v>
      </c>
      <c r="G8649" s="40">
        <v>22.112724180038587</v>
      </c>
      <c r="H8649" s="40">
        <v>144</v>
      </c>
      <c r="I8649" s="40">
        <v>22.77681298960421</v>
      </c>
      <c r="L8649" s="40"/>
      <c r="M8649" s="40"/>
      <c r="N8649" s="40"/>
    </row>
    <row r="8650" spans="4:14" x14ac:dyDescent="0.25">
      <c r="D8650" s="40">
        <v>144.02757299999269</v>
      </c>
      <c r="E8650" s="40">
        <v>21.590890152008832</v>
      </c>
      <c r="F8650" s="40">
        <v>144.01666699999998</v>
      </c>
      <c r="G8650" s="40">
        <v>22.112724180038587</v>
      </c>
      <c r="H8650" s="40">
        <v>144.01666700000001</v>
      </c>
      <c r="I8650" s="40">
        <v>22.780165725747466</v>
      </c>
      <c r="L8650" s="40"/>
      <c r="M8650" s="40"/>
      <c r="N8650" s="40"/>
    </row>
    <row r="8651" spans="4:14" x14ac:dyDescent="0.25">
      <c r="D8651" s="40">
        <v>144.04423899999267</v>
      </c>
      <c r="E8651" s="40">
        <v>21.590890152008832</v>
      </c>
      <c r="F8651" s="40">
        <v>144.033333</v>
      </c>
      <c r="G8651" s="40">
        <v>22.112724180038587</v>
      </c>
      <c r="H8651" s="40">
        <v>144.033334</v>
      </c>
      <c r="I8651" s="40">
        <v>22.780165725747466</v>
      </c>
      <c r="L8651" s="40"/>
      <c r="M8651" s="40"/>
      <c r="N8651" s="40"/>
    </row>
    <row r="8652" spans="4:14" x14ac:dyDescent="0.25">
      <c r="D8652" s="40">
        <v>144.06090499999266</v>
      </c>
      <c r="E8652" s="40">
        <v>21.590890152008832</v>
      </c>
      <c r="F8652" s="40">
        <v>144.04999999999998</v>
      </c>
      <c r="G8652" s="40">
        <v>22.112724180038587</v>
      </c>
      <c r="H8652" s="40">
        <v>144.05000000000001</v>
      </c>
      <c r="I8652" s="40">
        <v>22.783419852004229</v>
      </c>
      <c r="L8652" s="40"/>
      <c r="M8652" s="40"/>
      <c r="N8652" s="40"/>
    </row>
    <row r="8653" spans="4:14" x14ac:dyDescent="0.25">
      <c r="D8653" s="40">
        <v>144.07757099999264</v>
      </c>
      <c r="E8653" s="40">
        <v>21.590890152008832</v>
      </c>
      <c r="F8653" s="40">
        <v>144.066667</v>
      </c>
      <c r="G8653" s="40">
        <v>22.112724180038587</v>
      </c>
      <c r="H8653" s="40">
        <v>144.066667</v>
      </c>
      <c r="I8653" s="40">
        <v>22.783419852004229</v>
      </c>
      <c r="L8653" s="40"/>
      <c r="M8653" s="40"/>
      <c r="N8653" s="40"/>
    </row>
    <row r="8654" spans="4:14" x14ac:dyDescent="0.25">
      <c r="D8654" s="40">
        <v>144.09423699999263</v>
      </c>
      <c r="E8654" s="40">
        <v>21.590890152008832</v>
      </c>
      <c r="F8654" s="40">
        <v>144.08333299999998</v>
      </c>
      <c r="G8654" s="40">
        <v>22.112724180038587</v>
      </c>
      <c r="H8654" s="40">
        <v>144.08333400000001</v>
      </c>
      <c r="I8654" s="40">
        <v>22.786772588147663</v>
      </c>
      <c r="L8654" s="40"/>
      <c r="M8654" s="40"/>
      <c r="N8654" s="40"/>
    </row>
    <row r="8655" spans="4:14" x14ac:dyDescent="0.25">
      <c r="D8655" s="40">
        <v>144.11090299999262</v>
      </c>
      <c r="E8655" s="40">
        <v>21.595733330598382</v>
      </c>
      <c r="F8655" s="40">
        <v>144.1</v>
      </c>
      <c r="G8655" s="40">
        <v>22.117339564008489</v>
      </c>
      <c r="H8655" s="40">
        <v>144.1</v>
      </c>
      <c r="I8655" s="40">
        <v>22.786772588147663</v>
      </c>
      <c r="L8655" s="40"/>
      <c r="M8655" s="40"/>
      <c r="N8655" s="40"/>
    </row>
    <row r="8656" spans="4:14" x14ac:dyDescent="0.25">
      <c r="D8656" s="40">
        <v>144.1275689999926</v>
      </c>
      <c r="E8656" s="40">
        <v>21.595733330598382</v>
      </c>
      <c r="F8656" s="40">
        <v>144.11666700000001</v>
      </c>
      <c r="G8656" s="40">
        <v>22.117339564008489</v>
      </c>
      <c r="H8656" s="40">
        <v>144.11666700000001</v>
      </c>
      <c r="I8656" s="40">
        <v>22.786772588147663</v>
      </c>
      <c r="L8656" s="40"/>
      <c r="M8656" s="40"/>
      <c r="N8656" s="40"/>
    </row>
    <row r="8657" spans="4:14" x14ac:dyDescent="0.25">
      <c r="D8657" s="40">
        <v>144.14423499999259</v>
      </c>
      <c r="E8657" s="40">
        <v>21.595733330598382</v>
      </c>
      <c r="F8657" s="40">
        <v>144.13333299999999</v>
      </c>
      <c r="G8657" s="40">
        <v>22.117339564008489</v>
      </c>
      <c r="H8657" s="40">
        <v>144.13333400000002</v>
      </c>
      <c r="I8657" s="40">
        <v>22.790125324290919</v>
      </c>
      <c r="L8657" s="40"/>
      <c r="M8657" s="40"/>
      <c r="N8657" s="40"/>
    </row>
    <row r="8658" spans="4:14" x14ac:dyDescent="0.25">
      <c r="D8658" s="40">
        <v>144.16090099999258</v>
      </c>
      <c r="E8658" s="40">
        <v>21.600576509187803</v>
      </c>
      <c r="F8658" s="40">
        <v>144.15</v>
      </c>
      <c r="G8658" s="40">
        <v>22.117339564008489</v>
      </c>
      <c r="H8658" s="40">
        <v>144.15</v>
      </c>
      <c r="I8658" s="40">
        <v>22.790125324290919</v>
      </c>
      <c r="L8658" s="40"/>
      <c r="M8658" s="40"/>
      <c r="N8658" s="40"/>
    </row>
    <row r="8659" spans="4:14" x14ac:dyDescent="0.25">
      <c r="D8659" s="40">
        <v>144.17756699999256</v>
      </c>
      <c r="E8659" s="40">
        <v>21.600576509187803</v>
      </c>
      <c r="F8659" s="40">
        <v>144.16666699999999</v>
      </c>
      <c r="G8659" s="40">
        <v>22.117339564008489</v>
      </c>
      <c r="H8659" s="40">
        <v>144.16666700000002</v>
      </c>
      <c r="I8659" s="40">
        <v>22.793379450547683</v>
      </c>
      <c r="L8659" s="40"/>
      <c r="M8659" s="40"/>
      <c r="N8659" s="40"/>
    </row>
    <row r="8660" spans="4:14" x14ac:dyDescent="0.25">
      <c r="D8660" s="40">
        <v>144.19423299999255</v>
      </c>
      <c r="E8660" s="40">
        <v>21.605277241348226</v>
      </c>
      <c r="F8660" s="40">
        <v>144.183333</v>
      </c>
      <c r="G8660" s="40">
        <v>22.117339564008489</v>
      </c>
      <c r="H8660" s="40">
        <v>144.183334</v>
      </c>
      <c r="I8660" s="40">
        <v>22.793379450547683</v>
      </c>
      <c r="L8660" s="40"/>
      <c r="M8660" s="40"/>
      <c r="N8660" s="40"/>
    </row>
    <row r="8661" spans="4:14" x14ac:dyDescent="0.25">
      <c r="D8661" s="40">
        <v>144.21089899999254</v>
      </c>
      <c r="E8661" s="40">
        <v>21.605277241348226</v>
      </c>
      <c r="F8661" s="40">
        <v>144.19999999999999</v>
      </c>
      <c r="G8661" s="40">
        <v>22.117339564008489</v>
      </c>
      <c r="H8661" s="40">
        <v>144.20000000000002</v>
      </c>
      <c r="I8661" s="40">
        <v>22.796732186690942</v>
      </c>
      <c r="L8661" s="40"/>
      <c r="M8661" s="40"/>
      <c r="N8661" s="40"/>
    </row>
    <row r="8662" spans="4:14" x14ac:dyDescent="0.25">
      <c r="D8662" s="40">
        <v>144.22756499999252</v>
      </c>
      <c r="E8662" s="40">
        <v>21.605277241348226</v>
      </c>
      <c r="F8662" s="40">
        <v>144.216667</v>
      </c>
      <c r="G8662" s="40">
        <v>22.117339564008489</v>
      </c>
      <c r="H8662" s="40">
        <v>144.216667</v>
      </c>
      <c r="I8662" s="40">
        <v>22.796732186690942</v>
      </c>
      <c r="L8662" s="40"/>
      <c r="M8662" s="40"/>
      <c r="N8662" s="40"/>
    </row>
    <row r="8663" spans="4:14" x14ac:dyDescent="0.25">
      <c r="D8663" s="40">
        <v>144.24423099999251</v>
      </c>
      <c r="E8663" s="40">
        <v>21.605277241348226</v>
      </c>
      <c r="F8663" s="40">
        <v>144.23333299999999</v>
      </c>
      <c r="G8663" s="40">
        <v>22.117339564008489</v>
      </c>
      <c r="H8663" s="40">
        <v>144.23333400000001</v>
      </c>
      <c r="I8663" s="40">
        <v>22.800084922834195</v>
      </c>
      <c r="L8663" s="40"/>
      <c r="M8663" s="40"/>
      <c r="N8663" s="40"/>
    </row>
    <row r="8664" spans="4:14" x14ac:dyDescent="0.25">
      <c r="D8664" s="40">
        <v>144.2608969999925</v>
      </c>
      <c r="E8664" s="40">
        <v>21.605277241348226</v>
      </c>
      <c r="F8664" s="40">
        <v>144.25</v>
      </c>
      <c r="G8664" s="40">
        <v>22.117339564008489</v>
      </c>
      <c r="H8664" s="40">
        <v>144.25</v>
      </c>
      <c r="I8664" s="40">
        <v>22.800084922834195</v>
      </c>
      <c r="L8664" s="40"/>
      <c r="M8664" s="40"/>
      <c r="N8664" s="40"/>
    </row>
    <row r="8665" spans="4:14" x14ac:dyDescent="0.25">
      <c r="D8665" s="40">
        <v>144.27756299999248</v>
      </c>
      <c r="E8665" s="40">
        <v>21.605277241348226</v>
      </c>
      <c r="F8665" s="40">
        <v>144.26666699999998</v>
      </c>
      <c r="G8665" s="40">
        <v>22.117339564008489</v>
      </c>
      <c r="H8665" s="40">
        <v>144.26666700000001</v>
      </c>
      <c r="I8665" s="40">
        <v>22.803437658977629</v>
      </c>
      <c r="L8665" s="40"/>
      <c r="M8665" s="40"/>
      <c r="N8665" s="40"/>
    </row>
    <row r="8666" spans="4:14" x14ac:dyDescent="0.25">
      <c r="D8666" s="40">
        <v>144.29422899999247</v>
      </c>
      <c r="E8666" s="40">
        <v>21.605277241348226</v>
      </c>
      <c r="F8666" s="40">
        <v>144.283333</v>
      </c>
      <c r="G8666" s="40">
        <v>22.117339564008489</v>
      </c>
      <c r="H8666" s="40">
        <v>144.283334</v>
      </c>
      <c r="I8666" s="40">
        <v>22.803437658977629</v>
      </c>
      <c r="L8666" s="40"/>
      <c r="M8666" s="40"/>
      <c r="N8666" s="40"/>
    </row>
    <row r="8667" spans="4:14" x14ac:dyDescent="0.25">
      <c r="D8667" s="40">
        <v>144.31089499999246</v>
      </c>
      <c r="E8667" s="40">
        <v>21.605277241348226</v>
      </c>
      <c r="F8667" s="40">
        <v>144.29999999999998</v>
      </c>
      <c r="G8667" s="40">
        <v>22.117339564008489</v>
      </c>
      <c r="H8667" s="40">
        <v>144.30000000000001</v>
      </c>
      <c r="I8667" s="40">
        <v>22.806691785234392</v>
      </c>
      <c r="L8667" s="40"/>
      <c r="M8667" s="40"/>
      <c r="N8667" s="40"/>
    </row>
    <row r="8668" spans="4:14" x14ac:dyDescent="0.25">
      <c r="D8668" s="40">
        <v>144.32756099999244</v>
      </c>
      <c r="E8668" s="40">
        <v>21.605277241348226</v>
      </c>
      <c r="F8668" s="40">
        <v>144.316667</v>
      </c>
      <c r="G8668" s="40">
        <v>22.122094808098709</v>
      </c>
      <c r="H8668" s="40">
        <v>144.316667</v>
      </c>
      <c r="I8668" s="40">
        <v>22.806691785234392</v>
      </c>
      <c r="L8668" s="40"/>
      <c r="M8668" s="40"/>
      <c r="N8668" s="40"/>
    </row>
    <row r="8669" spans="4:14" x14ac:dyDescent="0.25">
      <c r="D8669" s="40">
        <v>144.34422699999243</v>
      </c>
      <c r="E8669" s="40">
        <v>21.605277241348226</v>
      </c>
      <c r="F8669" s="40">
        <v>144.33333299999998</v>
      </c>
      <c r="G8669" s="40">
        <v>22.122094808098709</v>
      </c>
      <c r="H8669" s="40">
        <v>144.33333400000001</v>
      </c>
      <c r="I8669" s="40">
        <v>22.810044521377652</v>
      </c>
      <c r="L8669" s="40"/>
      <c r="M8669" s="40"/>
      <c r="N8669" s="40"/>
    </row>
    <row r="8670" spans="4:14" x14ac:dyDescent="0.25">
      <c r="D8670" s="40">
        <v>144.36089299999242</v>
      </c>
      <c r="E8670" s="40">
        <v>21.605277241348226</v>
      </c>
      <c r="F8670" s="40">
        <v>144.35</v>
      </c>
      <c r="G8670" s="40">
        <v>22.117339564008489</v>
      </c>
      <c r="H8670" s="40">
        <v>144.35</v>
      </c>
      <c r="I8670" s="40">
        <v>22.810044521377652</v>
      </c>
      <c r="L8670" s="40"/>
      <c r="M8670" s="40"/>
      <c r="N8670" s="40"/>
    </row>
    <row r="8671" spans="4:14" x14ac:dyDescent="0.25">
      <c r="D8671" s="40">
        <v>144.3775589999924</v>
      </c>
      <c r="E8671" s="40">
        <v>21.600576509187803</v>
      </c>
      <c r="F8671" s="40">
        <v>144.36666700000001</v>
      </c>
      <c r="G8671" s="40">
        <v>22.117339564008489</v>
      </c>
      <c r="H8671" s="40">
        <v>144.36666700000001</v>
      </c>
      <c r="I8671" s="40">
        <v>22.813397257520908</v>
      </c>
      <c r="L8671" s="40"/>
      <c r="M8671" s="40"/>
      <c r="N8671" s="40"/>
    </row>
    <row r="8672" spans="4:14" x14ac:dyDescent="0.25">
      <c r="D8672" s="40">
        <v>144.39422499999239</v>
      </c>
      <c r="E8672" s="40">
        <v>21.600576509187803</v>
      </c>
      <c r="F8672" s="40">
        <v>144.38333299999999</v>
      </c>
      <c r="G8672" s="40">
        <v>22.117339564008489</v>
      </c>
      <c r="H8672" s="40">
        <v>144.38333400000002</v>
      </c>
      <c r="I8672" s="40">
        <v>22.813397257520908</v>
      </c>
      <c r="L8672" s="40"/>
      <c r="M8672" s="40"/>
      <c r="N8672" s="40"/>
    </row>
    <row r="8673" spans="4:14" x14ac:dyDescent="0.25">
      <c r="D8673" s="40">
        <v>144.41089099999238</v>
      </c>
      <c r="E8673" s="40">
        <v>21.600576509187803</v>
      </c>
      <c r="F8673" s="40">
        <v>144.4</v>
      </c>
      <c r="G8673" s="40">
        <v>22.117339564008489</v>
      </c>
      <c r="H8673" s="40">
        <v>144.4</v>
      </c>
      <c r="I8673" s="40">
        <v>22.813397257520908</v>
      </c>
      <c r="L8673" s="40"/>
      <c r="M8673" s="40"/>
      <c r="N8673" s="40"/>
    </row>
    <row r="8674" spans="4:14" x14ac:dyDescent="0.25">
      <c r="D8674" s="40">
        <v>144.42755699999236</v>
      </c>
      <c r="E8674" s="40">
        <v>21.600576509187803</v>
      </c>
      <c r="F8674" s="40">
        <v>144.41666699999999</v>
      </c>
      <c r="G8674" s="40">
        <v>22.117339564008489</v>
      </c>
      <c r="H8674" s="40">
        <v>144.41666700000002</v>
      </c>
      <c r="I8674" s="40">
        <v>22.816651383777671</v>
      </c>
      <c r="L8674" s="40"/>
      <c r="M8674" s="40"/>
      <c r="N8674" s="40"/>
    </row>
    <row r="8675" spans="4:14" x14ac:dyDescent="0.25">
      <c r="D8675" s="40">
        <v>144.44422299999235</v>
      </c>
      <c r="E8675" s="40">
        <v>21.600576509187803</v>
      </c>
      <c r="F8675" s="40">
        <v>144.433333</v>
      </c>
      <c r="G8675" s="40">
        <v>22.117339564008489</v>
      </c>
      <c r="H8675" s="40">
        <v>144.433334</v>
      </c>
      <c r="I8675" s="40">
        <v>22.820004119921101</v>
      </c>
      <c r="L8675" s="40"/>
      <c r="M8675" s="40"/>
      <c r="N8675" s="40"/>
    </row>
    <row r="8676" spans="4:14" x14ac:dyDescent="0.25">
      <c r="D8676" s="40">
        <v>144.46088899999233</v>
      </c>
      <c r="E8676" s="40">
        <v>21.600576509187803</v>
      </c>
      <c r="F8676" s="40">
        <v>144.44999999999999</v>
      </c>
      <c r="G8676" s="40">
        <v>22.117339564008489</v>
      </c>
      <c r="H8676" s="40">
        <v>144.45000000000002</v>
      </c>
      <c r="I8676" s="40">
        <v>22.820004119921101</v>
      </c>
      <c r="L8676" s="40"/>
      <c r="M8676" s="40"/>
      <c r="N8676" s="40"/>
    </row>
    <row r="8677" spans="4:14" x14ac:dyDescent="0.25">
      <c r="D8677" s="40">
        <v>144.47755499999232</v>
      </c>
      <c r="E8677" s="40">
        <v>21.600576509187803</v>
      </c>
      <c r="F8677" s="40">
        <v>144.466667</v>
      </c>
      <c r="G8677" s="40">
        <v>22.117339564008489</v>
      </c>
      <c r="H8677" s="40">
        <v>144.466667</v>
      </c>
      <c r="I8677" s="40">
        <v>22.823356856064358</v>
      </c>
      <c r="L8677" s="40"/>
      <c r="M8677" s="40"/>
      <c r="N8677" s="40"/>
    </row>
    <row r="8678" spans="4:14" x14ac:dyDescent="0.25">
      <c r="D8678" s="40">
        <v>144.49422099999231</v>
      </c>
      <c r="E8678" s="40">
        <v>21.600576509187803</v>
      </c>
      <c r="F8678" s="40">
        <v>144.48333299999999</v>
      </c>
      <c r="G8678" s="40">
        <v>22.117339564008489</v>
      </c>
      <c r="H8678" s="40">
        <v>144.48333400000001</v>
      </c>
      <c r="I8678" s="40">
        <v>22.823356856064358</v>
      </c>
      <c r="L8678" s="40"/>
      <c r="M8678" s="40"/>
      <c r="N8678" s="40"/>
    </row>
    <row r="8679" spans="4:14" x14ac:dyDescent="0.25">
      <c r="D8679" s="40">
        <v>144.51088699999229</v>
      </c>
      <c r="E8679" s="40">
        <v>21.600576509187803</v>
      </c>
      <c r="F8679" s="40">
        <v>144.5</v>
      </c>
      <c r="G8679" s="40">
        <v>22.117339564008489</v>
      </c>
      <c r="H8679" s="40">
        <v>144.5</v>
      </c>
      <c r="I8679" s="40">
        <v>22.826610982321121</v>
      </c>
      <c r="L8679" s="40"/>
      <c r="M8679" s="40"/>
      <c r="N8679" s="40"/>
    </row>
    <row r="8680" spans="4:14" x14ac:dyDescent="0.25">
      <c r="D8680" s="40">
        <v>144.52755299999228</v>
      </c>
      <c r="E8680" s="40">
        <v>21.600576509187803</v>
      </c>
      <c r="F8680" s="40">
        <v>144.51666699999998</v>
      </c>
      <c r="G8680" s="40">
        <v>22.117339564008489</v>
      </c>
      <c r="H8680" s="40">
        <v>144.51666700000001</v>
      </c>
      <c r="I8680" s="40">
        <v>22.826610982321121</v>
      </c>
      <c r="L8680" s="40"/>
      <c r="M8680" s="40"/>
      <c r="N8680" s="40"/>
    </row>
    <row r="8681" spans="4:14" x14ac:dyDescent="0.25">
      <c r="D8681" s="40">
        <v>144.54421899999227</v>
      </c>
      <c r="E8681" s="40">
        <v>21.600576509187803</v>
      </c>
      <c r="F8681" s="40">
        <v>144.533333</v>
      </c>
      <c r="G8681" s="40">
        <v>22.117339564008489</v>
      </c>
      <c r="H8681" s="40">
        <v>144.533334</v>
      </c>
      <c r="I8681" s="40">
        <v>22.829963718464381</v>
      </c>
      <c r="L8681" s="40"/>
      <c r="M8681" s="40"/>
      <c r="N8681" s="40"/>
    </row>
    <row r="8682" spans="4:14" x14ac:dyDescent="0.25">
      <c r="D8682" s="40">
        <v>144.56088499999225</v>
      </c>
      <c r="E8682" s="40">
        <v>21.600576509187803</v>
      </c>
      <c r="F8682" s="40">
        <v>144.54999999999998</v>
      </c>
      <c r="G8682" s="40">
        <v>22.117339564008489</v>
      </c>
      <c r="H8682" s="40">
        <v>144.55000000000001</v>
      </c>
      <c r="I8682" s="40">
        <v>22.829963718464381</v>
      </c>
      <c r="L8682" s="40"/>
      <c r="M8682" s="40"/>
      <c r="N8682" s="40"/>
    </row>
    <row r="8683" spans="4:14" x14ac:dyDescent="0.25">
      <c r="D8683" s="40">
        <v>144.57755099999224</v>
      </c>
      <c r="E8683" s="40">
        <v>21.600576509187803</v>
      </c>
      <c r="F8683" s="40">
        <v>144.566667</v>
      </c>
      <c r="G8683" s="40">
        <v>22.117339564008489</v>
      </c>
      <c r="H8683" s="40">
        <v>144.566667</v>
      </c>
      <c r="I8683" s="40">
        <v>22.833316454607637</v>
      </c>
      <c r="L8683" s="40"/>
      <c r="M8683" s="40"/>
      <c r="N8683" s="40"/>
    </row>
    <row r="8684" spans="4:14" x14ac:dyDescent="0.25">
      <c r="D8684" s="40">
        <v>144.59421699999223</v>
      </c>
      <c r="E8684" s="40">
        <v>21.600576509187803</v>
      </c>
      <c r="F8684" s="40">
        <v>144.58333299999998</v>
      </c>
      <c r="G8684" s="40">
        <v>22.117339564008489</v>
      </c>
      <c r="H8684" s="40">
        <v>144.58333400000001</v>
      </c>
      <c r="I8684" s="40">
        <v>22.833316454607637</v>
      </c>
      <c r="L8684" s="40"/>
      <c r="M8684" s="40"/>
      <c r="N8684" s="40"/>
    </row>
    <row r="8685" spans="4:14" x14ac:dyDescent="0.25">
      <c r="D8685" s="40">
        <v>144.61088299999221</v>
      </c>
      <c r="E8685" s="40">
        <v>21.595733330598382</v>
      </c>
      <c r="F8685" s="40">
        <v>144.6</v>
      </c>
      <c r="G8685" s="40">
        <v>22.117339564008489</v>
      </c>
      <c r="H8685" s="40">
        <v>144.6</v>
      </c>
      <c r="I8685" s="40">
        <v>22.8365705808644</v>
      </c>
      <c r="L8685" s="40"/>
      <c r="M8685" s="40"/>
      <c r="N8685" s="40"/>
    </row>
    <row r="8686" spans="4:14" x14ac:dyDescent="0.25">
      <c r="D8686" s="40">
        <v>144.6275489999922</v>
      </c>
      <c r="E8686" s="40">
        <v>21.595733330598382</v>
      </c>
      <c r="F8686" s="40">
        <v>144.61666700000001</v>
      </c>
      <c r="G8686" s="40">
        <v>22.117339564008489</v>
      </c>
      <c r="H8686" s="40">
        <v>144.61666700000001</v>
      </c>
      <c r="I8686" s="40">
        <v>22.8365705808644</v>
      </c>
      <c r="L8686" s="40"/>
      <c r="M8686" s="40"/>
      <c r="N8686" s="40"/>
    </row>
    <row r="8687" spans="4:14" x14ac:dyDescent="0.25">
      <c r="D8687" s="40">
        <v>144.64421499999219</v>
      </c>
      <c r="E8687" s="40">
        <v>21.595733330598382</v>
      </c>
      <c r="F8687" s="40">
        <v>144.63333299999999</v>
      </c>
      <c r="G8687" s="40">
        <v>22.122094808098709</v>
      </c>
      <c r="H8687" s="40">
        <v>144.63333400000002</v>
      </c>
      <c r="I8687" s="40">
        <v>22.83992331700783</v>
      </c>
      <c r="L8687" s="40"/>
      <c r="M8687" s="40"/>
      <c r="N8687" s="40"/>
    </row>
    <row r="8688" spans="4:14" x14ac:dyDescent="0.25">
      <c r="D8688" s="40">
        <v>144.66088099999217</v>
      </c>
      <c r="E8688" s="40">
        <v>21.595733330598382</v>
      </c>
      <c r="F8688" s="40">
        <v>144.65</v>
      </c>
      <c r="G8688" s="40">
        <v>22.122094808098709</v>
      </c>
      <c r="H8688" s="40">
        <v>144.65</v>
      </c>
      <c r="I8688" s="40">
        <v>22.83992331700783</v>
      </c>
      <c r="L8688" s="40"/>
      <c r="M8688" s="40"/>
      <c r="N8688" s="40"/>
    </row>
    <row r="8689" spans="4:14" x14ac:dyDescent="0.25">
      <c r="D8689" s="40">
        <v>144.67754699999216</v>
      </c>
      <c r="E8689" s="40">
        <v>21.595733330598382</v>
      </c>
      <c r="F8689" s="40">
        <v>144.66666699999999</v>
      </c>
      <c r="G8689" s="40">
        <v>22.122094808098709</v>
      </c>
      <c r="H8689" s="40">
        <v>144.66666700000002</v>
      </c>
      <c r="I8689" s="40">
        <v>22.84327605315109</v>
      </c>
      <c r="L8689" s="40"/>
      <c r="M8689" s="40"/>
      <c r="N8689" s="40"/>
    </row>
    <row r="8690" spans="4:14" x14ac:dyDescent="0.25">
      <c r="D8690" s="40">
        <v>144.69421299999215</v>
      </c>
      <c r="E8690" s="40">
        <v>21.595733330598382</v>
      </c>
      <c r="F8690" s="40">
        <v>144.683333</v>
      </c>
      <c r="G8690" s="40">
        <v>22.122094808098709</v>
      </c>
      <c r="H8690" s="40">
        <v>144.683334</v>
      </c>
      <c r="I8690" s="40">
        <v>22.84327605315109</v>
      </c>
      <c r="L8690" s="40"/>
      <c r="M8690" s="40"/>
      <c r="N8690" s="40"/>
    </row>
    <row r="8691" spans="4:14" x14ac:dyDescent="0.25">
      <c r="D8691" s="40">
        <v>144.71087899999213</v>
      </c>
      <c r="E8691" s="40">
        <v>21.595733330598382</v>
      </c>
      <c r="F8691" s="40">
        <v>144.69999999999999</v>
      </c>
      <c r="G8691" s="40">
        <v>22.122094808098709</v>
      </c>
      <c r="H8691" s="40">
        <v>144.70000000000002</v>
      </c>
      <c r="I8691" s="40">
        <v>22.846530179407853</v>
      </c>
      <c r="L8691" s="40"/>
      <c r="M8691" s="40"/>
      <c r="N8691" s="40"/>
    </row>
    <row r="8692" spans="4:14" x14ac:dyDescent="0.25">
      <c r="D8692" s="40">
        <v>144.72754499999212</v>
      </c>
      <c r="E8692" s="40">
        <v>21.595733330598382</v>
      </c>
      <c r="F8692" s="40">
        <v>144.716667</v>
      </c>
      <c r="G8692" s="40">
        <v>22.126850052188804</v>
      </c>
      <c r="H8692" s="40">
        <v>144.716667</v>
      </c>
      <c r="I8692" s="40">
        <v>22.846530179407853</v>
      </c>
      <c r="L8692" s="40"/>
      <c r="M8692" s="40"/>
      <c r="N8692" s="40"/>
    </row>
    <row r="8693" spans="4:14" x14ac:dyDescent="0.25">
      <c r="D8693" s="40">
        <v>144.74421099999211</v>
      </c>
      <c r="E8693" s="40">
        <v>21.595733330598382</v>
      </c>
      <c r="F8693" s="40">
        <v>144.73333299999999</v>
      </c>
      <c r="G8693" s="40">
        <v>22.126850052188804</v>
      </c>
      <c r="H8693" s="40">
        <v>144.73333400000001</v>
      </c>
      <c r="I8693" s="40">
        <v>22.84988291555111</v>
      </c>
      <c r="L8693" s="40"/>
      <c r="M8693" s="40"/>
      <c r="N8693" s="40"/>
    </row>
    <row r="8694" spans="4:14" x14ac:dyDescent="0.25">
      <c r="D8694" s="40">
        <v>144.76087699999209</v>
      </c>
      <c r="E8694" s="40">
        <v>21.595733330598382</v>
      </c>
      <c r="F8694" s="40">
        <v>144.75</v>
      </c>
      <c r="G8694" s="40">
        <v>22.126850052188804</v>
      </c>
      <c r="H8694" s="40">
        <v>144.75</v>
      </c>
      <c r="I8694" s="40">
        <v>22.84988291555111</v>
      </c>
      <c r="L8694" s="40"/>
      <c r="M8694" s="40"/>
      <c r="N8694" s="40"/>
    </row>
    <row r="8695" spans="4:14" x14ac:dyDescent="0.25">
      <c r="D8695" s="40">
        <v>144.77754299999208</v>
      </c>
      <c r="E8695" s="40">
        <v>21.595733330598382</v>
      </c>
      <c r="F8695" s="40">
        <v>144.76666699999998</v>
      </c>
      <c r="G8695" s="40">
        <v>22.126850052188804</v>
      </c>
      <c r="H8695" s="40">
        <v>144.76666700000001</v>
      </c>
      <c r="I8695" s="40">
        <v>22.84988291555111</v>
      </c>
      <c r="L8695" s="40"/>
      <c r="M8695" s="40"/>
      <c r="N8695" s="40"/>
    </row>
    <row r="8696" spans="4:14" x14ac:dyDescent="0.25">
      <c r="D8696" s="40">
        <v>144.79420899999207</v>
      </c>
      <c r="E8696" s="40">
        <v>21.600576509187803</v>
      </c>
      <c r="F8696" s="40">
        <v>144.783333</v>
      </c>
      <c r="G8696" s="40">
        <v>22.126850052188804</v>
      </c>
      <c r="H8696" s="40">
        <v>144.783334</v>
      </c>
      <c r="I8696" s="40">
        <v>22.85323565169454</v>
      </c>
      <c r="L8696" s="40"/>
      <c r="M8696" s="40"/>
      <c r="N8696" s="40"/>
    </row>
    <row r="8697" spans="4:14" x14ac:dyDescent="0.25">
      <c r="D8697" s="40">
        <v>144.81087499999205</v>
      </c>
      <c r="E8697" s="40">
        <v>21.600576509187803</v>
      </c>
      <c r="F8697" s="40">
        <v>144.79999999999998</v>
      </c>
      <c r="G8697" s="40">
        <v>22.131465436158702</v>
      </c>
      <c r="H8697" s="40">
        <v>144.80000000000001</v>
      </c>
      <c r="I8697" s="40">
        <v>22.856489777951133</v>
      </c>
      <c r="L8697" s="40"/>
      <c r="M8697" s="40"/>
      <c r="N8697" s="40"/>
    </row>
    <row r="8698" spans="4:14" x14ac:dyDescent="0.25">
      <c r="D8698" s="40">
        <v>144.82754099999204</v>
      </c>
      <c r="E8698" s="40">
        <v>21.595733330598382</v>
      </c>
      <c r="F8698" s="40">
        <v>144.816667</v>
      </c>
      <c r="G8698" s="40">
        <v>22.131465436158702</v>
      </c>
      <c r="H8698" s="40">
        <v>144.816667</v>
      </c>
      <c r="I8698" s="40">
        <v>22.856489777951133</v>
      </c>
      <c r="L8698" s="40"/>
      <c r="M8698" s="40"/>
      <c r="N8698" s="40"/>
    </row>
    <row r="8699" spans="4:14" x14ac:dyDescent="0.25">
      <c r="D8699" s="40">
        <v>144.84420699999202</v>
      </c>
      <c r="E8699" s="40">
        <v>21.595733330598382</v>
      </c>
      <c r="F8699" s="40">
        <v>144.83333299999998</v>
      </c>
      <c r="G8699" s="40">
        <v>22.131465436158702</v>
      </c>
      <c r="H8699" s="40">
        <v>144.83333400000001</v>
      </c>
      <c r="I8699" s="40">
        <v>22.859842514094563</v>
      </c>
      <c r="L8699" s="40"/>
      <c r="M8699" s="40"/>
      <c r="N8699" s="40"/>
    </row>
    <row r="8700" spans="4:14" x14ac:dyDescent="0.25">
      <c r="D8700" s="40">
        <v>144.86087299999201</v>
      </c>
      <c r="E8700" s="40">
        <v>21.595733330598382</v>
      </c>
      <c r="F8700" s="40">
        <v>144.85</v>
      </c>
      <c r="G8700" s="40">
        <v>22.131465436158702</v>
      </c>
      <c r="H8700" s="40">
        <v>144.85</v>
      </c>
      <c r="I8700" s="40">
        <v>22.859842514094563</v>
      </c>
      <c r="L8700" s="40"/>
      <c r="M8700" s="40"/>
      <c r="N8700" s="40"/>
    </row>
    <row r="8701" spans="4:14" x14ac:dyDescent="0.25">
      <c r="D8701" s="40">
        <v>144.877538999992</v>
      </c>
      <c r="E8701" s="40">
        <v>21.595733330598382</v>
      </c>
      <c r="F8701" s="40">
        <v>144.86666700000001</v>
      </c>
      <c r="G8701" s="40">
        <v>22.131465436158702</v>
      </c>
      <c r="H8701" s="40">
        <v>144.86666700000001</v>
      </c>
      <c r="I8701" s="40">
        <v>22.863195250237819</v>
      </c>
      <c r="L8701" s="40"/>
      <c r="M8701" s="40"/>
      <c r="N8701" s="40"/>
    </row>
    <row r="8702" spans="4:14" x14ac:dyDescent="0.25">
      <c r="D8702" s="40">
        <v>144.89420499999198</v>
      </c>
      <c r="E8702" s="40">
        <v>21.600576509187803</v>
      </c>
      <c r="F8702" s="40">
        <v>144.88333299999999</v>
      </c>
      <c r="G8702" s="40">
        <v>22.136220680248922</v>
      </c>
      <c r="H8702" s="40">
        <v>144.88333400000002</v>
      </c>
      <c r="I8702" s="40">
        <v>22.863195250237819</v>
      </c>
      <c r="L8702" s="40"/>
      <c r="M8702" s="40"/>
      <c r="N8702" s="40"/>
    </row>
    <row r="8703" spans="4:14" x14ac:dyDescent="0.25">
      <c r="D8703" s="40">
        <v>144.91087099999197</v>
      </c>
      <c r="E8703" s="40">
        <v>21.600576509187803</v>
      </c>
      <c r="F8703" s="40">
        <v>144.9</v>
      </c>
      <c r="G8703" s="40">
        <v>22.136220680248922</v>
      </c>
      <c r="H8703" s="40">
        <v>144.9</v>
      </c>
      <c r="I8703" s="40">
        <v>22.866449376494582</v>
      </c>
      <c r="L8703" s="40"/>
      <c r="M8703" s="40"/>
      <c r="N8703" s="40"/>
    </row>
    <row r="8704" spans="4:14" x14ac:dyDescent="0.25">
      <c r="D8704" s="40">
        <v>144.92753699999196</v>
      </c>
      <c r="E8704" s="40">
        <v>21.600576509187803</v>
      </c>
      <c r="F8704" s="40">
        <v>144.91666699999999</v>
      </c>
      <c r="G8704" s="40">
        <v>22.136220680248922</v>
      </c>
      <c r="H8704" s="40">
        <v>144.91666700000002</v>
      </c>
      <c r="I8704" s="40">
        <v>22.866449376494582</v>
      </c>
      <c r="L8704" s="40"/>
      <c r="M8704" s="40"/>
      <c r="N8704" s="40"/>
    </row>
    <row r="8705" spans="4:14" x14ac:dyDescent="0.25">
      <c r="D8705" s="40">
        <v>144.94420299999194</v>
      </c>
      <c r="E8705" s="40">
        <v>21.600576509187803</v>
      </c>
      <c r="F8705" s="40">
        <v>144.933333</v>
      </c>
      <c r="G8705" s="40">
        <v>22.136220680248922</v>
      </c>
      <c r="H8705" s="40">
        <v>144.933334</v>
      </c>
      <c r="I8705" s="40">
        <v>22.869802112637839</v>
      </c>
      <c r="L8705" s="40"/>
      <c r="M8705" s="40"/>
      <c r="N8705" s="40"/>
    </row>
    <row r="8706" spans="4:14" x14ac:dyDescent="0.25">
      <c r="D8706" s="40">
        <v>144.96086899999193</v>
      </c>
      <c r="E8706" s="40">
        <v>21.600576509187803</v>
      </c>
      <c r="F8706" s="40">
        <v>144.94999999999999</v>
      </c>
      <c r="G8706" s="40">
        <v>22.136220680248922</v>
      </c>
      <c r="H8706" s="40">
        <v>144.95000000000002</v>
      </c>
      <c r="I8706" s="40">
        <v>22.869802112637839</v>
      </c>
      <c r="L8706" s="40"/>
      <c r="M8706" s="40"/>
      <c r="N8706" s="40"/>
    </row>
    <row r="8707" spans="4:14" x14ac:dyDescent="0.25">
      <c r="D8707" s="40">
        <v>144.97753499999192</v>
      </c>
      <c r="E8707" s="40">
        <v>21.600576509187803</v>
      </c>
      <c r="F8707" s="40">
        <v>144.966667</v>
      </c>
      <c r="G8707" s="40">
        <v>22.136220680248922</v>
      </c>
      <c r="H8707" s="40">
        <v>144.966667</v>
      </c>
      <c r="I8707" s="40">
        <v>22.873154848781272</v>
      </c>
      <c r="L8707" s="40"/>
      <c r="M8707" s="40"/>
      <c r="N8707" s="40"/>
    </row>
    <row r="8708" spans="4:14" x14ac:dyDescent="0.25">
      <c r="D8708" s="40">
        <v>144.9942009999919</v>
      </c>
      <c r="E8708" s="40">
        <v>21.600576509187803</v>
      </c>
      <c r="F8708" s="40">
        <v>144.98333299999999</v>
      </c>
      <c r="G8708" s="40">
        <v>22.136220680248922</v>
      </c>
      <c r="H8708" s="40">
        <v>144.98333400000001</v>
      </c>
      <c r="I8708" s="40">
        <v>22.873154848781272</v>
      </c>
      <c r="L8708" s="40"/>
      <c r="M8708" s="40"/>
      <c r="N8708" s="40"/>
    </row>
    <row r="8709" spans="4:14" x14ac:dyDescent="0.25">
      <c r="D8709" s="40">
        <v>145.01086699999189</v>
      </c>
      <c r="E8709" s="40">
        <v>21.600576509187803</v>
      </c>
      <c r="F8709" s="40">
        <v>145</v>
      </c>
      <c r="G8709" s="40">
        <v>22.136220680248922</v>
      </c>
      <c r="H8709" s="40">
        <v>145</v>
      </c>
      <c r="I8709" s="40">
        <v>22.876408975038032</v>
      </c>
      <c r="L8709" s="40"/>
      <c r="M8709" s="40"/>
      <c r="N8709" s="40"/>
    </row>
    <row r="8710" spans="4:14" x14ac:dyDescent="0.25">
      <c r="D8710" s="40">
        <v>145.02753299999188</v>
      </c>
      <c r="E8710" s="40">
        <v>21.605277241348226</v>
      </c>
      <c r="F8710" s="40">
        <v>145.01666699999998</v>
      </c>
      <c r="G8710" s="40">
        <v>22.136220680248922</v>
      </c>
      <c r="H8710" s="40">
        <v>145.01666700000001</v>
      </c>
      <c r="I8710" s="40">
        <v>22.876408975038032</v>
      </c>
      <c r="L8710" s="40"/>
      <c r="M8710" s="40"/>
      <c r="N8710" s="40"/>
    </row>
    <row r="8711" spans="4:14" x14ac:dyDescent="0.25">
      <c r="D8711" s="40">
        <v>145.04419899999186</v>
      </c>
      <c r="E8711" s="40">
        <v>21.605277241348226</v>
      </c>
      <c r="F8711" s="40">
        <v>145.033333</v>
      </c>
      <c r="G8711" s="40">
        <v>22.136220680248922</v>
      </c>
      <c r="H8711" s="40">
        <v>145.033334</v>
      </c>
      <c r="I8711" s="40">
        <v>22.879761711181292</v>
      </c>
      <c r="L8711" s="40"/>
      <c r="M8711" s="40"/>
      <c r="N8711" s="40"/>
    </row>
    <row r="8712" spans="4:14" x14ac:dyDescent="0.25">
      <c r="D8712" s="40">
        <v>145.06086499999185</v>
      </c>
      <c r="E8712" s="40">
        <v>21.605277241348226</v>
      </c>
      <c r="F8712" s="40">
        <v>145.04999999999998</v>
      </c>
      <c r="G8712" s="40">
        <v>22.131465436158702</v>
      </c>
      <c r="H8712" s="40">
        <v>145.05000000000001</v>
      </c>
      <c r="I8712" s="40">
        <v>22.879761711181292</v>
      </c>
      <c r="L8712" s="40"/>
      <c r="M8712" s="40"/>
      <c r="N8712" s="40"/>
    </row>
    <row r="8713" spans="4:14" x14ac:dyDescent="0.25">
      <c r="D8713" s="40">
        <v>145.07753099999184</v>
      </c>
      <c r="E8713" s="40">
        <v>21.605277241348226</v>
      </c>
      <c r="F8713" s="40">
        <v>145.066667</v>
      </c>
      <c r="G8713" s="40">
        <v>22.131465436158702</v>
      </c>
      <c r="H8713" s="40">
        <v>145.066667</v>
      </c>
      <c r="I8713" s="40">
        <v>22.883114447324548</v>
      </c>
      <c r="L8713" s="40"/>
      <c r="M8713" s="40"/>
      <c r="N8713" s="40"/>
    </row>
    <row r="8714" spans="4:14" x14ac:dyDescent="0.25">
      <c r="D8714" s="40">
        <v>145.09419699999182</v>
      </c>
      <c r="E8714" s="40">
        <v>21.605277241348226</v>
      </c>
      <c r="F8714" s="40">
        <v>145.08333299999998</v>
      </c>
      <c r="G8714" s="40">
        <v>22.131465436158702</v>
      </c>
      <c r="H8714" s="40">
        <v>145.08333400000001</v>
      </c>
      <c r="I8714" s="40">
        <v>22.883114447324548</v>
      </c>
      <c r="L8714" s="40"/>
      <c r="M8714" s="40"/>
      <c r="N8714" s="40"/>
    </row>
    <row r="8715" spans="4:14" x14ac:dyDescent="0.25">
      <c r="D8715" s="40">
        <v>145.11086299999181</v>
      </c>
      <c r="E8715" s="40">
        <v>21.605277241348226</v>
      </c>
      <c r="F8715" s="40">
        <v>145.1</v>
      </c>
      <c r="G8715" s="40">
        <v>22.131465436158702</v>
      </c>
      <c r="H8715" s="40">
        <v>145.1</v>
      </c>
      <c r="I8715" s="40">
        <v>22.886368573581311</v>
      </c>
      <c r="L8715" s="40"/>
      <c r="M8715" s="40"/>
      <c r="N8715" s="40"/>
    </row>
    <row r="8716" spans="4:14" x14ac:dyDescent="0.25">
      <c r="D8716" s="40">
        <v>145.1275289999918</v>
      </c>
      <c r="E8716" s="40">
        <v>21.605277241348226</v>
      </c>
      <c r="F8716" s="40">
        <v>145.11666700000001</v>
      </c>
      <c r="G8716" s="40">
        <v>22.131465436158702</v>
      </c>
      <c r="H8716" s="40">
        <v>145.11666700000001</v>
      </c>
      <c r="I8716" s="40">
        <v>22.886368573581311</v>
      </c>
      <c r="L8716" s="40"/>
      <c r="M8716" s="40"/>
      <c r="N8716" s="40"/>
    </row>
    <row r="8717" spans="4:14" x14ac:dyDescent="0.25">
      <c r="D8717" s="40">
        <v>145.14419499999178</v>
      </c>
      <c r="E8717" s="40">
        <v>21.605277241348226</v>
      </c>
      <c r="F8717" s="40">
        <v>145.13333299999999</v>
      </c>
      <c r="G8717" s="40">
        <v>22.131465436158702</v>
      </c>
      <c r="H8717" s="40">
        <v>145.13333400000002</v>
      </c>
      <c r="I8717" s="40">
        <v>22.889721309724571</v>
      </c>
      <c r="L8717" s="40"/>
      <c r="M8717" s="40"/>
      <c r="N8717" s="40"/>
    </row>
    <row r="8718" spans="4:14" x14ac:dyDescent="0.25">
      <c r="D8718" s="40">
        <v>145.16086099999177</v>
      </c>
      <c r="E8718" s="40">
        <v>21.605277241348226</v>
      </c>
      <c r="F8718" s="40">
        <v>145.15</v>
      </c>
      <c r="G8718" s="40">
        <v>22.136220680248922</v>
      </c>
      <c r="H8718" s="40">
        <v>145.15</v>
      </c>
      <c r="I8718" s="40">
        <v>22.889721309724571</v>
      </c>
      <c r="L8718" s="40"/>
      <c r="M8718" s="40"/>
      <c r="N8718" s="40"/>
    </row>
    <row r="8719" spans="4:14" x14ac:dyDescent="0.25">
      <c r="D8719" s="40">
        <v>145.17752699999176</v>
      </c>
      <c r="E8719" s="40">
        <v>21.605277241348226</v>
      </c>
      <c r="F8719" s="40">
        <v>145.16666699999999</v>
      </c>
      <c r="G8719" s="40">
        <v>22.136220680248922</v>
      </c>
      <c r="H8719" s="40">
        <v>145.16666700000002</v>
      </c>
      <c r="I8719" s="40">
        <v>22.893074045868005</v>
      </c>
      <c r="L8719" s="40"/>
      <c r="M8719" s="40"/>
      <c r="N8719" s="40"/>
    </row>
    <row r="8720" spans="4:14" x14ac:dyDescent="0.25">
      <c r="D8720" s="40">
        <v>145.19419299999174</v>
      </c>
      <c r="E8720" s="40">
        <v>21.605277241348226</v>
      </c>
      <c r="F8720" s="40">
        <v>145.183333</v>
      </c>
      <c r="G8720" s="40">
        <v>22.136220680248922</v>
      </c>
      <c r="H8720" s="40">
        <v>145.183334</v>
      </c>
      <c r="I8720" s="40">
        <v>22.893074045868005</v>
      </c>
      <c r="L8720" s="40"/>
      <c r="M8720" s="40"/>
      <c r="N8720" s="40"/>
    </row>
    <row r="8721" spans="4:14" x14ac:dyDescent="0.25">
      <c r="D8721" s="40">
        <v>145.21085899999173</v>
      </c>
      <c r="E8721" s="40">
        <v>21.605277241348226</v>
      </c>
      <c r="F8721" s="40">
        <v>145.19999999999999</v>
      </c>
      <c r="G8721" s="40">
        <v>22.136220680248922</v>
      </c>
      <c r="H8721" s="40">
        <v>145.20000000000002</v>
      </c>
      <c r="I8721" s="40">
        <v>22.896328172124765</v>
      </c>
      <c r="L8721" s="40"/>
      <c r="M8721" s="40"/>
      <c r="N8721" s="40"/>
    </row>
    <row r="8722" spans="4:14" x14ac:dyDescent="0.25">
      <c r="D8722" s="40">
        <v>145.22752499999172</v>
      </c>
      <c r="E8722" s="40">
        <v>21.605277241348226</v>
      </c>
      <c r="F8722" s="40">
        <v>145.216667</v>
      </c>
      <c r="G8722" s="40">
        <v>22.136220680248922</v>
      </c>
      <c r="H8722" s="40">
        <v>145.216667</v>
      </c>
      <c r="I8722" s="40">
        <v>22.896328172124765</v>
      </c>
      <c r="L8722" s="40"/>
      <c r="M8722" s="40"/>
      <c r="N8722" s="40"/>
    </row>
    <row r="8723" spans="4:14" x14ac:dyDescent="0.25">
      <c r="D8723" s="40">
        <v>145.2441909999917</v>
      </c>
      <c r="E8723" s="40">
        <v>21.605277241348226</v>
      </c>
      <c r="F8723" s="40">
        <v>145.23333299999999</v>
      </c>
      <c r="G8723" s="40">
        <v>22.136220680248922</v>
      </c>
      <c r="H8723" s="40">
        <v>145.23333400000001</v>
      </c>
      <c r="I8723" s="40">
        <v>22.896328172124765</v>
      </c>
      <c r="L8723" s="40"/>
      <c r="M8723" s="40"/>
      <c r="N8723" s="40"/>
    </row>
    <row r="8724" spans="4:14" x14ac:dyDescent="0.25">
      <c r="D8724" s="40">
        <v>145.26085699999169</v>
      </c>
      <c r="E8724" s="40">
        <v>21.605277241348226</v>
      </c>
      <c r="F8724" s="40">
        <v>145.25</v>
      </c>
      <c r="G8724" s="40">
        <v>22.136220680248922</v>
      </c>
      <c r="H8724" s="40">
        <v>145.25</v>
      </c>
      <c r="I8724" s="40">
        <v>22.899680908268021</v>
      </c>
      <c r="L8724" s="40"/>
      <c r="M8724" s="40"/>
      <c r="N8724" s="40"/>
    </row>
    <row r="8725" spans="4:14" x14ac:dyDescent="0.25">
      <c r="D8725" s="40">
        <v>145.27752299999167</v>
      </c>
      <c r="E8725" s="40">
        <v>21.605277241348226</v>
      </c>
      <c r="F8725" s="40">
        <v>145.26666699999998</v>
      </c>
      <c r="G8725" s="40">
        <v>22.136220680248922</v>
      </c>
      <c r="H8725" s="40">
        <v>145.26666700000001</v>
      </c>
      <c r="I8725" s="40">
        <v>22.899680908268021</v>
      </c>
      <c r="L8725" s="40"/>
      <c r="M8725" s="40"/>
      <c r="N8725" s="40"/>
    </row>
    <row r="8726" spans="4:14" x14ac:dyDescent="0.25">
      <c r="D8726" s="40">
        <v>145.29418899999166</v>
      </c>
      <c r="E8726" s="40">
        <v>21.600576509187803</v>
      </c>
      <c r="F8726" s="40">
        <v>145.283333</v>
      </c>
      <c r="G8726" s="40">
        <v>22.136220680248922</v>
      </c>
      <c r="H8726" s="40">
        <v>145.283334</v>
      </c>
      <c r="I8726" s="40">
        <v>22.899680908268021</v>
      </c>
      <c r="L8726" s="40"/>
      <c r="M8726" s="40"/>
      <c r="N8726" s="40"/>
    </row>
    <row r="8727" spans="4:14" x14ac:dyDescent="0.25">
      <c r="D8727" s="40">
        <v>145.31085499999165</v>
      </c>
      <c r="E8727" s="40">
        <v>21.600576509187803</v>
      </c>
      <c r="F8727" s="40">
        <v>145.29999999999998</v>
      </c>
      <c r="G8727" s="40">
        <v>22.136220680248922</v>
      </c>
      <c r="H8727" s="40">
        <v>145.30000000000001</v>
      </c>
      <c r="I8727" s="40">
        <v>22.903033644411281</v>
      </c>
      <c r="L8727" s="40"/>
      <c r="M8727" s="40"/>
      <c r="N8727" s="40"/>
    </row>
    <row r="8728" spans="4:14" x14ac:dyDescent="0.25">
      <c r="D8728" s="40">
        <v>145.32752099999163</v>
      </c>
      <c r="E8728" s="40">
        <v>21.600576509187803</v>
      </c>
      <c r="F8728" s="40">
        <v>145.316667</v>
      </c>
      <c r="G8728" s="40">
        <v>22.136220680248922</v>
      </c>
      <c r="H8728" s="40">
        <v>145.316667</v>
      </c>
      <c r="I8728" s="40">
        <v>22.903033644411281</v>
      </c>
      <c r="L8728" s="40"/>
      <c r="M8728" s="40"/>
      <c r="N8728" s="40"/>
    </row>
    <row r="8729" spans="4:14" x14ac:dyDescent="0.25">
      <c r="D8729" s="40">
        <v>145.34418699999162</v>
      </c>
      <c r="E8729" s="40">
        <v>21.600576509187803</v>
      </c>
      <c r="F8729" s="40">
        <v>145.33333299999998</v>
      </c>
      <c r="G8729" s="40">
        <v>22.136220680248922</v>
      </c>
      <c r="H8729" s="40">
        <v>145.33333400000001</v>
      </c>
      <c r="I8729" s="40">
        <v>22.90628777066804</v>
      </c>
      <c r="L8729" s="40"/>
      <c r="M8729" s="40"/>
      <c r="N8729" s="40"/>
    </row>
    <row r="8730" spans="4:14" x14ac:dyDescent="0.25">
      <c r="D8730" s="40">
        <v>145.36085299999161</v>
      </c>
      <c r="E8730" s="40">
        <v>21.595733330598382</v>
      </c>
      <c r="F8730" s="40">
        <v>145.35</v>
      </c>
      <c r="G8730" s="40">
        <v>22.140975924339145</v>
      </c>
      <c r="H8730" s="40">
        <v>145.35</v>
      </c>
      <c r="I8730" s="40">
        <v>22.90628777066804</v>
      </c>
      <c r="L8730" s="40"/>
      <c r="M8730" s="40"/>
      <c r="N8730" s="40"/>
    </row>
    <row r="8731" spans="4:14" x14ac:dyDescent="0.25">
      <c r="D8731" s="40">
        <v>145.37751899999159</v>
      </c>
      <c r="E8731" s="40">
        <v>21.595733330598382</v>
      </c>
      <c r="F8731" s="40">
        <v>145.36666700000001</v>
      </c>
      <c r="G8731" s="40">
        <v>22.140975924339145</v>
      </c>
      <c r="H8731" s="40">
        <v>145.36666700000001</v>
      </c>
      <c r="I8731" s="40">
        <v>22.909640506811474</v>
      </c>
      <c r="L8731" s="40"/>
      <c r="M8731" s="40"/>
      <c r="N8731" s="40"/>
    </row>
    <row r="8732" spans="4:14" x14ac:dyDescent="0.25">
      <c r="D8732" s="40">
        <v>145.39418499999158</v>
      </c>
      <c r="E8732" s="40">
        <v>21.595733330598382</v>
      </c>
      <c r="F8732" s="40">
        <v>145.38333299999999</v>
      </c>
      <c r="G8732" s="40">
        <v>22.140975924339145</v>
      </c>
      <c r="H8732" s="40">
        <v>145.38333400000002</v>
      </c>
      <c r="I8732" s="40">
        <v>22.909640506811474</v>
      </c>
      <c r="L8732" s="40"/>
      <c r="M8732" s="40"/>
      <c r="N8732" s="40"/>
    </row>
    <row r="8733" spans="4:14" x14ac:dyDescent="0.25">
      <c r="D8733" s="40">
        <v>145.41085099999157</v>
      </c>
      <c r="E8733" s="40">
        <v>21.590890152008832</v>
      </c>
      <c r="F8733" s="40">
        <v>145.4</v>
      </c>
      <c r="G8733" s="40">
        <v>22.140975924339145</v>
      </c>
      <c r="H8733" s="40">
        <v>145.4</v>
      </c>
      <c r="I8733" s="40">
        <v>22.909640506811474</v>
      </c>
      <c r="L8733" s="40"/>
      <c r="M8733" s="40"/>
      <c r="N8733" s="40"/>
    </row>
    <row r="8734" spans="4:14" x14ac:dyDescent="0.25">
      <c r="D8734" s="40">
        <v>145.42751699999155</v>
      </c>
      <c r="E8734" s="40">
        <v>21.590890152008832</v>
      </c>
      <c r="F8734" s="40">
        <v>145.41666699999999</v>
      </c>
      <c r="G8734" s="40">
        <v>22.140975924339145</v>
      </c>
      <c r="H8734" s="40">
        <v>145.41666700000002</v>
      </c>
      <c r="I8734" s="40">
        <v>22.912993242954734</v>
      </c>
      <c r="L8734" s="40"/>
      <c r="M8734" s="40"/>
      <c r="N8734" s="40"/>
    </row>
    <row r="8735" spans="4:14" x14ac:dyDescent="0.25">
      <c r="D8735" s="40">
        <v>145.44418299999154</v>
      </c>
      <c r="E8735" s="40">
        <v>21.590890152008832</v>
      </c>
      <c r="F8735" s="40">
        <v>145.433333</v>
      </c>
      <c r="G8735" s="40">
        <v>22.145591308308919</v>
      </c>
      <c r="H8735" s="40">
        <v>145.433334</v>
      </c>
      <c r="I8735" s="40">
        <v>22.912993242954734</v>
      </c>
      <c r="L8735" s="40"/>
      <c r="M8735" s="40"/>
      <c r="N8735" s="40"/>
    </row>
    <row r="8736" spans="4:14" x14ac:dyDescent="0.25">
      <c r="D8736" s="40">
        <v>145.46084899999153</v>
      </c>
      <c r="E8736" s="40">
        <v>21.590890152008832</v>
      </c>
      <c r="F8736" s="40">
        <v>145.44999999999999</v>
      </c>
      <c r="G8736" s="40">
        <v>22.145591308308919</v>
      </c>
      <c r="H8736" s="40">
        <v>145.45000000000002</v>
      </c>
      <c r="I8736" s="40">
        <v>22.912993242954734</v>
      </c>
      <c r="L8736" s="40"/>
      <c r="M8736" s="40"/>
      <c r="N8736" s="40"/>
    </row>
    <row r="8737" spans="4:14" x14ac:dyDescent="0.25">
      <c r="D8737" s="40">
        <v>145.47751499999151</v>
      </c>
      <c r="E8737" s="40">
        <v>21.586189419848406</v>
      </c>
      <c r="F8737" s="40">
        <v>145.466667</v>
      </c>
      <c r="G8737" s="40">
        <v>22.145591308308919</v>
      </c>
      <c r="H8737" s="40">
        <v>145.466667</v>
      </c>
      <c r="I8737" s="40">
        <v>22.916247369211497</v>
      </c>
      <c r="L8737" s="40"/>
      <c r="M8737" s="40"/>
      <c r="N8737" s="40"/>
    </row>
    <row r="8738" spans="4:14" x14ac:dyDescent="0.25">
      <c r="D8738" s="40">
        <v>145.4941809999915</v>
      </c>
      <c r="E8738" s="40">
        <v>21.586189419848406</v>
      </c>
      <c r="F8738" s="40">
        <v>145.48333299999999</v>
      </c>
      <c r="G8738" s="40">
        <v>22.145591308308919</v>
      </c>
      <c r="H8738" s="40">
        <v>145.48333400000001</v>
      </c>
      <c r="I8738" s="40">
        <v>22.916247369211497</v>
      </c>
      <c r="L8738" s="40"/>
      <c r="M8738" s="40"/>
      <c r="N8738" s="40"/>
    </row>
    <row r="8739" spans="4:14" x14ac:dyDescent="0.25">
      <c r="D8739" s="40">
        <v>145.51084699999149</v>
      </c>
      <c r="E8739" s="40">
        <v>21.586189419848406</v>
      </c>
      <c r="F8739" s="40">
        <v>145.5</v>
      </c>
      <c r="G8739" s="40">
        <v>22.145591308308919</v>
      </c>
      <c r="H8739" s="40">
        <v>145.5</v>
      </c>
      <c r="I8739" s="40">
        <v>22.916247369211497</v>
      </c>
      <c r="L8739" s="40"/>
      <c r="M8739" s="40"/>
      <c r="N8739" s="40"/>
    </row>
    <row r="8740" spans="4:14" x14ac:dyDescent="0.25">
      <c r="D8740" s="40">
        <v>145.52751299999147</v>
      </c>
      <c r="E8740" s="40">
        <v>21.586189419848406</v>
      </c>
      <c r="F8740" s="40">
        <v>145.51666699999998</v>
      </c>
      <c r="G8740" s="40">
        <v>22.145591308308919</v>
      </c>
      <c r="H8740" s="40">
        <v>145.51666700000001</v>
      </c>
      <c r="I8740" s="40">
        <v>22.91960010535475</v>
      </c>
      <c r="L8740" s="40"/>
      <c r="M8740" s="40"/>
      <c r="N8740" s="40"/>
    </row>
    <row r="8741" spans="4:14" x14ac:dyDescent="0.25">
      <c r="D8741" s="40">
        <v>145.54417899999146</v>
      </c>
      <c r="E8741" s="40">
        <v>21.590890152008832</v>
      </c>
      <c r="F8741" s="40">
        <v>145.533333</v>
      </c>
      <c r="G8741" s="40">
        <v>22.145591308308919</v>
      </c>
      <c r="H8741" s="40">
        <v>145.533334</v>
      </c>
      <c r="I8741" s="40">
        <v>22.91960010535475</v>
      </c>
      <c r="L8741" s="40"/>
      <c r="M8741" s="40"/>
      <c r="N8741" s="40"/>
    </row>
    <row r="8742" spans="4:14" x14ac:dyDescent="0.25">
      <c r="D8742" s="40">
        <v>145.56084499999145</v>
      </c>
      <c r="E8742" s="40">
        <v>21.590890152008832</v>
      </c>
      <c r="F8742" s="40">
        <v>145.54999999999998</v>
      </c>
      <c r="G8742" s="40">
        <v>22.150346552399139</v>
      </c>
      <c r="H8742" s="40">
        <v>145.55000000000001</v>
      </c>
      <c r="I8742" s="40">
        <v>22.922952841498009</v>
      </c>
      <c r="L8742" s="40"/>
      <c r="M8742" s="40"/>
      <c r="N8742" s="40"/>
    </row>
    <row r="8743" spans="4:14" x14ac:dyDescent="0.25">
      <c r="D8743" s="40">
        <v>145.57751099999143</v>
      </c>
      <c r="E8743" s="40">
        <v>21.590890152008832</v>
      </c>
      <c r="F8743" s="40">
        <v>145.566667</v>
      </c>
      <c r="G8743" s="40">
        <v>22.150346552399139</v>
      </c>
      <c r="H8743" s="40">
        <v>145.566667</v>
      </c>
      <c r="I8743" s="40">
        <v>22.922952841498009</v>
      </c>
      <c r="L8743" s="40"/>
      <c r="M8743" s="40"/>
      <c r="N8743" s="40"/>
    </row>
    <row r="8744" spans="4:14" x14ac:dyDescent="0.25">
      <c r="D8744" s="40">
        <v>145.59417699999142</v>
      </c>
      <c r="E8744" s="40">
        <v>21.595733330598382</v>
      </c>
      <c r="F8744" s="40">
        <v>145.58333299999998</v>
      </c>
      <c r="G8744" s="40">
        <v>22.150346552399139</v>
      </c>
      <c r="H8744" s="40">
        <v>145.58333400000001</v>
      </c>
      <c r="I8744" s="40">
        <v>22.926305577641443</v>
      </c>
      <c r="L8744" s="40"/>
      <c r="M8744" s="40"/>
      <c r="N8744" s="40"/>
    </row>
    <row r="8745" spans="4:14" x14ac:dyDescent="0.25">
      <c r="D8745" s="40">
        <v>145.61084299999141</v>
      </c>
      <c r="E8745" s="40">
        <v>21.595733330598382</v>
      </c>
      <c r="F8745" s="40">
        <v>145.6</v>
      </c>
      <c r="G8745" s="40">
        <v>22.150346552399139</v>
      </c>
      <c r="H8745" s="40">
        <v>145.6</v>
      </c>
      <c r="I8745" s="40">
        <v>22.926305577641443</v>
      </c>
      <c r="L8745" s="40"/>
      <c r="M8745" s="40"/>
      <c r="N8745" s="40"/>
    </row>
    <row r="8746" spans="4:14" x14ac:dyDescent="0.25">
      <c r="D8746" s="40">
        <v>145.62750899999139</v>
      </c>
      <c r="E8746" s="40">
        <v>21.595733330598382</v>
      </c>
      <c r="F8746" s="40">
        <v>145.61666700000001</v>
      </c>
      <c r="G8746" s="40">
        <v>22.150346552399139</v>
      </c>
      <c r="H8746" s="40">
        <v>145.61666700000001</v>
      </c>
      <c r="I8746" s="40">
        <v>22.926305577641443</v>
      </c>
      <c r="L8746" s="40"/>
      <c r="M8746" s="40"/>
      <c r="N8746" s="40"/>
    </row>
    <row r="8747" spans="4:14" x14ac:dyDescent="0.25">
      <c r="D8747" s="40">
        <v>145.64417499999138</v>
      </c>
      <c r="E8747" s="40">
        <v>21.600576509187803</v>
      </c>
      <c r="F8747" s="40">
        <v>145.63333299999999</v>
      </c>
      <c r="G8747" s="40">
        <v>22.145591308308919</v>
      </c>
      <c r="H8747" s="40">
        <v>145.63333400000002</v>
      </c>
      <c r="I8747" s="40">
        <v>22.929559703898207</v>
      </c>
      <c r="L8747" s="40"/>
      <c r="M8747" s="40"/>
      <c r="N8747" s="40"/>
    </row>
    <row r="8748" spans="4:14" x14ac:dyDescent="0.25">
      <c r="D8748" s="40">
        <v>145.66084099999136</v>
      </c>
      <c r="E8748" s="40">
        <v>21.600576509187803</v>
      </c>
      <c r="F8748" s="40">
        <v>145.65</v>
      </c>
      <c r="G8748" s="40">
        <v>22.145591308308919</v>
      </c>
      <c r="H8748" s="40">
        <v>145.65</v>
      </c>
      <c r="I8748" s="40">
        <v>22.932912440041463</v>
      </c>
      <c r="L8748" s="40"/>
      <c r="M8748" s="40"/>
      <c r="N8748" s="40"/>
    </row>
    <row r="8749" spans="4:14" x14ac:dyDescent="0.25">
      <c r="D8749" s="40">
        <v>145.67750699999135</v>
      </c>
      <c r="E8749" s="40">
        <v>21.600576509187803</v>
      </c>
      <c r="F8749" s="40">
        <v>145.66666699999999</v>
      </c>
      <c r="G8749" s="40">
        <v>22.145591308308919</v>
      </c>
      <c r="H8749" s="40">
        <v>145.66666700000002</v>
      </c>
      <c r="I8749" s="40">
        <v>22.932912440041463</v>
      </c>
      <c r="L8749" s="40"/>
      <c r="M8749" s="40"/>
      <c r="N8749" s="40"/>
    </row>
    <row r="8750" spans="4:14" x14ac:dyDescent="0.25">
      <c r="D8750" s="40">
        <v>145.69417299999134</v>
      </c>
      <c r="E8750" s="40">
        <v>21.605277241348226</v>
      </c>
      <c r="F8750" s="40">
        <v>145.683333</v>
      </c>
      <c r="G8750" s="40">
        <v>22.145591308308919</v>
      </c>
      <c r="H8750" s="40">
        <v>145.683334</v>
      </c>
      <c r="I8750" s="40">
        <v>22.936265176184719</v>
      </c>
      <c r="L8750" s="40"/>
      <c r="M8750" s="40"/>
      <c r="N8750" s="40"/>
    </row>
    <row r="8751" spans="4:14" x14ac:dyDescent="0.25">
      <c r="D8751" s="40">
        <v>145.71083899999132</v>
      </c>
      <c r="E8751" s="40">
        <v>21.605277241348226</v>
      </c>
      <c r="F8751" s="40">
        <v>145.69999999999999</v>
      </c>
      <c r="G8751" s="40">
        <v>22.145591308308919</v>
      </c>
      <c r="H8751" s="40">
        <v>145.70000000000002</v>
      </c>
      <c r="I8751" s="40">
        <v>22.936265176184719</v>
      </c>
      <c r="L8751" s="40"/>
      <c r="M8751" s="40"/>
      <c r="N8751" s="40"/>
    </row>
    <row r="8752" spans="4:14" x14ac:dyDescent="0.25">
      <c r="D8752" s="40">
        <v>145.72750499999131</v>
      </c>
      <c r="E8752" s="40">
        <v>21.605277241348226</v>
      </c>
      <c r="F8752" s="40">
        <v>145.716667</v>
      </c>
      <c r="G8752" s="40">
        <v>22.145591308308919</v>
      </c>
      <c r="H8752" s="40">
        <v>145.716667</v>
      </c>
      <c r="I8752" s="40">
        <v>22.939519302441482</v>
      </c>
      <c r="L8752" s="40"/>
      <c r="M8752" s="40"/>
      <c r="N8752" s="40"/>
    </row>
    <row r="8753" spans="4:14" x14ac:dyDescent="0.25">
      <c r="D8753" s="40">
        <v>145.7441709999913</v>
      </c>
      <c r="E8753" s="40">
        <v>21.610120419937775</v>
      </c>
      <c r="F8753" s="40">
        <v>145.73333299999999</v>
      </c>
      <c r="G8753" s="40">
        <v>22.145591308308919</v>
      </c>
      <c r="H8753" s="40">
        <v>145.73333400000001</v>
      </c>
      <c r="I8753" s="40">
        <v>22.942872038584738</v>
      </c>
      <c r="L8753" s="40"/>
      <c r="M8753" s="40"/>
      <c r="N8753" s="40"/>
    </row>
    <row r="8754" spans="4:14" x14ac:dyDescent="0.25">
      <c r="D8754" s="40">
        <v>145.76083699999128</v>
      </c>
      <c r="E8754" s="40">
        <v>21.610120419937775</v>
      </c>
      <c r="F8754" s="40">
        <v>145.75</v>
      </c>
      <c r="G8754" s="40">
        <v>22.145591308308919</v>
      </c>
      <c r="H8754" s="40">
        <v>145.75</v>
      </c>
      <c r="I8754" s="40">
        <v>22.942872038584738</v>
      </c>
      <c r="L8754" s="40"/>
      <c r="M8754" s="40"/>
      <c r="N8754" s="40"/>
    </row>
    <row r="8755" spans="4:14" x14ac:dyDescent="0.25">
      <c r="D8755" s="40">
        <v>145.77750299999127</v>
      </c>
      <c r="E8755" s="40">
        <v>21.610120419937775</v>
      </c>
      <c r="F8755" s="40">
        <v>145.76666699999998</v>
      </c>
      <c r="G8755" s="40">
        <v>22.145591308308919</v>
      </c>
      <c r="H8755" s="40">
        <v>145.76666700000001</v>
      </c>
      <c r="I8755" s="40">
        <v>22.946224774728172</v>
      </c>
      <c r="L8755" s="40"/>
      <c r="M8755" s="40"/>
      <c r="N8755" s="40"/>
    </row>
    <row r="8756" spans="4:14" x14ac:dyDescent="0.25">
      <c r="D8756" s="40">
        <v>145.79416899999126</v>
      </c>
      <c r="E8756" s="40">
        <v>21.614963598527197</v>
      </c>
      <c r="F8756" s="40">
        <v>145.783333</v>
      </c>
      <c r="G8756" s="40">
        <v>22.145591308308919</v>
      </c>
      <c r="H8756" s="40">
        <v>145.783334</v>
      </c>
      <c r="I8756" s="40">
        <v>22.946224774728172</v>
      </c>
      <c r="L8756" s="40"/>
      <c r="M8756" s="40"/>
      <c r="N8756" s="40"/>
    </row>
    <row r="8757" spans="4:14" x14ac:dyDescent="0.25">
      <c r="D8757" s="40">
        <v>145.81083499999124</v>
      </c>
      <c r="E8757" s="40">
        <v>21.614963598527197</v>
      </c>
      <c r="F8757" s="40">
        <v>145.79999999999998</v>
      </c>
      <c r="G8757" s="40">
        <v>22.140975924339145</v>
      </c>
      <c r="H8757" s="40">
        <v>145.80000000000001</v>
      </c>
      <c r="I8757" s="40">
        <v>22.949478900984936</v>
      </c>
      <c r="L8757" s="40"/>
      <c r="M8757" s="40"/>
      <c r="N8757" s="40"/>
    </row>
    <row r="8758" spans="4:14" x14ac:dyDescent="0.25">
      <c r="D8758" s="40">
        <v>145.82750099999123</v>
      </c>
      <c r="E8758" s="40">
        <v>21.614963598527197</v>
      </c>
      <c r="F8758" s="40">
        <v>145.816667</v>
      </c>
      <c r="G8758" s="40">
        <v>22.145591308308919</v>
      </c>
      <c r="H8758" s="40">
        <v>145.816667</v>
      </c>
      <c r="I8758" s="40">
        <v>22.949478900984936</v>
      </c>
      <c r="L8758" s="40"/>
      <c r="M8758" s="40"/>
      <c r="N8758" s="40"/>
    </row>
    <row r="8759" spans="4:14" x14ac:dyDescent="0.25">
      <c r="D8759" s="40">
        <v>145.84416699999122</v>
      </c>
      <c r="E8759" s="40">
        <v>21.614963598527197</v>
      </c>
      <c r="F8759" s="40">
        <v>145.83333299999998</v>
      </c>
      <c r="G8759" s="40">
        <v>22.145591308308919</v>
      </c>
      <c r="H8759" s="40">
        <v>145.83333400000001</v>
      </c>
      <c r="I8759" s="40">
        <v>22.952831637128192</v>
      </c>
      <c r="L8759" s="40"/>
      <c r="M8759" s="40"/>
      <c r="N8759" s="40"/>
    </row>
    <row r="8760" spans="4:14" x14ac:dyDescent="0.25">
      <c r="D8760" s="40">
        <v>145.8608329999912</v>
      </c>
      <c r="E8760" s="40">
        <v>21.614963598527197</v>
      </c>
      <c r="F8760" s="40">
        <v>145.85</v>
      </c>
      <c r="G8760" s="40">
        <v>22.145591308308919</v>
      </c>
      <c r="H8760" s="40">
        <v>145.85</v>
      </c>
      <c r="I8760" s="40">
        <v>22.952831637128192</v>
      </c>
      <c r="L8760" s="40"/>
      <c r="M8760" s="40"/>
      <c r="N8760" s="40"/>
    </row>
    <row r="8761" spans="4:14" x14ac:dyDescent="0.25">
      <c r="D8761" s="40">
        <v>145.87749899999119</v>
      </c>
      <c r="E8761" s="40">
        <v>21.614963598527197</v>
      </c>
      <c r="F8761" s="40">
        <v>145.86666700000001</v>
      </c>
      <c r="G8761" s="40">
        <v>22.145591308308919</v>
      </c>
      <c r="H8761" s="40">
        <v>145.86666700000001</v>
      </c>
      <c r="I8761" s="40">
        <v>22.956184373271448</v>
      </c>
      <c r="L8761" s="40"/>
      <c r="M8761" s="40"/>
      <c r="N8761" s="40"/>
    </row>
    <row r="8762" spans="4:14" x14ac:dyDescent="0.25">
      <c r="D8762" s="40">
        <v>145.89416499999118</v>
      </c>
      <c r="E8762" s="40">
        <v>21.619664330687623</v>
      </c>
      <c r="F8762" s="40">
        <v>145.88333299999999</v>
      </c>
      <c r="G8762" s="40">
        <v>22.145591308308919</v>
      </c>
      <c r="H8762" s="40">
        <v>145.88333400000002</v>
      </c>
      <c r="I8762" s="40">
        <v>22.956184373271448</v>
      </c>
      <c r="L8762" s="40"/>
      <c r="M8762" s="40"/>
      <c r="N8762" s="40"/>
    </row>
    <row r="8763" spans="4:14" x14ac:dyDescent="0.25">
      <c r="D8763" s="40">
        <v>145.91083099999116</v>
      </c>
      <c r="E8763" s="40">
        <v>21.619664330687623</v>
      </c>
      <c r="F8763" s="40">
        <v>145.9</v>
      </c>
      <c r="G8763" s="40">
        <v>22.145591308308919</v>
      </c>
      <c r="H8763" s="40">
        <v>145.9</v>
      </c>
      <c r="I8763" s="40">
        <v>22.959438499528211</v>
      </c>
      <c r="L8763" s="40"/>
      <c r="M8763" s="40"/>
      <c r="N8763" s="40"/>
    </row>
    <row r="8764" spans="4:14" x14ac:dyDescent="0.25">
      <c r="D8764" s="40">
        <v>145.92749699999115</v>
      </c>
      <c r="E8764" s="40">
        <v>21.619664330687623</v>
      </c>
      <c r="F8764" s="40">
        <v>145.91666699999999</v>
      </c>
      <c r="G8764" s="40">
        <v>22.145591308308919</v>
      </c>
      <c r="H8764" s="40">
        <v>145.91666700000002</v>
      </c>
      <c r="I8764" s="40">
        <v>22.959438499528211</v>
      </c>
      <c r="L8764" s="40"/>
      <c r="M8764" s="40"/>
      <c r="N8764" s="40"/>
    </row>
    <row r="8765" spans="4:14" x14ac:dyDescent="0.25">
      <c r="D8765" s="40">
        <v>145.94416299999114</v>
      </c>
      <c r="E8765" s="40">
        <v>21.619664330687623</v>
      </c>
      <c r="F8765" s="40">
        <v>145.933333</v>
      </c>
      <c r="G8765" s="40">
        <v>22.145591308308919</v>
      </c>
      <c r="H8765" s="40">
        <v>145.933334</v>
      </c>
      <c r="I8765" s="40">
        <v>22.962791235671645</v>
      </c>
      <c r="L8765" s="40"/>
      <c r="M8765" s="40"/>
      <c r="N8765" s="40"/>
    </row>
    <row r="8766" spans="4:14" x14ac:dyDescent="0.25">
      <c r="D8766" s="40">
        <v>145.96082899999112</v>
      </c>
      <c r="E8766" s="40">
        <v>21.614963598527197</v>
      </c>
      <c r="F8766" s="40">
        <v>145.94999999999999</v>
      </c>
      <c r="G8766" s="40">
        <v>22.145591308308919</v>
      </c>
      <c r="H8766" s="40">
        <v>145.95000000000002</v>
      </c>
      <c r="I8766" s="40">
        <v>22.966143971814901</v>
      </c>
      <c r="L8766" s="40"/>
      <c r="M8766" s="40"/>
      <c r="N8766" s="40"/>
    </row>
    <row r="8767" spans="4:14" x14ac:dyDescent="0.25">
      <c r="D8767" s="40">
        <v>145.97749499999111</v>
      </c>
      <c r="E8767" s="40">
        <v>21.614963598527197</v>
      </c>
      <c r="F8767" s="40">
        <v>145.966667</v>
      </c>
      <c r="G8767" s="40">
        <v>22.140975924339145</v>
      </c>
      <c r="H8767" s="40">
        <v>145.966667</v>
      </c>
      <c r="I8767" s="40">
        <v>22.966143971814901</v>
      </c>
      <c r="L8767" s="40"/>
      <c r="M8767" s="40"/>
      <c r="N8767" s="40"/>
    </row>
    <row r="8768" spans="4:14" x14ac:dyDescent="0.25">
      <c r="D8768" s="40">
        <v>145.9941609999911</v>
      </c>
      <c r="E8768" s="40">
        <v>21.610120419937775</v>
      </c>
      <c r="F8768" s="40">
        <v>145.98333299999999</v>
      </c>
      <c r="G8768" s="40">
        <v>22.140975924339145</v>
      </c>
      <c r="H8768" s="40">
        <v>145.98333400000001</v>
      </c>
      <c r="I8768" s="40">
        <v>22.969398098071665</v>
      </c>
      <c r="L8768" s="40"/>
      <c r="M8768" s="40"/>
      <c r="N8768" s="40"/>
    </row>
    <row r="8769" spans="4:14" x14ac:dyDescent="0.25">
      <c r="D8769" s="40">
        <v>146.01082699999108</v>
      </c>
      <c r="E8769" s="40">
        <v>21.610120419937775</v>
      </c>
      <c r="F8769" s="40">
        <v>146</v>
      </c>
      <c r="G8769" s="40">
        <v>22.140975924339145</v>
      </c>
      <c r="H8769" s="40">
        <v>146</v>
      </c>
      <c r="I8769" s="40">
        <v>22.969398098071665</v>
      </c>
      <c r="L8769" s="40"/>
      <c r="M8769" s="40"/>
      <c r="N8769" s="40"/>
    </row>
    <row r="8770" spans="4:14" x14ac:dyDescent="0.25">
      <c r="D8770" s="40">
        <v>146.02749299999107</v>
      </c>
      <c r="E8770" s="40">
        <v>21.610120419937775</v>
      </c>
      <c r="F8770" s="40">
        <v>146.01666699999998</v>
      </c>
      <c r="G8770" s="40">
        <v>22.140975924339145</v>
      </c>
      <c r="H8770" s="40">
        <v>146.01666700000001</v>
      </c>
      <c r="I8770" s="40">
        <v>22.972750834214924</v>
      </c>
      <c r="L8770" s="40"/>
      <c r="M8770" s="40"/>
      <c r="N8770" s="40"/>
    </row>
    <row r="8771" spans="4:14" x14ac:dyDescent="0.25">
      <c r="D8771" s="40">
        <v>146.04415899999105</v>
      </c>
      <c r="E8771" s="40">
        <v>21.605277241348226</v>
      </c>
      <c r="F8771" s="40">
        <v>146.033333</v>
      </c>
      <c r="G8771" s="40">
        <v>22.140975924339145</v>
      </c>
      <c r="H8771" s="40">
        <v>146.033334</v>
      </c>
      <c r="I8771" s="40">
        <v>22.972750834214924</v>
      </c>
      <c r="L8771" s="40"/>
      <c r="M8771" s="40"/>
      <c r="N8771" s="40"/>
    </row>
    <row r="8772" spans="4:14" x14ac:dyDescent="0.25">
      <c r="D8772" s="40">
        <v>146.06082499999104</v>
      </c>
      <c r="E8772" s="40">
        <v>21.600576509187803</v>
      </c>
      <c r="F8772" s="40">
        <v>146.04999999999998</v>
      </c>
      <c r="G8772" s="40">
        <v>22.140975924339145</v>
      </c>
      <c r="H8772" s="40">
        <v>146.05000000000001</v>
      </c>
      <c r="I8772" s="40">
        <v>22.976103570358177</v>
      </c>
      <c r="L8772" s="40"/>
      <c r="M8772" s="40"/>
      <c r="N8772" s="40"/>
    </row>
    <row r="8773" spans="4:14" x14ac:dyDescent="0.25">
      <c r="D8773" s="40">
        <v>146.07749099999103</v>
      </c>
      <c r="E8773" s="40">
        <v>21.600576509187803</v>
      </c>
      <c r="F8773" s="40">
        <v>146.066667</v>
      </c>
      <c r="G8773" s="40">
        <v>22.140975924339145</v>
      </c>
      <c r="H8773" s="40">
        <v>146.066667</v>
      </c>
      <c r="I8773" s="40">
        <v>22.976103570358177</v>
      </c>
      <c r="L8773" s="40"/>
      <c r="M8773" s="40"/>
      <c r="N8773" s="40"/>
    </row>
    <row r="8774" spans="4:14" x14ac:dyDescent="0.25">
      <c r="D8774" s="40">
        <v>146.09415699999101</v>
      </c>
      <c r="E8774" s="40">
        <v>21.595733330598382</v>
      </c>
      <c r="F8774" s="40">
        <v>146.08333299999998</v>
      </c>
      <c r="G8774" s="40">
        <v>22.145591308308919</v>
      </c>
      <c r="H8774" s="40">
        <v>146.08333400000001</v>
      </c>
      <c r="I8774" s="40">
        <v>22.97935769661494</v>
      </c>
      <c r="L8774" s="40"/>
      <c r="M8774" s="40"/>
      <c r="N8774" s="40"/>
    </row>
    <row r="8775" spans="4:14" x14ac:dyDescent="0.25">
      <c r="D8775" s="40">
        <v>146.110822999991</v>
      </c>
      <c r="E8775" s="40">
        <v>21.595733330598382</v>
      </c>
      <c r="F8775" s="40">
        <v>146.1</v>
      </c>
      <c r="G8775" s="40">
        <v>22.145591308308919</v>
      </c>
      <c r="H8775" s="40">
        <v>146.1</v>
      </c>
      <c r="I8775" s="40">
        <v>22.97935769661494</v>
      </c>
      <c r="L8775" s="40"/>
      <c r="M8775" s="40"/>
      <c r="N8775" s="40"/>
    </row>
    <row r="8776" spans="4:14" x14ac:dyDescent="0.25">
      <c r="D8776" s="40">
        <v>146.12748899999099</v>
      </c>
      <c r="E8776" s="40">
        <v>21.590890152008832</v>
      </c>
      <c r="F8776" s="40">
        <v>146.11666700000001</v>
      </c>
      <c r="G8776" s="40">
        <v>22.145591308308919</v>
      </c>
      <c r="H8776" s="40">
        <v>146.11666700000001</v>
      </c>
      <c r="I8776" s="40">
        <v>22.982710432758374</v>
      </c>
      <c r="L8776" s="40"/>
      <c r="M8776" s="40"/>
      <c r="N8776" s="40"/>
    </row>
    <row r="8777" spans="4:14" x14ac:dyDescent="0.25">
      <c r="D8777" s="40">
        <v>146.14415499999097</v>
      </c>
      <c r="E8777" s="40">
        <v>21.590890152008832</v>
      </c>
      <c r="F8777" s="40">
        <v>146.13333299999999</v>
      </c>
      <c r="G8777" s="40">
        <v>22.145591308308919</v>
      </c>
      <c r="H8777" s="40">
        <v>146.13333400000002</v>
      </c>
      <c r="I8777" s="40">
        <v>22.982710432758374</v>
      </c>
      <c r="L8777" s="40"/>
      <c r="M8777" s="40"/>
      <c r="N8777" s="40"/>
    </row>
    <row r="8778" spans="4:14" x14ac:dyDescent="0.25">
      <c r="D8778" s="40">
        <v>146.16082099999096</v>
      </c>
      <c r="E8778" s="40">
        <v>21.586189419848406</v>
      </c>
      <c r="F8778" s="40">
        <v>146.15</v>
      </c>
      <c r="G8778" s="40">
        <v>22.150346552399139</v>
      </c>
      <c r="H8778" s="40">
        <v>146.15</v>
      </c>
      <c r="I8778" s="40">
        <v>22.986063168901634</v>
      </c>
      <c r="L8778" s="40"/>
      <c r="M8778" s="40"/>
      <c r="N8778" s="40"/>
    </row>
    <row r="8779" spans="4:14" x14ac:dyDescent="0.25">
      <c r="D8779" s="40">
        <v>146.17748699999095</v>
      </c>
      <c r="E8779" s="40">
        <v>21.586189419848406</v>
      </c>
      <c r="F8779" s="40">
        <v>146.16666699999999</v>
      </c>
      <c r="G8779" s="40">
        <v>22.150346552399139</v>
      </c>
      <c r="H8779" s="40">
        <v>146.16666700000002</v>
      </c>
      <c r="I8779" s="40">
        <v>22.986063168901634</v>
      </c>
      <c r="L8779" s="40"/>
      <c r="M8779" s="40"/>
      <c r="N8779" s="40"/>
    </row>
    <row r="8780" spans="4:14" x14ac:dyDescent="0.25">
      <c r="D8780" s="40">
        <v>146.19415299999093</v>
      </c>
      <c r="E8780" s="40">
        <v>21.586189419848406</v>
      </c>
      <c r="F8780" s="40">
        <v>146.183333</v>
      </c>
      <c r="G8780" s="40">
        <v>22.150346552399139</v>
      </c>
      <c r="H8780" s="40">
        <v>146.183334</v>
      </c>
      <c r="I8780" s="40">
        <v>22.989317295158397</v>
      </c>
      <c r="L8780" s="40"/>
      <c r="M8780" s="40"/>
      <c r="N8780" s="40"/>
    </row>
    <row r="8781" spans="4:14" x14ac:dyDescent="0.25">
      <c r="D8781" s="40">
        <v>146.21081899999092</v>
      </c>
      <c r="E8781" s="40">
        <v>21.581346241258856</v>
      </c>
      <c r="F8781" s="40">
        <v>146.19999999999999</v>
      </c>
      <c r="G8781" s="40">
        <v>22.150346552399139</v>
      </c>
      <c r="H8781" s="40">
        <v>146.20000000000002</v>
      </c>
      <c r="I8781" s="40">
        <v>22.989317295158397</v>
      </c>
      <c r="L8781" s="40"/>
      <c r="M8781" s="40"/>
      <c r="N8781" s="40"/>
    </row>
    <row r="8782" spans="4:14" x14ac:dyDescent="0.25">
      <c r="D8782" s="40">
        <v>146.22748499999091</v>
      </c>
      <c r="E8782" s="40">
        <v>21.581346241258856</v>
      </c>
      <c r="F8782" s="40">
        <v>146.216667</v>
      </c>
      <c r="G8782" s="40">
        <v>22.155101796489358</v>
      </c>
      <c r="H8782" s="40">
        <v>146.216667</v>
      </c>
      <c r="I8782" s="40">
        <v>22.992670031301653</v>
      </c>
      <c r="L8782" s="40"/>
      <c r="M8782" s="40"/>
      <c r="N8782" s="40"/>
    </row>
    <row r="8783" spans="4:14" x14ac:dyDescent="0.25">
      <c r="D8783" s="40">
        <v>146.24415099999089</v>
      </c>
      <c r="E8783" s="40">
        <v>21.576503062669435</v>
      </c>
      <c r="F8783" s="40">
        <v>146.23333299999999</v>
      </c>
      <c r="G8783" s="40">
        <v>22.155101796489358</v>
      </c>
      <c r="H8783" s="40">
        <v>146.23333400000001</v>
      </c>
      <c r="I8783" s="40">
        <v>22.992670031301653</v>
      </c>
      <c r="L8783" s="40"/>
      <c r="M8783" s="40"/>
      <c r="N8783" s="40"/>
    </row>
    <row r="8784" spans="4:14" x14ac:dyDescent="0.25">
      <c r="D8784" s="40">
        <v>146.26081699999088</v>
      </c>
      <c r="E8784" s="40">
        <v>21.576503062669435</v>
      </c>
      <c r="F8784" s="40">
        <v>146.25</v>
      </c>
      <c r="G8784" s="40">
        <v>22.155101796489358</v>
      </c>
      <c r="H8784" s="40">
        <v>146.25</v>
      </c>
      <c r="I8784" s="40">
        <v>22.996022767445083</v>
      </c>
      <c r="L8784" s="40"/>
      <c r="M8784" s="40"/>
      <c r="N8784" s="40"/>
    </row>
    <row r="8785" spans="4:14" x14ac:dyDescent="0.25">
      <c r="D8785" s="40">
        <v>146.27748299999087</v>
      </c>
      <c r="E8785" s="40">
        <v>21.576503062669435</v>
      </c>
      <c r="F8785" s="40">
        <v>146.26666699999998</v>
      </c>
      <c r="G8785" s="40">
        <v>22.155101796489358</v>
      </c>
      <c r="H8785" s="40">
        <v>146.26666700000001</v>
      </c>
      <c r="I8785" s="40">
        <v>22.996022767445083</v>
      </c>
      <c r="L8785" s="40"/>
      <c r="M8785" s="40"/>
      <c r="N8785" s="40"/>
    </row>
    <row r="8786" spans="4:14" x14ac:dyDescent="0.25">
      <c r="D8786" s="40">
        <v>146.29414899999085</v>
      </c>
      <c r="E8786" s="40">
        <v>21.576503062669435</v>
      </c>
      <c r="F8786" s="40">
        <v>146.283333</v>
      </c>
      <c r="G8786" s="40">
        <v>22.155101796489358</v>
      </c>
      <c r="H8786" s="40">
        <v>146.283334</v>
      </c>
      <c r="I8786" s="40">
        <v>22.996022767445083</v>
      </c>
      <c r="L8786" s="40"/>
      <c r="M8786" s="40"/>
      <c r="N8786" s="40"/>
    </row>
    <row r="8787" spans="4:14" x14ac:dyDescent="0.25">
      <c r="D8787" s="40">
        <v>146.31081499999084</v>
      </c>
      <c r="E8787" s="40">
        <v>21.576503062669435</v>
      </c>
      <c r="F8787" s="40">
        <v>146.29999999999998</v>
      </c>
      <c r="G8787" s="40">
        <v>22.155101796489358</v>
      </c>
      <c r="H8787" s="40">
        <v>146.30000000000001</v>
      </c>
      <c r="I8787" s="40">
        <v>22.999276893701669</v>
      </c>
      <c r="L8787" s="40"/>
      <c r="M8787" s="40"/>
      <c r="N8787" s="40"/>
    </row>
    <row r="8788" spans="4:14" x14ac:dyDescent="0.25">
      <c r="D8788" s="40">
        <v>146.32748099999083</v>
      </c>
      <c r="E8788" s="40">
        <v>21.576503062669435</v>
      </c>
      <c r="F8788" s="40">
        <v>146.316667</v>
      </c>
      <c r="G8788" s="40">
        <v>22.159717180459133</v>
      </c>
      <c r="H8788" s="40">
        <v>146.316667</v>
      </c>
      <c r="I8788" s="40">
        <v>22.999276893701669</v>
      </c>
      <c r="L8788" s="40"/>
      <c r="M8788" s="40"/>
      <c r="N8788" s="40"/>
    </row>
    <row r="8789" spans="4:14" x14ac:dyDescent="0.25">
      <c r="D8789" s="40">
        <v>146.34414699999081</v>
      </c>
      <c r="E8789" s="40">
        <v>21.576503062669435</v>
      </c>
      <c r="F8789" s="40">
        <v>146.33333299999998</v>
      </c>
      <c r="G8789" s="40">
        <v>22.159717180459133</v>
      </c>
      <c r="H8789" s="40">
        <v>146.33333400000001</v>
      </c>
      <c r="I8789" s="40">
        <v>23.002629629845103</v>
      </c>
      <c r="L8789" s="40"/>
      <c r="M8789" s="40"/>
      <c r="N8789" s="40"/>
    </row>
    <row r="8790" spans="4:14" x14ac:dyDescent="0.25">
      <c r="D8790" s="40">
        <v>146.3608129999908</v>
      </c>
      <c r="E8790" s="40">
        <v>21.576503062669435</v>
      </c>
      <c r="F8790" s="40">
        <v>146.35</v>
      </c>
      <c r="G8790" s="40">
        <v>22.159717180459133</v>
      </c>
      <c r="H8790" s="40">
        <v>146.35</v>
      </c>
      <c r="I8790" s="40">
        <v>23.002629629845103</v>
      </c>
      <c r="L8790" s="40"/>
      <c r="M8790" s="40"/>
      <c r="N8790" s="40"/>
    </row>
    <row r="8791" spans="4:14" x14ac:dyDescent="0.25">
      <c r="D8791" s="40">
        <v>146.37747899999079</v>
      </c>
      <c r="E8791" s="40">
        <v>21.581346241258856</v>
      </c>
      <c r="F8791" s="40">
        <v>146.36666700000001</v>
      </c>
      <c r="G8791" s="40">
        <v>22.159717180459133</v>
      </c>
      <c r="H8791" s="40">
        <v>146.36666700000001</v>
      </c>
      <c r="I8791" s="40">
        <v>23.005982365988363</v>
      </c>
      <c r="L8791" s="40"/>
      <c r="M8791" s="40"/>
      <c r="N8791" s="40"/>
    </row>
    <row r="8792" spans="4:14" x14ac:dyDescent="0.25">
      <c r="D8792" s="40">
        <v>146.39414499999077</v>
      </c>
      <c r="E8792" s="40">
        <v>21.581346241258856</v>
      </c>
      <c r="F8792" s="40">
        <v>146.38333299999999</v>
      </c>
      <c r="G8792" s="40">
        <v>22.159717180459133</v>
      </c>
      <c r="H8792" s="40">
        <v>146.38333400000002</v>
      </c>
      <c r="I8792" s="40">
        <v>23.005982365988363</v>
      </c>
      <c r="L8792" s="40"/>
      <c r="M8792" s="40"/>
      <c r="N8792" s="40"/>
    </row>
    <row r="8793" spans="4:14" x14ac:dyDescent="0.25">
      <c r="D8793" s="40">
        <v>146.41081099999076</v>
      </c>
      <c r="E8793" s="40">
        <v>21.581346241258856</v>
      </c>
      <c r="F8793" s="40">
        <v>146.4</v>
      </c>
      <c r="G8793" s="40">
        <v>22.159717180459133</v>
      </c>
      <c r="H8793" s="40">
        <v>146.4</v>
      </c>
      <c r="I8793" s="40">
        <v>23.005982365988363</v>
      </c>
      <c r="L8793" s="40"/>
      <c r="M8793" s="40"/>
      <c r="N8793" s="40"/>
    </row>
    <row r="8794" spans="4:14" x14ac:dyDescent="0.25">
      <c r="D8794" s="40">
        <v>146.42747699999074</v>
      </c>
      <c r="E8794" s="40">
        <v>21.586189419848406</v>
      </c>
      <c r="F8794" s="40">
        <v>146.41666699999999</v>
      </c>
      <c r="G8794" s="40">
        <v>22.159717180459133</v>
      </c>
      <c r="H8794" s="40">
        <v>146.41666700000002</v>
      </c>
      <c r="I8794" s="40">
        <v>23.009236492245126</v>
      </c>
      <c r="L8794" s="40"/>
      <c r="M8794" s="40"/>
      <c r="N8794" s="40"/>
    </row>
    <row r="8795" spans="4:14" x14ac:dyDescent="0.25">
      <c r="D8795" s="40">
        <v>146.44414299999073</v>
      </c>
      <c r="E8795" s="40">
        <v>21.586189419848406</v>
      </c>
      <c r="F8795" s="40">
        <v>146.433333</v>
      </c>
      <c r="G8795" s="40">
        <v>22.164472424549352</v>
      </c>
      <c r="H8795" s="40">
        <v>146.433334</v>
      </c>
      <c r="I8795" s="40">
        <v>23.009236492245126</v>
      </c>
      <c r="L8795" s="40"/>
      <c r="M8795" s="40"/>
      <c r="N8795" s="40"/>
    </row>
    <row r="8796" spans="4:14" x14ac:dyDescent="0.25">
      <c r="D8796" s="40">
        <v>146.46080899999072</v>
      </c>
      <c r="E8796" s="40">
        <v>21.590890152008832</v>
      </c>
      <c r="F8796" s="40">
        <v>146.44999999999999</v>
      </c>
      <c r="G8796" s="40">
        <v>22.164472424549352</v>
      </c>
      <c r="H8796" s="40">
        <v>146.45000000000002</v>
      </c>
      <c r="I8796" s="40">
        <v>23.012589228388382</v>
      </c>
      <c r="L8796" s="40"/>
      <c r="M8796" s="40"/>
      <c r="N8796" s="40"/>
    </row>
    <row r="8797" spans="4:14" x14ac:dyDescent="0.25">
      <c r="D8797" s="40">
        <v>146.4774749999907</v>
      </c>
      <c r="E8797" s="40">
        <v>21.590890152008832</v>
      </c>
      <c r="F8797" s="40">
        <v>146.466667</v>
      </c>
      <c r="G8797" s="40">
        <v>22.164472424549352</v>
      </c>
      <c r="H8797" s="40">
        <v>146.466667</v>
      </c>
      <c r="I8797" s="40">
        <v>23.012589228388382</v>
      </c>
      <c r="L8797" s="40"/>
      <c r="M8797" s="40"/>
      <c r="N8797" s="40"/>
    </row>
    <row r="8798" spans="4:14" x14ac:dyDescent="0.25">
      <c r="D8798" s="40">
        <v>146.49414099999069</v>
      </c>
      <c r="E8798" s="40">
        <v>21.590890152008832</v>
      </c>
      <c r="F8798" s="40">
        <v>146.48333299999999</v>
      </c>
      <c r="G8798" s="40">
        <v>22.164472424549352</v>
      </c>
      <c r="H8798" s="40">
        <v>146.48333400000001</v>
      </c>
      <c r="I8798" s="40">
        <v>23.015941964531812</v>
      </c>
      <c r="L8798" s="40"/>
      <c r="M8798" s="40"/>
      <c r="N8798" s="40"/>
    </row>
    <row r="8799" spans="4:14" x14ac:dyDescent="0.25">
      <c r="D8799" s="40">
        <v>146.51080699999068</v>
      </c>
      <c r="E8799" s="40">
        <v>21.590890152008832</v>
      </c>
      <c r="F8799" s="40">
        <v>146.5</v>
      </c>
      <c r="G8799" s="40">
        <v>22.164472424549352</v>
      </c>
      <c r="H8799" s="40">
        <v>146.5</v>
      </c>
      <c r="I8799" s="40">
        <v>23.015941964531812</v>
      </c>
      <c r="L8799" s="40"/>
      <c r="M8799" s="40"/>
      <c r="N8799" s="40"/>
    </row>
    <row r="8800" spans="4:14" x14ac:dyDescent="0.25">
      <c r="D8800" s="40">
        <v>146.52747299999066</v>
      </c>
      <c r="E8800" s="40">
        <v>21.595733330598382</v>
      </c>
      <c r="F8800" s="40">
        <v>146.51666699999998</v>
      </c>
      <c r="G8800" s="40">
        <v>22.164472424549352</v>
      </c>
      <c r="H8800" s="40">
        <v>146.51666700000001</v>
      </c>
      <c r="I8800" s="40">
        <v>23.015941964531812</v>
      </c>
      <c r="L8800" s="40"/>
      <c r="M8800" s="40"/>
      <c r="N8800" s="40"/>
    </row>
    <row r="8801" spans="4:14" x14ac:dyDescent="0.25">
      <c r="D8801" s="40">
        <v>146.54413899999065</v>
      </c>
      <c r="E8801" s="40">
        <v>21.595733330598382</v>
      </c>
      <c r="F8801" s="40">
        <v>146.533333</v>
      </c>
      <c r="G8801" s="40">
        <v>22.164472424549352</v>
      </c>
      <c r="H8801" s="40">
        <v>146.533334</v>
      </c>
      <c r="I8801" s="40">
        <v>23.019196090788576</v>
      </c>
      <c r="L8801" s="40"/>
      <c r="M8801" s="40"/>
      <c r="N8801" s="40"/>
    </row>
    <row r="8802" spans="4:14" x14ac:dyDescent="0.25">
      <c r="D8802" s="40">
        <v>146.56080499999064</v>
      </c>
      <c r="E8802" s="40">
        <v>21.595733330598382</v>
      </c>
      <c r="F8802" s="40">
        <v>146.54999999999998</v>
      </c>
      <c r="G8802" s="40">
        <v>22.164472424549352</v>
      </c>
      <c r="H8802" s="40">
        <v>146.55000000000001</v>
      </c>
      <c r="I8802" s="40">
        <v>23.019196090788576</v>
      </c>
      <c r="L8802" s="40"/>
      <c r="M8802" s="40"/>
      <c r="N8802" s="40"/>
    </row>
    <row r="8803" spans="4:14" x14ac:dyDescent="0.25">
      <c r="D8803" s="40">
        <v>146.57747099999062</v>
      </c>
      <c r="E8803" s="40">
        <v>21.600576509187803</v>
      </c>
      <c r="F8803" s="40">
        <v>146.566667</v>
      </c>
      <c r="G8803" s="40">
        <v>22.164472424549352</v>
      </c>
      <c r="H8803" s="40">
        <v>146.566667</v>
      </c>
      <c r="I8803" s="40">
        <v>23.019196090788576</v>
      </c>
      <c r="L8803" s="40"/>
      <c r="M8803" s="40"/>
      <c r="N8803" s="40"/>
    </row>
    <row r="8804" spans="4:14" x14ac:dyDescent="0.25">
      <c r="D8804" s="40">
        <v>146.59413699999061</v>
      </c>
      <c r="E8804" s="40">
        <v>21.600576509187803</v>
      </c>
      <c r="F8804" s="40">
        <v>146.58333299999998</v>
      </c>
      <c r="G8804" s="40">
        <v>22.164472424549352</v>
      </c>
      <c r="H8804" s="40">
        <v>146.58333400000001</v>
      </c>
      <c r="I8804" s="40">
        <v>23.022548826931835</v>
      </c>
      <c r="L8804" s="40"/>
      <c r="M8804" s="40"/>
      <c r="N8804" s="40"/>
    </row>
    <row r="8805" spans="4:14" x14ac:dyDescent="0.25">
      <c r="D8805" s="40">
        <v>146.6108029999906</v>
      </c>
      <c r="E8805" s="40">
        <v>21.605277241348226</v>
      </c>
      <c r="F8805" s="40">
        <v>146.6</v>
      </c>
      <c r="G8805" s="40">
        <v>22.169227668639572</v>
      </c>
      <c r="H8805" s="40">
        <v>146.6</v>
      </c>
      <c r="I8805" s="40">
        <v>23.022548826931835</v>
      </c>
      <c r="L8805" s="40"/>
      <c r="M8805" s="40"/>
      <c r="N8805" s="40"/>
    </row>
    <row r="8806" spans="4:14" x14ac:dyDescent="0.25">
      <c r="D8806" s="40">
        <v>146.62746899999058</v>
      </c>
      <c r="E8806" s="40">
        <v>21.605277241348226</v>
      </c>
      <c r="F8806" s="40">
        <v>146.61666700000001</v>
      </c>
      <c r="G8806" s="40">
        <v>22.169227668639572</v>
      </c>
      <c r="H8806" s="40">
        <v>146.61666700000001</v>
      </c>
      <c r="I8806" s="40">
        <v>23.022548826931835</v>
      </c>
      <c r="L8806" s="40"/>
      <c r="M8806" s="40"/>
      <c r="N8806" s="40"/>
    </row>
    <row r="8807" spans="4:14" x14ac:dyDescent="0.25">
      <c r="D8807" s="40">
        <v>146.64413499999057</v>
      </c>
      <c r="E8807" s="40">
        <v>21.605277241348226</v>
      </c>
      <c r="F8807" s="40">
        <v>146.63333299999999</v>
      </c>
      <c r="G8807" s="40">
        <v>22.169227668639572</v>
      </c>
      <c r="H8807" s="40">
        <v>146.63333400000002</v>
      </c>
      <c r="I8807" s="40">
        <v>23.025901563075092</v>
      </c>
      <c r="L8807" s="40"/>
      <c r="M8807" s="40"/>
      <c r="N8807" s="40"/>
    </row>
    <row r="8808" spans="4:14" x14ac:dyDescent="0.25">
      <c r="D8808" s="40">
        <v>146.66080099999056</v>
      </c>
      <c r="E8808" s="40">
        <v>21.610120419937775</v>
      </c>
      <c r="F8808" s="40">
        <v>146.65</v>
      </c>
      <c r="G8808" s="40">
        <v>22.169227668639572</v>
      </c>
      <c r="H8808" s="40">
        <v>146.65</v>
      </c>
      <c r="I8808" s="40">
        <v>23.025901563075092</v>
      </c>
      <c r="L8808" s="40"/>
      <c r="M8808" s="40"/>
      <c r="N8808" s="40"/>
    </row>
    <row r="8809" spans="4:14" x14ac:dyDescent="0.25">
      <c r="D8809" s="40">
        <v>146.67746699999054</v>
      </c>
      <c r="E8809" s="40">
        <v>21.610120419937775</v>
      </c>
      <c r="F8809" s="40">
        <v>146.66666699999999</v>
      </c>
      <c r="G8809" s="40">
        <v>22.169227668639572</v>
      </c>
      <c r="H8809" s="40">
        <v>146.66666700000002</v>
      </c>
      <c r="I8809" s="40">
        <v>23.029155689331855</v>
      </c>
      <c r="L8809" s="40"/>
      <c r="M8809" s="40"/>
      <c r="N8809" s="40"/>
    </row>
    <row r="8810" spans="4:14" x14ac:dyDescent="0.25">
      <c r="D8810" s="40">
        <v>146.69413299999053</v>
      </c>
      <c r="E8810" s="40">
        <v>21.610120419937775</v>
      </c>
      <c r="F8810" s="40">
        <v>146.683333</v>
      </c>
      <c r="G8810" s="40">
        <v>22.169227668639572</v>
      </c>
      <c r="H8810" s="40">
        <v>146.683334</v>
      </c>
      <c r="I8810" s="40">
        <v>23.029155689331855</v>
      </c>
      <c r="L8810" s="40"/>
      <c r="M8810" s="40"/>
      <c r="N8810" s="40"/>
    </row>
    <row r="8811" spans="4:14" x14ac:dyDescent="0.25">
      <c r="D8811" s="40">
        <v>146.71079899999052</v>
      </c>
      <c r="E8811" s="40">
        <v>21.610120419937775</v>
      </c>
      <c r="F8811" s="40">
        <v>146.69999999999999</v>
      </c>
      <c r="G8811" s="40">
        <v>22.169227668639572</v>
      </c>
      <c r="H8811" s="40">
        <v>146.70000000000002</v>
      </c>
      <c r="I8811" s="40">
        <v>23.032508425475115</v>
      </c>
      <c r="L8811" s="40"/>
      <c r="M8811" s="40"/>
      <c r="N8811" s="40"/>
    </row>
    <row r="8812" spans="4:14" x14ac:dyDescent="0.25">
      <c r="D8812" s="40">
        <v>146.7274649999905</v>
      </c>
      <c r="E8812" s="40">
        <v>21.614963598527197</v>
      </c>
      <c r="F8812" s="40">
        <v>146.716667</v>
      </c>
      <c r="G8812" s="40">
        <v>22.169227668639572</v>
      </c>
      <c r="H8812" s="40">
        <v>146.716667</v>
      </c>
      <c r="I8812" s="40">
        <v>23.032508425475115</v>
      </c>
      <c r="L8812" s="40"/>
      <c r="M8812" s="40"/>
      <c r="N8812" s="40"/>
    </row>
    <row r="8813" spans="4:14" x14ac:dyDescent="0.25">
      <c r="D8813" s="40">
        <v>146.74413099999049</v>
      </c>
      <c r="E8813" s="40">
        <v>21.614963598527197</v>
      </c>
      <c r="F8813" s="40">
        <v>146.73333299999999</v>
      </c>
      <c r="G8813" s="40">
        <v>22.164472424549352</v>
      </c>
      <c r="H8813" s="40">
        <v>146.73333400000001</v>
      </c>
      <c r="I8813" s="40">
        <v>23.035861161618541</v>
      </c>
      <c r="L8813" s="40"/>
      <c r="M8813" s="40"/>
      <c r="N8813" s="40"/>
    </row>
    <row r="8814" spans="4:14" x14ac:dyDescent="0.25">
      <c r="D8814" s="40">
        <v>146.76079699999048</v>
      </c>
      <c r="E8814" s="40">
        <v>21.619664330687623</v>
      </c>
      <c r="F8814" s="40">
        <v>146.75</v>
      </c>
      <c r="G8814" s="40">
        <v>22.164472424549352</v>
      </c>
      <c r="H8814" s="40">
        <v>146.75</v>
      </c>
      <c r="I8814" s="40">
        <v>23.039115287875305</v>
      </c>
      <c r="L8814" s="40"/>
      <c r="M8814" s="40"/>
      <c r="N8814" s="40"/>
    </row>
    <row r="8815" spans="4:14" x14ac:dyDescent="0.25">
      <c r="D8815" s="40">
        <v>146.77746299999046</v>
      </c>
      <c r="E8815" s="40">
        <v>21.619664330687623</v>
      </c>
      <c r="F8815" s="40">
        <v>146.76666699999998</v>
      </c>
      <c r="G8815" s="40">
        <v>22.164472424549352</v>
      </c>
      <c r="H8815" s="40">
        <v>146.76666700000001</v>
      </c>
      <c r="I8815" s="40">
        <v>23.039115287875305</v>
      </c>
      <c r="L8815" s="40"/>
      <c r="M8815" s="40"/>
      <c r="N8815" s="40"/>
    </row>
    <row r="8816" spans="4:14" x14ac:dyDescent="0.25">
      <c r="D8816" s="40">
        <v>146.79412899999045</v>
      </c>
      <c r="E8816" s="40">
        <v>21.619664330687623</v>
      </c>
      <c r="F8816" s="40">
        <v>146.783333</v>
      </c>
      <c r="G8816" s="40">
        <v>22.164472424549352</v>
      </c>
      <c r="H8816" s="40">
        <v>146.783334</v>
      </c>
      <c r="I8816" s="40">
        <v>23.039115287875305</v>
      </c>
      <c r="L8816" s="40"/>
      <c r="M8816" s="40"/>
      <c r="N8816" s="40"/>
    </row>
    <row r="8817" spans="4:14" x14ac:dyDescent="0.25">
      <c r="D8817" s="40">
        <v>146.81079499999043</v>
      </c>
      <c r="E8817" s="40">
        <v>21.619664330687623</v>
      </c>
      <c r="F8817" s="40">
        <v>146.79999999999998</v>
      </c>
      <c r="G8817" s="40">
        <v>22.164472424549352</v>
      </c>
      <c r="H8817" s="40">
        <v>146.80000000000001</v>
      </c>
      <c r="I8817" s="40">
        <v>23.042468024018564</v>
      </c>
      <c r="L8817" s="40"/>
      <c r="M8817" s="40"/>
      <c r="N8817" s="40"/>
    </row>
    <row r="8818" spans="4:14" x14ac:dyDescent="0.25">
      <c r="D8818" s="40">
        <v>146.82746099999042</v>
      </c>
      <c r="E8818" s="40">
        <v>21.619664330687623</v>
      </c>
      <c r="F8818" s="40">
        <v>146.816667</v>
      </c>
      <c r="G8818" s="40">
        <v>22.169227668639572</v>
      </c>
      <c r="H8818" s="40">
        <v>146.816667</v>
      </c>
      <c r="I8818" s="40">
        <v>23.042468024018564</v>
      </c>
      <c r="L8818" s="40"/>
      <c r="M8818" s="40"/>
      <c r="N8818" s="40"/>
    </row>
    <row r="8819" spans="4:14" x14ac:dyDescent="0.25">
      <c r="D8819" s="40">
        <v>146.84412699999041</v>
      </c>
      <c r="E8819" s="40">
        <v>21.619664330687623</v>
      </c>
      <c r="F8819" s="40">
        <v>146.83333299999998</v>
      </c>
      <c r="G8819" s="40">
        <v>22.169227668639572</v>
      </c>
      <c r="H8819" s="40">
        <v>146.83333400000001</v>
      </c>
      <c r="I8819" s="40">
        <v>23.045820760161821</v>
      </c>
      <c r="L8819" s="40"/>
      <c r="M8819" s="40"/>
      <c r="N8819" s="40"/>
    </row>
    <row r="8820" spans="4:14" x14ac:dyDescent="0.25">
      <c r="D8820" s="40">
        <v>146.86079299999039</v>
      </c>
      <c r="E8820" s="40">
        <v>21.619664330687623</v>
      </c>
      <c r="F8820" s="40">
        <v>146.85</v>
      </c>
      <c r="G8820" s="40">
        <v>22.169227668639572</v>
      </c>
      <c r="H8820" s="40">
        <v>146.85</v>
      </c>
      <c r="I8820" s="40">
        <v>23.045820760161821</v>
      </c>
      <c r="L8820" s="40"/>
      <c r="M8820" s="40"/>
      <c r="N8820" s="40"/>
    </row>
    <row r="8821" spans="4:14" x14ac:dyDescent="0.25">
      <c r="D8821" s="40">
        <v>146.87745899999038</v>
      </c>
      <c r="E8821" s="40">
        <v>21.619664330687623</v>
      </c>
      <c r="F8821" s="40">
        <v>146.86666700000001</v>
      </c>
      <c r="G8821" s="40">
        <v>22.169227668639572</v>
      </c>
      <c r="H8821" s="40">
        <v>146.86666700000001</v>
      </c>
      <c r="I8821" s="40">
        <v>23.049074886418584</v>
      </c>
      <c r="L8821" s="40"/>
      <c r="M8821" s="40"/>
      <c r="N8821" s="40"/>
    </row>
    <row r="8822" spans="4:14" x14ac:dyDescent="0.25">
      <c r="D8822" s="40">
        <v>146.89412499999037</v>
      </c>
      <c r="E8822" s="40">
        <v>21.619664330687623</v>
      </c>
      <c r="F8822" s="40">
        <v>146.88333299999999</v>
      </c>
      <c r="G8822" s="40">
        <v>22.169227668639572</v>
      </c>
      <c r="H8822" s="40">
        <v>146.88333400000002</v>
      </c>
      <c r="I8822" s="40">
        <v>23.049074886418584</v>
      </c>
      <c r="L8822" s="40"/>
      <c r="M8822" s="40"/>
      <c r="N8822" s="40"/>
    </row>
    <row r="8823" spans="4:14" x14ac:dyDescent="0.25">
      <c r="D8823" s="40">
        <v>146.91079099999035</v>
      </c>
      <c r="E8823" s="40">
        <v>21.619664330687623</v>
      </c>
      <c r="F8823" s="40">
        <v>146.9</v>
      </c>
      <c r="G8823" s="40">
        <v>22.169227668639572</v>
      </c>
      <c r="H8823" s="40">
        <v>146.9</v>
      </c>
      <c r="I8823" s="40">
        <v>23.049074886418584</v>
      </c>
      <c r="L8823" s="40"/>
      <c r="M8823" s="40"/>
      <c r="N8823" s="40"/>
    </row>
    <row r="8824" spans="4:14" x14ac:dyDescent="0.25">
      <c r="D8824" s="40">
        <v>146.92745699999034</v>
      </c>
      <c r="E8824" s="40">
        <v>21.624507509277169</v>
      </c>
      <c r="F8824" s="40">
        <v>146.91666699999999</v>
      </c>
      <c r="G8824" s="40">
        <v>22.164472424549352</v>
      </c>
      <c r="H8824" s="40">
        <v>146.91666700000002</v>
      </c>
      <c r="I8824" s="40">
        <v>23.052427622562018</v>
      </c>
      <c r="L8824" s="40"/>
      <c r="M8824" s="40"/>
      <c r="N8824" s="40"/>
    </row>
    <row r="8825" spans="4:14" x14ac:dyDescent="0.25">
      <c r="D8825" s="40">
        <v>146.94412299999033</v>
      </c>
      <c r="E8825" s="40">
        <v>21.624507509277169</v>
      </c>
      <c r="F8825" s="40">
        <v>146.933333</v>
      </c>
      <c r="G8825" s="40">
        <v>22.164472424549352</v>
      </c>
      <c r="H8825" s="40">
        <v>146.933334</v>
      </c>
      <c r="I8825" s="40">
        <v>23.052427622562018</v>
      </c>
      <c r="L8825" s="40"/>
      <c r="M8825" s="40"/>
      <c r="N8825" s="40"/>
    </row>
    <row r="8826" spans="4:14" x14ac:dyDescent="0.25">
      <c r="D8826" s="40">
        <v>146.96078899999031</v>
      </c>
      <c r="E8826" s="40">
        <v>21.624507509277169</v>
      </c>
      <c r="F8826" s="40">
        <v>146.94999999999999</v>
      </c>
      <c r="G8826" s="40">
        <v>22.164472424549352</v>
      </c>
      <c r="H8826" s="40">
        <v>146.95000000000002</v>
      </c>
      <c r="I8826" s="40">
        <v>23.055780358705274</v>
      </c>
      <c r="L8826" s="40"/>
      <c r="M8826" s="40"/>
      <c r="N8826" s="40"/>
    </row>
    <row r="8827" spans="4:14" x14ac:dyDescent="0.25">
      <c r="D8827" s="40">
        <v>146.9774549999903</v>
      </c>
      <c r="E8827" s="40">
        <v>21.624507509277169</v>
      </c>
      <c r="F8827" s="40">
        <v>146.966667</v>
      </c>
      <c r="G8827" s="40">
        <v>22.164472424549352</v>
      </c>
      <c r="H8827" s="40">
        <v>146.966667</v>
      </c>
      <c r="I8827" s="40">
        <v>23.055780358705274</v>
      </c>
      <c r="L8827" s="40"/>
      <c r="M8827" s="40"/>
      <c r="N8827" s="40"/>
    </row>
    <row r="8828" spans="4:14" x14ac:dyDescent="0.25">
      <c r="D8828" s="40">
        <v>146.99412099999029</v>
      </c>
      <c r="E8828" s="40">
        <v>21.619664330687623</v>
      </c>
      <c r="F8828" s="40">
        <v>146.98333299999999</v>
      </c>
      <c r="G8828" s="40">
        <v>22.164472424549352</v>
      </c>
      <c r="H8828" s="40">
        <v>146.98333400000001</v>
      </c>
      <c r="I8828" s="40">
        <v>23.05913309484853</v>
      </c>
      <c r="L8828" s="40"/>
      <c r="M8828" s="40"/>
      <c r="N8828" s="40"/>
    </row>
    <row r="8829" spans="4:14" x14ac:dyDescent="0.25">
      <c r="D8829" s="40">
        <v>147.01078699999027</v>
      </c>
      <c r="E8829" s="40">
        <v>21.619664330687623</v>
      </c>
      <c r="F8829" s="40">
        <v>147</v>
      </c>
      <c r="G8829" s="40">
        <v>22.164472424549352</v>
      </c>
      <c r="H8829" s="40">
        <v>147</v>
      </c>
      <c r="I8829" s="40">
        <v>23.05913309484853</v>
      </c>
      <c r="L8829" s="40"/>
      <c r="M8829" s="40"/>
      <c r="N8829" s="40"/>
    </row>
    <row r="8830" spans="4:14" x14ac:dyDescent="0.25">
      <c r="D8830" s="40">
        <v>147.02745299999026</v>
      </c>
      <c r="E8830" s="40">
        <v>21.619664330687623</v>
      </c>
      <c r="F8830" s="40">
        <v>147.01666699999998</v>
      </c>
      <c r="G8830" s="40">
        <v>22.164472424549352</v>
      </c>
      <c r="H8830" s="40">
        <v>147.01666700000001</v>
      </c>
      <c r="I8830" s="40">
        <v>23.062387221105293</v>
      </c>
      <c r="L8830" s="40"/>
      <c r="M8830" s="40"/>
      <c r="N8830" s="40"/>
    </row>
    <row r="8831" spans="4:14" x14ac:dyDescent="0.25">
      <c r="D8831" s="40">
        <v>147.04411899999025</v>
      </c>
      <c r="E8831" s="40">
        <v>21.619664330687623</v>
      </c>
      <c r="F8831" s="40">
        <v>147.033333</v>
      </c>
      <c r="G8831" s="40">
        <v>22.164472424549352</v>
      </c>
      <c r="H8831" s="40">
        <v>147.033334</v>
      </c>
      <c r="I8831" s="40">
        <v>23.062387221105293</v>
      </c>
      <c r="L8831" s="40"/>
      <c r="M8831" s="40"/>
      <c r="N8831" s="40"/>
    </row>
    <row r="8832" spans="4:14" x14ac:dyDescent="0.25">
      <c r="D8832" s="40">
        <v>147.06078499999023</v>
      </c>
      <c r="E8832" s="40">
        <v>21.619664330687623</v>
      </c>
      <c r="F8832" s="40">
        <v>147.04999999999998</v>
      </c>
      <c r="G8832" s="40">
        <v>22.164472424549352</v>
      </c>
      <c r="H8832" s="40">
        <v>147.05000000000001</v>
      </c>
      <c r="I8832" s="40">
        <v>23.062387221105293</v>
      </c>
      <c r="L8832" s="40"/>
      <c r="M8832" s="40"/>
      <c r="N8832" s="40"/>
    </row>
    <row r="8833" spans="4:14" x14ac:dyDescent="0.25">
      <c r="D8833" s="40">
        <v>147.07745099999022</v>
      </c>
      <c r="E8833" s="40">
        <v>21.614963598527197</v>
      </c>
      <c r="F8833" s="40">
        <v>147.066667</v>
      </c>
      <c r="G8833" s="40">
        <v>22.164472424549352</v>
      </c>
      <c r="H8833" s="40">
        <v>147.066667</v>
      </c>
      <c r="I8833" s="40">
        <v>23.065739957248553</v>
      </c>
      <c r="L8833" s="40"/>
      <c r="M8833" s="40"/>
      <c r="N8833" s="40"/>
    </row>
    <row r="8834" spans="4:14" x14ac:dyDescent="0.25">
      <c r="D8834" s="40">
        <v>147.09411699999021</v>
      </c>
      <c r="E8834" s="40">
        <v>21.614963598527197</v>
      </c>
      <c r="F8834" s="40">
        <v>147.08333299999998</v>
      </c>
      <c r="G8834" s="40">
        <v>22.164472424549352</v>
      </c>
      <c r="H8834" s="40">
        <v>147.08333400000001</v>
      </c>
      <c r="I8834" s="40">
        <v>23.065739957248553</v>
      </c>
      <c r="L8834" s="40"/>
      <c r="M8834" s="40"/>
      <c r="N8834" s="40"/>
    </row>
    <row r="8835" spans="4:14" x14ac:dyDescent="0.25">
      <c r="D8835" s="40">
        <v>147.11078299999019</v>
      </c>
      <c r="E8835" s="40">
        <v>21.614963598527197</v>
      </c>
      <c r="F8835" s="40">
        <v>147.1</v>
      </c>
      <c r="G8835" s="40">
        <v>22.164472424549352</v>
      </c>
      <c r="H8835" s="40">
        <v>147.1</v>
      </c>
      <c r="I8835" s="40">
        <v>23.065739957248553</v>
      </c>
      <c r="L8835" s="40"/>
      <c r="M8835" s="40"/>
      <c r="N8835" s="40"/>
    </row>
    <row r="8836" spans="4:14" x14ac:dyDescent="0.25">
      <c r="D8836" s="40">
        <v>147.12744899999018</v>
      </c>
      <c r="E8836" s="40">
        <v>21.614963598527197</v>
      </c>
      <c r="F8836" s="40">
        <v>147.11666700000001</v>
      </c>
      <c r="G8836" s="40">
        <v>22.164472424549352</v>
      </c>
      <c r="H8836" s="40">
        <v>147.11666700000001</v>
      </c>
      <c r="I8836" s="40">
        <v>23.069092693391987</v>
      </c>
      <c r="L8836" s="40"/>
      <c r="M8836" s="40"/>
      <c r="N8836" s="40"/>
    </row>
    <row r="8837" spans="4:14" x14ac:dyDescent="0.25">
      <c r="D8837" s="40">
        <v>147.14411499999017</v>
      </c>
      <c r="E8837" s="40">
        <v>21.614963598527197</v>
      </c>
      <c r="F8837" s="40">
        <v>147.13333299999999</v>
      </c>
      <c r="G8837" s="40">
        <v>22.164472424549352</v>
      </c>
      <c r="H8837" s="40">
        <v>147.13333400000002</v>
      </c>
      <c r="I8837" s="40">
        <v>23.069092693391987</v>
      </c>
      <c r="L8837" s="40"/>
      <c r="M8837" s="40"/>
      <c r="N8837" s="40"/>
    </row>
    <row r="8838" spans="4:14" x14ac:dyDescent="0.25">
      <c r="D8838" s="40">
        <v>147.16078099999015</v>
      </c>
      <c r="E8838" s="40">
        <v>21.619664330687623</v>
      </c>
      <c r="F8838" s="40">
        <v>147.15</v>
      </c>
      <c r="G8838" s="40">
        <v>22.169227668639572</v>
      </c>
      <c r="H8838" s="40">
        <v>147.15</v>
      </c>
      <c r="I8838" s="40">
        <v>23.07234681964875</v>
      </c>
      <c r="L8838" s="40"/>
      <c r="M8838" s="40"/>
      <c r="N8838" s="40"/>
    </row>
    <row r="8839" spans="4:14" x14ac:dyDescent="0.25">
      <c r="D8839" s="40">
        <v>147.17744699999014</v>
      </c>
      <c r="E8839" s="40">
        <v>21.614963598527197</v>
      </c>
      <c r="F8839" s="40">
        <v>147.16666699999999</v>
      </c>
      <c r="G8839" s="40">
        <v>22.169227668639572</v>
      </c>
      <c r="H8839" s="40">
        <v>147.16666700000002</v>
      </c>
      <c r="I8839" s="40">
        <v>23.07234681964875</v>
      </c>
      <c r="L8839" s="40"/>
      <c r="M8839" s="40"/>
      <c r="N8839" s="40"/>
    </row>
    <row r="8840" spans="4:14" x14ac:dyDescent="0.25">
      <c r="D8840" s="40">
        <v>147.19411299999012</v>
      </c>
      <c r="E8840" s="40">
        <v>21.614963598527197</v>
      </c>
      <c r="F8840" s="40">
        <v>147.183333</v>
      </c>
      <c r="G8840" s="40">
        <v>22.169227668639572</v>
      </c>
      <c r="H8840" s="40">
        <v>147.183334</v>
      </c>
      <c r="I8840" s="40">
        <v>23.07234681964875</v>
      </c>
      <c r="L8840" s="40"/>
      <c r="M8840" s="40"/>
      <c r="N8840" s="40"/>
    </row>
    <row r="8841" spans="4:14" x14ac:dyDescent="0.25">
      <c r="D8841" s="40">
        <v>147.21077899999011</v>
      </c>
      <c r="E8841" s="40">
        <v>21.614963598527197</v>
      </c>
      <c r="F8841" s="40">
        <v>147.19999999999999</v>
      </c>
      <c r="G8841" s="40">
        <v>22.169227668639572</v>
      </c>
      <c r="H8841" s="40">
        <v>147.20000000000002</v>
      </c>
      <c r="I8841" s="40">
        <v>23.075699555792003</v>
      </c>
      <c r="L8841" s="40"/>
      <c r="M8841" s="40"/>
      <c r="N8841" s="40"/>
    </row>
    <row r="8842" spans="4:14" x14ac:dyDescent="0.25">
      <c r="D8842" s="40">
        <v>147.2274449999901</v>
      </c>
      <c r="E8842" s="40">
        <v>21.610120419937775</v>
      </c>
      <c r="F8842" s="40">
        <v>147.216667</v>
      </c>
      <c r="G8842" s="40">
        <v>22.169227668639572</v>
      </c>
      <c r="H8842" s="40">
        <v>147.216667</v>
      </c>
      <c r="I8842" s="40">
        <v>23.075699555792003</v>
      </c>
      <c r="L8842" s="40"/>
      <c r="M8842" s="40"/>
      <c r="N8842" s="40"/>
    </row>
    <row r="8843" spans="4:14" x14ac:dyDescent="0.25">
      <c r="D8843" s="40">
        <v>147.24411099999008</v>
      </c>
      <c r="E8843" s="40">
        <v>21.614963598527197</v>
      </c>
      <c r="F8843" s="40">
        <v>147.23333299999999</v>
      </c>
      <c r="G8843" s="40">
        <v>22.169227668639572</v>
      </c>
      <c r="H8843" s="40">
        <v>147.23333400000001</v>
      </c>
      <c r="I8843" s="40">
        <v>23.079052291935259</v>
      </c>
      <c r="L8843" s="40"/>
      <c r="M8843" s="40"/>
      <c r="N8843" s="40"/>
    </row>
    <row r="8844" spans="4:14" x14ac:dyDescent="0.25">
      <c r="D8844" s="40">
        <v>147.26077699999007</v>
      </c>
      <c r="E8844" s="40">
        <v>21.614963598527197</v>
      </c>
      <c r="F8844" s="40">
        <v>147.25</v>
      </c>
      <c r="G8844" s="40">
        <v>22.169227668639572</v>
      </c>
      <c r="H8844" s="40">
        <v>147.25</v>
      </c>
      <c r="I8844" s="40">
        <v>23.079052291935259</v>
      </c>
      <c r="L8844" s="40"/>
      <c r="M8844" s="40"/>
      <c r="N8844" s="40"/>
    </row>
    <row r="8845" spans="4:14" x14ac:dyDescent="0.25">
      <c r="D8845" s="40">
        <v>147.27744299999006</v>
      </c>
      <c r="E8845" s="40">
        <v>21.614963598527197</v>
      </c>
      <c r="F8845" s="40">
        <v>147.26666699999998</v>
      </c>
      <c r="G8845" s="40">
        <v>22.169227668639572</v>
      </c>
      <c r="H8845" s="40">
        <v>147.26666700000001</v>
      </c>
      <c r="I8845" s="40">
        <v>23.082306418192022</v>
      </c>
      <c r="L8845" s="40"/>
      <c r="M8845" s="40"/>
      <c r="N8845" s="40"/>
    </row>
    <row r="8846" spans="4:14" x14ac:dyDescent="0.25">
      <c r="D8846" s="40">
        <v>147.29410899999004</v>
      </c>
      <c r="E8846" s="40">
        <v>21.614963598527197</v>
      </c>
      <c r="F8846" s="40">
        <v>147.283333</v>
      </c>
      <c r="G8846" s="40">
        <v>22.169227668639572</v>
      </c>
      <c r="H8846" s="40">
        <v>147.283334</v>
      </c>
      <c r="I8846" s="40">
        <v>23.082306418192022</v>
      </c>
      <c r="L8846" s="40"/>
      <c r="M8846" s="40"/>
      <c r="N8846" s="40"/>
    </row>
    <row r="8847" spans="4:14" x14ac:dyDescent="0.25">
      <c r="D8847" s="40">
        <v>147.31077499999003</v>
      </c>
      <c r="E8847" s="40">
        <v>21.614963598527197</v>
      </c>
      <c r="F8847" s="40">
        <v>147.29999999999998</v>
      </c>
      <c r="G8847" s="40">
        <v>22.169227668639572</v>
      </c>
      <c r="H8847" s="40">
        <v>147.30000000000001</v>
      </c>
      <c r="I8847" s="40">
        <v>23.085659154335456</v>
      </c>
      <c r="L8847" s="40"/>
      <c r="M8847" s="40"/>
      <c r="N8847" s="40"/>
    </row>
    <row r="8848" spans="4:14" x14ac:dyDescent="0.25">
      <c r="D8848" s="40">
        <v>147.32744099999002</v>
      </c>
      <c r="E8848" s="40">
        <v>21.614963598527197</v>
      </c>
      <c r="F8848" s="40">
        <v>147.316667</v>
      </c>
      <c r="G8848" s="40">
        <v>22.169227668639572</v>
      </c>
      <c r="H8848" s="40">
        <v>147.316667</v>
      </c>
      <c r="I8848" s="40">
        <v>23.085659154335456</v>
      </c>
      <c r="L8848" s="40"/>
      <c r="M8848" s="40"/>
      <c r="N8848" s="40"/>
    </row>
    <row r="8849" spans="4:14" x14ac:dyDescent="0.25">
      <c r="D8849" s="40">
        <v>147.34410699999</v>
      </c>
      <c r="E8849" s="40">
        <v>21.614963598527197</v>
      </c>
      <c r="F8849" s="40">
        <v>147.33333299999998</v>
      </c>
      <c r="G8849" s="40">
        <v>22.17384305260947</v>
      </c>
      <c r="H8849" s="40">
        <v>147.33333400000001</v>
      </c>
      <c r="I8849" s="40">
        <v>23.089011890478716</v>
      </c>
      <c r="L8849" s="40"/>
      <c r="M8849" s="40"/>
      <c r="N8849" s="40"/>
    </row>
    <row r="8850" spans="4:14" x14ac:dyDescent="0.25">
      <c r="D8850" s="40">
        <v>147.36077299998999</v>
      </c>
      <c r="E8850" s="40">
        <v>21.614963598527197</v>
      </c>
      <c r="F8850" s="40">
        <v>147.35</v>
      </c>
      <c r="G8850" s="40">
        <v>22.17384305260947</v>
      </c>
      <c r="H8850" s="40">
        <v>147.35</v>
      </c>
      <c r="I8850" s="40">
        <v>23.089011890478716</v>
      </c>
      <c r="L8850" s="40"/>
      <c r="M8850" s="40"/>
      <c r="N8850" s="40"/>
    </row>
    <row r="8851" spans="4:14" x14ac:dyDescent="0.25">
      <c r="D8851" s="40">
        <v>147.37743899998998</v>
      </c>
      <c r="E8851" s="40">
        <v>21.619664330687623</v>
      </c>
      <c r="F8851" s="40">
        <v>147.36666700000001</v>
      </c>
      <c r="G8851" s="40">
        <v>22.17384305260947</v>
      </c>
      <c r="H8851" s="40">
        <v>147.36666700000001</v>
      </c>
      <c r="I8851" s="40">
        <v>23.092266016735479</v>
      </c>
      <c r="L8851" s="40"/>
      <c r="M8851" s="40"/>
      <c r="N8851" s="40"/>
    </row>
    <row r="8852" spans="4:14" x14ac:dyDescent="0.25">
      <c r="D8852" s="40">
        <v>147.39410499998996</v>
      </c>
      <c r="E8852" s="40">
        <v>21.619664330687623</v>
      </c>
      <c r="F8852" s="40">
        <v>147.38333299999999</v>
      </c>
      <c r="G8852" s="40">
        <v>22.17384305260947</v>
      </c>
      <c r="H8852" s="40">
        <v>147.38333400000002</v>
      </c>
      <c r="I8852" s="40">
        <v>23.092266016735479</v>
      </c>
      <c r="L8852" s="40"/>
      <c r="M8852" s="40"/>
      <c r="N8852" s="40"/>
    </row>
    <row r="8853" spans="4:14" x14ac:dyDescent="0.25">
      <c r="D8853" s="40">
        <v>147.41077099998995</v>
      </c>
      <c r="E8853" s="40">
        <v>21.619664330687623</v>
      </c>
      <c r="F8853" s="40">
        <v>147.4</v>
      </c>
      <c r="G8853" s="40">
        <v>22.178598296699569</v>
      </c>
      <c r="H8853" s="40">
        <v>147.4</v>
      </c>
      <c r="I8853" s="40">
        <v>23.095618752878732</v>
      </c>
      <c r="L8853" s="40"/>
      <c r="M8853" s="40"/>
      <c r="N8853" s="40"/>
    </row>
    <row r="8854" spans="4:14" x14ac:dyDescent="0.25">
      <c r="D8854" s="40">
        <v>147.42743699998994</v>
      </c>
      <c r="E8854" s="40">
        <v>21.619664330687623</v>
      </c>
      <c r="F8854" s="40">
        <v>147.41666699999999</v>
      </c>
      <c r="G8854" s="40">
        <v>22.178598296699569</v>
      </c>
      <c r="H8854" s="40">
        <v>147.41666700000002</v>
      </c>
      <c r="I8854" s="40">
        <v>23.095618752878732</v>
      </c>
      <c r="L8854" s="40"/>
      <c r="M8854" s="40"/>
      <c r="N8854" s="40"/>
    </row>
    <row r="8855" spans="4:14" x14ac:dyDescent="0.25">
      <c r="D8855" s="40">
        <v>147.44410299998992</v>
      </c>
      <c r="E8855" s="40">
        <v>21.619664330687623</v>
      </c>
      <c r="F8855" s="40">
        <v>147.433333</v>
      </c>
      <c r="G8855" s="40">
        <v>22.178598296699569</v>
      </c>
      <c r="H8855" s="40">
        <v>147.433334</v>
      </c>
      <c r="I8855" s="40">
        <v>23.098971489021991</v>
      </c>
      <c r="L8855" s="40"/>
      <c r="M8855" s="40"/>
      <c r="N8855" s="40"/>
    </row>
    <row r="8856" spans="4:14" x14ac:dyDescent="0.25">
      <c r="D8856" s="40">
        <v>147.46076899998991</v>
      </c>
      <c r="E8856" s="40">
        <v>21.619664330687623</v>
      </c>
      <c r="F8856" s="40">
        <v>147.44999999999999</v>
      </c>
      <c r="G8856" s="40">
        <v>22.178598296699569</v>
      </c>
      <c r="H8856" s="40">
        <v>147.45000000000002</v>
      </c>
      <c r="I8856" s="40">
        <v>23.098971489021991</v>
      </c>
      <c r="L8856" s="40"/>
      <c r="M8856" s="40"/>
      <c r="N8856" s="40"/>
    </row>
    <row r="8857" spans="4:14" x14ac:dyDescent="0.25">
      <c r="D8857" s="40">
        <v>147.4774349999899</v>
      </c>
      <c r="E8857" s="40">
        <v>21.619664330687623</v>
      </c>
      <c r="F8857" s="40">
        <v>147.466667</v>
      </c>
      <c r="G8857" s="40">
        <v>22.178598296699569</v>
      </c>
      <c r="H8857" s="40">
        <v>147.466667</v>
      </c>
      <c r="I8857" s="40">
        <v>23.102225615278755</v>
      </c>
      <c r="L8857" s="40"/>
      <c r="M8857" s="40"/>
      <c r="N8857" s="40"/>
    </row>
    <row r="8858" spans="4:14" x14ac:dyDescent="0.25">
      <c r="D8858" s="40">
        <v>147.49410099998988</v>
      </c>
      <c r="E8858" s="40">
        <v>21.619664330687623</v>
      </c>
      <c r="F8858" s="40">
        <v>147.48333299999999</v>
      </c>
      <c r="G8858" s="40">
        <v>22.178598296699569</v>
      </c>
      <c r="H8858" s="40">
        <v>147.48333400000001</v>
      </c>
      <c r="I8858" s="40">
        <v>23.102225615278755</v>
      </c>
      <c r="L8858" s="40"/>
      <c r="M8858" s="40"/>
      <c r="N8858" s="40"/>
    </row>
    <row r="8859" spans="4:14" x14ac:dyDescent="0.25">
      <c r="D8859" s="40">
        <v>147.51076699998987</v>
      </c>
      <c r="E8859" s="40">
        <v>21.614963598527197</v>
      </c>
      <c r="F8859" s="40">
        <v>147.5</v>
      </c>
      <c r="G8859" s="40">
        <v>22.178598296699569</v>
      </c>
      <c r="H8859" s="40">
        <v>147.5</v>
      </c>
      <c r="I8859" s="40">
        <v>23.105578351422189</v>
      </c>
      <c r="L8859" s="40"/>
      <c r="M8859" s="40"/>
      <c r="N8859" s="40"/>
    </row>
    <row r="8860" spans="4:14" x14ac:dyDescent="0.25">
      <c r="D8860" s="40">
        <v>147.52743299998986</v>
      </c>
      <c r="E8860" s="40">
        <v>21.614963598527197</v>
      </c>
      <c r="F8860" s="40">
        <v>147.51666699999998</v>
      </c>
      <c r="G8860" s="40">
        <v>22.178598296699569</v>
      </c>
      <c r="H8860" s="40">
        <v>147.51666700000001</v>
      </c>
      <c r="I8860" s="40">
        <v>23.105578351422189</v>
      </c>
      <c r="L8860" s="40"/>
      <c r="M8860" s="40"/>
      <c r="N8860" s="40"/>
    </row>
    <row r="8861" spans="4:14" x14ac:dyDescent="0.25">
      <c r="D8861" s="40">
        <v>147.54409899998984</v>
      </c>
      <c r="E8861" s="40">
        <v>21.614963598527197</v>
      </c>
      <c r="F8861" s="40">
        <v>147.533333</v>
      </c>
      <c r="G8861" s="40">
        <v>22.178598296699569</v>
      </c>
      <c r="H8861" s="40">
        <v>147.533334</v>
      </c>
      <c r="I8861" s="40">
        <v>23.108931087565445</v>
      </c>
      <c r="L8861" s="40"/>
      <c r="M8861" s="40"/>
      <c r="N8861" s="40"/>
    </row>
    <row r="8862" spans="4:14" x14ac:dyDescent="0.25">
      <c r="D8862" s="40">
        <v>147.56076499998983</v>
      </c>
      <c r="E8862" s="40">
        <v>21.614963598527197</v>
      </c>
      <c r="F8862" s="40">
        <v>147.54999999999998</v>
      </c>
      <c r="G8862" s="40">
        <v>22.17384305260947</v>
      </c>
      <c r="H8862" s="40">
        <v>147.55000000000001</v>
      </c>
      <c r="I8862" s="40">
        <v>23.108931087565445</v>
      </c>
      <c r="L8862" s="40"/>
      <c r="M8862" s="40"/>
      <c r="N8862" s="40"/>
    </row>
    <row r="8863" spans="4:14" x14ac:dyDescent="0.25">
      <c r="D8863" s="40">
        <v>147.57743099998982</v>
      </c>
      <c r="E8863" s="40">
        <v>21.610120419937775</v>
      </c>
      <c r="F8863" s="40">
        <v>147.566667</v>
      </c>
      <c r="G8863" s="40">
        <v>22.17384305260947</v>
      </c>
      <c r="H8863" s="40">
        <v>147.566667</v>
      </c>
      <c r="I8863" s="40">
        <v>23.112185213822208</v>
      </c>
      <c r="L8863" s="40"/>
      <c r="M8863" s="40"/>
      <c r="N8863" s="40"/>
    </row>
    <row r="8864" spans="4:14" x14ac:dyDescent="0.25">
      <c r="D8864" s="40">
        <v>147.5940969999898</v>
      </c>
      <c r="E8864" s="40">
        <v>21.610120419937775</v>
      </c>
      <c r="F8864" s="40">
        <v>147.58333299999998</v>
      </c>
      <c r="G8864" s="40">
        <v>22.17384305260947</v>
      </c>
      <c r="H8864" s="40">
        <v>147.58333400000001</v>
      </c>
      <c r="I8864" s="40">
        <v>23.112185213822208</v>
      </c>
      <c r="L8864" s="40"/>
      <c r="M8864" s="40"/>
      <c r="N8864" s="40"/>
    </row>
    <row r="8865" spans="4:14" x14ac:dyDescent="0.25">
      <c r="D8865" s="40">
        <v>147.61076299998979</v>
      </c>
      <c r="E8865" s="40">
        <v>21.610120419937775</v>
      </c>
      <c r="F8865" s="40">
        <v>147.6</v>
      </c>
      <c r="G8865" s="40">
        <v>22.17384305260947</v>
      </c>
      <c r="H8865" s="40">
        <v>147.6</v>
      </c>
      <c r="I8865" s="40">
        <v>23.115537949965464</v>
      </c>
      <c r="L8865" s="40"/>
      <c r="M8865" s="40"/>
      <c r="N8865" s="40"/>
    </row>
    <row r="8866" spans="4:14" x14ac:dyDescent="0.25">
      <c r="D8866" s="40">
        <v>147.62742899998977</v>
      </c>
      <c r="E8866" s="40">
        <v>21.610120419937775</v>
      </c>
      <c r="F8866" s="40">
        <v>147.61666700000001</v>
      </c>
      <c r="G8866" s="40">
        <v>22.17384305260947</v>
      </c>
      <c r="H8866" s="40">
        <v>147.61666700000001</v>
      </c>
      <c r="I8866" s="40">
        <v>23.115537949965464</v>
      </c>
      <c r="L8866" s="40"/>
      <c r="M8866" s="40"/>
      <c r="N8866" s="40"/>
    </row>
    <row r="8867" spans="4:14" x14ac:dyDescent="0.25">
      <c r="D8867" s="40">
        <v>147.64409499998976</v>
      </c>
      <c r="E8867" s="40">
        <v>21.610120419937775</v>
      </c>
      <c r="F8867" s="40">
        <v>147.63333299999999</v>
      </c>
      <c r="G8867" s="40">
        <v>22.17384305260947</v>
      </c>
      <c r="H8867" s="40">
        <v>147.63333400000002</v>
      </c>
      <c r="I8867" s="40">
        <v>23.118890686108898</v>
      </c>
      <c r="L8867" s="40"/>
      <c r="M8867" s="40"/>
      <c r="N8867" s="40"/>
    </row>
    <row r="8868" spans="4:14" x14ac:dyDescent="0.25">
      <c r="D8868" s="40">
        <v>147.66076099998975</v>
      </c>
      <c r="E8868" s="40">
        <v>21.610120419937775</v>
      </c>
      <c r="F8868" s="40">
        <v>147.65</v>
      </c>
      <c r="G8868" s="40">
        <v>22.17384305260947</v>
      </c>
      <c r="H8868" s="40">
        <v>147.65</v>
      </c>
      <c r="I8868" s="40">
        <v>23.118890686108898</v>
      </c>
      <c r="L8868" s="40"/>
      <c r="M8868" s="40"/>
      <c r="N8868" s="40"/>
    </row>
    <row r="8869" spans="4:14" x14ac:dyDescent="0.25">
      <c r="D8869" s="40">
        <v>147.67742699998973</v>
      </c>
      <c r="E8869" s="40">
        <v>21.605277241348226</v>
      </c>
      <c r="F8869" s="40">
        <v>147.66666699999999</v>
      </c>
      <c r="G8869" s="40">
        <v>22.178598296699569</v>
      </c>
      <c r="H8869" s="40">
        <v>147.66666700000002</v>
      </c>
      <c r="I8869" s="40">
        <v>23.122144812365484</v>
      </c>
      <c r="L8869" s="40"/>
      <c r="M8869" s="40"/>
      <c r="N8869" s="40"/>
    </row>
    <row r="8870" spans="4:14" x14ac:dyDescent="0.25">
      <c r="D8870" s="40">
        <v>147.69409299998972</v>
      </c>
      <c r="E8870" s="40">
        <v>21.605277241348226</v>
      </c>
      <c r="F8870" s="40">
        <v>147.683333</v>
      </c>
      <c r="G8870" s="40">
        <v>22.178598296699569</v>
      </c>
      <c r="H8870" s="40">
        <v>147.683334</v>
      </c>
      <c r="I8870" s="40">
        <v>23.122144812365484</v>
      </c>
      <c r="L8870" s="40"/>
      <c r="M8870" s="40"/>
      <c r="N8870" s="40"/>
    </row>
    <row r="8871" spans="4:14" x14ac:dyDescent="0.25">
      <c r="D8871" s="40">
        <v>147.71075899998971</v>
      </c>
      <c r="E8871" s="40">
        <v>21.605277241348226</v>
      </c>
      <c r="F8871" s="40">
        <v>147.69999999999999</v>
      </c>
      <c r="G8871" s="40">
        <v>22.178598296699569</v>
      </c>
      <c r="H8871" s="40">
        <v>147.70000000000002</v>
      </c>
      <c r="I8871" s="40">
        <v>23.122144812365484</v>
      </c>
      <c r="L8871" s="40"/>
      <c r="M8871" s="40"/>
      <c r="N8871" s="40"/>
    </row>
    <row r="8872" spans="4:14" x14ac:dyDescent="0.25">
      <c r="D8872" s="40">
        <v>147.72742499998969</v>
      </c>
      <c r="E8872" s="40">
        <v>21.605277241348226</v>
      </c>
      <c r="F8872" s="40">
        <v>147.716667</v>
      </c>
      <c r="G8872" s="40">
        <v>22.178598296699569</v>
      </c>
      <c r="H8872" s="40">
        <v>147.716667</v>
      </c>
      <c r="I8872" s="40">
        <v>23.125497548508918</v>
      </c>
      <c r="L8872" s="40"/>
      <c r="M8872" s="40"/>
      <c r="N8872" s="40"/>
    </row>
    <row r="8873" spans="4:14" x14ac:dyDescent="0.25">
      <c r="D8873" s="40">
        <v>147.74409099998968</v>
      </c>
      <c r="E8873" s="40">
        <v>21.605277241348226</v>
      </c>
      <c r="F8873" s="40">
        <v>147.73333299999999</v>
      </c>
      <c r="G8873" s="40">
        <v>22.178598296699569</v>
      </c>
      <c r="H8873" s="40">
        <v>147.73333400000001</v>
      </c>
      <c r="I8873" s="40">
        <v>23.125497548508918</v>
      </c>
      <c r="L8873" s="40"/>
      <c r="M8873" s="40"/>
      <c r="N8873" s="40"/>
    </row>
    <row r="8874" spans="4:14" x14ac:dyDescent="0.25">
      <c r="D8874" s="40">
        <v>147.76075699998967</v>
      </c>
      <c r="E8874" s="40">
        <v>21.605277241348226</v>
      </c>
      <c r="F8874" s="40">
        <v>147.75</v>
      </c>
      <c r="G8874" s="40">
        <v>22.178598296699569</v>
      </c>
      <c r="H8874" s="40">
        <v>147.75</v>
      </c>
      <c r="I8874" s="40">
        <v>23.128850284652174</v>
      </c>
      <c r="L8874" s="40"/>
      <c r="M8874" s="40"/>
      <c r="N8874" s="40"/>
    </row>
    <row r="8875" spans="4:14" x14ac:dyDescent="0.25">
      <c r="D8875" s="40">
        <v>147.77742299998965</v>
      </c>
      <c r="E8875" s="40">
        <v>21.605277241348226</v>
      </c>
      <c r="F8875" s="40">
        <v>147.76666699999998</v>
      </c>
      <c r="G8875" s="40">
        <v>22.178598296699569</v>
      </c>
      <c r="H8875" s="40">
        <v>147.76666700000001</v>
      </c>
      <c r="I8875" s="40">
        <v>23.128850284652174</v>
      </c>
      <c r="L8875" s="40"/>
      <c r="M8875" s="40"/>
      <c r="N8875" s="40"/>
    </row>
    <row r="8876" spans="4:14" x14ac:dyDescent="0.25">
      <c r="D8876" s="40">
        <v>147.79408899998964</v>
      </c>
      <c r="E8876" s="40">
        <v>21.605277241348226</v>
      </c>
      <c r="F8876" s="40">
        <v>147.783333</v>
      </c>
      <c r="G8876" s="40">
        <v>22.178598296699569</v>
      </c>
      <c r="H8876" s="40">
        <v>147.783334</v>
      </c>
      <c r="I8876" s="40">
        <v>23.128850284652174</v>
      </c>
      <c r="L8876" s="40"/>
      <c r="M8876" s="40"/>
      <c r="N8876" s="40"/>
    </row>
    <row r="8877" spans="4:14" x14ac:dyDescent="0.25">
      <c r="D8877" s="40">
        <v>147.81075499998963</v>
      </c>
      <c r="E8877" s="40">
        <v>21.605277241348226</v>
      </c>
      <c r="F8877" s="40">
        <v>147.79999999999998</v>
      </c>
      <c r="G8877" s="40">
        <v>22.178598296699569</v>
      </c>
      <c r="H8877" s="40">
        <v>147.80000000000001</v>
      </c>
      <c r="I8877" s="40">
        <v>23.132104410908937</v>
      </c>
      <c r="L8877" s="40"/>
      <c r="M8877" s="40"/>
      <c r="N8877" s="40"/>
    </row>
    <row r="8878" spans="4:14" x14ac:dyDescent="0.25">
      <c r="D8878" s="40">
        <v>147.82742099998961</v>
      </c>
      <c r="E8878" s="40">
        <v>21.605277241348226</v>
      </c>
      <c r="F8878" s="40">
        <v>147.816667</v>
      </c>
      <c r="G8878" s="40">
        <v>22.178598296699569</v>
      </c>
      <c r="H8878" s="40">
        <v>147.816667</v>
      </c>
      <c r="I8878" s="40">
        <v>23.132104410908937</v>
      </c>
      <c r="L8878" s="40"/>
      <c r="M8878" s="40"/>
      <c r="N8878" s="40"/>
    </row>
    <row r="8879" spans="4:14" x14ac:dyDescent="0.25">
      <c r="D8879" s="40">
        <v>147.8440869999896</v>
      </c>
      <c r="E8879" s="40">
        <v>21.605277241348226</v>
      </c>
      <c r="F8879" s="40">
        <v>147.83333299999998</v>
      </c>
      <c r="G8879" s="40">
        <v>22.178598296699569</v>
      </c>
      <c r="H8879" s="40">
        <v>147.83333400000001</v>
      </c>
      <c r="I8879" s="40">
        <v>23.135457147052193</v>
      </c>
      <c r="L8879" s="40"/>
      <c r="M8879" s="40"/>
      <c r="N8879" s="40"/>
    </row>
    <row r="8880" spans="4:14" x14ac:dyDescent="0.25">
      <c r="D8880" s="40">
        <v>147.86075299998959</v>
      </c>
      <c r="E8880" s="40">
        <v>21.605277241348226</v>
      </c>
      <c r="F8880" s="40">
        <v>147.85</v>
      </c>
      <c r="G8880" s="40">
        <v>22.178598296699569</v>
      </c>
      <c r="H8880" s="40">
        <v>147.85</v>
      </c>
      <c r="I8880" s="40">
        <v>23.135457147052193</v>
      </c>
      <c r="L8880" s="40"/>
      <c r="M8880" s="40"/>
      <c r="N8880" s="40"/>
    </row>
    <row r="8881" spans="4:14" x14ac:dyDescent="0.25">
      <c r="D8881" s="40">
        <v>147.87741899998957</v>
      </c>
      <c r="E8881" s="40">
        <v>21.610120419937775</v>
      </c>
      <c r="F8881" s="40">
        <v>147.86666700000001</v>
      </c>
      <c r="G8881" s="40">
        <v>22.178598296699569</v>
      </c>
      <c r="H8881" s="40">
        <v>147.86666700000001</v>
      </c>
      <c r="I8881" s="40">
        <v>23.138809883195627</v>
      </c>
      <c r="L8881" s="40"/>
      <c r="M8881" s="40"/>
      <c r="N8881" s="40"/>
    </row>
    <row r="8882" spans="4:14" x14ac:dyDescent="0.25">
      <c r="D8882" s="40">
        <v>147.89408499998956</v>
      </c>
      <c r="E8882" s="40">
        <v>21.610120419937775</v>
      </c>
      <c r="F8882" s="40">
        <v>147.88333299999999</v>
      </c>
      <c r="G8882" s="40">
        <v>22.178598296699569</v>
      </c>
      <c r="H8882" s="40">
        <v>147.88333400000002</v>
      </c>
      <c r="I8882" s="40">
        <v>23.138809883195627</v>
      </c>
      <c r="L8882" s="40"/>
      <c r="M8882" s="40"/>
      <c r="N8882" s="40"/>
    </row>
    <row r="8883" spans="4:14" x14ac:dyDescent="0.25">
      <c r="D8883" s="40">
        <v>147.91075099998955</v>
      </c>
      <c r="E8883" s="40">
        <v>21.614963598527197</v>
      </c>
      <c r="F8883" s="40">
        <v>147.9</v>
      </c>
      <c r="G8883" s="40">
        <v>22.178598296699569</v>
      </c>
      <c r="H8883" s="40">
        <v>147.9</v>
      </c>
      <c r="I8883" s="40">
        <v>23.138809883195627</v>
      </c>
      <c r="L8883" s="40"/>
      <c r="M8883" s="40"/>
      <c r="N8883" s="40"/>
    </row>
    <row r="8884" spans="4:14" x14ac:dyDescent="0.25">
      <c r="D8884" s="40">
        <v>147.92741699998953</v>
      </c>
      <c r="E8884" s="40">
        <v>21.614963598527197</v>
      </c>
      <c r="F8884" s="40">
        <v>147.91666699999999</v>
      </c>
      <c r="G8884" s="40">
        <v>22.178598296699569</v>
      </c>
      <c r="H8884" s="40">
        <v>147.91666700000002</v>
      </c>
      <c r="I8884" s="40">
        <v>23.14206400945239</v>
      </c>
      <c r="L8884" s="40"/>
      <c r="M8884" s="40"/>
      <c r="N8884" s="40"/>
    </row>
    <row r="8885" spans="4:14" x14ac:dyDescent="0.25">
      <c r="D8885" s="40">
        <v>147.94408299998952</v>
      </c>
      <c r="E8885" s="40">
        <v>21.614963598527197</v>
      </c>
      <c r="F8885" s="40">
        <v>147.933333</v>
      </c>
      <c r="G8885" s="40">
        <v>22.183353540789788</v>
      </c>
      <c r="H8885" s="40">
        <v>147.933334</v>
      </c>
      <c r="I8885" s="40">
        <v>23.14206400945239</v>
      </c>
      <c r="L8885" s="40"/>
      <c r="M8885" s="40"/>
      <c r="N8885" s="40"/>
    </row>
    <row r="8886" spans="4:14" x14ac:dyDescent="0.25">
      <c r="D8886" s="40">
        <v>147.96074899998951</v>
      </c>
      <c r="E8886" s="40">
        <v>21.614963598527197</v>
      </c>
      <c r="F8886" s="40">
        <v>147.94999999999999</v>
      </c>
      <c r="G8886" s="40">
        <v>22.183353540789788</v>
      </c>
      <c r="H8886" s="40">
        <v>147.95000000000002</v>
      </c>
      <c r="I8886" s="40">
        <v>23.145416745595647</v>
      </c>
      <c r="L8886" s="40"/>
      <c r="M8886" s="40"/>
      <c r="N8886" s="40"/>
    </row>
    <row r="8887" spans="4:14" x14ac:dyDescent="0.25">
      <c r="D8887" s="40">
        <v>147.97741499998949</v>
      </c>
      <c r="E8887" s="40">
        <v>21.614963598527197</v>
      </c>
      <c r="F8887" s="40">
        <v>147.966667</v>
      </c>
      <c r="G8887" s="40">
        <v>22.183353540789788</v>
      </c>
      <c r="H8887" s="40">
        <v>147.966667</v>
      </c>
      <c r="I8887" s="40">
        <v>23.145416745595647</v>
      </c>
      <c r="L8887" s="40"/>
      <c r="M8887" s="40"/>
      <c r="N8887" s="40"/>
    </row>
    <row r="8888" spans="4:14" x14ac:dyDescent="0.25">
      <c r="D8888" s="40">
        <v>147.99408099998948</v>
      </c>
      <c r="E8888" s="40">
        <v>21.614963598527197</v>
      </c>
      <c r="F8888" s="40">
        <v>147.98333299999999</v>
      </c>
      <c r="G8888" s="40">
        <v>22.183353540789788</v>
      </c>
      <c r="H8888" s="40">
        <v>147.98333400000001</v>
      </c>
      <c r="I8888" s="40">
        <v>23.145416745595647</v>
      </c>
      <c r="L8888" s="40"/>
      <c r="M8888" s="40"/>
      <c r="N8888" s="40"/>
    </row>
    <row r="8889" spans="4:14" x14ac:dyDescent="0.25">
      <c r="D8889" s="40">
        <v>148.01074699998946</v>
      </c>
      <c r="E8889" s="40">
        <v>21.614963598527197</v>
      </c>
      <c r="F8889" s="40">
        <v>148</v>
      </c>
      <c r="G8889" s="40">
        <v>22.187968924759687</v>
      </c>
      <c r="H8889" s="40">
        <v>148</v>
      </c>
      <c r="I8889" s="40">
        <v>23.148769481738906</v>
      </c>
      <c r="L8889" s="40"/>
      <c r="M8889" s="40"/>
      <c r="N8889" s="40"/>
    </row>
    <row r="8890" spans="4:14" x14ac:dyDescent="0.25">
      <c r="D8890" s="40">
        <v>148.02741299998945</v>
      </c>
      <c r="E8890" s="40">
        <v>21.614963598527197</v>
      </c>
      <c r="F8890" s="40">
        <v>148.01666699999998</v>
      </c>
      <c r="G8890" s="40">
        <v>22.187968924759687</v>
      </c>
      <c r="H8890" s="40">
        <v>148.01666700000001</v>
      </c>
      <c r="I8890" s="40">
        <v>23.148769481738906</v>
      </c>
      <c r="L8890" s="40"/>
      <c r="M8890" s="40"/>
      <c r="N8890" s="40"/>
    </row>
    <row r="8891" spans="4:14" x14ac:dyDescent="0.25">
      <c r="D8891" s="40">
        <v>148.04407899998944</v>
      </c>
      <c r="E8891" s="40">
        <v>21.614963598527197</v>
      </c>
      <c r="F8891" s="40">
        <v>148.033333</v>
      </c>
      <c r="G8891" s="40">
        <v>22.187968924759687</v>
      </c>
      <c r="H8891" s="40">
        <v>148.033334</v>
      </c>
      <c r="I8891" s="40">
        <v>23.15202360799567</v>
      </c>
      <c r="L8891" s="40"/>
      <c r="M8891" s="40"/>
      <c r="N8891" s="40"/>
    </row>
    <row r="8892" spans="4:14" x14ac:dyDescent="0.25">
      <c r="D8892" s="40">
        <v>148.06074499998942</v>
      </c>
      <c r="E8892" s="40">
        <v>21.614963598527197</v>
      </c>
      <c r="F8892" s="40">
        <v>148.04999999999998</v>
      </c>
      <c r="G8892" s="40">
        <v>22.187968924759687</v>
      </c>
      <c r="H8892" s="40">
        <v>148.05000000000001</v>
      </c>
      <c r="I8892" s="40">
        <v>23.15202360799567</v>
      </c>
      <c r="L8892" s="40"/>
      <c r="M8892" s="40"/>
      <c r="N8892" s="40"/>
    </row>
    <row r="8893" spans="4:14" x14ac:dyDescent="0.25">
      <c r="D8893" s="40">
        <v>148.07741099998941</v>
      </c>
      <c r="E8893" s="40">
        <v>21.614963598527197</v>
      </c>
      <c r="F8893" s="40">
        <v>148.066667</v>
      </c>
      <c r="G8893" s="40">
        <v>22.187968924759687</v>
      </c>
      <c r="H8893" s="40">
        <v>148.066667</v>
      </c>
      <c r="I8893" s="40">
        <v>23.155376344138926</v>
      </c>
      <c r="L8893" s="40"/>
      <c r="M8893" s="40"/>
      <c r="N8893" s="40"/>
    </row>
    <row r="8894" spans="4:14" x14ac:dyDescent="0.25">
      <c r="D8894" s="40">
        <v>148.0940769999894</v>
      </c>
      <c r="E8894" s="40">
        <v>21.614963598527197</v>
      </c>
      <c r="F8894" s="40">
        <v>148.08333299999998</v>
      </c>
      <c r="G8894" s="40">
        <v>22.187968924759687</v>
      </c>
      <c r="H8894" s="40">
        <v>148.08333400000001</v>
      </c>
      <c r="I8894" s="40">
        <v>23.155376344138926</v>
      </c>
      <c r="L8894" s="40"/>
      <c r="M8894" s="40"/>
      <c r="N8894" s="40"/>
    </row>
    <row r="8895" spans="4:14" x14ac:dyDescent="0.25">
      <c r="D8895" s="40">
        <v>148.11074299998938</v>
      </c>
      <c r="E8895" s="40">
        <v>21.614963598527197</v>
      </c>
      <c r="F8895" s="40">
        <v>148.1</v>
      </c>
      <c r="G8895" s="40">
        <v>22.187968924759687</v>
      </c>
      <c r="H8895" s="40">
        <v>148.1</v>
      </c>
      <c r="I8895" s="40">
        <v>23.155376344138926</v>
      </c>
      <c r="L8895" s="40"/>
      <c r="M8895" s="40"/>
      <c r="N8895" s="40"/>
    </row>
    <row r="8896" spans="4:14" x14ac:dyDescent="0.25">
      <c r="D8896" s="40">
        <v>148.12740899998937</v>
      </c>
      <c r="E8896" s="40">
        <v>21.614963598527197</v>
      </c>
      <c r="F8896" s="40">
        <v>148.11666700000001</v>
      </c>
      <c r="G8896" s="40">
        <v>22.187968924759687</v>
      </c>
      <c r="H8896" s="40">
        <v>148.11666700000001</v>
      </c>
      <c r="I8896" s="40">
        <v>23.158729080282356</v>
      </c>
      <c r="L8896" s="40"/>
      <c r="M8896" s="40"/>
      <c r="N8896" s="40"/>
    </row>
    <row r="8897" spans="4:14" x14ac:dyDescent="0.25">
      <c r="D8897" s="40">
        <v>148.14407499998936</v>
      </c>
      <c r="E8897" s="40">
        <v>21.614963598527197</v>
      </c>
      <c r="F8897" s="40">
        <v>148.13333299999999</v>
      </c>
      <c r="G8897" s="40">
        <v>22.187968924759687</v>
      </c>
      <c r="H8897" s="40">
        <v>148.13333400000002</v>
      </c>
      <c r="I8897" s="40">
        <v>23.161983206539119</v>
      </c>
      <c r="L8897" s="40"/>
      <c r="M8897" s="40"/>
      <c r="N8897" s="40"/>
    </row>
    <row r="8898" spans="4:14" x14ac:dyDescent="0.25">
      <c r="D8898" s="40">
        <v>148.16074099998934</v>
      </c>
      <c r="E8898" s="40">
        <v>21.614963598527197</v>
      </c>
      <c r="F8898" s="40">
        <v>148.15</v>
      </c>
      <c r="G8898" s="40">
        <v>22.187968924759687</v>
      </c>
      <c r="H8898" s="40">
        <v>148.15</v>
      </c>
      <c r="I8898" s="40">
        <v>23.161983206539119</v>
      </c>
      <c r="L8898" s="40"/>
      <c r="M8898" s="40"/>
      <c r="N8898" s="40"/>
    </row>
    <row r="8899" spans="4:14" x14ac:dyDescent="0.25">
      <c r="D8899" s="40">
        <v>148.17740699998933</v>
      </c>
      <c r="E8899" s="40">
        <v>21.614963598527197</v>
      </c>
      <c r="F8899" s="40">
        <v>148.16666699999999</v>
      </c>
      <c r="G8899" s="40">
        <v>22.187968924759687</v>
      </c>
      <c r="H8899" s="40">
        <v>148.16666700000002</v>
      </c>
      <c r="I8899" s="40">
        <v>23.161983206539119</v>
      </c>
      <c r="L8899" s="40"/>
      <c r="M8899" s="40"/>
      <c r="N8899" s="40"/>
    </row>
    <row r="8900" spans="4:14" x14ac:dyDescent="0.25">
      <c r="D8900" s="40">
        <v>148.19407299998932</v>
      </c>
      <c r="E8900" s="40">
        <v>21.614963598527197</v>
      </c>
      <c r="F8900" s="40">
        <v>148.183333</v>
      </c>
      <c r="G8900" s="40">
        <v>22.187968924759687</v>
      </c>
      <c r="H8900" s="40">
        <v>148.183334</v>
      </c>
      <c r="I8900" s="40">
        <v>23.165335942682376</v>
      </c>
      <c r="L8900" s="40"/>
      <c r="M8900" s="40"/>
      <c r="N8900" s="40"/>
    </row>
    <row r="8901" spans="4:14" x14ac:dyDescent="0.25">
      <c r="D8901" s="40">
        <v>148.2107389999893</v>
      </c>
      <c r="E8901" s="40">
        <v>21.614963598527197</v>
      </c>
      <c r="F8901" s="40">
        <v>148.19999999999999</v>
      </c>
      <c r="G8901" s="40">
        <v>22.187968924759687</v>
      </c>
      <c r="H8901" s="40">
        <v>148.20000000000002</v>
      </c>
      <c r="I8901" s="40">
        <v>23.165335942682376</v>
      </c>
      <c r="L8901" s="40"/>
      <c r="M8901" s="40"/>
      <c r="N8901" s="40"/>
    </row>
    <row r="8902" spans="4:14" x14ac:dyDescent="0.25">
      <c r="D8902" s="40">
        <v>148.22740499998929</v>
      </c>
      <c r="E8902" s="40">
        <v>21.614963598527197</v>
      </c>
      <c r="F8902" s="40">
        <v>148.216667</v>
      </c>
      <c r="G8902" s="40">
        <v>22.192724168849782</v>
      </c>
      <c r="H8902" s="40">
        <v>148.216667</v>
      </c>
      <c r="I8902" s="40">
        <v>23.168688678825635</v>
      </c>
      <c r="L8902" s="40"/>
      <c r="M8902" s="40"/>
      <c r="N8902" s="40"/>
    </row>
    <row r="8903" spans="4:14" x14ac:dyDescent="0.25">
      <c r="D8903" s="40">
        <v>148.24407099998928</v>
      </c>
      <c r="E8903" s="40">
        <v>21.614963598527197</v>
      </c>
      <c r="F8903" s="40">
        <v>148.23333299999999</v>
      </c>
      <c r="G8903" s="40">
        <v>22.192724168849782</v>
      </c>
      <c r="H8903" s="40">
        <v>148.23333400000001</v>
      </c>
      <c r="I8903" s="40">
        <v>23.168688678825635</v>
      </c>
      <c r="L8903" s="40"/>
      <c r="M8903" s="40"/>
      <c r="N8903" s="40"/>
    </row>
    <row r="8904" spans="4:14" x14ac:dyDescent="0.25">
      <c r="D8904" s="40">
        <v>148.26073699998926</v>
      </c>
      <c r="E8904" s="40">
        <v>21.614963598527197</v>
      </c>
      <c r="F8904" s="40">
        <v>148.25</v>
      </c>
      <c r="G8904" s="40">
        <v>22.192724168849782</v>
      </c>
      <c r="H8904" s="40">
        <v>148.25</v>
      </c>
      <c r="I8904" s="40">
        <v>23.171942805082399</v>
      </c>
      <c r="L8904" s="40"/>
      <c r="M8904" s="40"/>
      <c r="N8904" s="40"/>
    </row>
    <row r="8905" spans="4:14" x14ac:dyDescent="0.25">
      <c r="D8905" s="40">
        <v>148.27740299998925</v>
      </c>
      <c r="E8905" s="40">
        <v>21.619664330687623</v>
      </c>
      <c r="F8905" s="40">
        <v>148.26666699999998</v>
      </c>
      <c r="G8905" s="40">
        <v>22.192724168849782</v>
      </c>
      <c r="H8905" s="40">
        <v>148.26666700000001</v>
      </c>
      <c r="I8905" s="40">
        <v>23.171942805082399</v>
      </c>
      <c r="L8905" s="40"/>
      <c r="M8905" s="40"/>
      <c r="N8905" s="40"/>
    </row>
    <row r="8906" spans="4:14" x14ac:dyDescent="0.25">
      <c r="D8906" s="40">
        <v>148.29406899998924</v>
      </c>
      <c r="E8906" s="40">
        <v>21.619664330687623</v>
      </c>
      <c r="F8906" s="40">
        <v>148.283333</v>
      </c>
      <c r="G8906" s="40">
        <v>22.197479412940002</v>
      </c>
      <c r="H8906" s="40">
        <v>148.283334</v>
      </c>
      <c r="I8906" s="40">
        <v>23.171942805082399</v>
      </c>
      <c r="L8906" s="40"/>
      <c r="M8906" s="40"/>
      <c r="N8906" s="40"/>
    </row>
    <row r="8907" spans="4:14" x14ac:dyDescent="0.25">
      <c r="D8907" s="40">
        <v>148.31073499998922</v>
      </c>
      <c r="E8907" s="40">
        <v>21.619664330687623</v>
      </c>
      <c r="F8907" s="40">
        <v>148.29999999999998</v>
      </c>
      <c r="G8907" s="40">
        <v>22.197479412940002</v>
      </c>
      <c r="H8907" s="40">
        <v>148.30000000000001</v>
      </c>
      <c r="I8907" s="40">
        <v>23.175295541225829</v>
      </c>
      <c r="L8907" s="40"/>
      <c r="M8907" s="40"/>
      <c r="N8907" s="40"/>
    </row>
    <row r="8908" spans="4:14" x14ac:dyDescent="0.25">
      <c r="D8908" s="40">
        <v>148.32740099998921</v>
      </c>
      <c r="E8908" s="40">
        <v>21.619664330687623</v>
      </c>
      <c r="F8908" s="40">
        <v>148.316667</v>
      </c>
      <c r="G8908" s="40">
        <v>22.197479412940002</v>
      </c>
      <c r="H8908" s="40">
        <v>148.316667</v>
      </c>
      <c r="I8908" s="40">
        <v>23.175295541225829</v>
      </c>
      <c r="L8908" s="40"/>
      <c r="M8908" s="40"/>
      <c r="N8908" s="40"/>
    </row>
    <row r="8909" spans="4:14" x14ac:dyDescent="0.25">
      <c r="D8909" s="40">
        <v>148.3440669999892</v>
      </c>
      <c r="E8909" s="40">
        <v>21.619664330687623</v>
      </c>
      <c r="F8909" s="40">
        <v>148.33333299999998</v>
      </c>
      <c r="G8909" s="40">
        <v>22.197479412940002</v>
      </c>
      <c r="H8909" s="40">
        <v>148.33333400000001</v>
      </c>
      <c r="I8909" s="40">
        <v>23.178648277369085</v>
      </c>
      <c r="L8909" s="40"/>
      <c r="M8909" s="40"/>
      <c r="N8909" s="40"/>
    </row>
    <row r="8910" spans="4:14" x14ac:dyDescent="0.25">
      <c r="D8910" s="40">
        <v>148.36073299998918</v>
      </c>
      <c r="E8910" s="40">
        <v>21.619664330687623</v>
      </c>
      <c r="F8910" s="40">
        <v>148.35</v>
      </c>
      <c r="G8910" s="40">
        <v>22.197479412940002</v>
      </c>
      <c r="H8910" s="40">
        <v>148.35</v>
      </c>
      <c r="I8910" s="40">
        <v>23.178648277369085</v>
      </c>
      <c r="L8910" s="40"/>
      <c r="M8910" s="40"/>
      <c r="N8910" s="40"/>
    </row>
    <row r="8911" spans="4:14" x14ac:dyDescent="0.25">
      <c r="D8911" s="40">
        <v>148.37739899998917</v>
      </c>
      <c r="E8911" s="40">
        <v>21.619664330687623</v>
      </c>
      <c r="F8911" s="40">
        <v>148.36666700000001</v>
      </c>
      <c r="G8911" s="40">
        <v>22.197479412940002</v>
      </c>
      <c r="H8911" s="40">
        <v>148.36666700000001</v>
      </c>
      <c r="I8911" s="40">
        <v>23.181902403625848</v>
      </c>
      <c r="L8911" s="40"/>
      <c r="M8911" s="40"/>
      <c r="N8911" s="40"/>
    </row>
    <row r="8912" spans="4:14" x14ac:dyDescent="0.25">
      <c r="D8912" s="40">
        <v>148.39406499998915</v>
      </c>
      <c r="E8912" s="40">
        <v>21.619664330687623</v>
      </c>
      <c r="F8912" s="40">
        <v>148.38333299999999</v>
      </c>
      <c r="G8912" s="40">
        <v>22.197479412940002</v>
      </c>
      <c r="H8912" s="40">
        <v>148.38333400000002</v>
      </c>
      <c r="I8912" s="40">
        <v>23.181902403625848</v>
      </c>
      <c r="L8912" s="40"/>
      <c r="M8912" s="40"/>
      <c r="N8912" s="40"/>
    </row>
    <row r="8913" spans="4:14" x14ac:dyDescent="0.25">
      <c r="D8913" s="40">
        <v>148.41073099998914</v>
      </c>
      <c r="E8913" s="40">
        <v>21.619664330687623</v>
      </c>
      <c r="F8913" s="40">
        <v>148.4</v>
      </c>
      <c r="G8913" s="40">
        <v>22.202094796909901</v>
      </c>
      <c r="H8913" s="40">
        <v>148.4</v>
      </c>
      <c r="I8913" s="40">
        <v>23.185255139769108</v>
      </c>
      <c r="L8913" s="40"/>
      <c r="M8913" s="40"/>
      <c r="N8913" s="40"/>
    </row>
    <row r="8914" spans="4:14" x14ac:dyDescent="0.25">
      <c r="D8914" s="40">
        <v>148.42739699998913</v>
      </c>
      <c r="E8914" s="40">
        <v>21.619664330687623</v>
      </c>
      <c r="F8914" s="40">
        <v>148.41666699999999</v>
      </c>
      <c r="G8914" s="40">
        <v>22.202094796909901</v>
      </c>
      <c r="H8914" s="40">
        <v>148.41666700000002</v>
      </c>
      <c r="I8914" s="40">
        <v>23.185255139769108</v>
      </c>
      <c r="L8914" s="40"/>
      <c r="M8914" s="40"/>
      <c r="N8914" s="40"/>
    </row>
    <row r="8915" spans="4:14" x14ac:dyDescent="0.25">
      <c r="D8915" s="40">
        <v>148.44406299998911</v>
      </c>
      <c r="E8915" s="40">
        <v>21.619664330687623</v>
      </c>
      <c r="F8915" s="40">
        <v>148.433333</v>
      </c>
      <c r="G8915" s="40">
        <v>22.202094796909901</v>
      </c>
      <c r="H8915" s="40">
        <v>148.433334</v>
      </c>
      <c r="I8915" s="40">
        <v>23.185255139769108</v>
      </c>
      <c r="L8915" s="40"/>
      <c r="M8915" s="40"/>
      <c r="N8915" s="40"/>
    </row>
    <row r="8916" spans="4:14" x14ac:dyDescent="0.25">
      <c r="D8916" s="40">
        <v>148.4607289999891</v>
      </c>
      <c r="E8916" s="40">
        <v>21.624507509277169</v>
      </c>
      <c r="F8916" s="40">
        <v>148.44999999999999</v>
      </c>
      <c r="G8916" s="40">
        <v>22.202094796909901</v>
      </c>
      <c r="H8916" s="40">
        <v>148.45000000000002</v>
      </c>
      <c r="I8916" s="40">
        <v>23.188607875912364</v>
      </c>
      <c r="L8916" s="40"/>
      <c r="M8916" s="40"/>
      <c r="N8916" s="40"/>
    </row>
    <row r="8917" spans="4:14" x14ac:dyDescent="0.25">
      <c r="D8917" s="40">
        <v>148.47739499998909</v>
      </c>
      <c r="E8917" s="40">
        <v>21.624507509277169</v>
      </c>
      <c r="F8917" s="40">
        <v>148.466667</v>
      </c>
      <c r="G8917" s="40">
        <v>22.202094796909901</v>
      </c>
      <c r="H8917" s="40">
        <v>148.466667</v>
      </c>
      <c r="I8917" s="40">
        <v>23.188607875912364</v>
      </c>
      <c r="L8917" s="40"/>
      <c r="M8917" s="40"/>
      <c r="N8917" s="40"/>
    </row>
    <row r="8918" spans="4:14" x14ac:dyDescent="0.25">
      <c r="D8918" s="40">
        <v>148.49406099998907</v>
      </c>
      <c r="E8918" s="40">
        <v>21.624507509277169</v>
      </c>
      <c r="F8918" s="40">
        <v>148.48333299999999</v>
      </c>
      <c r="G8918" s="40">
        <v>22.202094796909901</v>
      </c>
      <c r="H8918" s="40">
        <v>148.48333400000001</v>
      </c>
      <c r="I8918" s="40">
        <v>23.191960612055794</v>
      </c>
      <c r="L8918" s="40"/>
      <c r="M8918" s="40"/>
      <c r="N8918" s="40"/>
    </row>
    <row r="8919" spans="4:14" x14ac:dyDescent="0.25">
      <c r="D8919" s="40">
        <v>148.51072699998906</v>
      </c>
      <c r="E8919" s="40">
        <v>21.624507509277169</v>
      </c>
      <c r="F8919" s="40">
        <v>148.5</v>
      </c>
      <c r="G8919" s="40">
        <v>22.206850040999996</v>
      </c>
      <c r="H8919" s="40">
        <v>148.5</v>
      </c>
      <c r="I8919" s="40">
        <v>23.195214738312558</v>
      </c>
      <c r="L8919" s="40"/>
      <c r="M8919" s="40"/>
      <c r="N8919" s="40"/>
    </row>
    <row r="8920" spans="4:14" x14ac:dyDescent="0.25">
      <c r="D8920" s="40">
        <v>148.52739299998905</v>
      </c>
      <c r="E8920" s="40">
        <v>21.624507509277169</v>
      </c>
      <c r="F8920" s="40">
        <v>148.51666699999998</v>
      </c>
      <c r="G8920" s="40">
        <v>22.206850040999996</v>
      </c>
      <c r="H8920" s="40">
        <v>148.51666700000001</v>
      </c>
      <c r="I8920" s="40">
        <v>23.195214738312558</v>
      </c>
      <c r="L8920" s="40"/>
      <c r="M8920" s="40"/>
      <c r="N8920" s="40"/>
    </row>
    <row r="8921" spans="4:14" x14ac:dyDescent="0.25">
      <c r="D8921" s="40">
        <v>148.54405899998903</v>
      </c>
      <c r="E8921" s="40">
        <v>21.624507509277169</v>
      </c>
      <c r="F8921" s="40">
        <v>148.533333</v>
      </c>
      <c r="G8921" s="40">
        <v>22.206850040999996</v>
      </c>
      <c r="H8921" s="40">
        <v>148.533334</v>
      </c>
      <c r="I8921" s="40">
        <v>23.195214738312558</v>
      </c>
      <c r="L8921" s="40"/>
      <c r="M8921" s="40"/>
      <c r="N8921" s="40"/>
    </row>
    <row r="8922" spans="4:14" x14ac:dyDescent="0.25">
      <c r="D8922" s="40">
        <v>148.56072499998902</v>
      </c>
      <c r="E8922" s="40">
        <v>21.624507509277169</v>
      </c>
      <c r="F8922" s="40">
        <v>148.54999999999998</v>
      </c>
      <c r="G8922" s="40">
        <v>22.206850040999996</v>
      </c>
      <c r="H8922" s="40">
        <v>148.55000000000001</v>
      </c>
      <c r="I8922" s="40">
        <v>23.198567474455817</v>
      </c>
      <c r="L8922" s="40"/>
      <c r="M8922" s="40"/>
      <c r="N8922" s="40"/>
    </row>
    <row r="8923" spans="4:14" x14ac:dyDescent="0.25">
      <c r="D8923" s="40">
        <v>148.57739099998901</v>
      </c>
      <c r="E8923" s="40">
        <v>21.624507509277169</v>
      </c>
      <c r="F8923" s="40">
        <v>148.566667</v>
      </c>
      <c r="G8923" s="40">
        <v>22.211605285090215</v>
      </c>
      <c r="H8923" s="40">
        <v>148.566667</v>
      </c>
      <c r="I8923" s="40">
        <v>23.198567474455817</v>
      </c>
      <c r="L8923" s="40"/>
      <c r="M8923" s="40"/>
      <c r="N8923" s="40"/>
    </row>
    <row r="8924" spans="4:14" x14ac:dyDescent="0.25">
      <c r="D8924" s="40">
        <v>148.59405699998899</v>
      </c>
      <c r="E8924" s="40">
        <v>21.619664330687623</v>
      </c>
      <c r="F8924" s="40">
        <v>148.58333299999998</v>
      </c>
      <c r="G8924" s="40">
        <v>22.211605285090215</v>
      </c>
      <c r="H8924" s="40">
        <v>148.58333400000001</v>
      </c>
      <c r="I8924" s="40">
        <v>23.198567474455817</v>
      </c>
      <c r="L8924" s="40"/>
      <c r="M8924" s="40"/>
      <c r="N8924" s="40"/>
    </row>
    <row r="8925" spans="4:14" x14ac:dyDescent="0.25">
      <c r="D8925" s="40">
        <v>148.61072299998898</v>
      </c>
      <c r="E8925" s="40">
        <v>21.619664330687623</v>
      </c>
      <c r="F8925" s="40">
        <v>148.6</v>
      </c>
      <c r="G8925" s="40">
        <v>22.211605285090215</v>
      </c>
      <c r="H8925" s="40">
        <v>148.6</v>
      </c>
      <c r="I8925" s="40">
        <v>23.201920210599074</v>
      </c>
      <c r="L8925" s="40"/>
      <c r="M8925" s="40"/>
      <c r="N8925" s="40"/>
    </row>
    <row r="8926" spans="4:14" x14ac:dyDescent="0.25">
      <c r="D8926" s="40">
        <v>148.62738899998897</v>
      </c>
      <c r="E8926" s="40">
        <v>21.619664330687623</v>
      </c>
      <c r="F8926" s="40">
        <v>148.61666700000001</v>
      </c>
      <c r="G8926" s="40">
        <v>22.211605285090215</v>
      </c>
      <c r="H8926" s="40">
        <v>148.61666700000001</v>
      </c>
      <c r="I8926" s="40">
        <v>23.201920210599074</v>
      </c>
      <c r="L8926" s="40"/>
      <c r="M8926" s="40"/>
      <c r="N8926" s="40"/>
    </row>
    <row r="8927" spans="4:14" x14ac:dyDescent="0.25">
      <c r="D8927" s="40">
        <v>148.64405499998895</v>
      </c>
      <c r="E8927" s="40">
        <v>21.619664330687623</v>
      </c>
      <c r="F8927" s="40">
        <v>148.63333299999999</v>
      </c>
      <c r="G8927" s="40">
        <v>22.211605285090215</v>
      </c>
      <c r="H8927" s="40">
        <v>148.63333400000002</v>
      </c>
      <c r="I8927" s="40">
        <v>23.201920210599074</v>
      </c>
      <c r="L8927" s="40"/>
      <c r="M8927" s="40"/>
      <c r="N8927" s="40"/>
    </row>
    <row r="8928" spans="4:14" x14ac:dyDescent="0.25">
      <c r="D8928" s="40">
        <v>148.66072099998894</v>
      </c>
      <c r="E8928" s="40">
        <v>21.619664330687623</v>
      </c>
      <c r="F8928" s="40">
        <v>148.65</v>
      </c>
      <c r="G8928" s="40">
        <v>22.211605285090215</v>
      </c>
      <c r="H8928" s="40">
        <v>148.65</v>
      </c>
      <c r="I8928" s="40">
        <v>23.205174336855837</v>
      </c>
      <c r="L8928" s="40"/>
      <c r="M8928" s="40"/>
      <c r="N8928" s="40"/>
    </row>
    <row r="8929" spans="4:14" x14ac:dyDescent="0.25">
      <c r="D8929" s="40">
        <v>148.67738699998893</v>
      </c>
      <c r="E8929" s="40">
        <v>21.619664330687623</v>
      </c>
      <c r="F8929" s="40">
        <v>148.66666699999999</v>
      </c>
      <c r="G8929" s="40">
        <v>22.211605285090215</v>
      </c>
      <c r="H8929" s="40">
        <v>148.66666700000002</v>
      </c>
      <c r="I8929" s="40">
        <v>23.205174336855837</v>
      </c>
      <c r="L8929" s="40"/>
      <c r="M8929" s="40"/>
      <c r="N8929" s="40"/>
    </row>
    <row r="8930" spans="4:14" x14ac:dyDescent="0.25">
      <c r="D8930" s="40">
        <v>148.69405299998891</v>
      </c>
      <c r="E8930" s="40">
        <v>21.619664330687623</v>
      </c>
      <c r="F8930" s="40">
        <v>148.683333</v>
      </c>
      <c r="G8930" s="40">
        <v>22.211605285090215</v>
      </c>
      <c r="H8930" s="40">
        <v>148.683334</v>
      </c>
      <c r="I8930" s="40">
        <v>23.208527072999271</v>
      </c>
      <c r="L8930" s="40"/>
      <c r="M8930" s="40"/>
      <c r="N8930" s="40"/>
    </row>
    <row r="8931" spans="4:14" x14ac:dyDescent="0.25">
      <c r="D8931" s="40">
        <v>148.7107189999889</v>
      </c>
      <c r="E8931" s="40">
        <v>21.619664330687623</v>
      </c>
      <c r="F8931" s="40">
        <v>148.69999999999999</v>
      </c>
      <c r="G8931" s="40">
        <v>22.211605285090215</v>
      </c>
      <c r="H8931" s="40">
        <v>148.70000000000002</v>
      </c>
      <c r="I8931" s="40">
        <v>23.208527072999271</v>
      </c>
      <c r="L8931" s="40"/>
      <c r="M8931" s="40"/>
      <c r="N8931" s="40"/>
    </row>
    <row r="8932" spans="4:14" x14ac:dyDescent="0.25">
      <c r="D8932" s="40">
        <v>148.72738499998889</v>
      </c>
      <c r="E8932" s="40">
        <v>21.619664330687623</v>
      </c>
      <c r="F8932" s="40">
        <v>148.716667</v>
      </c>
      <c r="G8932" s="40">
        <v>22.211605285090215</v>
      </c>
      <c r="H8932" s="40">
        <v>148.716667</v>
      </c>
      <c r="I8932" s="40">
        <v>23.208527072999271</v>
      </c>
      <c r="L8932" s="40"/>
      <c r="M8932" s="40"/>
      <c r="N8932" s="40"/>
    </row>
    <row r="8933" spans="4:14" x14ac:dyDescent="0.25">
      <c r="D8933" s="40">
        <v>148.74405099998887</v>
      </c>
      <c r="E8933" s="40">
        <v>21.619664330687623</v>
      </c>
      <c r="F8933" s="40">
        <v>148.73333299999999</v>
      </c>
      <c r="G8933" s="40">
        <v>22.211605285090215</v>
      </c>
      <c r="H8933" s="40">
        <v>148.73333400000001</v>
      </c>
      <c r="I8933" s="40">
        <v>23.211879809142523</v>
      </c>
      <c r="L8933" s="40"/>
      <c r="M8933" s="40"/>
      <c r="N8933" s="40"/>
    </row>
    <row r="8934" spans="4:14" x14ac:dyDescent="0.25">
      <c r="D8934" s="40">
        <v>148.76071699998886</v>
      </c>
      <c r="E8934" s="40">
        <v>21.619664330687623</v>
      </c>
      <c r="F8934" s="40">
        <v>148.75</v>
      </c>
      <c r="G8934" s="40">
        <v>22.211605285090215</v>
      </c>
      <c r="H8934" s="40">
        <v>148.75</v>
      </c>
      <c r="I8934" s="40">
        <v>23.211879809142523</v>
      </c>
      <c r="L8934" s="40"/>
      <c r="M8934" s="40"/>
      <c r="N8934" s="40"/>
    </row>
    <row r="8935" spans="4:14" x14ac:dyDescent="0.25">
      <c r="D8935" s="40">
        <v>148.77738299998884</v>
      </c>
      <c r="E8935" s="40">
        <v>21.619664330687623</v>
      </c>
      <c r="F8935" s="40">
        <v>148.76666699999998</v>
      </c>
      <c r="G8935" s="40">
        <v>22.211605285090215</v>
      </c>
      <c r="H8935" s="40">
        <v>148.76666700000001</v>
      </c>
      <c r="I8935" s="40">
        <v>23.215133935399287</v>
      </c>
      <c r="L8935" s="40"/>
      <c r="M8935" s="40"/>
      <c r="N8935" s="40"/>
    </row>
    <row r="8936" spans="4:14" x14ac:dyDescent="0.25">
      <c r="D8936" s="40">
        <v>148.79404899998883</v>
      </c>
      <c r="E8936" s="40">
        <v>21.619664330687623</v>
      </c>
      <c r="F8936" s="40">
        <v>148.783333</v>
      </c>
      <c r="G8936" s="40">
        <v>22.211605285090215</v>
      </c>
      <c r="H8936" s="40">
        <v>148.783334</v>
      </c>
      <c r="I8936" s="40">
        <v>23.215133935399287</v>
      </c>
      <c r="L8936" s="40"/>
      <c r="M8936" s="40"/>
      <c r="N8936" s="40"/>
    </row>
    <row r="8937" spans="4:14" x14ac:dyDescent="0.25">
      <c r="D8937" s="40">
        <v>148.81071499998882</v>
      </c>
      <c r="E8937" s="40">
        <v>21.624507509277169</v>
      </c>
      <c r="F8937" s="40">
        <v>148.79999999999998</v>
      </c>
      <c r="G8937" s="40">
        <v>22.211605285090215</v>
      </c>
      <c r="H8937" s="40">
        <v>148.80000000000001</v>
      </c>
      <c r="I8937" s="40">
        <v>23.218486671542546</v>
      </c>
      <c r="L8937" s="40"/>
      <c r="M8937" s="40"/>
      <c r="N8937" s="40"/>
    </row>
    <row r="8938" spans="4:14" x14ac:dyDescent="0.25">
      <c r="D8938" s="40">
        <v>148.8273809999888</v>
      </c>
      <c r="E8938" s="40">
        <v>21.624507509277169</v>
      </c>
      <c r="F8938" s="40">
        <v>148.816667</v>
      </c>
      <c r="G8938" s="40">
        <v>22.211605285090215</v>
      </c>
      <c r="H8938" s="40">
        <v>148.816667</v>
      </c>
      <c r="I8938" s="40">
        <v>23.218486671542546</v>
      </c>
      <c r="L8938" s="40"/>
      <c r="M8938" s="40"/>
      <c r="N8938" s="40"/>
    </row>
    <row r="8939" spans="4:14" x14ac:dyDescent="0.25">
      <c r="D8939" s="40">
        <v>148.84404699998879</v>
      </c>
      <c r="E8939" s="40">
        <v>21.624507509277169</v>
      </c>
      <c r="F8939" s="40">
        <v>148.83333299999998</v>
      </c>
      <c r="G8939" s="40">
        <v>22.211605285090215</v>
      </c>
      <c r="H8939" s="40">
        <v>148.83333400000001</v>
      </c>
      <c r="I8939" s="40">
        <v>23.221839407685803</v>
      </c>
      <c r="L8939" s="40"/>
      <c r="M8939" s="40"/>
      <c r="N8939" s="40"/>
    </row>
    <row r="8940" spans="4:14" x14ac:dyDescent="0.25">
      <c r="D8940" s="40">
        <v>148.86071299998878</v>
      </c>
      <c r="E8940" s="40">
        <v>21.624507509277169</v>
      </c>
      <c r="F8940" s="40">
        <v>148.85</v>
      </c>
      <c r="G8940" s="40">
        <v>22.211605285090215</v>
      </c>
      <c r="H8940" s="40">
        <v>148.85</v>
      </c>
      <c r="I8940" s="40">
        <v>23.221839407685803</v>
      </c>
      <c r="L8940" s="40"/>
      <c r="M8940" s="40"/>
      <c r="N8940" s="40"/>
    </row>
    <row r="8941" spans="4:14" x14ac:dyDescent="0.25">
      <c r="D8941" s="40">
        <v>148.87737899998876</v>
      </c>
      <c r="E8941" s="40">
        <v>21.624507509277169</v>
      </c>
      <c r="F8941" s="40">
        <v>148.86666700000001</v>
      </c>
      <c r="G8941" s="40">
        <v>22.211605285090215</v>
      </c>
      <c r="H8941" s="40">
        <v>148.86666700000001</v>
      </c>
      <c r="I8941" s="40">
        <v>23.225093533942566</v>
      </c>
      <c r="L8941" s="40"/>
      <c r="M8941" s="40"/>
      <c r="N8941" s="40"/>
    </row>
    <row r="8942" spans="4:14" x14ac:dyDescent="0.25">
      <c r="D8942" s="40">
        <v>148.89404499998875</v>
      </c>
      <c r="E8942" s="40">
        <v>21.624507509277169</v>
      </c>
      <c r="F8942" s="40">
        <v>148.88333299999999</v>
      </c>
      <c r="G8942" s="40">
        <v>22.211605285090215</v>
      </c>
      <c r="H8942" s="40">
        <v>148.88333400000002</v>
      </c>
      <c r="I8942" s="40">
        <v>23.225093533942566</v>
      </c>
      <c r="L8942" s="40"/>
      <c r="M8942" s="40"/>
      <c r="N8942" s="40"/>
    </row>
    <row r="8943" spans="4:14" x14ac:dyDescent="0.25">
      <c r="D8943" s="40">
        <v>148.91071099998874</v>
      </c>
      <c r="E8943" s="40">
        <v>21.624507509277169</v>
      </c>
      <c r="F8943" s="40">
        <v>148.9</v>
      </c>
      <c r="G8943" s="40">
        <v>22.211605285090215</v>
      </c>
      <c r="H8943" s="40">
        <v>148.9</v>
      </c>
      <c r="I8943" s="40">
        <v>23.228446270086</v>
      </c>
      <c r="L8943" s="40"/>
      <c r="M8943" s="40"/>
      <c r="N8943" s="40"/>
    </row>
    <row r="8944" spans="4:14" x14ac:dyDescent="0.25">
      <c r="D8944" s="40">
        <v>148.92737699998872</v>
      </c>
      <c r="E8944" s="40">
        <v>21.624507509277169</v>
      </c>
      <c r="F8944" s="40">
        <v>148.91666699999999</v>
      </c>
      <c r="G8944" s="40">
        <v>22.211605285090215</v>
      </c>
      <c r="H8944" s="40">
        <v>148.91666700000002</v>
      </c>
      <c r="I8944" s="40">
        <v>23.228446270086</v>
      </c>
      <c r="L8944" s="40"/>
      <c r="M8944" s="40"/>
      <c r="N8944" s="40"/>
    </row>
    <row r="8945" spans="4:14" x14ac:dyDescent="0.25">
      <c r="D8945" s="40">
        <v>148.94404299998871</v>
      </c>
      <c r="E8945" s="40">
        <v>21.624507509277169</v>
      </c>
      <c r="F8945" s="40">
        <v>148.933333</v>
      </c>
      <c r="G8945" s="40">
        <v>22.211605285090215</v>
      </c>
      <c r="H8945" s="40">
        <v>148.933334</v>
      </c>
      <c r="I8945" s="40">
        <v>23.231799006229256</v>
      </c>
      <c r="L8945" s="40"/>
      <c r="M8945" s="40"/>
      <c r="N8945" s="40"/>
    </row>
    <row r="8946" spans="4:14" x14ac:dyDescent="0.25">
      <c r="D8946" s="40">
        <v>148.9607089999887</v>
      </c>
      <c r="E8946" s="40">
        <v>21.629350687866591</v>
      </c>
      <c r="F8946" s="40">
        <v>148.94999999999999</v>
      </c>
      <c r="G8946" s="40">
        <v>22.211605285090215</v>
      </c>
      <c r="H8946" s="40">
        <v>148.95000000000002</v>
      </c>
      <c r="I8946" s="40">
        <v>23.231799006229256</v>
      </c>
      <c r="L8946" s="40"/>
      <c r="M8946" s="40"/>
      <c r="N8946" s="40"/>
    </row>
    <row r="8947" spans="4:14" x14ac:dyDescent="0.25">
      <c r="D8947" s="40">
        <v>148.97737499998868</v>
      </c>
      <c r="E8947" s="40">
        <v>21.629350687866591</v>
      </c>
      <c r="F8947" s="40">
        <v>148.966667</v>
      </c>
      <c r="G8947" s="40">
        <v>22.211605285090215</v>
      </c>
      <c r="H8947" s="40">
        <v>148.966667</v>
      </c>
      <c r="I8947" s="40">
        <v>23.235053132486019</v>
      </c>
      <c r="L8947" s="40"/>
      <c r="M8947" s="40"/>
      <c r="N8947" s="40"/>
    </row>
    <row r="8948" spans="4:14" x14ac:dyDescent="0.25">
      <c r="D8948" s="40">
        <v>148.99404099998867</v>
      </c>
      <c r="E8948" s="40">
        <v>21.629350687866591</v>
      </c>
      <c r="F8948" s="40">
        <v>148.98333299999999</v>
      </c>
      <c r="G8948" s="40">
        <v>22.211605285090215</v>
      </c>
      <c r="H8948" s="40">
        <v>148.98333400000001</v>
      </c>
      <c r="I8948" s="40">
        <v>23.235053132486019</v>
      </c>
      <c r="L8948" s="40"/>
      <c r="M8948" s="40"/>
      <c r="N8948" s="40"/>
    </row>
    <row r="8949" spans="4:14" x14ac:dyDescent="0.25">
      <c r="D8949" s="40">
        <v>149.01070699998866</v>
      </c>
      <c r="E8949" s="40">
        <v>21.629350687866591</v>
      </c>
      <c r="F8949" s="40">
        <v>149</v>
      </c>
      <c r="G8949" s="40">
        <v>22.211605285090215</v>
      </c>
      <c r="H8949" s="40">
        <v>149</v>
      </c>
      <c r="I8949" s="40">
        <v>23.238405868629275</v>
      </c>
      <c r="L8949" s="40"/>
      <c r="M8949" s="40"/>
      <c r="N8949" s="40"/>
    </row>
    <row r="8950" spans="4:14" x14ac:dyDescent="0.25">
      <c r="D8950" s="40">
        <v>149.02737299998864</v>
      </c>
      <c r="E8950" s="40">
        <v>21.629350687866591</v>
      </c>
      <c r="F8950" s="40">
        <v>149.01666699999998</v>
      </c>
      <c r="G8950" s="40">
        <v>22.211605285090215</v>
      </c>
      <c r="H8950" s="40">
        <v>149.01666700000001</v>
      </c>
      <c r="I8950" s="40">
        <v>23.238405868629275</v>
      </c>
      <c r="L8950" s="40"/>
      <c r="M8950" s="40"/>
      <c r="N8950" s="40"/>
    </row>
    <row r="8951" spans="4:14" x14ac:dyDescent="0.25">
      <c r="D8951" s="40">
        <v>149.04403899998863</v>
      </c>
      <c r="E8951" s="40">
        <v>21.634051420027017</v>
      </c>
      <c r="F8951" s="40">
        <v>149.033333</v>
      </c>
      <c r="G8951" s="40">
        <v>22.216220669060114</v>
      </c>
      <c r="H8951" s="40">
        <v>149.033334</v>
      </c>
      <c r="I8951" s="40">
        <v>23.241758604772535</v>
      </c>
      <c r="L8951" s="40"/>
      <c r="M8951" s="40"/>
      <c r="N8951" s="40"/>
    </row>
    <row r="8952" spans="4:14" x14ac:dyDescent="0.25">
      <c r="D8952" s="40">
        <v>149.06070499998862</v>
      </c>
      <c r="E8952" s="40">
        <v>21.634051420027017</v>
      </c>
      <c r="F8952" s="40">
        <v>149.04999999999998</v>
      </c>
      <c r="G8952" s="40">
        <v>22.216220669060114</v>
      </c>
      <c r="H8952" s="40">
        <v>149.05000000000001</v>
      </c>
      <c r="I8952" s="40">
        <v>23.245012731029298</v>
      </c>
      <c r="L8952" s="40"/>
      <c r="M8952" s="40"/>
      <c r="N8952" s="40"/>
    </row>
    <row r="8953" spans="4:14" x14ac:dyDescent="0.25">
      <c r="D8953" s="40">
        <v>149.0773709999886</v>
      </c>
      <c r="E8953" s="40">
        <v>21.634051420027017</v>
      </c>
      <c r="F8953" s="40">
        <v>149.066667</v>
      </c>
      <c r="G8953" s="40">
        <v>22.216220669060114</v>
      </c>
      <c r="H8953" s="40">
        <v>149.066667</v>
      </c>
      <c r="I8953" s="40">
        <v>23.245012731029298</v>
      </c>
      <c r="L8953" s="40"/>
      <c r="M8953" s="40"/>
      <c r="N8953" s="40"/>
    </row>
    <row r="8954" spans="4:14" x14ac:dyDescent="0.25">
      <c r="D8954" s="40">
        <v>149.09403699998859</v>
      </c>
      <c r="E8954" s="40">
        <v>21.638894598616567</v>
      </c>
      <c r="F8954" s="40">
        <v>149.08333299999998</v>
      </c>
      <c r="G8954" s="40">
        <v>22.216220669060114</v>
      </c>
      <c r="H8954" s="40">
        <v>149.08333400000001</v>
      </c>
      <c r="I8954" s="40">
        <v>23.248365467172729</v>
      </c>
      <c r="L8954" s="40"/>
      <c r="M8954" s="40"/>
      <c r="N8954" s="40"/>
    </row>
    <row r="8955" spans="4:14" x14ac:dyDescent="0.25">
      <c r="D8955" s="40">
        <v>149.11070299998858</v>
      </c>
      <c r="E8955" s="40">
        <v>21.638894598616567</v>
      </c>
      <c r="F8955" s="40">
        <v>149.1</v>
      </c>
      <c r="G8955" s="40">
        <v>22.216220669060114</v>
      </c>
      <c r="H8955" s="40">
        <v>149.1</v>
      </c>
      <c r="I8955" s="40">
        <v>23.248365467172729</v>
      </c>
      <c r="L8955" s="40"/>
      <c r="M8955" s="40"/>
      <c r="N8955" s="40"/>
    </row>
    <row r="8956" spans="4:14" x14ac:dyDescent="0.25">
      <c r="D8956" s="40">
        <v>149.12736899998856</v>
      </c>
      <c r="E8956" s="40">
        <v>21.638894598616567</v>
      </c>
      <c r="F8956" s="40">
        <v>149.11666700000001</v>
      </c>
      <c r="G8956" s="40">
        <v>22.216220669060114</v>
      </c>
      <c r="H8956" s="40">
        <v>149.11666700000001</v>
      </c>
      <c r="I8956" s="40">
        <v>23.251718203315988</v>
      </c>
      <c r="L8956" s="40"/>
      <c r="M8956" s="40"/>
      <c r="N8956" s="40"/>
    </row>
    <row r="8957" spans="4:14" x14ac:dyDescent="0.25">
      <c r="D8957" s="40">
        <v>149.14403499998855</v>
      </c>
      <c r="E8957" s="40">
        <v>21.638894598616567</v>
      </c>
      <c r="F8957" s="40">
        <v>149.13333299999999</v>
      </c>
      <c r="G8957" s="40">
        <v>22.216220669060114</v>
      </c>
      <c r="H8957" s="40">
        <v>149.13333400000002</v>
      </c>
      <c r="I8957" s="40">
        <v>23.251718203315988</v>
      </c>
      <c r="L8957" s="40"/>
      <c r="M8957" s="40"/>
      <c r="N8957" s="40"/>
    </row>
    <row r="8958" spans="4:14" x14ac:dyDescent="0.25">
      <c r="D8958" s="40">
        <v>149.16070099998853</v>
      </c>
      <c r="E8958" s="40">
        <v>21.638894598616567</v>
      </c>
      <c r="F8958" s="40">
        <v>149.15</v>
      </c>
      <c r="G8958" s="40">
        <v>22.216220669060114</v>
      </c>
      <c r="H8958" s="40">
        <v>149.15</v>
      </c>
      <c r="I8958" s="40">
        <v>23.254972329572748</v>
      </c>
      <c r="L8958" s="40"/>
      <c r="M8958" s="40"/>
      <c r="N8958" s="40"/>
    </row>
    <row r="8959" spans="4:14" x14ac:dyDescent="0.25">
      <c r="D8959" s="40">
        <v>149.17736699998852</v>
      </c>
      <c r="E8959" s="40">
        <v>21.638894598616567</v>
      </c>
      <c r="F8959" s="40">
        <v>149.16666699999999</v>
      </c>
      <c r="G8959" s="40">
        <v>22.220975913150333</v>
      </c>
      <c r="H8959" s="40">
        <v>149.16666700000002</v>
      </c>
      <c r="I8959" s="40">
        <v>23.254972329572748</v>
      </c>
      <c r="L8959" s="40"/>
      <c r="M8959" s="40"/>
      <c r="N8959" s="40"/>
    </row>
    <row r="8960" spans="4:14" x14ac:dyDescent="0.25">
      <c r="D8960" s="40">
        <v>149.19403299998851</v>
      </c>
      <c r="E8960" s="40">
        <v>21.638894598616567</v>
      </c>
      <c r="F8960" s="40">
        <v>149.183333</v>
      </c>
      <c r="G8960" s="40">
        <v>22.220975913150333</v>
      </c>
      <c r="H8960" s="40">
        <v>149.183334</v>
      </c>
      <c r="I8960" s="40">
        <v>23.258325065716004</v>
      </c>
      <c r="L8960" s="40"/>
      <c r="M8960" s="40"/>
      <c r="N8960" s="40"/>
    </row>
    <row r="8961" spans="4:14" x14ac:dyDescent="0.25">
      <c r="D8961" s="40">
        <v>149.21069899998849</v>
      </c>
      <c r="E8961" s="40">
        <v>21.643737777205988</v>
      </c>
      <c r="F8961" s="40">
        <v>149.19999999999999</v>
      </c>
      <c r="G8961" s="40">
        <v>22.220975913150333</v>
      </c>
      <c r="H8961" s="40">
        <v>149.20000000000002</v>
      </c>
      <c r="I8961" s="40">
        <v>23.258325065716004</v>
      </c>
      <c r="L8961" s="40"/>
      <c r="M8961" s="40"/>
      <c r="N8961" s="40"/>
    </row>
    <row r="8962" spans="4:14" x14ac:dyDescent="0.25">
      <c r="D8962" s="40">
        <v>149.22736499998848</v>
      </c>
      <c r="E8962" s="40">
        <v>21.638894598616567</v>
      </c>
      <c r="F8962" s="40">
        <v>149.216667</v>
      </c>
      <c r="G8962" s="40">
        <v>22.220975913150333</v>
      </c>
      <c r="H8962" s="40">
        <v>149.216667</v>
      </c>
      <c r="I8962" s="40">
        <v>23.258325065716004</v>
      </c>
      <c r="L8962" s="40"/>
      <c r="M8962" s="40"/>
      <c r="N8962" s="40"/>
    </row>
    <row r="8963" spans="4:14" x14ac:dyDescent="0.25">
      <c r="D8963" s="40">
        <v>149.24403099998847</v>
      </c>
      <c r="E8963" s="40">
        <v>21.638894598616567</v>
      </c>
      <c r="F8963" s="40">
        <v>149.23333299999999</v>
      </c>
      <c r="G8963" s="40">
        <v>22.220975913150333</v>
      </c>
      <c r="H8963" s="40">
        <v>149.23333400000001</v>
      </c>
      <c r="I8963" s="40">
        <v>23.261677801859438</v>
      </c>
      <c r="L8963" s="40"/>
      <c r="M8963" s="40"/>
      <c r="N8963" s="40"/>
    </row>
    <row r="8964" spans="4:14" x14ac:dyDescent="0.25">
      <c r="D8964" s="40">
        <v>149.26069699998845</v>
      </c>
      <c r="E8964" s="40">
        <v>21.638894598616567</v>
      </c>
      <c r="F8964" s="40">
        <v>149.25</v>
      </c>
      <c r="G8964" s="40">
        <v>22.225731157240432</v>
      </c>
      <c r="H8964" s="40">
        <v>149.25</v>
      </c>
      <c r="I8964" s="40">
        <v>23.261677801859438</v>
      </c>
      <c r="L8964" s="40"/>
      <c r="M8964" s="40"/>
      <c r="N8964" s="40"/>
    </row>
    <row r="8965" spans="4:14" x14ac:dyDescent="0.25">
      <c r="D8965" s="40">
        <v>149.27736299998844</v>
      </c>
      <c r="E8965" s="40">
        <v>21.638894598616567</v>
      </c>
      <c r="F8965" s="40">
        <v>149.26666699999998</v>
      </c>
      <c r="G8965" s="40">
        <v>22.225731157240432</v>
      </c>
      <c r="H8965" s="40">
        <v>149.26666700000001</v>
      </c>
      <c r="I8965" s="40">
        <v>23.264931928116027</v>
      </c>
      <c r="L8965" s="40"/>
      <c r="M8965" s="40"/>
      <c r="N8965" s="40"/>
    </row>
    <row r="8966" spans="4:14" x14ac:dyDescent="0.25">
      <c r="D8966" s="40">
        <v>149.29402899998843</v>
      </c>
      <c r="E8966" s="40">
        <v>21.638894598616567</v>
      </c>
      <c r="F8966" s="40">
        <v>149.283333</v>
      </c>
      <c r="G8966" s="40">
        <v>22.225731157240432</v>
      </c>
      <c r="H8966" s="40">
        <v>149.283334</v>
      </c>
      <c r="I8966" s="40">
        <v>23.264931928116027</v>
      </c>
      <c r="L8966" s="40"/>
      <c r="M8966" s="40"/>
      <c r="N8966" s="40"/>
    </row>
    <row r="8967" spans="4:14" x14ac:dyDescent="0.25">
      <c r="D8967" s="40">
        <v>149.31069499998841</v>
      </c>
      <c r="E8967" s="40">
        <v>21.638894598616567</v>
      </c>
      <c r="F8967" s="40">
        <v>149.29999999999998</v>
      </c>
      <c r="G8967" s="40">
        <v>22.225731157240432</v>
      </c>
      <c r="H8967" s="40">
        <v>149.30000000000001</v>
      </c>
      <c r="I8967" s="40">
        <v>23.264931928116027</v>
      </c>
      <c r="L8967" s="40"/>
      <c r="M8967" s="40"/>
      <c r="N8967" s="40"/>
    </row>
    <row r="8968" spans="4:14" x14ac:dyDescent="0.25">
      <c r="D8968" s="40">
        <v>149.3273609999884</v>
      </c>
      <c r="E8968" s="40">
        <v>21.643737777205988</v>
      </c>
      <c r="F8968" s="40">
        <v>149.316667</v>
      </c>
      <c r="G8968" s="40">
        <v>22.225731157240432</v>
      </c>
      <c r="H8968" s="40">
        <v>149.316667</v>
      </c>
      <c r="I8968" s="40">
        <v>23.268284664259461</v>
      </c>
      <c r="L8968" s="40"/>
      <c r="M8968" s="40"/>
      <c r="N8968" s="40"/>
    </row>
    <row r="8969" spans="4:14" x14ac:dyDescent="0.25">
      <c r="D8969" s="40">
        <v>149.34402699998839</v>
      </c>
      <c r="E8969" s="40">
        <v>21.643737777205988</v>
      </c>
      <c r="F8969" s="40">
        <v>149.33333299999998</v>
      </c>
      <c r="G8969" s="40">
        <v>22.225731157240432</v>
      </c>
      <c r="H8969" s="40">
        <v>149.33333400000001</v>
      </c>
      <c r="I8969" s="40">
        <v>23.268284664259461</v>
      </c>
      <c r="L8969" s="40"/>
      <c r="M8969" s="40"/>
      <c r="N8969" s="40"/>
    </row>
    <row r="8970" spans="4:14" x14ac:dyDescent="0.25">
      <c r="D8970" s="40">
        <v>149.36069299998837</v>
      </c>
      <c r="E8970" s="40">
        <v>21.643737777205988</v>
      </c>
      <c r="F8970" s="40">
        <v>149.35</v>
      </c>
      <c r="G8970" s="40">
        <v>22.225731157240432</v>
      </c>
      <c r="H8970" s="40">
        <v>149.35</v>
      </c>
      <c r="I8970" s="40">
        <v>23.271637400402717</v>
      </c>
      <c r="L8970" s="40"/>
      <c r="M8970" s="40"/>
      <c r="N8970" s="40"/>
    </row>
    <row r="8971" spans="4:14" x14ac:dyDescent="0.25">
      <c r="D8971" s="40">
        <v>149.37735899998836</v>
      </c>
      <c r="E8971" s="40">
        <v>21.638894598616567</v>
      </c>
      <c r="F8971" s="40">
        <v>149.36666700000001</v>
      </c>
      <c r="G8971" s="40">
        <v>22.225731157240432</v>
      </c>
      <c r="H8971" s="40">
        <v>149.36666700000001</v>
      </c>
      <c r="I8971" s="40">
        <v>23.271637400402717</v>
      </c>
      <c r="L8971" s="40"/>
      <c r="M8971" s="40"/>
      <c r="N8971" s="40"/>
    </row>
    <row r="8972" spans="4:14" x14ac:dyDescent="0.25">
      <c r="D8972" s="40">
        <v>149.39402499998835</v>
      </c>
      <c r="E8972" s="40">
        <v>21.638894598616567</v>
      </c>
      <c r="F8972" s="40">
        <v>149.38333299999999</v>
      </c>
      <c r="G8972" s="40">
        <v>22.225731157240432</v>
      </c>
      <c r="H8972" s="40">
        <v>149.38333400000002</v>
      </c>
      <c r="I8972" s="40">
        <v>23.274891526659477</v>
      </c>
      <c r="L8972" s="40"/>
      <c r="M8972" s="40"/>
      <c r="N8972" s="40"/>
    </row>
    <row r="8973" spans="4:14" x14ac:dyDescent="0.25">
      <c r="D8973" s="40">
        <v>149.41069099998833</v>
      </c>
      <c r="E8973" s="40">
        <v>21.638894598616567</v>
      </c>
      <c r="F8973" s="40">
        <v>149.4</v>
      </c>
      <c r="G8973" s="40">
        <v>22.225731157240432</v>
      </c>
      <c r="H8973" s="40">
        <v>149.4</v>
      </c>
      <c r="I8973" s="40">
        <v>23.274891526659477</v>
      </c>
      <c r="L8973" s="40"/>
      <c r="M8973" s="40"/>
      <c r="N8973" s="40"/>
    </row>
    <row r="8974" spans="4:14" x14ac:dyDescent="0.25">
      <c r="D8974" s="40">
        <v>149.42735699998832</v>
      </c>
      <c r="E8974" s="40">
        <v>21.638894598616567</v>
      </c>
      <c r="F8974" s="40">
        <v>149.41666699999999</v>
      </c>
      <c r="G8974" s="40">
        <v>22.220975913150333</v>
      </c>
      <c r="H8974" s="40">
        <v>149.41666700000002</v>
      </c>
      <c r="I8974" s="40">
        <v>23.274891526659477</v>
      </c>
      <c r="L8974" s="40"/>
      <c r="M8974" s="40"/>
      <c r="N8974" s="40"/>
    </row>
    <row r="8975" spans="4:14" x14ac:dyDescent="0.25">
      <c r="D8975" s="40">
        <v>149.44402299998831</v>
      </c>
      <c r="E8975" s="40">
        <v>21.634051420027017</v>
      </c>
      <c r="F8975" s="40">
        <v>149.433333</v>
      </c>
      <c r="G8975" s="40">
        <v>22.220975913150333</v>
      </c>
      <c r="H8975" s="40">
        <v>149.433334</v>
      </c>
      <c r="I8975" s="40">
        <v>23.278244262802737</v>
      </c>
      <c r="L8975" s="40"/>
      <c r="M8975" s="40"/>
      <c r="N8975" s="40"/>
    </row>
    <row r="8976" spans="4:14" x14ac:dyDescent="0.25">
      <c r="D8976" s="40">
        <v>149.46068899998829</v>
      </c>
      <c r="E8976" s="40">
        <v>21.634051420027017</v>
      </c>
      <c r="F8976" s="40">
        <v>149.44999999999999</v>
      </c>
      <c r="G8976" s="40">
        <v>22.220975913150333</v>
      </c>
      <c r="H8976" s="40">
        <v>149.45000000000002</v>
      </c>
      <c r="I8976" s="40">
        <v>23.278244262802737</v>
      </c>
      <c r="L8976" s="40"/>
      <c r="M8976" s="40"/>
      <c r="N8976" s="40"/>
    </row>
    <row r="8977" spans="4:14" x14ac:dyDescent="0.25">
      <c r="D8977" s="40">
        <v>149.47735499998828</v>
      </c>
      <c r="E8977" s="40">
        <v>21.634051420027017</v>
      </c>
      <c r="F8977" s="40">
        <v>149.466667</v>
      </c>
      <c r="G8977" s="40">
        <v>22.220975913150333</v>
      </c>
      <c r="H8977" s="40">
        <v>149.466667</v>
      </c>
      <c r="I8977" s="40">
        <v>23.278244262802737</v>
      </c>
      <c r="L8977" s="40"/>
      <c r="M8977" s="40"/>
      <c r="N8977" s="40"/>
    </row>
    <row r="8978" spans="4:14" x14ac:dyDescent="0.25">
      <c r="D8978" s="40">
        <v>149.49402099998827</v>
      </c>
      <c r="E8978" s="40">
        <v>21.629350687866591</v>
      </c>
      <c r="F8978" s="40">
        <v>149.48333299999999</v>
      </c>
      <c r="G8978" s="40">
        <v>22.225731157240432</v>
      </c>
      <c r="H8978" s="40">
        <v>149.48333400000001</v>
      </c>
      <c r="I8978" s="40">
        <v>23.281596998946171</v>
      </c>
      <c r="L8978" s="40"/>
      <c r="M8978" s="40"/>
      <c r="N8978" s="40"/>
    </row>
    <row r="8979" spans="4:14" x14ac:dyDescent="0.25">
      <c r="D8979" s="40">
        <v>149.51068699998825</v>
      </c>
      <c r="E8979" s="40">
        <v>21.629350687866591</v>
      </c>
      <c r="F8979" s="40">
        <v>149.5</v>
      </c>
      <c r="G8979" s="40">
        <v>22.225731157240432</v>
      </c>
      <c r="H8979" s="40">
        <v>149.5</v>
      </c>
      <c r="I8979" s="40">
        <v>23.281596998946171</v>
      </c>
      <c r="L8979" s="40"/>
      <c r="M8979" s="40"/>
      <c r="N8979" s="40"/>
    </row>
    <row r="8980" spans="4:14" x14ac:dyDescent="0.25">
      <c r="D8980" s="40">
        <v>149.52735299998824</v>
      </c>
      <c r="E8980" s="40">
        <v>21.624507509277169</v>
      </c>
      <c r="F8980" s="40">
        <v>149.51666699999998</v>
      </c>
      <c r="G8980" s="40">
        <v>22.225731157240432</v>
      </c>
      <c r="H8980" s="40">
        <v>149.51666700000001</v>
      </c>
      <c r="I8980" s="40">
        <v>23.281596998946171</v>
      </c>
      <c r="L8980" s="40"/>
      <c r="M8980" s="40"/>
      <c r="N8980" s="40"/>
    </row>
    <row r="8981" spans="4:14" x14ac:dyDescent="0.25">
      <c r="D8981" s="40">
        <v>149.54401899998823</v>
      </c>
      <c r="E8981" s="40">
        <v>21.624507509277169</v>
      </c>
      <c r="F8981" s="40">
        <v>149.533333</v>
      </c>
      <c r="G8981" s="40">
        <v>22.230346541210331</v>
      </c>
      <c r="H8981" s="40">
        <v>149.533334</v>
      </c>
      <c r="I8981" s="40">
        <v>23.284851125202934</v>
      </c>
      <c r="L8981" s="40"/>
      <c r="M8981" s="40"/>
      <c r="N8981" s="40"/>
    </row>
    <row r="8982" spans="4:14" x14ac:dyDescent="0.25">
      <c r="D8982" s="40">
        <v>149.56068499998821</v>
      </c>
      <c r="E8982" s="40">
        <v>21.624507509277169</v>
      </c>
      <c r="F8982" s="40">
        <v>149.54999999999998</v>
      </c>
      <c r="G8982" s="40">
        <v>22.230346541210331</v>
      </c>
      <c r="H8982" s="40">
        <v>149.55000000000001</v>
      </c>
      <c r="I8982" s="40">
        <v>23.284851125202934</v>
      </c>
      <c r="L8982" s="40"/>
      <c r="M8982" s="40"/>
      <c r="N8982" s="40"/>
    </row>
    <row r="8983" spans="4:14" x14ac:dyDescent="0.25">
      <c r="D8983" s="40">
        <v>149.5773509999882</v>
      </c>
      <c r="E8983" s="40">
        <v>21.624507509277169</v>
      </c>
      <c r="F8983" s="40">
        <v>149.566667</v>
      </c>
      <c r="G8983" s="40">
        <v>22.230346541210331</v>
      </c>
      <c r="H8983" s="40">
        <v>149.566667</v>
      </c>
      <c r="I8983" s="40">
        <v>23.28820386134619</v>
      </c>
      <c r="L8983" s="40"/>
      <c r="M8983" s="40"/>
      <c r="N8983" s="40"/>
    </row>
    <row r="8984" spans="4:14" x14ac:dyDescent="0.25">
      <c r="D8984" s="40">
        <v>149.59401699998818</v>
      </c>
      <c r="E8984" s="40">
        <v>21.624507509277169</v>
      </c>
      <c r="F8984" s="40">
        <v>149.58333299999998</v>
      </c>
      <c r="G8984" s="40">
        <v>22.230346541210331</v>
      </c>
      <c r="H8984" s="40">
        <v>149.58333400000001</v>
      </c>
      <c r="I8984" s="40">
        <v>23.28820386134619</v>
      </c>
      <c r="L8984" s="40"/>
      <c r="M8984" s="40"/>
      <c r="N8984" s="40"/>
    </row>
    <row r="8985" spans="4:14" x14ac:dyDescent="0.25">
      <c r="D8985" s="40">
        <v>149.61068299998817</v>
      </c>
      <c r="E8985" s="40">
        <v>21.624507509277169</v>
      </c>
      <c r="F8985" s="40">
        <v>149.6</v>
      </c>
      <c r="G8985" s="40">
        <v>22.23510178530055</v>
      </c>
      <c r="H8985" s="40">
        <v>149.6</v>
      </c>
      <c r="I8985" s="40">
        <v>23.28820386134619</v>
      </c>
      <c r="L8985" s="40"/>
      <c r="M8985" s="40"/>
      <c r="N8985" s="40"/>
    </row>
    <row r="8986" spans="4:14" x14ac:dyDescent="0.25">
      <c r="D8986" s="40">
        <v>149.62734899998816</v>
      </c>
      <c r="E8986" s="40">
        <v>21.624507509277169</v>
      </c>
      <c r="F8986" s="40">
        <v>149.61666700000001</v>
      </c>
      <c r="G8986" s="40">
        <v>22.23510178530055</v>
      </c>
      <c r="H8986" s="40">
        <v>149.61666700000001</v>
      </c>
      <c r="I8986" s="40">
        <v>23.29155659748945</v>
      </c>
      <c r="L8986" s="40"/>
      <c r="M8986" s="40"/>
      <c r="N8986" s="40"/>
    </row>
    <row r="8987" spans="4:14" x14ac:dyDescent="0.25">
      <c r="D8987" s="40">
        <v>149.64401499998814</v>
      </c>
      <c r="E8987" s="40">
        <v>21.624507509277169</v>
      </c>
      <c r="F8987" s="40">
        <v>149.63333299999999</v>
      </c>
      <c r="G8987" s="40">
        <v>22.23510178530055</v>
      </c>
      <c r="H8987" s="40">
        <v>149.63333400000002</v>
      </c>
      <c r="I8987" s="40">
        <v>23.29155659748945</v>
      </c>
      <c r="L8987" s="40"/>
      <c r="M8987" s="40"/>
      <c r="N8987" s="40"/>
    </row>
    <row r="8988" spans="4:14" x14ac:dyDescent="0.25">
      <c r="D8988" s="40">
        <v>149.66068099998813</v>
      </c>
      <c r="E8988" s="40">
        <v>21.629350687866591</v>
      </c>
      <c r="F8988" s="40">
        <v>149.65</v>
      </c>
      <c r="G8988" s="40">
        <v>22.23510178530055</v>
      </c>
      <c r="H8988" s="40">
        <v>149.65</v>
      </c>
      <c r="I8988" s="40">
        <v>23.29155659748945</v>
      </c>
      <c r="L8988" s="40"/>
      <c r="M8988" s="40"/>
      <c r="N8988" s="40"/>
    </row>
    <row r="8989" spans="4:14" x14ac:dyDescent="0.25">
      <c r="D8989" s="40">
        <v>149.67734699998812</v>
      </c>
      <c r="E8989" s="40">
        <v>21.629350687866591</v>
      </c>
      <c r="F8989" s="40">
        <v>149.66666699999999</v>
      </c>
      <c r="G8989" s="40">
        <v>22.23510178530055</v>
      </c>
      <c r="H8989" s="40">
        <v>149.66666700000002</v>
      </c>
      <c r="I8989" s="40">
        <v>23.29481072374621</v>
      </c>
      <c r="L8989" s="40"/>
      <c r="M8989" s="40"/>
      <c r="N8989" s="40"/>
    </row>
    <row r="8990" spans="4:14" x14ac:dyDescent="0.25">
      <c r="D8990" s="40">
        <v>149.6940129999881</v>
      </c>
      <c r="E8990" s="40">
        <v>21.629350687866591</v>
      </c>
      <c r="F8990" s="40">
        <v>149.683333</v>
      </c>
      <c r="G8990" s="40">
        <v>22.239857029390645</v>
      </c>
      <c r="H8990" s="40">
        <v>149.683334</v>
      </c>
      <c r="I8990" s="40">
        <v>23.29481072374621</v>
      </c>
      <c r="L8990" s="40"/>
      <c r="M8990" s="40"/>
      <c r="N8990" s="40"/>
    </row>
    <row r="8991" spans="4:14" x14ac:dyDescent="0.25">
      <c r="D8991" s="40">
        <v>149.71067899998809</v>
      </c>
      <c r="E8991" s="40">
        <v>21.634051420027017</v>
      </c>
      <c r="F8991" s="40">
        <v>149.69999999999999</v>
      </c>
      <c r="G8991" s="40">
        <v>22.239857029390645</v>
      </c>
      <c r="H8991" s="40">
        <v>149.70000000000002</v>
      </c>
      <c r="I8991" s="40">
        <v>23.29481072374621</v>
      </c>
      <c r="L8991" s="40"/>
      <c r="M8991" s="40"/>
      <c r="N8991" s="40"/>
    </row>
    <row r="8992" spans="4:14" x14ac:dyDescent="0.25">
      <c r="D8992" s="40">
        <v>149.72734499998808</v>
      </c>
      <c r="E8992" s="40">
        <v>21.634051420027017</v>
      </c>
      <c r="F8992" s="40">
        <v>149.716667</v>
      </c>
      <c r="G8992" s="40">
        <v>22.239857029390645</v>
      </c>
      <c r="H8992" s="40">
        <v>149.716667</v>
      </c>
      <c r="I8992" s="40">
        <v>23.298163459889466</v>
      </c>
      <c r="L8992" s="40"/>
      <c r="M8992" s="40"/>
      <c r="N8992" s="40"/>
    </row>
    <row r="8993" spans="4:14" x14ac:dyDescent="0.25">
      <c r="D8993" s="40">
        <v>149.74401099998806</v>
      </c>
      <c r="E8993" s="40">
        <v>21.634051420027017</v>
      </c>
      <c r="F8993" s="40">
        <v>149.73333299999999</v>
      </c>
      <c r="G8993" s="40">
        <v>22.244472413360544</v>
      </c>
      <c r="H8993" s="40">
        <v>149.73333400000001</v>
      </c>
      <c r="I8993" s="40">
        <v>23.298163459889466</v>
      </c>
      <c r="L8993" s="40"/>
      <c r="M8993" s="40"/>
      <c r="N8993" s="40"/>
    </row>
    <row r="8994" spans="4:14" x14ac:dyDescent="0.25">
      <c r="D8994" s="40">
        <v>149.76067699998805</v>
      </c>
      <c r="E8994" s="40">
        <v>21.638894598616567</v>
      </c>
      <c r="F8994" s="40">
        <v>149.75</v>
      </c>
      <c r="G8994" s="40">
        <v>22.244472413360544</v>
      </c>
      <c r="H8994" s="40">
        <v>149.75</v>
      </c>
      <c r="I8994" s="40">
        <v>23.3015161960329</v>
      </c>
      <c r="L8994" s="40"/>
      <c r="M8994" s="40"/>
      <c r="N8994" s="40"/>
    </row>
    <row r="8995" spans="4:14" x14ac:dyDescent="0.25">
      <c r="D8995" s="40">
        <v>149.77734299998804</v>
      </c>
      <c r="E8995" s="40">
        <v>21.638894598616567</v>
      </c>
      <c r="F8995" s="40">
        <v>149.76666699999998</v>
      </c>
      <c r="G8995" s="40">
        <v>22.244472413360544</v>
      </c>
      <c r="H8995" s="40">
        <v>149.76666700000001</v>
      </c>
      <c r="I8995" s="40">
        <v>23.3015161960329</v>
      </c>
      <c r="L8995" s="40"/>
      <c r="M8995" s="40"/>
      <c r="N8995" s="40"/>
    </row>
    <row r="8996" spans="4:14" x14ac:dyDescent="0.25">
      <c r="D8996" s="40">
        <v>149.79400899998802</v>
      </c>
      <c r="E8996" s="40">
        <v>21.643737777205988</v>
      </c>
      <c r="F8996" s="40">
        <v>149.783333</v>
      </c>
      <c r="G8996" s="40">
        <v>22.244472413360544</v>
      </c>
      <c r="H8996" s="40">
        <v>149.783334</v>
      </c>
      <c r="I8996" s="40">
        <v>23.3015161960329</v>
      </c>
      <c r="L8996" s="40"/>
      <c r="M8996" s="40"/>
      <c r="N8996" s="40"/>
    </row>
    <row r="8997" spans="4:14" x14ac:dyDescent="0.25">
      <c r="D8997" s="40">
        <v>149.81067499998801</v>
      </c>
      <c r="E8997" s="40">
        <v>21.643737777205988</v>
      </c>
      <c r="F8997" s="40">
        <v>149.79999999999998</v>
      </c>
      <c r="G8997" s="40">
        <v>22.249227657450763</v>
      </c>
      <c r="H8997" s="40">
        <v>149.80000000000001</v>
      </c>
      <c r="I8997" s="40">
        <v>23.304770322289663</v>
      </c>
      <c r="L8997" s="40"/>
      <c r="M8997" s="40"/>
      <c r="N8997" s="40"/>
    </row>
    <row r="8998" spans="4:14" x14ac:dyDescent="0.25">
      <c r="D8998" s="40">
        <v>149.827340999988</v>
      </c>
      <c r="E8998" s="40">
        <v>21.648438509366411</v>
      </c>
      <c r="F8998" s="40">
        <v>149.816667</v>
      </c>
      <c r="G8998" s="40">
        <v>22.249227657450763</v>
      </c>
      <c r="H8998" s="40">
        <v>149.816667</v>
      </c>
      <c r="I8998" s="40">
        <v>23.304770322289663</v>
      </c>
      <c r="L8998" s="40"/>
      <c r="M8998" s="40"/>
      <c r="N8998" s="40"/>
    </row>
    <row r="8999" spans="4:14" x14ac:dyDescent="0.25">
      <c r="D8999" s="40">
        <v>149.84400699998798</v>
      </c>
      <c r="E8999" s="40">
        <v>21.648438509366411</v>
      </c>
      <c r="F8999" s="40">
        <v>149.83333299999998</v>
      </c>
      <c r="G8999" s="40">
        <v>22.253982901540859</v>
      </c>
      <c r="H8999" s="40">
        <v>149.83333400000001</v>
      </c>
      <c r="I8999" s="40">
        <v>23.304770322289663</v>
      </c>
      <c r="L8999" s="40"/>
      <c r="M8999" s="40"/>
      <c r="N8999" s="40"/>
    </row>
    <row r="9000" spans="4:14" x14ac:dyDescent="0.25">
      <c r="D9000" s="40">
        <v>149.86067299998797</v>
      </c>
      <c r="E9000" s="40">
        <v>21.648438509366411</v>
      </c>
      <c r="F9000" s="40">
        <v>149.85</v>
      </c>
      <c r="G9000" s="40">
        <v>22.253982901540859</v>
      </c>
      <c r="H9000" s="40">
        <v>149.85</v>
      </c>
      <c r="I9000" s="40">
        <v>23.308123058432919</v>
      </c>
      <c r="L9000" s="40"/>
      <c r="M9000" s="40"/>
      <c r="N9000" s="40"/>
    </row>
    <row r="9001" spans="4:14" x14ac:dyDescent="0.25">
      <c r="D9001" s="40">
        <v>149.87733899998796</v>
      </c>
      <c r="E9001" s="40">
        <v>21.653281687955964</v>
      </c>
      <c r="F9001" s="40">
        <v>149.86666700000001</v>
      </c>
      <c r="G9001" s="40">
        <v>22.253982901540859</v>
      </c>
      <c r="H9001" s="40">
        <v>149.86666700000001</v>
      </c>
      <c r="I9001" s="40">
        <v>23.308123058432919</v>
      </c>
      <c r="L9001" s="40"/>
      <c r="M9001" s="40"/>
      <c r="N9001" s="40"/>
    </row>
    <row r="9002" spans="4:14" x14ac:dyDescent="0.25">
      <c r="D9002" s="40">
        <v>149.89400499998794</v>
      </c>
      <c r="E9002" s="40">
        <v>21.653281687955964</v>
      </c>
      <c r="F9002" s="40">
        <v>149.88333299999999</v>
      </c>
      <c r="G9002" s="40">
        <v>22.253982901540859</v>
      </c>
      <c r="H9002" s="40">
        <v>149.88333400000002</v>
      </c>
      <c r="I9002" s="40">
        <v>23.311475794576179</v>
      </c>
      <c r="L9002" s="40"/>
      <c r="M9002" s="40"/>
      <c r="N9002" s="40"/>
    </row>
    <row r="9003" spans="4:14" x14ac:dyDescent="0.25">
      <c r="D9003" s="40">
        <v>149.91067099998793</v>
      </c>
      <c r="E9003" s="40">
        <v>21.653281687955964</v>
      </c>
      <c r="F9003" s="40">
        <v>149.9</v>
      </c>
      <c r="G9003" s="40">
        <v>22.253982901540859</v>
      </c>
      <c r="H9003" s="40">
        <v>149.9</v>
      </c>
      <c r="I9003" s="40">
        <v>23.311475794576179</v>
      </c>
      <c r="L9003" s="40"/>
      <c r="M9003" s="40"/>
      <c r="N9003" s="40"/>
    </row>
    <row r="9004" spans="4:14" x14ac:dyDescent="0.25">
      <c r="D9004" s="40">
        <v>149.92733699998792</v>
      </c>
      <c r="E9004" s="40">
        <v>21.653281687955964</v>
      </c>
      <c r="F9004" s="40">
        <v>149.91666699999999</v>
      </c>
      <c r="G9004" s="40">
        <v>22.253982901540859</v>
      </c>
      <c r="H9004" s="40">
        <v>149.91666700000002</v>
      </c>
      <c r="I9004" s="40">
        <v>23.314828530719609</v>
      </c>
      <c r="L9004" s="40"/>
      <c r="M9004" s="40"/>
      <c r="N9004" s="40"/>
    </row>
    <row r="9005" spans="4:14" x14ac:dyDescent="0.25">
      <c r="D9005" s="40">
        <v>149.9440029999879</v>
      </c>
      <c r="E9005" s="40">
        <v>21.65812486654551</v>
      </c>
      <c r="F9005" s="40">
        <v>149.933333</v>
      </c>
      <c r="G9005" s="40">
        <v>22.253982901540859</v>
      </c>
      <c r="H9005" s="40">
        <v>149.933334</v>
      </c>
      <c r="I9005" s="40">
        <v>23.314828530719609</v>
      </c>
      <c r="L9005" s="40"/>
      <c r="M9005" s="40"/>
      <c r="N9005" s="40"/>
    </row>
    <row r="9006" spans="4:14" x14ac:dyDescent="0.25">
      <c r="D9006" s="40">
        <v>149.96066899998789</v>
      </c>
      <c r="E9006" s="40">
        <v>21.65812486654551</v>
      </c>
      <c r="F9006" s="40">
        <v>149.94999999999999</v>
      </c>
      <c r="G9006" s="40">
        <v>22.253982901540859</v>
      </c>
      <c r="H9006" s="40">
        <v>149.95000000000002</v>
      </c>
      <c r="I9006" s="40">
        <v>23.314828530719609</v>
      </c>
      <c r="L9006" s="40"/>
      <c r="M9006" s="40"/>
      <c r="N9006" s="40"/>
    </row>
    <row r="9007" spans="4:14" x14ac:dyDescent="0.25">
      <c r="D9007" s="40">
        <v>149.97733499998787</v>
      </c>
      <c r="E9007" s="40">
        <v>21.65812486654551</v>
      </c>
      <c r="F9007" s="40">
        <v>149.966667</v>
      </c>
      <c r="G9007" s="40">
        <v>22.253982901540859</v>
      </c>
      <c r="H9007" s="40">
        <v>149.966667</v>
      </c>
      <c r="I9007" s="40">
        <v>23.318082656976372</v>
      </c>
      <c r="L9007" s="40"/>
      <c r="M9007" s="40"/>
      <c r="N9007" s="40"/>
    </row>
    <row r="9008" spans="4:14" x14ac:dyDescent="0.25">
      <c r="D9008" s="40">
        <v>149.99400099998786</v>
      </c>
      <c r="E9008" s="40">
        <v>21.65812486654551</v>
      </c>
      <c r="F9008" s="40">
        <v>149.98333299999999</v>
      </c>
      <c r="G9008" s="40">
        <v>22.253982901540859</v>
      </c>
      <c r="H9008" s="40">
        <v>149.98333400000001</v>
      </c>
      <c r="I9008" s="40">
        <v>23.318082656976372</v>
      </c>
      <c r="L9008" s="40"/>
      <c r="M9008" s="40"/>
      <c r="N9008" s="40"/>
    </row>
    <row r="9009" spans="4:14" x14ac:dyDescent="0.25">
      <c r="D9009" s="40">
        <v>150.01066699998785</v>
      </c>
      <c r="E9009" s="40">
        <v>21.65812486654551</v>
      </c>
      <c r="F9009" s="40">
        <v>150</v>
      </c>
      <c r="G9009" s="40">
        <v>22.253982901540859</v>
      </c>
      <c r="H9009" s="40">
        <v>150</v>
      </c>
      <c r="I9009" s="40">
        <v>23.321435393119629</v>
      </c>
      <c r="L9009" s="40"/>
      <c r="M9009" s="40"/>
      <c r="N9009" s="40"/>
    </row>
    <row r="9010" spans="4:14" x14ac:dyDescent="0.25">
      <c r="D9010" s="40">
        <v>150.02733299998783</v>
      </c>
      <c r="E9010" s="40">
        <v>21.65812486654551</v>
      </c>
      <c r="F9010" s="40">
        <v>150.01666699999998</v>
      </c>
      <c r="G9010" s="40">
        <v>22.253982901540859</v>
      </c>
      <c r="H9010" s="40">
        <v>150.01666700000001</v>
      </c>
      <c r="I9010" s="40">
        <v>23.321435393119629</v>
      </c>
      <c r="L9010" s="40"/>
      <c r="M9010" s="40"/>
      <c r="N9010" s="40"/>
    </row>
    <row r="9011" spans="4:14" x14ac:dyDescent="0.25">
      <c r="D9011" s="40">
        <v>150.04399899998782</v>
      </c>
      <c r="E9011" s="40">
        <v>21.65812486654551</v>
      </c>
      <c r="F9011" s="40">
        <v>150.033333</v>
      </c>
      <c r="G9011" s="40">
        <v>22.253982901540859</v>
      </c>
      <c r="H9011" s="40">
        <v>150.033334</v>
      </c>
      <c r="I9011" s="40">
        <v>23.324788129262888</v>
      </c>
      <c r="L9011" s="40"/>
      <c r="M9011" s="40"/>
      <c r="N9011" s="40"/>
    </row>
    <row r="9012" spans="4:14" x14ac:dyDescent="0.25">
      <c r="D9012" s="40">
        <v>150.06066499998781</v>
      </c>
      <c r="E9012" s="40">
        <v>21.65812486654551</v>
      </c>
      <c r="F9012" s="40">
        <v>150.04999999999998</v>
      </c>
      <c r="G9012" s="40">
        <v>22.253982901540859</v>
      </c>
      <c r="H9012" s="40">
        <v>150.05000000000001</v>
      </c>
      <c r="I9012" s="40">
        <v>23.324788129262888</v>
      </c>
      <c r="L9012" s="40"/>
      <c r="M9012" s="40"/>
      <c r="N9012" s="40"/>
    </row>
    <row r="9013" spans="4:14" x14ac:dyDescent="0.25">
      <c r="D9013" s="40">
        <v>150.07733099998779</v>
      </c>
      <c r="E9013" s="40">
        <v>21.65812486654551</v>
      </c>
      <c r="F9013" s="40">
        <v>150.066667</v>
      </c>
      <c r="G9013" s="40">
        <v>22.253982901540859</v>
      </c>
      <c r="H9013" s="40">
        <v>150.066667</v>
      </c>
      <c r="I9013" s="40">
        <v>23.328042255519652</v>
      </c>
      <c r="L9013" s="40"/>
      <c r="M9013" s="40"/>
      <c r="N9013" s="40"/>
    </row>
    <row r="9014" spans="4:14" x14ac:dyDescent="0.25">
      <c r="D9014" s="40">
        <v>150.09399699998778</v>
      </c>
      <c r="E9014" s="40">
        <v>21.653281687955964</v>
      </c>
      <c r="F9014" s="40">
        <v>150.08333299999998</v>
      </c>
      <c r="G9014" s="40">
        <v>22.253982901540859</v>
      </c>
      <c r="H9014" s="40">
        <v>150.08333400000001</v>
      </c>
      <c r="I9014" s="40">
        <v>23.331394991662908</v>
      </c>
      <c r="L9014" s="40"/>
      <c r="M9014" s="40"/>
      <c r="N9014" s="40"/>
    </row>
    <row r="9015" spans="4:14" x14ac:dyDescent="0.25">
      <c r="D9015" s="40">
        <v>150.11066299998777</v>
      </c>
      <c r="E9015" s="40">
        <v>21.653281687955964</v>
      </c>
      <c r="F9015" s="40">
        <v>150.1</v>
      </c>
      <c r="G9015" s="40">
        <v>22.253982901540859</v>
      </c>
      <c r="H9015" s="40">
        <v>150.1</v>
      </c>
      <c r="I9015" s="40">
        <v>23.331394991662908</v>
      </c>
      <c r="L9015" s="40"/>
      <c r="M9015" s="40"/>
      <c r="N9015" s="40"/>
    </row>
    <row r="9016" spans="4:14" x14ac:dyDescent="0.25">
      <c r="D9016" s="40">
        <v>150.12732899998775</v>
      </c>
      <c r="E9016" s="40">
        <v>21.653281687955964</v>
      </c>
      <c r="F9016" s="40">
        <v>150.11666700000001</v>
      </c>
      <c r="G9016" s="40">
        <v>22.253982901540859</v>
      </c>
      <c r="H9016" s="40">
        <v>150.11666700000001</v>
      </c>
      <c r="I9016" s="40">
        <v>23.334747727806338</v>
      </c>
      <c r="L9016" s="40"/>
      <c r="M9016" s="40"/>
      <c r="N9016" s="40"/>
    </row>
    <row r="9017" spans="4:14" x14ac:dyDescent="0.25">
      <c r="D9017" s="40">
        <v>150.14399499998774</v>
      </c>
      <c r="E9017" s="40">
        <v>21.648438509366411</v>
      </c>
      <c r="F9017" s="40">
        <v>150.13333299999999</v>
      </c>
      <c r="G9017" s="40">
        <v>22.253982901540859</v>
      </c>
      <c r="H9017" s="40">
        <v>150.13333400000002</v>
      </c>
      <c r="I9017" s="40">
        <v>23.334747727806338</v>
      </c>
      <c r="L9017" s="40"/>
      <c r="M9017" s="40"/>
      <c r="N9017" s="40"/>
    </row>
    <row r="9018" spans="4:14" x14ac:dyDescent="0.25">
      <c r="D9018" s="40">
        <v>150.16066099998773</v>
      </c>
      <c r="E9018" s="40">
        <v>21.648438509366411</v>
      </c>
      <c r="F9018" s="40">
        <v>150.15</v>
      </c>
      <c r="G9018" s="40">
        <v>22.253982901540859</v>
      </c>
      <c r="H9018" s="40">
        <v>150.15</v>
      </c>
      <c r="I9018" s="40">
        <v>23.338001854063101</v>
      </c>
      <c r="L9018" s="40"/>
      <c r="M9018" s="40"/>
      <c r="N9018" s="40"/>
    </row>
    <row r="9019" spans="4:14" x14ac:dyDescent="0.25">
      <c r="D9019" s="40">
        <v>150.17732699998771</v>
      </c>
      <c r="E9019" s="40">
        <v>21.643737777205988</v>
      </c>
      <c r="F9019" s="40">
        <v>150.16666699999999</v>
      </c>
      <c r="G9019" s="40">
        <v>22.253982901540859</v>
      </c>
      <c r="H9019" s="40">
        <v>150.16666700000002</v>
      </c>
      <c r="I9019" s="40">
        <v>23.338001854063101</v>
      </c>
      <c r="L9019" s="40"/>
      <c r="M9019" s="40"/>
      <c r="N9019" s="40"/>
    </row>
    <row r="9020" spans="4:14" x14ac:dyDescent="0.25">
      <c r="D9020" s="40">
        <v>150.1939929999877</v>
      </c>
      <c r="E9020" s="40">
        <v>21.643737777205988</v>
      </c>
      <c r="F9020" s="40">
        <v>150.183333</v>
      </c>
      <c r="G9020" s="40">
        <v>22.253982901540859</v>
      </c>
      <c r="H9020" s="40">
        <v>150.183334</v>
      </c>
      <c r="I9020" s="40">
        <v>23.341354590206357</v>
      </c>
      <c r="L9020" s="40"/>
      <c r="M9020" s="40"/>
      <c r="N9020" s="40"/>
    </row>
    <row r="9021" spans="4:14" x14ac:dyDescent="0.25">
      <c r="D9021" s="40">
        <v>150.21065899998769</v>
      </c>
      <c r="E9021" s="40">
        <v>21.643737777205988</v>
      </c>
      <c r="F9021" s="40">
        <v>150.19999999999999</v>
      </c>
      <c r="G9021" s="40">
        <v>22.253982901540859</v>
      </c>
      <c r="H9021" s="40">
        <v>150.20000000000002</v>
      </c>
      <c r="I9021" s="40">
        <v>23.341354590206357</v>
      </c>
      <c r="L9021" s="40"/>
      <c r="M9021" s="40"/>
      <c r="N9021" s="40"/>
    </row>
    <row r="9022" spans="4:14" x14ac:dyDescent="0.25">
      <c r="D9022" s="40">
        <v>150.22732499998767</v>
      </c>
      <c r="E9022" s="40">
        <v>21.638894598616567</v>
      </c>
      <c r="F9022" s="40">
        <v>150.216667</v>
      </c>
      <c r="G9022" s="40">
        <v>22.253982901540859</v>
      </c>
      <c r="H9022" s="40">
        <v>150.216667</v>
      </c>
      <c r="I9022" s="40">
        <v>23.344707326349617</v>
      </c>
      <c r="L9022" s="40"/>
      <c r="M9022" s="40"/>
      <c r="N9022" s="40"/>
    </row>
    <row r="9023" spans="4:14" x14ac:dyDescent="0.25">
      <c r="D9023" s="40">
        <v>150.24399099998766</v>
      </c>
      <c r="E9023" s="40">
        <v>21.638894598616567</v>
      </c>
      <c r="F9023" s="40">
        <v>150.23333299999999</v>
      </c>
      <c r="G9023" s="40">
        <v>22.253982901540859</v>
      </c>
      <c r="H9023" s="40">
        <v>150.23333400000001</v>
      </c>
      <c r="I9023" s="40">
        <v>23.344707326349617</v>
      </c>
      <c r="L9023" s="40"/>
      <c r="M9023" s="40"/>
      <c r="N9023" s="40"/>
    </row>
    <row r="9024" spans="4:14" x14ac:dyDescent="0.25">
      <c r="D9024" s="40">
        <v>150.26065699998765</v>
      </c>
      <c r="E9024" s="40">
        <v>21.634051420027017</v>
      </c>
      <c r="F9024" s="40">
        <v>150.25</v>
      </c>
      <c r="G9024" s="40">
        <v>22.253982901540859</v>
      </c>
      <c r="H9024" s="40">
        <v>150.25</v>
      </c>
      <c r="I9024" s="40">
        <v>23.344707326349617</v>
      </c>
      <c r="L9024" s="40"/>
      <c r="M9024" s="40"/>
      <c r="N9024" s="40"/>
    </row>
    <row r="9025" spans="4:14" x14ac:dyDescent="0.25">
      <c r="D9025" s="40">
        <v>150.27732299998763</v>
      </c>
      <c r="E9025" s="40">
        <v>21.634051420027017</v>
      </c>
      <c r="F9025" s="40">
        <v>150.26666699999998</v>
      </c>
      <c r="G9025" s="40">
        <v>22.253982901540859</v>
      </c>
      <c r="H9025" s="40">
        <v>150.26666700000001</v>
      </c>
      <c r="I9025" s="40">
        <v>23.347961452606381</v>
      </c>
      <c r="L9025" s="40"/>
      <c r="M9025" s="40"/>
      <c r="N9025" s="40"/>
    </row>
    <row r="9026" spans="4:14" x14ac:dyDescent="0.25">
      <c r="D9026" s="40">
        <v>150.29398899998762</v>
      </c>
      <c r="E9026" s="40">
        <v>21.634051420027017</v>
      </c>
      <c r="F9026" s="40">
        <v>150.283333</v>
      </c>
      <c r="G9026" s="40">
        <v>22.253982901540859</v>
      </c>
      <c r="H9026" s="40">
        <v>150.283334</v>
      </c>
      <c r="I9026" s="40">
        <v>23.347961452606381</v>
      </c>
      <c r="L9026" s="40"/>
      <c r="M9026" s="40"/>
      <c r="N9026" s="40"/>
    </row>
    <row r="9027" spans="4:14" x14ac:dyDescent="0.25">
      <c r="D9027" s="40">
        <v>150.31065499998761</v>
      </c>
      <c r="E9027" s="40">
        <v>21.634051420027017</v>
      </c>
      <c r="F9027" s="40">
        <v>150.29999999999998</v>
      </c>
      <c r="G9027" s="40">
        <v>22.253982901540859</v>
      </c>
      <c r="H9027" s="40">
        <v>150.30000000000001</v>
      </c>
      <c r="I9027" s="40">
        <v>23.351314188749811</v>
      </c>
      <c r="L9027" s="40"/>
      <c r="M9027" s="40"/>
      <c r="N9027" s="40"/>
    </row>
    <row r="9028" spans="4:14" x14ac:dyDescent="0.25">
      <c r="D9028" s="40">
        <v>150.32732099998759</v>
      </c>
      <c r="E9028" s="40">
        <v>21.634051420027017</v>
      </c>
      <c r="F9028" s="40">
        <v>150.316667</v>
      </c>
      <c r="G9028" s="40">
        <v>22.258598285510757</v>
      </c>
      <c r="H9028" s="40">
        <v>150.316667</v>
      </c>
      <c r="I9028" s="40">
        <v>23.351314188749811</v>
      </c>
      <c r="L9028" s="40"/>
      <c r="M9028" s="40"/>
      <c r="N9028" s="40"/>
    </row>
    <row r="9029" spans="4:14" x14ac:dyDescent="0.25">
      <c r="D9029" s="40">
        <v>150.34398699998758</v>
      </c>
      <c r="E9029" s="40">
        <v>21.634051420027017</v>
      </c>
      <c r="F9029" s="40">
        <v>150.33333299999998</v>
      </c>
      <c r="G9029" s="40">
        <v>22.258598285510757</v>
      </c>
      <c r="H9029" s="40">
        <v>150.33333400000001</v>
      </c>
      <c r="I9029" s="40">
        <v>23.351314188749811</v>
      </c>
      <c r="L9029" s="40"/>
      <c r="M9029" s="40"/>
      <c r="N9029" s="40"/>
    </row>
    <row r="9030" spans="4:14" x14ac:dyDescent="0.25">
      <c r="D9030" s="40">
        <v>150.36065299998756</v>
      </c>
      <c r="E9030" s="40">
        <v>21.629350687866591</v>
      </c>
      <c r="F9030" s="40">
        <v>150.35</v>
      </c>
      <c r="G9030" s="40">
        <v>22.258598285510757</v>
      </c>
      <c r="H9030" s="40">
        <v>150.35</v>
      </c>
      <c r="I9030" s="40">
        <v>23.354666924893067</v>
      </c>
      <c r="L9030" s="40"/>
      <c r="M9030" s="40"/>
      <c r="N9030" s="40"/>
    </row>
    <row r="9031" spans="4:14" x14ac:dyDescent="0.25">
      <c r="D9031" s="40">
        <v>150.37731899998755</v>
      </c>
      <c r="E9031" s="40">
        <v>21.634051420027017</v>
      </c>
      <c r="F9031" s="40">
        <v>150.36666700000001</v>
      </c>
      <c r="G9031" s="40">
        <v>22.258598285510757</v>
      </c>
      <c r="H9031" s="40">
        <v>150.36666700000001</v>
      </c>
      <c r="I9031" s="40">
        <v>23.354666924893067</v>
      </c>
      <c r="L9031" s="40"/>
      <c r="M9031" s="40"/>
      <c r="N9031" s="40"/>
    </row>
    <row r="9032" spans="4:14" x14ac:dyDescent="0.25">
      <c r="D9032" s="40">
        <v>150.39398499998754</v>
      </c>
      <c r="E9032" s="40">
        <v>21.634051420027017</v>
      </c>
      <c r="F9032" s="40">
        <v>150.38333299999999</v>
      </c>
      <c r="G9032" s="40">
        <v>22.258598285510757</v>
      </c>
      <c r="H9032" s="40">
        <v>150.38333400000002</v>
      </c>
      <c r="I9032" s="40">
        <v>23.35792105114983</v>
      </c>
      <c r="L9032" s="40"/>
      <c r="M9032" s="40"/>
      <c r="N9032" s="40"/>
    </row>
    <row r="9033" spans="4:14" x14ac:dyDescent="0.25">
      <c r="D9033" s="40">
        <v>150.41065099998752</v>
      </c>
      <c r="E9033" s="40">
        <v>21.634051420027017</v>
      </c>
      <c r="F9033" s="40">
        <v>150.4</v>
      </c>
      <c r="G9033" s="40">
        <v>22.258598285510757</v>
      </c>
      <c r="H9033" s="40">
        <v>150.4</v>
      </c>
      <c r="I9033" s="40">
        <v>23.35792105114983</v>
      </c>
      <c r="L9033" s="40"/>
      <c r="M9033" s="40"/>
      <c r="N9033" s="40"/>
    </row>
    <row r="9034" spans="4:14" x14ac:dyDescent="0.25">
      <c r="D9034" s="40">
        <v>150.42731699998751</v>
      </c>
      <c r="E9034" s="40">
        <v>21.629350687866591</v>
      </c>
      <c r="F9034" s="40">
        <v>150.41666699999999</v>
      </c>
      <c r="G9034" s="40">
        <v>22.258598285510757</v>
      </c>
      <c r="H9034" s="40">
        <v>150.41666700000002</v>
      </c>
      <c r="I9034" s="40">
        <v>23.35792105114983</v>
      </c>
      <c r="L9034" s="40"/>
      <c r="M9034" s="40"/>
      <c r="N9034" s="40"/>
    </row>
    <row r="9035" spans="4:14" x14ac:dyDescent="0.25">
      <c r="D9035" s="40">
        <v>150.4439829999875</v>
      </c>
      <c r="E9035" s="40">
        <v>21.629350687866591</v>
      </c>
      <c r="F9035" s="40">
        <v>150.433333</v>
      </c>
      <c r="G9035" s="40">
        <v>22.258598285510757</v>
      </c>
      <c r="H9035" s="40">
        <v>150.433334</v>
      </c>
      <c r="I9035" s="40">
        <v>23.35792105114983</v>
      </c>
      <c r="L9035" s="40"/>
      <c r="M9035" s="40"/>
      <c r="N9035" s="40"/>
    </row>
    <row r="9036" spans="4:14" x14ac:dyDescent="0.25">
      <c r="D9036" s="40">
        <v>150.46064899998748</v>
      </c>
      <c r="E9036" s="40">
        <v>21.634051420027017</v>
      </c>
      <c r="F9036" s="40">
        <v>150.44999999999999</v>
      </c>
      <c r="G9036" s="40">
        <v>22.263353529600977</v>
      </c>
      <c r="H9036" s="40">
        <v>150.45000000000002</v>
      </c>
      <c r="I9036" s="40">
        <v>23.36127378729309</v>
      </c>
      <c r="L9036" s="40"/>
      <c r="M9036" s="40"/>
      <c r="N9036" s="40"/>
    </row>
    <row r="9037" spans="4:14" x14ac:dyDescent="0.25">
      <c r="D9037" s="40">
        <v>150.47731499998747</v>
      </c>
      <c r="E9037" s="40">
        <v>21.634051420027017</v>
      </c>
      <c r="F9037" s="40">
        <v>150.466667</v>
      </c>
      <c r="G9037" s="40">
        <v>22.263353529600977</v>
      </c>
      <c r="H9037" s="40">
        <v>150.466667</v>
      </c>
      <c r="I9037" s="40">
        <v>23.36127378729309</v>
      </c>
      <c r="L9037" s="40"/>
      <c r="M9037" s="40"/>
      <c r="N9037" s="40"/>
    </row>
    <row r="9038" spans="4:14" x14ac:dyDescent="0.25">
      <c r="D9038" s="40">
        <v>150.49398099998746</v>
      </c>
      <c r="E9038" s="40">
        <v>21.638894598616567</v>
      </c>
      <c r="F9038" s="40">
        <v>150.48333299999999</v>
      </c>
      <c r="G9038" s="40">
        <v>22.263353529600977</v>
      </c>
      <c r="H9038" s="40">
        <v>150.48333400000001</v>
      </c>
      <c r="I9038" s="40">
        <v>23.364626523436346</v>
      </c>
      <c r="L9038" s="40"/>
      <c r="M9038" s="40"/>
      <c r="N9038" s="40"/>
    </row>
    <row r="9039" spans="4:14" x14ac:dyDescent="0.25">
      <c r="D9039" s="40">
        <v>150.51064699998744</v>
      </c>
      <c r="E9039" s="40">
        <v>21.638894598616567</v>
      </c>
      <c r="F9039" s="40">
        <v>150.5</v>
      </c>
      <c r="G9039" s="40">
        <v>22.263353529600977</v>
      </c>
      <c r="H9039" s="40">
        <v>150.5</v>
      </c>
      <c r="I9039" s="40">
        <v>23.364626523436346</v>
      </c>
      <c r="L9039" s="40"/>
      <c r="M9039" s="40"/>
      <c r="N9039" s="40"/>
    </row>
    <row r="9040" spans="4:14" x14ac:dyDescent="0.25">
      <c r="D9040" s="40">
        <v>150.52731299998743</v>
      </c>
      <c r="E9040" s="40">
        <v>21.638894598616567</v>
      </c>
      <c r="F9040" s="40">
        <v>150.51666699999998</v>
      </c>
      <c r="G9040" s="40">
        <v>22.263353529600977</v>
      </c>
      <c r="H9040" s="40">
        <v>150.51666700000001</v>
      </c>
      <c r="I9040" s="40">
        <v>23.364626523436346</v>
      </c>
      <c r="L9040" s="40"/>
      <c r="M9040" s="40"/>
      <c r="N9040" s="40"/>
    </row>
    <row r="9041" spans="4:14" x14ac:dyDescent="0.25">
      <c r="D9041" s="40">
        <v>150.54397899998742</v>
      </c>
      <c r="E9041" s="40">
        <v>21.638894598616567</v>
      </c>
      <c r="F9041" s="40">
        <v>150.533333</v>
      </c>
      <c r="G9041" s="40">
        <v>22.263353529600977</v>
      </c>
      <c r="H9041" s="40">
        <v>150.533334</v>
      </c>
      <c r="I9041" s="40">
        <v>23.364626523436346</v>
      </c>
      <c r="L9041" s="40"/>
      <c r="M9041" s="40"/>
      <c r="N9041" s="40"/>
    </row>
    <row r="9042" spans="4:14" x14ac:dyDescent="0.25">
      <c r="D9042" s="40">
        <v>150.5606449999874</v>
      </c>
      <c r="E9042" s="40">
        <v>21.643737777205988</v>
      </c>
      <c r="F9042" s="40">
        <v>150.54999999999998</v>
      </c>
      <c r="G9042" s="40">
        <v>22.263353529600977</v>
      </c>
      <c r="H9042" s="40">
        <v>150.55000000000001</v>
      </c>
      <c r="I9042" s="40">
        <v>23.36788064969311</v>
      </c>
      <c r="L9042" s="40"/>
      <c r="M9042" s="40"/>
      <c r="N9042" s="40"/>
    </row>
    <row r="9043" spans="4:14" x14ac:dyDescent="0.25">
      <c r="D9043" s="40">
        <v>150.57731099998739</v>
      </c>
      <c r="E9043" s="40">
        <v>21.643737777205988</v>
      </c>
      <c r="F9043" s="40">
        <v>150.566667</v>
      </c>
      <c r="G9043" s="40">
        <v>22.263353529600977</v>
      </c>
      <c r="H9043" s="40">
        <v>150.566667</v>
      </c>
      <c r="I9043" s="40">
        <v>23.36788064969311</v>
      </c>
      <c r="L9043" s="40"/>
      <c r="M9043" s="40"/>
      <c r="N9043" s="40"/>
    </row>
    <row r="9044" spans="4:14" x14ac:dyDescent="0.25">
      <c r="D9044" s="40">
        <v>150.59397699998738</v>
      </c>
      <c r="E9044" s="40">
        <v>21.643737777205988</v>
      </c>
      <c r="F9044" s="40">
        <v>150.58333299999998</v>
      </c>
      <c r="G9044" s="40">
        <v>22.263353529600977</v>
      </c>
      <c r="H9044" s="40">
        <v>150.58333400000001</v>
      </c>
      <c r="I9044" s="40">
        <v>23.36788064969311</v>
      </c>
      <c r="L9044" s="40"/>
      <c r="M9044" s="40"/>
      <c r="N9044" s="40"/>
    </row>
    <row r="9045" spans="4:14" x14ac:dyDescent="0.25">
      <c r="D9045" s="40">
        <v>150.61064299998736</v>
      </c>
      <c r="E9045" s="40">
        <v>21.648438509366411</v>
      </c>
      <c r="F9045" s="40">
        <v>150.6</v>
      </c>
      <c r="G9045" s="40">
        <v>22.2681087736912</v>
      </c>
      <c r="H9045" s="40">
        <v>150.6</v>
      </c>
      <c r="I9045" s="40">
        <v>23.36788064969311</v>
      </c>
      <c r="L9045" s="40"/>
      <c r="M9045" s="40"/>
      <c r="N9045" s="40"/>
    </row>
    <row r="9046" spans="4:14" x14ac:dyDescent="0.25">
      <c r="D9046" s="40">
        <v>150.62730899998735</v>
      </c>
      <c r="E9046" s="40">
        <v>21.648438509366411</v>
      </c>
      <c r="F9046" s="40">
        <v>150.61666700000001</v>
      </c>
      <c r="G9046" s="40">
        <v>22.2681087736912</v>
      </c>
      <c r="H9046" s="40">
        <v>150.61666700000001</v>
      </c>
      <c r="I9046" s="40">
        <v>23.37123338583654</v>
      </c>
      <c r="L9046" s="40"/>
      <c r="M9046" s="40"/>
      <c r="N9046" s="40"/>
    </row>
    <row r="9047" spans="4:14" x14ac:dyDescent="0.25">
      <c r="D9047" s="40">
        <v>150.64397499998734</v>
      </c>
      <c r="E9047" s="40">
        <v>21.653281687955964</v>
      </c>
      <c r="F9047" s="40">
        <v>150.63333299999999</v>
      </c>
      <c r="G9047" s="40">
        <v>22.2681087736912</v>
      </c>
      <c r="H9047" s="40">
        <v>150.63333400000002</v>
      </c>
      <c r="I9047" s="40">
        <v>23.37123338583654</v>
      </c>
      <c r="L9047" s="40"/>
      <c r="M9047" s="40"/>
      <c r="N9047" s="40"/>
    </row>
    <row r="9048" spans="4:14" x14ac:dyDescent="0.25">
      <c r="D9048" s="40">
        <v>150.66064099998732</v>
      </c>
      <c r="E9048" s="40">
        <v>21.653281687955964</v>
      </c>
      <c r="F9048" s="40">
        <v>150.65</v>
      </c>
      <c r="G9048" s="40">
        <v>22.2681087736912</v>
      </c>
      <c r="H9048" s="40">
        <v>150.65</v>
      </c>
      <c r="I9048" s="40">
        <v>23.37123338583654</v>
      </c>
      <c r="L9048" s="40"/>
      <c r="M9048" s="40"/>
      <c r="N9048" s="40"/>
    </row>
    <row r="9049" spans="4:14" x14ac:dyDescent="0.25">
      <c r="D9049" s="40">
        <v>150.67730699998731</v>
      </c>
      <c r="E9049" s="40">
        <v>21.65812486654551</v>
      </c>
      <c r="F9049" s="40">
        <v>150.66666699999999</v>
      </c>
      <c r="G9049" s="40">
        <v>22.2681087736912</v>
      </c>
      <c r="H9049" s="40">
        <v>150.66666700000002</v>
      </c>
      <c r="I9049" s="40">
        <v>23.37123338583654</v>
      </c>
      <c r="L9049" s="40"/>
      <c r="M9049" s="40"/>
      <c r="N9049" s="40"/>
    </row>
    <row r="9050" spans="4:14" x14ac:dyDescent="0.25">
      <c r="D9050" s="40">
        <v>150.6939729999873</v>
      </c>
      <c r="E9050" s="40">
        <v>21.65812486654551</v>
      </c>
      <c r="F9050" s="40">
        <v>150.683333</v>
      </c>
      <c r="G9050" s="40">
        <v>22.2681087736912</v>
      </c>
      <c r="H9050" s="40">
        <v>150.683334</v>
      </c>
      <c r="I9050" s="40">
        <v>23.374586121979799</v>
      </c>
      <c r="L9050" s="40"/>
      <c r="M9050" s="40"/>
      <c r="N9050" s="40"/>
    </row>
    <row r="9051" spans="4:14" x14ac:dyDescent="0.25">
      <c r="D9051" s="40">
        <v>150.71063899998728</v>
      </c>
      <c r="E9051" s="40">
        <v>21.662825598705812</v>
      </c>
      <c r="F9051" s="40">
        <v>150.69999999999999</v>
      </c>
      <c r="G9051" s="40">
        <v>22.2681087736912</v>
      </c>
      <c r="H9051" s="40">
        <v>150.70000000000002</v>
      </c>
      <c r="I9051" s="40">
        <v>23.374586121979799</v>
      </c>
      <c r="L9051" s="40"/>
      <c r="M9051" s="40"/>
      <c r="N9051" s="40"/>
    </row>
    <row r="9052" spans="4:14" x14ac:dyDescent="0.25">
      <c r="D9052" s="40">
        <v>150.72730499998727</v>
      </c>
      <c r="E9052" s="40">
        <v>21.662825598705812</v>
      </c>
      <c r="F9052" s="40">
        <v>150.716667</v>
      </c>
      <c r="G9052" s="40">
        <v>22.272724157660974</v>
      </c>
      <c r="H9052" s="40">
        <v>150.716667</v>
      </c>
      <c r="I9052" s="40">
        <v>23.374586121979799</v>
      </c>
      <c r="L9052" s="40"/>
      <c r="M9052" s="40"/>
      <c r="N9052" s="40"/>
    </row>
    <row r="9053" spans="4:14" x14ac:dyDescent="0.25">
      <c r="D9053" s="40">
        <v>150.74397099998725</v>
      </c>
      <c r="E9053" s="40">
        <v>21.662825598705812</v>
      </c>
      <c r="F9053" s="40">
        <v>150.73333299999999</v>
      </c>
      <c r="G9053" s="40">
        <v>22.272724157660974</v>
      </c>
      <c r="H9053" s="40">
        <v>150.73333400000001</v>
      </c>
      <c r="I9053" s="40">
        <v>23.377840248236559</v>
      </c>
      <c r="L9053" s="40"/>
      <c r="M9053" s="40"/>
      <c r="N9053" s="40"/>
    </row>
    <row r="9054" spans="4:14" x14ac:dyDescent="0.25">
      <c r="D9054" s="40">
        <v>150.76063699998724</v>
      </c>
      <c r="E9054" s="40">
        <v>21.667668777295358</v>
      </c>
      <c r="F9054" s="40">
        <v>150.75</v>
      </c>
      <c r="G9054" s="40">
        <v>22.272724157660974</v>
      </c>
      <c r="H9054" s="40">
        <v>150.75</v>
      </c>
      <c r="I9054" s="40">
        <v>23.377840248236559</v>
      </c>
      <c r="L9054" s="40"/>
      <c r="M9054" s="40"/>
      <c r="N9054" s="40"/>
    </row>
    <row r="9055" spans="4:14" x14ac:dyDescent="0.25">
      <c r="D9055" s="40">
        <v>150.77730299998723</v>
      </c>
      <c r="E9055" s="40">
        <v>21.667668777295358</v>
      </c>
      <c r="F9055" s="40">
        <v>150.76666699999998</v>
      </c>
      <c r="G9055" s="40">
        <v>22.272724157660974</v>
      </c>
      <c r="H9055" s="40">
        <v>150.76666700000001</v>
      </c>
      <c r="I9055" s="40">
        <v>23.377840248236559</v>
      </c>
      <c r="L9055" s="40"/>
      <c r="M9055" s="40"/>
      <c r="N9055" s="40"/>
    </row>
    <row r="9056" spans="4:14" x14ac:dyDescent="0.25">
      <c r="D9056" s="40">
        <v>150.79396899998721</v>
      </c>
      <c r="E9056" s="40">
        <v>21.667668777295358</v>
      </c>
      <c r="F9056" s="40">
        <v>150.783333</v>
      </c>
      <c r="G9056" s="40">
        <v>22.272724157660974</v>
      </c>
      <c r="H9056" s="40">
        <v>150.783334</v>
      </c>
      <c r="I9056" s="40">
        <v>23.381192984379819</v>
      </c>
      <c r="L9056" s="40"/>
      <c r="M9056" s="40"/>
      <c r="N9056" s="40"/>
    </row>
    <row r="9057" spans="4:14" x14ac:dyDescent="0.25">
      <c r="D9057" s="40">
        <v>150.8106349999872</v>
      </c>
      <c r="E9057" s="40">
        <v>21.667668777295358</v>
      </c>
      <c r="F9057" s="40">
        <v>150.79999999999998</v>
      </c>
      <c r="G9057" s="40">
        <v>22.272724157660974</v>
      </c>
      <c r="H9057" s="40">
        <v>150.80000000000001</v>
      </c>
      <c r="I9057" s="40">
        <v>23.381192984379819</v>
      </c>
      <c r="L9057" s="40"/>
      <c r="M9057" s="40"/>
      <c r="N9057" s="40"/>
    </row>
    <row r="9058" spans="4:14" x14ac:dyDescent="0.25">
      <c r="D9058" s="40">
        <v>150.82730099998719</v>
      </c>
      <c r="E9058" s="40">
        <v>21.667668777295358</v>
      </c>
      <c r="F9058" s="40">
        <v>150.816667</v>
      </c>
      <c r="G9058" s="40">
        <v>22.272724157660974</v>
      </c>
      <c r="H9058" s="40">
        <v>150.816667</v>
      </c>
      <c r="I9058" s="40">
        <v>23.381192984379819</v>
      </c>
      <c r="L9058" s="40"/>
      <c r="M9058" s="40"/>
      <c r="N9058" s="40"/>
    </row>
    <row r="9059" spans="4:14" x14ac:dyDescent="0.25">
      <c r="D9059" s="40">
        <v>150.84396699998717</v>
      </c>
      <c r="E9059" s="40">
        <v>21.667668777295358</v>
      </c>
      <c r="F9059" s="40">
        <v>150.83333299999998</v>
      </c>
      <c r="G9059" s="40">
        <v>22.272724157660974</v>
      </c>
      <c r="H9059" s="40">
        <v>150.83333400000001</v>
      </c>
      <c r="I9059" s="40">
        <v>23.384545720523253</v>
      </c>
      <c r="L9059" s="40"/>
      <c r="M9059" s="40"/>
      <c r="N9059" s="40"/>
    </row>
    <row r="9060" spans="4:14" x14ac:dyDescent="0.25">
      <c r="D9060" s="40">
        <v>150.86063299998716</v>
      </c>
      <c r="E9060" s="40">
        <v>21.667668777295358</v>
      </c>
      <c r="F9060" s="40">
        <v>150.85</v>
      </c>
      <c r="G9060" s="40">
        <v>22.272724157660974</v>
      </c>
      <c r="H9060" s="40">
        <v>150.85</v>
      </c>
      <c r="I9060" s="40">
        <v>23.384545720523253</v>
      </c>
      <c r="L9060" s="40"/>
      <c r="M9060" s="40"/>
      <c r="N9060" s="40"/>
    </row>
    <row r="9061" spans="4:14" x14ac:dyDescent="0.25">
      <c r="D9061" s="40">
        <v>150.87729899998715</v>
      </c>
      <c r="E9061" s="40">
        <v>21.667668777295358</v>
      </c>
      <c r="F9061" s="40">
        <v>150.86666700000001</v>
      </c>
      <c r="G9061" s="40">
        <v>22.272724157660974</v>
      </c>
      <c r="H9061" s="40">
        <v>150.86666700000001</v>
      </c>
      <c r="I9061" s="40">
        <v>23.387799846779838</v>
      </c>
      <c r="L9061" s="40"/>
      <c r="M9061" s="40"/>
      <c r="N9061" s="40"/>
    </row>
    <row r="9062" spans="4:14" x14ac:dyDescent="0.25">
      <c r="D9062" s="40">
        <v>150.89396499998713</v>
      </c>
      <c r="E9062" s="40">
        <v>21.662825598705812</v>
      </c>
      <c r="F9062" s="40">
        <v>150.88333299999999</v>
      </c>
      <c r="G9062" s="40">
        <v>22.277479401751194</v>
      </c>
      <c r="H9062" s="40">
        <v>150.88333400000002</v>
      </c>
      <c r="I9062" s="40">
        <v>23.387799846779838</v>
      </c>
      <c r="L9062" s="40"/>
      <c r="M9062" s="40"/>
      <c r="N9062" s="40"/>
    </row>
    <row r="9063" spans="4:14" x14ac:dyDescent="0.25">
      <c r="D9063" s="40">
        <v>150.91063099998712</v>
      </c>
      <c r="E9063" s="40">
        <v>21.65812486654551</v>
      </c>
      <c r="F9063" s="40">
        <v>150.9</v>
      </c>
      <c r="G9063" s="40">
        <v>22.277479401751194</v>
      </c>
      <c r="H9063" s="40">
        <v>150.9</v>
      </c>
      <c r="I9063" s="40">
        <v>23.387799846779838</v>
      </c>
      <c r="L9063" s="40"/>
      <c r="M9063" s="40"/>
      <c r="N9063" s="40"/>
    </row>
    <row r="9064" spans="4:14" x14ac:dyDescent="0.25">
      <c r="D9064" s="40">
        <v>150.92729699998711</v>
      </c>
      <c r="E9064" s="40">
        <v>21.65812486654551</v>
      </c>
      <c r="F9064" s="40">
        <v>150.91666699999999</v>
      </c>
      <c r="G9064" s="40">
        <v>22.277479401751194</v>
      </c>
      <c r="H9064" s="40">
        <v>150.91666700000002</v>
      </c>
      <c r="I9064" s="40">
        <v>23.391152582923272</v>
      </c>
      <c r="L9064" s="40"/>
      <c r="M9064" s="40"/>
      <c r="N9064" s="40"/>
    </row>
    <row r="9065" spans="4:14" x14ac:dyDescent="0.25">
      <c r="D9065" s="40">
        <v>150.94396299998709</v>
      </c>
      <c r="E9065" s="40">
        <v>21.65812486654551</v>
      </c>
      <c r="F9065" s="40">
        <v>150.933333</v>
      </c>
      <c r="G9065" s="40">
        <v>22.277479401751194</v>
      </c>
      <c r="H9065" s="40">
        <v>150.933334</v>
      </c>
      <c r="I9065" s="40">
        <v>23.391152582923272</v>
      </c>
      <c r="L9065" s="40"/>
      <c r="M9065" s="40"/>
      <c r="N9065" s="40"/>
    </row>
    <row r="9066" spans="4:14" x14ac:dyDescent="0.25">
      <c r="D9066" s="40">
        <v>150.96062899998708</v>
      </c>
      <c r="E9066" s="40">
        <v>21.65812486654551</v>
      </c>
      <c r="F9066" s="40">
        <v>150.94999999999999</v>
      </c>
      <c r="G9066" s="40">
        <v>22.277479401751194</v>
      </c>
      <c r="H9066" s="40">
        <v>150.95000000000002</v>
      </c>
      <c r="I9066" s="40">
        <v>23.394505319066528</v>
      </c>
      <c r="L9066" s="40"/>
      <c r="M9066" s="40"/>
      <c r="N9066" s="40"/>
    </row>
    <row r="9067" spans="4:14" x14ac:dyDescent="0.25">
      <c r="D9067" s="40">
        <v>150.97729499998707</v>
      </c>
      <c r="E9067" s="40">
        <v>21.65812486654551</v>
      </c>
      <c r="F9067" s="40">
        <v>150.966667</v>
      </c>
      <c r="G9067" s="40">
        <v>22.277479401751194</v>
      </c>
      <c r="H9067" s="40">
        <v>150.966667</v>
      </c>
      <c r="I9067" s="40">
        <v>23.394505319066528</v>
      </c>
      <c r="L9067" s="40"/>
      <c r="M9067" s="40"/>
      <c r="N9067" s="40"/>
    </row>
    <row r="9068" spans="4:14" x14ac:dyDescent="0.25">
      <c r="D9068" s="40">
        <v>150.99396099998705</v>
      </c>
      <c r="E9068" s="40">
        <v>21.65812486654551</v>
      </c>
      <c r="F9068" s="40">
        <v>150.98333299999999</v>
      </c>
      <c r="G9068" s="40">
        <v>22.277479401751194</v>
      </c>
      <c r="H9068" s="40">
        <v>150.98333400000001</v>
      </c>
      <c r="I9068" s="40">
        <v>23.397759445323292</v>
      </c>
      <c r="L9068" s="40"/>
      <c r="M9068" s="40"/>
      <c r="N9068" s="40"/>
    </row>
    <row r="9069" spans="4:14" x14ac:dyDescent="0.25">
      <c r="D9069" s="40">
        <v>151.01062699998704</v>
      </c>
      <c r="E9069" s="40">
        <v>21.65812486654551</v>
      </c>
      <c r="F9069" s="40">
        <v>151</v>
      </c>
      <c r="G9069" s="40">
        <v>22.277479401751194</v>
      </c>
      <c r="H9069" s="40">
        <v>151</v>
      </c>
      <c r="I9069" s="40">
        <v>23.397759445323292</v>
      </c>
      <c r="L9069" s="40"/>
      <c r="M9069" s="40"/>
      <c r="N9069" s="40"/>
    </row>
    <row r="9070" spans="4:14" x14ac:dyDescent="0.25">
      <c r="D9070" s="40">
        <v>151.02729299998703</v>
      </c>
      <c r="E9070" s="40">
        <v>21.65812486654551</v>
      </c>
      <c r="F9070" s="40">
        <v>151.01666699999998</v>
      </c>
      <c r="G9070" s="40">
        <v>22.272724157660974</v>
      </c>
      <c r="H9070" s="40">
        <v>151.01666700000001</v>
      </c>
      <c r="I9070" s="40">
        <v>23.401112181466548</v>
      </c>
      <c r="L9070" s="40"/>
      <c r="M9070" s="40"/>
      <c r="N9070" s="40"/>
    </row>
    <row r="9071" spans="4:14" x14ac:dyDescent="0.25">
      <c r="D9071" s="40">
        <v>151.04395899998701</v>
      </c>
      <c r="E9071" s="40">
        <v>21.65812486654551</v>
      </c>
      <c r="F9071" s="40">
        <v>151.033333</v>
      </c>
      <c r="G9071" s="40">
        <v>22.272724157660974</v>
      </c>
      <c r="H9071" s="40">
        <v>151.033334</v>
      </c>
      <c r="I9071" s="40">
        <v>23.401112181466548</v>
      </c>
      <c r="L9071" s="40"/>
      <c r="M9071" s="40"/>
      <c r="N9071" s="40"/>
    </row>
    <row r="9072" spans="4:14" x14ac:dyDescent="0.25">
      <c r="D9072" s="40">
        <v>151.060624999987</v>
      </c>
      <c r="E9072" s="40">
        <v>21.65812486654551</v>
      </c>
      <c r="F9072" s="40">
        <v>151.04999999999998</v>
      </c>
      <c r="G9072" s="40">
        <v>22.272724157660974</v>
      </c>
      <c r="H9072" s="40">
        <v>151.05000000000001</v>
      </c>
      <c r="I9072" s="40">
        <v>23.404464917609982</v>
      </c>
      <c r="L9072" s="40"/>
      <c r="M9072" s="40"/>
      <c r="N9072" s="40"/>
    </row>
    <row r="9073" spans="4:14" x14ac:dyDescent="0.25">
      <c r="D9073" s="40">
        <v>151.07729099998699</v>
      </c>
      <c r="E9073" s="40">
        <v>21.653281687955964</v>
      </c>
      <c r="F9073" s="40">
        <v>151.066667</v>
      </c>
      <c r="G9073" s="40">
        <v>22.272724157660974</v>
      </c>
      <c r="H9073" s="40">
        <v>151.066667</v>
      </c>
      <c r="I9073" s="40">
        <v>23.404464917609982</v>
      </c>
      <c r="L9073" s="40"/>
      <c r="M9073" s="40"/>
      <c r="N9073" s="40"/>
    </row>
    <row r="9074" spans="4:14" x14ac:dyDescent="0.25">
      <c r="D9074" s="40">
        <v>151.09395699998697</v>
      </c>
      <c r="E9074" s="40">
        <v>21.653281687955964</v>
      </c>
      <c r="F9074" s="40">
        <v>151.08333299999998</v>
      </c>
      <c r="G9074" s="40">
        <v>22.272724157660974</v>
      </c>
      <c r="H9074" s="40">
        <v>151.08333400000001</v>
      </c>
      <c r="I9074" s="40">
        <v>23.407719043866745</v>
      </c>
      <c r="L9074" s="40"/>
      <c r="M9074" s="40"/>
      <c r="N9074" s="40"/>
    </row>
    <row r="9075" spans="4:14" x14ac:dyDescent="0.25">
      <c r="D9075" s="40">
        <v>151.11062299998696</v>
      </c>
      <c r="E9075" s="40">
        <v>21.653281687955964</v>
      </c>
      <c r="F9075" s="40">
        <v>151.1</v>
      </c>
      <c r="G9075" s="40">
        <v>22.272724157660974</v>
      </c>
      <c r="H9075" s="40">
        <v>151.1</v>
      </c>
      <c r="I9075" s="40">
        <v>23.407719043866745</v>
      </c>
      <c r="L9075" s="40"/>
      <c r="M9075" s="40"/>
      <c r="N9075" s="40"/>
    </row>
    <row r="9076" spans="4:14" x14ac:dyDescent="0.25">
      <c r="D9076" s="40">
        <v>151.12728899998694</v>
      </c>
      <c r="E9076" s="40">
        <v>21.653281687955964</v>
      </c>
      <c r="F9076" s="40">
        <v>151.11666700000001</v>
      </c>
      <c r="G9076" s="40">
        <v>22.272724157660974</v>
      </c>
      <c r="H9076" s="40">
        <v>151.11666700000001</v>
      </c>
      <c r="I9076" s="40">
        <v>23.411071780010005</v>
      </c>
      <c r="L9076" s="40"/>
      <c r="M9076" s="40"/>
      <c r="N9076" s="40"/>
    </row>
    <row r="9077" spans="4:14" x14ac:dyDescent="0.25">
      <c r="D9077" s="40">
        <v>151.14395499998693</v>
      </c>
      <c r="E9077" s="40">
        <v>21.653281687955964</v>
      </c>
      <c r="F9077" s="40">
        <v>151.13333299999999</v>
      </c>
      <c r="G9077" s="40">
        <v>22.272724157660974</v>
      </c>
      <c r="H9077" s="40">
        <v>151.13333400000002</v>
      </c>
      <c r="I9077" s="40">
        <v>23.411071780010005</v>
      </c>
      <c r="L9077" s="40"/>
      <c r="M9077" s="40"/>
      <c r="N9077" s="40"/>
    </row>
    <row r="9078" spans="4:14" x14ac:dyDescent="0.25">
      <c r="D9078" s="40">
        <v>151.16062099998692</v>
      </c>
      <c r="E9078" s="40">
        <v>21.653281687955964</v>
      </c>
      <c r="F9078" s="40">
        <v>151.15</v>
      </c>
      <c r="G9078" s="40">
        <v>22.277479401751194</v>
      </c>
      <c r="H9078" s="40">
        <v>151.15</v>
      </c>
      <c r="I9078" s="40">
        <v>23.414424516153257</v>
      </c>
      <c r="L9078" s="40"/>
      <c r="M9078" s="40"/>
      <c r="N9078" s="40"/>
    </row>
    <row r="9079" spans="4:14" x14ac:dyDescent="0.25">
      <c r="D9079" s="40">
        <v>151.1772869999869</v>
      </c>
      <c r="E9079" s="40">
        <v>21.653281687955964</v>
      </c>
      <c r="F9079" s="40">
        <v>151.16666699999999</v>
      </c>
      <c r="G9079" s="40">
        <v>22.277479401751194</v>
      </c>
      <c r="H9079" s="40">
        <v>151.16666700000002</v>
      </c>
      <c r="I9079" s="40">
        <v>23.417678642410021</v>
      </c>
      <c r="L9079" s="40"/>
      <c r="M9079" s="40"/>
      <c r="N9079" s="40"/>
    </row>
    <row r="9080" spans="4:14" x14ac:dyDescent="0.25">
      <c r="D9080" s="40">
        <v>151.19395299998689</v>
      </c>
      <c r="E9080" s="40">
        <v>21.653281687955964</v>
      </c>
      <c r="F9080" s="40">
        <v>151.183333</v>
      </c>
      <c r="G9080" s="40">
        <v>22.277479401751194</v>
      </c>
      <c r="H9080" s="40">
        <v>151.183334</v>
      </c>
      <c r="I9080" s="40">
        <v>23.417678642410021</v>
      </c>
      <c r="L9080" s="40"/>
      <c r="M9080" s="40"/>
      <c r="N9080" s="40"/>
    </row>
    <row r="9081" spans="4:14" x14ac:dyDescent="0.25">
      <c r="D9081" s="40">
        <v>151.21061899998688</v>
      </c>
      <c r="E9081" s="40">
        <v>21.653281687955964</v>
      </c>
      <c r="F9081" s="40">
        <v>151.19999999999999</v>
      </c>
      <c r="G9081" s="40">
        <v>22.277479401751194</v>
      </c>
      <c r="H9081" s="40">
        <v>151.20000000000002</v>
      </c>
      <c r="I9081" s="40">
        <v>23.417678642410021</v>
      </c>
      <c r="L9081" s="40"/>
      <c r="M9081" s="40"/>
      <c r="N9081" s="40"/>
    </row>
    <row r="9082" spans="4:14" x14ac:dyDescent="0.25">
      <c r="D9082" s="40">
        <v>151.22728499998686</v>
      </c>
      <c r="E9082" s="40">
        <v>21.653281687955964</v>
      </c>
      <c r="F9082" s="40">
        <v>151.216667</v>
      </c>
      <c r="G9082" s="40">
        <v>22.277479401751194</v>
      </c>
      <c r="H9082" s="40">
        <v>151.216667</v>
      </c>
      <c r="I9082" s="40">
        <v>23.42103137855328</v>
      </c>
      <c r="L9082" s="40"/>
      <c r="M9082" s="40"/>
      <c r="N9082" s="40"/>
    </row>
    <row r="9083" spans="4:14" x14ac:dyDescent="0.25">
      <c r="D9083" s="40">
        <v>151.24395099998685</v>
      </c>
      <c r="E9083" s="40">
        <v>21.653281687955964</v>
      </c>
      <c r="F9083" s="40">
        <v>151.23333299999999</v>
      </c>
      <c r="G9083" s="40">
        <v>22.277479401751194</v>
      </c>
      <c r="H9083" s="40">
        <v>151.23333400000001</v>
      </c>
      <c r="I9083" s="40">
        <v>23.42103137855328</v>
      </c>
      <c r="L9083" s="40"/>
      <c r="M9083" s="40"/>
      <c r="N9083" s="40"/>
    </row>
    <row r="9084" spans="4:14" x14ac:dyDescent="0.25">
      <c r="D9084" s="40">
        <v>151.26061699998684</v>
      </c>
      <c r="E9084" s="40">
        <v>21.653281687955964</v>
      </c>
      <c r="F9084" s="40">
        <v>151.25</v>
      </c>
      <c r="G9084" s="40">
        <v>22.277479401751194</v>
      </c>
      <c r="H9084" s="40">
        <v>151.25</v>
      </c>
      <c r="I9084" s="40">
        <v>23.424384114696711</v>
      </c>
      <c r="L9084" s="40"/>
      <c r="M9084" s="40"/>
      <c r="N9084" s="40"/>
    </row>
    <row r="9085" spans="4:14" x14ac:dyDescent="0.25">
      <c r="D9085" s="40">
        <v>151.27728299998682</v>
      </c>
      <c r="E9085" s="40">
        <v>21.653281687955964</v>
      </c>
      <c r="F9085" s="40">
        <v>151.26666699999998</v>
      </c>
      <c r="G9085" s="40">
        <v>22.277479401751194</v>
      </c>
      <c r="H9085" s="40">
        <v>151.26666700000001</v>
      </c>
      <c r="I9085" s="40">
        <v>23.424384114696711</v>
      </c>
      <c r="L9085" s="40"/>
      <c r="M9085" s="40"/>
      <c r="N9085" s="40"/>
    </row>
    <row r="9086" spans="4:14" x14ac:dyDescent="0.25">
      <c r="D9086" s="40">
        <v>151.29394899998681</v>
      </c>
      <c r="E9086" s="40">
        <v>21.653281687955964</v>
      </c>
      <c r="F9086" s="40">
        <v>151.283333</v>
      </c>
      <c r="G9086" s="40">
        <v>22.277479401751194</v>
      </c>
      <c r="H9086" s="40">
        <v>151.283334</v>
      </c>
      <c r="I9086" s="40">
        <v>23.427638240953474</v>
      </c>
      <c r="L9086" s="40"/>
      <c r="M9086" s="40"/>
      <c r="N9086" s="40"/>
    </row>
    <row r="9087" spans="4:14" x14ac:dyDescent="0.25">
      <c r="D9087" s="40">
        <v>151.3106149999868</v>
      </c>
      <c r="E9087" s="40">
        <v>21.653281687955964</v>
      </c>
      <c r="F9087" s="40">
        <v>151.29999999999998</v>
      </c>
      <c r="G9087" s="40">
        <v>22.277479401751194</v>
      </c>
      <c r="H9087" s="40">
        <v>151.30000000000001</v>
      </c>
      <c r="I9087" s="40">
        <v>23.427638240953474</v>
      </c>
      <c r="L9087" s="40"/>
      <c r="M9087" s="40"/>
      <c r="N9087" s="40"/>
    </row>
    <row r="9088" spans="4:14" x14ac:dyDescent="0.25">
      <c r="D9088" s="40">
        <v>151.32728099998678</v>
      </c>
      <c r="E9088" s="40">
        <v>21.65812486654551</v>
      </c>
      <c r="F9088" s="40">
        <v>151.316667</v>
      </c>
      <c r="G9088" s="40">
        <v>22.277479401751194</v>
      </c>
      <c r="H9088" s="40">
        <v>151.316667</v>
      </c>
      <c r="I9088" s="40">
        <v>23.430990977096734</v>
      </c>
      <c r="L9088" s="40"/>
      <c r="M9088" s="40"/>
      <c r="N9088" s="40"/>
    </row>
    <row r="9089" spans="4:14" x14ac:dyDescent="0.25">
      <c r="D9089" s="40">
        <v>151.34394699998677</v>
      </c>
      <c r="E9089" s="40">
        <v>21.65812486654551</v>
      </c>
      <c r="F9089" s="40">
        <v>151.33333299999998</v>
      </c>
      <c r="G9089" s="40">
        <v>22.277479401751194</v>
      </c>
      <c r="H9089" s="40">
        <v>151.33333400000001</v>
      </c>
      <c r="I9089" s="40">
        <v>23.430990977096734</v>
      </c>
      <c r="L9089" s="40"/>
      <c r="M9089" s="40"/>
      <c r="N9089" s="40"/>
    </row>
    <row r="9090" spans="4:14" x14ac:dyDescent="0.25">
      <c r="D9090" s="40">
        <v>151.36061299998676</v>
      </c>
      <c r="E9090" s="40">
        <v>21.65812486654551</v>
      </c>
      <c r="F9090" s="40">
        <v>151.35</v>
      </c>
      <c r="G9090" s="40">
        <v>22.277479401751194</v>
      </c>
      <c r="H9090" s="40">
        <v>151.35</v>
      </c>
      <c r="I9090" s="40">
        <v>23.434343713239986</v>
      </c>
      <c r="L9090" s="40"/>
      <c r="M9090" s="40"/>
      <c r="N9090" s="40"/>
    </row>
    <row r="9091" spans="4:14" x14ac:dyDescent="0.25">
      <c r="D9091" s="40">
        <v>151.37727899998674</v>
      </c>
      <c r="E9091" s="40">
        <v>21.662825598705812</v>
      </c>
      <c r="F9091" s="40">
        <v>151.36666700000001</v>
      </c>
      <c r="G9091" s="40">
        <v>22.277479401751194</v>
      </c>
      <c r="H9091" s="40">
        <v>151.36666700000001</v>
      </c>
      <c r="I9091" s="40">
        <v>23.434343713239986</v>
      </c>
      <c r="L9091" s="40"/>
      <c r="M9091" s="40"/>
      <c r="N9091" s="40"/>
    </row>
    <row r="9092" spans="4:14" x14ac:dyDescent="0.25">
      <c r="D9092" s="40">
        <v>151.39394499998673</v>
      </c>
      <c r="E9092" s="40">
        <v>21.662825598705812</v>
      </c>
      <c r="F9092" s="40">
        <v>151.38333299999999</v>
      </c>
      <c r="G9092" s="40">
        <v>22.282234645841413</v>
      </c>
      <c r="H9092" s="40">
        <v>151.38333400000002</v>
      </c>
      <c r="I9092" s="40">
        <v>23.43759783949675</v>
      </c>
      <c r="L9092" s="40"/>
      <c r="M9092" s="40"/>
      <c r="N9092" s="40"/>
    </row>
    <row r="9093" spans="4:14" x14ac:dyDescent="0.25">
      <c r="D9093" s="40">
        <v>151.41061099998672</v>
      </c>
      <c r="E9093" s="40">
        <v>21.662825598705812</v>
      </c>
      <c r="F9093" s="40">
        <v>151.4</v>
      </c>
      <c r="G9093" s="40">
        <v>22.282234645841413</v>
      </c>
      <c r="H9093" s="40">
        <v>151.4</v>
      </c>
      <c r="I9093" s="40">
        <v>23.43759783949675</v>
      </c>
      <c r="L9093" s="40"/>
      <c r="M9093" s="40"/>
      <c r="N9093" s="40"/>
    </row>
    <row r="9094" spans="4:14" x14ac:dyDescent="0.25">
      <c r="D9094" s="40">
        <v>151.4272769999867</v>
      </c>
      <c r="E9094" s="40">
        <v>21.662825598705812</v>
      </c>
      <c r="F9094" s="40">
        <v>151.41666699999999</v>
      </c>
      <c r="G9094" s="40">
        <v>22.282234645841413</v>
      </c>
      <c r="H9094" s="40">
        <v>151.41666700000002</v>
      </c>
      <c r="I9094" s="40">
        <v>23.440950575640183</v>
      </c>
      <c r="L9094" s="40"/>
      <c r="M9094" s="40"/>
      <c r="N9094" s="40"/>
    </row>
    <row r="9095" spans="4:14" x14ac:dyDescent="0.25">
      <c r="D9095" s="40">
        <v>151.44394299998669</v>
      </c>
      <c r="E9095" s="40">
        <v>21.662825598705812</v>
      </c>
      <c r="F9095" s="40">
        <v>151.433333</v>
      </c>
      <c r="G9095" s="40">
        <v>22.286850029811188</v>
      </c>
      <c r="H9095" s="40">
        <v>151.433334</v>
      </c>
      <c r="I9095" s="40">
        <v>23.440950575640183</v>
      </c>
      <c r="L9095" s="40"/>
      <c r="M9095" s="40"/>
      <c r="N9095" s="40"/>
    </row>
    <row r="9096" spans="4:14" x14ac:dyDescent="0.25">
      <c r="D9096" s="40">
        <v>151.46060899998668</v>
      </c>
      <c r="E9096" s="40">
        <v>21.662825598705812</v>
      </c>
      <c r="F9096" s="40">
        <v>151.44999999999999</v>
      </c>
      <c r="G9096" s="40">
        <v>22.286850029811188</v>
      </c>
      <c r="H9096" s="40">
        <v>151.45000000000002</v>
      </c>
      <c r="I9096" s="40">
        <v>23.444303311783443</v>
      </c>
      <c r="L9096" s="40"/>
      <c r="M9096" s="40"/>
      <c r="N9096" s="40"/>
    </row>
    <row r="9097" spans="4:14" x14ac:dyDescent="0.25">
      <c r="D9097" s="40">
        <v>151.47727499998666</v>
      </c>
      <c r="E9097" s="40">
        <v>21.662825598705812</v>
      </c>
      <c r="F9097" s="40">
        <v>151.466667</v>
      </c>
      <c r="G9097" s="40">
        <v>22.286850029811188</v>
      </c>
      <c r="H9097" s="40">
        <v>151.466667</v>
      </c>
      <c r="I9097" s="40">
        <v>23.444303311783443</v>
      </c>
      <c r="L9097" s="40"/>
      <c r="M9097" s="40"/>
      <c r="N9097" s="40"/>
    </row>
    <row r="9098" spans="4:14" x14ac:dyDescent="0.25">
      <c r="D9098" s="40">
        <v>151.49394099998665</v>
      </c>
      <c r="E9098" s="40">
        <v>21.662825598705812</v>
      </c>
      <c r="F9098" s="40">
        <v>151.48333299999999</v>
      </c>
      <c r="G9098" s="40">
        <v>22.291605273901407</v>
      </c>
      <c r="H9098" s="40">
        <v>151.48333400000001</v>
      </c>
      <c r="I9098" s="40">
        <v>23.444303311783443</v>
      </c>
      <c r="L9098" s="40"/>
      <c r="M9098" s="40"/>
      <c r="N9098" s="40"/>
    </row>
    <row r="9099" spans="4:14" x14ac:dyDescent="0.25">
      <c r="D9099" s="40">
        <v>151.51060699998663</v>
      </c>
      <c r="E9099" s="40">
        <v>21.662825598705812</v>
      </c>
      <c r="F9099" s="40">
        <v>151.5</v>
      </c>
      <c r="G9099" s="40">
        <v>22.291605273901407</v>
      </c>
      <c r="H9099" s="40">
        <v>151.5</v>
      </c>
      <c r="I9099" s="40">
        <v>23.447656047926699</v>
      </c>
      <c r="L9099" s="40"/>
      <c r="M9099" s="40"/>
      <c r="N9099" s="40"/>
    </row>
    <row r="9100" spans="4:14" x14ac:dyDescent="0.25">
      <c r="D9100" s="40">
        <v>151.52727299998662</v>
      </c>
      <c r="E9100" s="40">
        <v>21.662825598705812</v>
      </c>
      <c r="F9100" s="40">
        <v>151.51666699999998</v>
      </c>
      <c r="G9100" s="40">
        <v>22.291605273901407</v>
      </c>
      <c r="H9100" s="40">
        <v>151.51666700000001</v>
      </c>
      <c r="I9100" s="40">
        <v>23.447656047926699</v>
      </c>
      <c r="L9100" s="40"/>
      <c r="M9100" s="40"/>
      <c r="N9100" s="40"/>
    </row>
    <row r="9101" spans="4:14" x14ac:dyDescent="0.25">
      <c r="D9101" s="40">
        <v>151.54393899998661</v>
      </c>
      <c r="E9101" s="40">
        <v>21.662825598705812</v>
      </c>
      <c r="F9101" s="40">
        <v>151.533333</v>
      </c>
      <c r="G9101" s="40">
        <v>22.291605273901407</v>
      </c>
      <c r="H9101" s="40">
        <v>151.533334</v>
      </c>
      <c r="I9101" s="40">
        <v>23.447656047926699</v>
      </c>
      <c r="L9101" s="40"/>
      <c r="M9101" s="40"/>
      <c r="N9101" s="40"/>
    </row>
    <row r="9102" spans="4:14" x14ac:dyDescent="0.25">
      <c r="D9102" s="40">
        <v>151.56060499998659</v>
      </c>
      <c r="E9102" s="40">
        <v>21.662825598705812</v>
      </c>
      <c r="F9102" s="40">
        <v>151.54999999999998</v>
      </c>
      <c r="G9102" s="40">
        <v>22.291605273901407</v>
      </c>
      <c r="H9102" s="40">
        <v>151.55000000000001</v>
      </c>
      <c r="I9102" s="40">
        <v>23.450910174183463</v>
      </c>
      <c r="L9102" s="40"/>
      <c r="M9102" s="40"/>
      <c r="N9102" s="40"/>
    </row>
    <row r="9103" spans="4:14" x14ac:dyDescent="0.25">
      <c r="D9103" s="40">
        <v>151.57727099998658</v>
      </c>
      <c r="E9103" s="40">
        <v>21.667668777295358</v>
      </c>
      <c r="F9103" s="40">
        <v>151.566667</v>
      </c>
      <c r="G9103" s="40">
        <v>22.291605273901407</v>
      </c>
      <c r="H9103" s="40">
        <v>151.566667</v>
      </c>
      <c r="I9103" s="40">
        <v>23.450910174183463</v>
      </c>
      <c r="L9103" s="40"/>
      <c r="M9103" s="40"/>
      <c r="N9103" s="40"/>
    </row>
    <row r="9104" spans="4:14" x14ac:dyDescent="0.25">
      <c r="D9104" s="40">
        <v>151.59393699998657</v>
      </c>
      <c r="E9104" s="40">
        <v>21.667668777295358</v>
      </c>
      <c r="F9104" s="40">
        <v>151.58333299999998</v>
      </c>
      <c r="G9104" s="40">
        <v>22.291605273901407</v>
      </c>
      <c r="H9104" s="40">
        <v>151.58333400000001</v>
      </c>
      <c r="I9104" s="40">
        <v>23.450910174183463</v>
      </c>
      <c r="L9104" s="40"/>
      <c r="M9104" s="40"/>
      <c r="N9104" s="40"/>
    </row>
    <row r="9105" spans="4:14" x14ac:dyDescent="0.25">
      <c r="D9105" s="40">
        <v>151.61060299998655</v>
      </c>
      <c r="E9105" s="40">
        <v>21.667668777295358</v>
      </c>
      <c r="F9105" s="40">
        <v>151.6</v>
      </c>
      <c r="G9105" s="40">
        <v>22.291605273901407</v>
      </c>
      <c r="H9105" s="40">
        <v>151.6</v>
      </c>
      <c r="I9105" s="40">
        <v>23.454262910326719</v>
      </c>
      <c r="L9105" s="40"/>
      <c r="M9105" s="40"/>
      <c r="N9105" s="40"/>
    </row>
    <row r="9106" spans="4:14" x14ac:dyDescent="0.25">
      <c r="D9106" s="40">
        <v>151.62726899998654</v>
      </c>
      <c r="E9106" s="40">
        <v>21.662825598705812</v>
      </c>
      <c r="F9106" s="40">
        <v>151.61666700000001</v>
      </c>
      <c r="G9106" s="40">
        <v>22.291605273901407</v>
      </c>
      <c r="H9106" s="40">
        <v>151.61666700000001</v>
      </c>
      <c r="I9106" s="40">
        <v>23.454262910326719</v>
      </c>
      <c r="L9106" s="40"/>
      <c r="M9106" s="40"/>
      <c r="N9106" s="40"/>
    </row>
    <row r="9107" spans="4:14" x14ac:dyDescent="0.25">
      <c r="D9107" s="40">
        <v>151.64393499998653</v>
      </c>
      <c r="E9107" s="40">
        <v>21.662825598705812</v>
      </c>
      <c r="F9107" s="40">
        <v>151.63333299999999</v>
      </c>
      <c r="G9107" s="40">
        <v>22.291605273901407</v>
      </c>
      <c r="H9107" s="40">
        <v>151.63333400000002</v>
      </c>
      <c r="I9107" s="40">
        <v>23.457615646470153</v>
      </c>
      <c r="L9107" s="40"/>
      <c r="M9107" s="40"/>
      <c r="N9107" s="40"/>
    </row>
    <row r="9108" spans="4:14" x14ac:dyDescent="0.25">
      <c r="D9108" s="40">
        <v>151.66060099998651</v>
      </c>
      <c r="E9108" s="40">
        <v>21.662825598705812</v>
      </c>
      <c r="F9108" s="40">
        <v>151.65</v>
      </c>
      <c r="G9108" s="40">
        <v>22.291605273901407</v>
      </c>
      <c r="H9108" s="40">
        <v>151.65</v>
      </c>
      <c r="I9108" s="40">
        <v>23.457615646470153</v>
      </c>
      <c r="L9108" s="40"/>
      <c r="M9108" s="40"/>
      <c r="N9108" s="40"/>
    </row>
    <row r="9109" spans="4:14" x14ac:dyDescent="0.25">
      <c r="D9109" s="40">
        <v>151.6772669999865</v>
      </c>
      <c r="E9109" s="40">
        <v>21.667668777295358</v>
      </c>
      <c r="F9109" s="40">
        <v>151.66666699999999</v>
      </c>
      <c r="G9109" s="40">
        <v>22.291605273901407</v>
      </c>
      <c r="H9109" s="40">
        <v>151.66666700000002</v>
      </c>
      <c r="I9109" s="40">
        <v>23.457615646470153</v>
      </c>
      <c r="L9109" s="40"/>
      <c r="M9109" s="40"/>
      <c r="N9109" s="40"/>
    </row>
    <row r="9110" spans="4:14" x14ac:dyDescent="0.25">
      <c r="D9110" s="40">
        <v>151.69393299998649</v>
      </c>
      <c r="E9110" s="40">
        <v>21.667668777295358</v>
      </c>
      <c r="F9110" s="40">
        <v>151.683333</v>
      </c>
      <c r="G9110" s="40">
        <v>22.291605273901407</v>
      </c>
      <c r="H9110" s="40">
        <v>151.683334</v>
      </c>
      <c r="I9110" s="40">
        <v>23.460869772726916</v>
      </c>
      <c r="L9110" s="40"/>
      <c r="M9110" s="40"/>
      <c r="N9110" s="40"/>
    </row>
    <row r="9111" spans="4:14" x14ac:dyDescent="0.25">
      <c r="D9111" s="40">
        <v>151.71059899998647</v>
      </c>
      <c r="E9111" s="40">
        <v>21.667668777295358</v>
      </c>
      <c r="F9111" s="40">
        <v>151.69999999999999</v>
      </c>
      <c r="G9111" s="40">
        <v>22.291605273901407</v>
      </c>
      <c r="H9111" s="40">
        <v>151.70000000000002</v>
      </c>
      <c r="I9111" s="40">
        <v>23.460869772726916</v>
      </c>
      <c r="L9111" s="40"/>
      <c r="M9111" s="40"/>
      <c r="N9111" s="40"/>
    </row>
    <row r="9112" spans="4:14" x14ac:dyDescent="0.25">
      <c r="D9112" s="40">
        <v>151.72726499998646</v>
      </c>
      <c r="E9112" s="40">
        <v>21.672511955884907</v>
      </c>
      <c r="F9112" s="40">
        <v>151.716667</v>
      </c>
      <c r="G9112" s="40">
        <v>22.291605273901407</v>
      </c>
      <c r="H9112" s="40">
        <v>151.716667</v>
      </c>
      <c r="I9112" s="40">
        <v>23.464222508870172</v>
      </c>
      <c r="L9112" s="40"/>
      <c r="M9112" s="40"/>
      <c r="N9112" s="40"/>
    </row>
    <row r="9113" spans="4:14" x14ac:dyDescent="0.25">
      <c r="D9113" s="40">
        <v>151.74393099998645</v>
      </c>
      <c r="E9113" s="40">
        <v>21.672511955884907</v>
      </c>
      <c r="F9113" s="40">
        <v>151.73333299999999</v>
      </c>
      <c r="G9113" s="40">
        <v>22.291605273901407</v>
      </c>
      <c r="H9113" s="40">
        <v>151.73333400000001</v>
      </c>
      <c r="I9113" s="40">
        <v>23.464222508870172</v>
      </c>
      <c r="L9113" s="40"/>
      <c r="M9113" s="40"/>
      <c r="N9113" s="40"/>
    </row>
    <row r="9114" spans="4:14" x14ac:dyDescent="0.25">
      <c r="D9114" s="40">
        <v>151.76059699998643</v>
      </c>
      <c r="E9114" s="40">
        <v>21.667668777295358</v>
      </c>
      <c r="F9114" s="40">
        <v>151.75</v>
      </c>
      <c r="G9114" s="40">
        <v>22.291605273901407</v>
      </c>
      <c r="H9114" s="40">
        <v>151.75</v>
      </c>
      <c r="I9114" s="40">
        <v>23.464222508870172</v>
      </c>
      <c r="L9114" s="40"/>
      <c r="M9114" s="40"/>
      <c r="N9114" s="40"/>
    </row>
    <row r="9115" spans="4:14" x14ac:dyDescent="0.25">
      <c r="D9115" s="40">
        <v>151.77726299998642</v>
      </c>
      <c r="E9115" s="40">
        <v>21.667668777295358</v>
      </c>
      <c r="F9115" s="40">
        <v>151.76666699999998</v>
      </c>
      <c r="G9115" s="40">
        <v>22.291605273901407</v>
      </c>
      <c r="H9115" s="40">
        <v>151.76666700000001</v>
      </c>
      <c r="I9115" s="40">
        <v>23.467575245013428</v>
      </c>
      <c r="L9115" s="40"/>
      <c r="M9115" s="40"/>
      <c r="N9115" s="40"/>
    </row>
    <row r="9116" spans="4:14" x14ac:dyDescent="0.25">
      <c r="D9116" s="40">
        <v>151.79392899998641</v>
      </c>
      <c r="E9116" s="40">
        <v>21.667668777295358</v>
      </c>
      <c r="F9116" s="40">
        <v>151.783333</v>
      </c>
      <c r="G9116" s="40">
        <v>22.291605273901407</v>
      </c>
      <c r="H9116" s="40">
        <v>151.783334</v>
      </c>
      <c r="I9116" s="40">
        <v>23.467575245013428</v>
      </c>
      <c r="L9116" s="40"/>
      <c r="M9116" s="40"/>
      <c r="N9116" s="40"/>
    </row>
    <row r="9117" spans="4:14" x14ac:dyDescent="0.25">
      <c r="D9117" s="40">
        <v>151.81059499998639</v>
      </c>
      <c r="E9117" s="40">
        <v>21.667668777295358</v>
      </c>
      <c r="F9117" s="40">
        <v>151.79999999999998</v>
      </c>
      <c r="G9117" s="40">
        <v>22.291605273901407</v>
      </c>
      <c r="H9117" s="40">
        <v>151.80000000000001</v>
      </c>
      <c r="I9117" s="40">
        <v>23.467575245013428</v>
      </c>
      <c r="L9117" s="40"/>
      <c r="M9117" s="40"/>
      <c r="N9117" s="40"/>
    </row>
    <row r="9118" spans="4:14" x14ac:dyDescent="0.25">
      <c r="D9118" s="40">
        <v>151.82726099998638</v>
      </c>
      <c r="E9118" s="40">
        <v>21.662825598705812</v>
      </c>
      <c r="F9118" s="40">
        <v>151.816667</v>
      </c>
      <c r="G9118" s="40">
        <v>22.291605273901407</v>
      </c>
      <c r="H9118" s="40">
        <v>151.816667</v>
      </c>
      <c r="I9118" s="40">
        <v>23.470829371270192</v>
      </c>
      <c r="L9118" s="40"/>
      <c r="M9118" s="40"/>
      <c r="N9118" s="40"/>
    </row>
    <row r="9119" spans="4:14" x14ac:dyDescent="0.25">
      <c r="D9119" s="40">
        <v>151.84392699998637</v>
      </c>
      <c r="E9119" s="40">
        <v>21.662825598705812</v>
      </c>
      <c r="F9119" s="40">
        <v>151.83333299999998</v>
      </c>
      <c r="G9119" s="40">
        <v>22.291605273901407</v>
      </c>
      <c r="H9119" s="40">
        <v>151.83333400000001</v>
      </c>
      <c r="I9119" s="40">
        <v>23.470829371270192</v>
      </c>
      <c r="L9119" s="40"/>
      <c r="M9119" s="40"/>
      <c r="N9119" s="40"/>
    </row>
    <row r="9120" spans="4:14" x14ac:dyDescent="0.25">
      <c r="D9120" s="40">
        <v>151.86059299998635</v>
      </c>
      <c r="E9120" s="40">
        <v>21.662825598705812</v>
      </c>
      <c r="F9120" s="40">
        <v>151.85</v>
      </c>
      <c r="G9120" s="40">
        <v>22.291605273901407</v>
      </c>
      <c r="H9120" s="40">
        <v>151.85</v>
      </c>
      <c r="I9120" s="40">
        <v>23.470829371270192</v>
      </c>
      <c r="L9120" s="40"/>
      <c r="M9120" s="40"/>
      <c r="N9120" s="40"/>
    </row>
    <row r="9121" spans="4:14" x14ac:dyDescent="0.25">
      <c r="D9121" s="40">
        <v>151.87725899998634</v>
      </c>
      <c r="E9121" s="40">
        <v>21.662825598705812</v>
      </c>
      <c r="F9121" s="40">
        <v>151.86666700000001</v>
      </c>
      <c r="G9121" s="40">
        <v>22.286850029811188</v>
      </c>
      <c r="H9121" s="40">
        <v>151.86666700000001</v>
      </c>
      <c r="I9121" s="40">
        <v>23.474182107413622</v>
      </c>
      <c r="L9121" s="40"/>
      <c r="M9121" s="40"/>
      <c r="N9121" s="40"/>
    </row>
    <row r="9122" spans="4:14" x14ac:dyDescent="0.25">
      <c r="D9122" s="40">
        <v>151.89392499998633</v>
      </c>
      <c r="E9122" s="40">
        <v>21.662825598705812</v>
      </c>
      <c r="F9122" s="40">
        <v>151.88333299999999</v>
      </c>
      <c r="G9122" s="40">
        <v>22.286850029811188</v>
      </c>
      <c r="H9122" s="40">
        <v>151.88333400000002</v>
      </c>
      <c r="I9122" s="40">
        <v>23.474182107413622</v>
      </c>
      <c r="L9122" s="40"/>
      <c r="M9122" s="40"/>
      <c r="N9122" s="40"/>
    </row>
    <row r="9123" spans="4:14" x14ac:dyDescent="0.25">
      <c r="D9123" s="40">
        <v>151.91059099998631</v>
      </c>
      <c r="E9123" s="40">
        <v>21.662825598705812</v>
      </c>
      <c r="F9123" s="40">
        <v>151.9</v>
      </c>
      <c r="G9123" s="40">
        <v>22.286850029811188</v>
      </c>
      <c r="H9123" s="40">
        <v>151.9</v>
      </c>
      <c r="I9123" s="40">
        <v>23.477534843556882</v>
      </c>
      <c r="L9123" s="40"/>
      <c r="M9123" s="40"/>
      <c r="N9123" s="40"/>
    </row>
    <row r="9124" spans="4:14" x14ac:dyDescent="0.25">
      <c r="D9124" s="40">
        <v>151.9272569999863</v>
      </c>
      <c r="E9124" s="40">
        <v>21.662825598705812</v>
      </c>
      <c r="F9124" s="40">
        <v>151.91666699999999</v>
      </c>
      <c r="G9124" s="40">
        <v>22.286850029811188</v>
      </c>
      <c r="H9124" s="40">
        <v>151.91666700000002</v>
      </c>
      <c r="I9124" s="40">
        <v>23.477534843556882</v>
      </c>
      <c r="L9124" s="40"/>
      <c r="M9124" s="40"/>
      <c r="N9124" s="40"/>
    </row>
    <row r="9125" spans="4:14" x14ac:dyDescent="0.25">
      <c r="D9125" s="40">
        <v>151.94392299998628</v>
      </c>
      <c r="E9125" s="40">
        <v>21.662825598705812</v>
      </c>
      <c r="F9125" s="40">
        <v>151.933333</v>
      </c>
      <c r="G9125" s="40">
        <v>22.286850029811188</v>
      </c>
      <c r="H9125" s="40">
        <v>151.933334</v>
      </c>
      <c r="I9125" s="40">
        <v>23.477534843556882</v>
      </c>
      <c r="L9125" s="40"/>
      <c r="M9125" s="40"/>
      <c r="N9125" s="40"/>
    </row>
    <row r="9126" spans="4:14" x14ac:dyDescent="0.25">
      <c r="D9126" s="40">
        <v>151.96058899998627</v>
      </c>
      <c r="E9126" s="40">
        <v>21.65812486654551</v>
      </c>
      <c r="F9126" s="40">
        <v>151.94999999999999</v>
      </c>
      <c r="G9126" s="40">
        <v>22.286850029811188</v>
      </c>
      <c r="H9126" s="40">
        <v>151.95000000000002</v>
      </c>
      <c r="I9126" s="40">
        <v>23.480788969813645</v>
      </c>
      <c r="L9126" s="40"/>
      <c r="M9126" s="40"/>
      <c r="N9126" s="40"/>
    </row>
    <row r="9127" spans="4:14" x14ac:dyDescent="0.25">
      <c r="D9127" s="40">
        <v>151.97725499998626</v>
      </c>
      <c r="E9127" s="40">
        <v>21.65812486654551</v>
      </c>
      <c r="F9127" s="40">
        <v>151.966667</v>
      </c>
      <c r="G9127" s="40">
        <v>22.282234645841413</v>
      </c>
      <c r="H9127" s="40">
        <v>151.966667</v>
      </c>
      <c r="I9127" s="40">
        <v>23.480788969813645</v>
      </c>
      <c r="L9127" s="40"/>
      <c r="M9127" s="40"/>
      <c r="N9127" s="40"/>
    </row>
    <row r="9128" spans="4:14" x14ac:dyDescent="0.25">
      <c r="D9128" s="40">
        <v>151.99392099998624</v>
      </c>
      <c r="E9128" s="40">
        <v>21.65812486654551</v>
      </c>
      <c r="F9128" s="40">
        <v>151.98333299999999</v>
      </c>
      <c r="G9128" s="40">
        <v>22.282234645841413</v>
      </c>
      <c r="H9128" s="40">
        <v>151.98333400000001</v>
      </c>
      <c r="I9128" s="40">
        <v>23.480788969813645</v>
      </c>
      <c r="L9128" s="40"/>
      <c r="M9128" s="40"/>
      <c r="N9128" s="40"/>
    </row>
    <row r="9129" spans="4:14" x14ac:dyDescent="0.25">
      <c r="D9129" s="40">
        <v>152.01058699998623</v>
      </c>
      <c r="E9129" s="40">
        <v>21.65812486654551</v>
      </c>
      <c r="F9129" s="40">
        <v>152</v>
      </c>
      <c r="G9129" s="40">
        <v>22.282234645841413</v>
      </c>
      <c r="H9129" s="40">
        <v>152</v>
      </c>
      <c r="I9129" s="40">
        <v>23.484141705956901</v>
      </c>
      <c r="L9129" s="40"/>
      <c r="M9129" s="40"/>
      <c r="N9129" s="40"/>
    </row>
    <row r="9130" spans="4:14" x14ac:dyDescent="0.25">
      <c r="D9130" s="40">
        <v>152.02725299998622</v>
      </c>
      <c r="E9130" s="40">
        <v>21.65812486654551</v>
      </c>
      <c r="F9130" s="40">
        <v>152.01666699999998</v>
      </c>
      <c r="G9130" s="40">
        <v>22.282234645841413</v>
      </c>
      <c r="H9130" s="40">
        <v>152.01666700000001</v>
      </c>
      <c r="I9130" s="40">
        <v>23.484141705956901</v>
      </c>
      <c r="L9130" s="40"/>
      <c r="M9130" s="40"/>
      <c r="N9130" s="40"/>
    </row>
    <row r="9131" spans="4:14" x14ac:dyDescent="0.25">
      <c r="D9131" s="40">
        <v>152.0439189999862</v>
      </c>
      <c r="E9131" s="40">
        <v>21.65812486654551</v>
      </c>
      <c r="F9131" s="40">
        <v>152.033333</v>
      </c>
      <c r="G9131" s="40">
        <v>22.282234645841413</v>
      </c>
      <c r="H9131" s="40">
        <v>152.033334</v>
      </c>
      <c r="I9131" s="40">
        <v>23.484141705956901</v>
      </c>
      <c r="L9131" s="40"/>
      <c r="M9131" s="40"/>
      <c r="N9131" s="40"/>
    </row>
    <row r="9132" spans="4:14" x14ac:dyDescent="0.25">
      <c r="D9132" s="40">
        <v>152.06058499998619</v>
      </c>
      <c r="E9132" s="40">
        <v>21.662825598705812</v>
      </c>
      <c r="F9132" s="40">
        <v>152.04999999999998</v>
      </c>
      <c r="G9132" s="40">
        <v>22.282234645841413</v>
      </c>
      <c r="H9132" s="40">
        <v>152.05000000000001</v>
      </c>
      <c r="I9132" s="40">
        <v>23.487494442100161</v>
      </c>
      <c r="L9132" s="40"/>
      <c r="M9132" s="40"/>
      <c r="N9132" s="40"/>
    </row>
    <row r="9133" spans="4:14" x14ac:dyDescent="0.25">
      <c r="D9133" s="40">
        <v>152.07725099998618</v>
      </c>
      <c r="E9133" s="40">
        <v>21.662825598705812</v>
      </c>
      <c r="F9133" s="40">
        <v>152.066667</v>
      </c>
      <c r="G9133" s="40">
        <v>22.286850029811188</v>
      </c>
      <c r="H9133" s="40">
        <v>152.066667</v>
      </c>
      <c r="I9133" s="40">
        <v>23.487494442100161</v>
      </c>
      <c r="L9133" s="40"/>
      <c r="M9133" s="40"/>
      <c r="N9133" s="40"/>
    </row>
    <row r="9134" spans="4:14" x14ac:dyDescent="0.25">
      <c r="D9134" s="40">
        <v>152.09391699998616</v>
      </c>
      <c r="E9134" s="40">
        <v>21.662825598705812</v>
      </c>
      <c r="F9134" s="40">
        <v>152.08333299999998</v>
      </c>
      <c r="G9134" s="40">
        <v>22.286850029811188</v>
      </c>
      <c r="H9134" s="40">
        <v>152.08333400000001</v>
      </c>
      <c r="I9134" s="40">
        <v>23.487494442100161</v>
      </c>
      <c r="L9134" s="40"/>
      <c r="M9134" s="40"/>
      <c r="N9134" s="40"/>
    </row>
    <row r="9135" spans="4:14" x14ac:dyDescent="0.25">
      <c r="D9135" s="40">
        <v>152.11058299998615</v>
      </c>
      <c r="E9135" s="40">
        <v>21.662825598705812</v>
      </c>
      <c r="F9135" s="40">
        <v>152.1</v>
      </c>
      <c r="G9135" s="40">
        <v>22.286850029811188</v>
      </c>
      <c r="H9135" s="40">
        <v>152.1</v>
      </c>
      <c r="I9135" s="40">
        <v>23.490748568356924</v>
      </c>
      <c r="L9135" s="40"/>
      <c r="M9135" s="40"/>
      <c r="N9135" s="40"/>
    </row>
    <row r="9136" spans="4:14" x14ac:dyDescent="0.25">
      <c r="D9136" s="40">
        <v>152.12724899998614</v>
      </c>
      <c r="E9136" s="40">
        <v>21.662825598705812</v>
      </c>
      <c r="F9136" s="40">
        <v>152.11666700000001</v>
      </c>
      <c r="G9136" s="40">
        <v>22.286850029811188</v>
      </c>
      <c r="H9136" s="40">
        <v>152.11666700000001</v>
      </c>
      <c r="I9136" s="40">
        <v>23.490748568356924</v>
      </c>
      <c r="L9136" s="40"/>
      <c r="M9136" s="40"/>
      <c r="N9136" s="40"/>
    </row>
    <row r="9137" spans="4:14" x14ac:dyDescent="0.25">
      <c r="D9137" s="40">
        <v>152.14391499998612</v>
      </c>
      <c r="E9137" s="40">
        <v>21.662825598705812</v>
      </c>
      <c r="F9137" s="40">
        <v>152.13333299999999</v>
      </c>
      <c r="G9137" s="40">
        <v>22.286850029811188</v>
      </c>
      <c r="H9137" s="40">
        <v>152.13333400000002</v>
      </c>
      <c r="I9137" s="40">
        <v>23.490748568356924</v>
      </c>
      <c r="L9137" s="40"/>
      <c r="M9137" s="40"/>
      <c r="N9137" s="40"/>
    </row>
    <row r="9138" spans="4:14" x14ac:dyDescent="0.25">
      <c r="D9138" s="40">
        <v>152.16058099998611</v>
      </c>
      <c r="E9138" s="40">
        <v>21.662825598705812</v>
      </c>
      <c r="F9138" s="40">
        <v>152.15</v>
      </c>
      <c r="G9138" s="40">
        <v>22.286850029811188</v>
      </c>
      <c r="H9138" s="40">
        <v>152.15</v>
      </c>
      <c r="I9138" s="40">
        <v>23.494101304500354</v>
      </c>
      <c r="L9138" s="40"/>
      <c r="M9138" s="40"/>
      <c r="N9138" s="40"/>
    </row>
    <row r="9139" spans="4:14" x14ac:dyDescent="0.25">
      <c r="D9139" s="40">
        <v>152.1772469999861</v>
      </c>
      <c r="E9139" s="40">
        <v>21.667668777295358</v>
      </c>
      <c r="F9139" s="40">
        <v>152.16666699999999</v>
      </c>
      <c r="G9139" s="40">
        <v>22.286850029811188</v>
      </c>
      <c r="H9139" s="40">
        <v>152.16666700000002</v>
      </c>
      <c r="I9139" s="40">
        <v>23.494101304500354</v>
      </c>
      <c r="L9139" s="40"/>
      <c r="M9139" s="40"/>
      <c r="N9139" s="40"/>
    </row>
    <row r="9140" spans="4:14" x14ac:dyDescent="0.25">
      <c r="D9140" s="40">
        <v>152.19391299998608</v>
      </c>
      <c r="E9140" s="40">
        <v>21.667668777295358</v>
      </c>
      <c r="F9140" s="40">
        <v>152.183333</v>
      </c>
      <c r="G9140" s="40">
        <v>22.291605273901407</v>
      </c>
      <c r="H9140" s="40">
        <v>152.183334</v>
      </c>
      <c r="I9140" s="40">
        <v>23.497454040643611</v>
      </c>
      <c r="L9140" s="40"/>
      <c r="M9140" s="40"/>
      <c r="N9140" s="40"/>
    </row>
    <row r="9141" spans="4:14" x14ac:dyDescent="0.25">
      <c r="D9141" s="40">
        <v>152.21057899998607</v>
      </c>
      <c r="E9141" s="40">
        <v>21.672511955884907</v>
      </c>
      <c r="F9141" s="40">
        <v>152.19999999999999</v>
      </c>
      <c r="G9141" s="40">
        <v>22.291605273901407</v>
      </c>
      <c r="H9141" s="40">
        <v>152.20000000000002</v>
      </c>
      <c r="I9141" s="40">
        <v>23.497454040643611</v>
      </c>
      <c r="L9141" s="40"/>
      <c r="M9141" s="40"/>
      <c r="N9141" s="40"/>
    </row>
    <row r="9142" spans="4:14" x14ac:dyDescent="0.25">
      <c r="D9142" s="40">
        <v>152.22724499998606</v>
      </c>
      <c r="E9142" s="40">
        <v>21.672511955884907</v>
      </c>
      <c r="F9142" s="40">
        <v>152.216667</v>
      </c>
      <c r="G9142" s="40">
        <v>22.291605273901407</v>
      </c>
      <c r="H9142" s="40">
        <v>152.216667</v>
      </c>
      <c r="I9142" s="40">
        <v>23.500708166900374</v>
      </c>
      <c r="L9142" s="40"/>
      <c r="M9142" s="40"/>
      <c r="N9142" s="40"/>
    </row>
    <row r="9143" spans="4:14" x14ac:dyDescent="0.25">
      <c r="D9143" s="40">
        <v>152.24391099998604</v>
      </c>
      <c r="E9143" s="40">
        <v>21.672511955884907</v>
      </c>
      <c r="F9143" s="40">
        <v>152.23333299999999</v>
      </c>
      <c r="G9143" s="40">
        <v>22.291605273901407</v>
      </c>
      <c r="H9143" s="40">
        <v>152.23333400000001</v>
      </c>
      <c r="I9143" s="40">
        <v>23.500708166900374</v>
      </c>
      <c r="L9143" s="40"/>
      <c r="M9143" s="40"/>
      <c r="N9143" s="40"/>
    </row>
    <row r="9144" spans="4:14" x14ac:dyDescent="0.25">
      <c r="D9144" s="40">
        <v>152.26057699998603</v>
      </c>
      <c r="E9144" s="40">
        <v>21.672511955884907</v>
      </c>
      <c r="F9144" s="40">
        <v>152.25</v>
      </c>
      <c r="G9144" s="40">
        <v>22.291605273901407</v>
      </c>
      <c r="H9144" s="40">
        <v>152.25</v>
      </c>
      <c r="I9144" s="40">
        <v>23.500708166900374</v>
      </c>
      <c r="L9144" s="40"/>
      <c r="M9144" s="40"/>
      <c r="N9144" s="40"/>
    </row>
    <row r="9145" spans="4:14" x14ac:dyDescent="0.25">
      <c r="D9145" s="40">
        <v>152.27724299998602</v>
      </c>
      <c r="E9145" s="40">
        <v>21.672511955884907</v>
      </c>
      <c r="F9145" s="40">
        <v>152.26666699999998</v>
      </c>
      <c r="G9145" s="40">
        <v>22.291605273901407</v>
      </c>
      <c r="H9145" s="40">
        <v>152.26666700000001</v>
      </c>
      <c r="I9145" s="40">
        <v>23.504060903043634</v>
      </c>
      <c r="L9145" s="40"/>
      <c r="M9145" s="40"/>
      <c r="N9145" s="40"/>
    </row>
    <row r="9146" spans="4:14" x14ac:dyDescent="0.25">
      <c r="D9146" s="40">
        <v>152.293908999986</v>
      </c>
      <c r="E9146" s="40">
        <v>21.672511955884907</v>
      </c>
      <c r="F9146" s="40">
        <v>152.283333</v>
      </c>
      <c r="G9146" s="40">
        <v>22.291605273901407</v>
      </c>
      <c r="H9146" s="40">
        <v>152.283334</v>
      </c>
      <c r="I9146" s="40">
        <v>23.504060903043634</v>
      </c>
      <c r="L9146" s="40"/>
      <c r="M9146" s="40"/>
      <c r="N9146" s="40"/>
    </row>
    <row r="9147" spans="4:14" x14ac:dyDescent="0.25">
      <c r="D9147" s="40">
        <v>152.31057499998599</v>
      </c>
      <c r="E9147" s="40">
        <v>21.672511955884907</v>
      </c>
      <c r="F9147" s="40">
        <v>152.29999999999998</v>
      </c>
      <c r="G9147" s="40">
        <v>22.296360517991626</v>
      </c>
      <c r="H9147" s="40">
        <v>152.30000000000001</v>
      </c>
      <c r="I9147" s="40">
        <v>23.504060903043634</v>
      </c>
      <c r="L9147" s="40"/>
      <c r="M9147" s="40"/>
      <c r="N9147" s="40"/>
    </row>
    <row r="9148" spans="4:14" x14ac:dyDescent="0.25">
      <c r="D9148" s="40">
        <v>152.32724099998597</v>
      </c>
      <c r="E9148" s="40">
        <v>21.672511955884907</v>
      </c>
      <c r="F9148" s="40">
        <v>152.316667</v>
      </c>
      <c r="G9148" s="40">
        <v>22.296360517991626</v>
      </c>
      <c r="H9148" s="40">
        <v>152.316667</v>
      </c>
      <c r="I9148" s="40">
        <v>23.504060903043634</v>
      </c>
      <c r="L9148" s="40"/>
      <c r="M9148" s="40"/>
      <c r="N9148" s="40"/>
    </row>
    <row r="9149" spans="4:14" x14ac:dyDescent="0.25">
      <c r="D9149" s="40">
        <v>152.34390699998596</v>
      </c>
      <c r="E9149" s="40">
        <v>21.67721268804533</v>
      </c>
      <c r="F9149" s="40">
        <v>152.33333299999998</v>
      </c>
      <c r="G9149" s="40">
        <v>22.296360517991626</v>
      </c>
      <c r="H9149" s="40">
        <v>152.33333400000001</v>
      </c>
      <c r="I9149" s="40">
        <v>23.50741363918689</v>
      </c>
      <c r="L9149" s="40"/>
      <c r="M9149" s="40"/>
      <c r="N9149" s="40"/>
    </row>
    <row r="9150" spans="4:14" x14ac:dyDescent="0.25">
      <c r="D9150" s="40">
        <v>152.36057299998595</v>
      </c>
      <c r="E9150" s="40">
        <v>21.67721268804533</v>
      </c>
      <c r="F9150" s="40">
        <v>152.35</v>
      </c>
      <c r="G9150" s="40">
        <v>22.301115762081722</v>
      </c>
      <c r="H9150" s="40">
        <v>152.35</v>
      </c>
      <c r="I9150" s="40">
        <v>23.510667765443653</v>
      </c>
      <c r="L9150" s="40"/>
      <c r="M9150" s="40"/>
      <c r="N9150" s="40"/>
    </row>
    <row r="9151" spans="4:14" x14ac:dyDescent="0.25">
      <c r="D9151" s="40">
        <v>152.37723899998593</v>
      </c>
      <c r="E9151" s="40">
        <v>21.682055866634752</v>
      </c>
      <c r="F9151" s="40">
        <v>152.36666700000001</v>
      </c>
      <c r="G9151" s="40">
        <v>22.301115762081722</v>
      </c>
      <c r="H9151" s="40">
        <v>152.36666700000001</v>
      </c>
      <c r="I9151" s="40">
        <v>23.510667765443653</v>
      </c>
      <c r="L9151" s="40"/>
      <c r="M9151" s="40"/>
      <c r="N9151" s="40"/>
    </row>
    <row r="9152" spans="4:14" x14ac:dyDescent="0.25">
      <c r="D9152" s="40">
        <v>152.39390499998592</v>
      </c>
      <c r="E9152" s="40">
        <v>21.682055866634752</v>
      </c>
      <c r="F9152" s="40">
        <v>152.38333299999999</v>
      </c>
      <c r="G9152" s="40">
        <v>22.301115762081722</v>
      </c>
      <c r="H9152" s="40">
        <v>152.38333400000002</v>
      </c>
      <c r="I9152" s="40">
        <v>23.514020501587083</v>
      </c>
      <c r="L9152" s="40"/>
      <c r="M9152" s="40"/>
      <c r="N9152" s="40"/>
    </row>
    <row r="9153" spans="4:14" x14ac:dyDescent="0.25">
      <c r="D9153" s="40">
        <v>152.41057099998591</v>
      </c>
      <c r="E9153" s="40">
        <v>21.686899045224301</v>
      </c>
      <c r="F9153" s="40">
        <v>152.4</v>
      </c>
      <c r="G9153" s="40">
        <v>22.30573114605162</v>
      </c>
      <c r="H9153" s="40">
        <v>152.4</v>
      </c>
      <c r="I9153" s="40">
        <v>23.514020501587083</v>
      </c>
      <c r="L9153" s="40"/>
      <c r="M9153" s="40"/>
      <c r="N9153" s="40"/>
    </row>
    <row r="9154" spans="4:14" x14ac:dyDescent="0.25">
      <c r="D9154" s="40">
        <v>152.42723699998589</v>
      </c>
      <c r="E9154" s="40">
        <v>21.686899045224301</v>
      </c>
      <c r="F9154" s="40">
        <v>152.41666699999999</v>
      </c>
      <c r="G9154" s="40">
        <v>22.30573114605162</v>
      </c>
      <c r="H9154" s="40">
        <v>152.41666700000002</v>
      </c>
      <c r="I9154" s="40">
        <v>23.517373237730339</v>
      </c>
      <c r="L9154" s="40"/>
      <c r="M9154" s="40"/>
      <c r="N9154" s="40"/>
    </row>
    <row r="9155" spans="4:14" x14ac:dyDescent="0.25">
      <c r="D9155" s="40">
        <v>152.44390299998588</v>
      </c>
      <c r="E9155" s="40">
        <v>21.686899045224301</v>
      </c>
      <c r="F9155" s="40">
        <v>152.433333</v>
      </c>
      <c r="G9155" s="40">
        <v>22.310486390141843</v>
      </c>
      <c r="H9155" s="40">
        <v>152.433334</v>
      </c>
      <c r="I9155" s="40">
        <v>23.517373237730339</v>
      </c>
      <c r="L9155" s="40"/>
      <c r="M9155" s="40"/>
      <c r="N9155" s="40"/>
    </row>
    <row r="9156" spans="4:14" x14ac:dyDescent="0.25">
      <c r="D9156" s="40">
        <v>152.46056899998587</v>
      </c>
      <c r="E9156" s="40">
        <v>21.686899045224301</v>
      </c>
      <c r="F9156" s="40">
        <v>152.44999999999999</v>
      </c>
      <c r="G9156" s="40">
        <v>22.310486390141843</v>
      </c>
      <c r="H9156" s="40">
        <v>152.45000000000002</v>
      </c>
      <c r="I9156" s="40">
        <v>23.517373237730339</v>
      </c>
      <c r="L9156" s="40"/>
      <c r="M9156" s="40"/>
      <c r="N9156" s="40"/>
    </row>
    <row r="9157" spans="4:14" x14ac:dyDescent="0.25">
      <c r="D9157" s="40">
        <v>152.47723499998585</v>
      </c>
      <c r="E9157" s="40">
        <v>21.686899045224301</v>
      </c>
      <c r="F9157" s="40">
        <v>152.466667</v>
      </c>
      <c r="G9157" s="40">
        <v>22.315241634231938</v>
      </c>
      <c r="H9157" s="40">
        <v>152.466667</v>
      </c>
      <c r="I9157" s="40">
        <v>23.520627363987103</v>
      </c>
      <c r="L9157" s="40"/>
      <c r="M9157" s="40"/>
      <c r="N9157" s="40"/>
    </row>
    <row r="9158" spans="4:14" x14ac:dyDescent="0.25">
      <c r="D9158" s="40">
        <v>152.49390099998584</v>
      </c>
      <c r="E9158" s="40">
        <v>21.686899045224301</v>
      </c>
      <c r="F9158" s="40">
        <v>152.48333299999999</v>
      </c>
      <c r="G9158" s="40">
        <v>22.315241634231938</v>
      </c>
      <c r="H9158" s="40">
        <v>152.48333400000001</v>
      </c>
      <c r="I9158" s="40">
        <v>23.523980100130363</v>
      </c>
      <c r="L9158" s="40"/>
      <c r="M9158" s="40"/>
      <c r="N9158" s="40"/>
    </row>
    <row r="9159" spans="4:14" x14ac:dyDescent="0.25">
      <c r="D9159" s="40">
        <v>152.51056699998583</v>
      </c>
      <c r="E9159" s="40">
        <v>21.691742223813723</v>
      </c>
      <c r="F9159" s="40">
        <v>152.5</v>
      </c>
      <c r="G9159" s="40">
        <v>22.315241634231938</v>
      </c>
      <c r="H9159" s="40">
        <v>152.5</v>
      </c>
      <c r="I9159" s="40">
        <v>23.523980100130363</v>
      </c>
      <c r="L9159" s="40"/>
      <c r="M9159" s="40"/>
      <c r="N9159" s="40"/>
    </row>
    <row r="9160" spans="4:14" x14ac:dyDescent="0.25">
      <c r="D9160" s="40">
        <v>152.52723299998581</v>
      </c>
      <c r="E9160" s="40">
        <v>21.691742223813723</v>
      </c>
      <c r="F9160" s="40">
        <v>152.51666699999998</v>
      </c>
      <c r="G9160" s="40">
        <v>22.319857018201837</v>
      </c>
      <c r="H9160" s="40">
        <v>152.51666700000001</v>
      </c>
      <c r="I9160" s="40">
        <v>23.523980100130363</v>
      </c>
      <c r="L9160" s="40"/>
      <c r="M9160" s="40"/>
      <c r="N9160" s="40"/>
    </row>
    <row r="9161" spans="4:14" x14ac:dyDescent="0.25">
      <c r="D9161" s="40">
        <v>152.5438989999858</v>
      </c>
      <c r="E9161" s="40">
        <v>21.691742223813723</v>
      </c>
      <c r="F9161" s="40">
        <v>152.533333</v>
      </c>
      <c r="G9161" s="40">
        <v>22.319857018201837</v>
      </c>
      <c r="H9161" s="40">
        <v>152.533334</v>
      </c>
      <c r="I9161" s="40">
        <v>23.527332836273796</v>
      </c>
      <c r="L9161" s="40"/>
      <c r="M9161" s="40"/>
      <c r="N9161" s="40"/>
    </row>
    <row r="9162" spans="4:14" x14ac:dyDescent="0.25">
      <c r="D9162" s="40">
        <v>152.56056499998579</v>
      </c>
      <c r="E9162" s="40">
        <v>21.691742223813723</v>
      </c>
      <c r="F9162" s="40">
        <v>152.54999999999998</v>
      </c>
      <c r="G9162" s="40">
        <v>22.319857018201837</v>
      </c>
      <c r="H9162" s="40">
        <v>152.55000000000001</v>
      </c>
      <c r="I9162" s="40">
        <v>23.530586962530556</v>
      </c>
      <c r="L9162" s="40"/>
      <c r="M9162" s="40"/>
      <c r="N9162" s="40"/>
    </row>
    <row r="9163" spans="4:14" x14ac:dyDescent="0.25">
      <c r="D9163" s="40">
        <v>152.57723099998577</v>
      </c>
      <c r="E9163" s="40">
        <v>21.691742223813723</v>
      </c>
      <c r="F9163" s="40">
        <v>152.566667</v>
      </c>
      <c r="G9163" s="40">
        <v>22.319857018201837</v>
      </c>
      <c r="H9163" s="40">
        <v>152.566667</v>
      </c>
      <c r="I9163" s="40">
        <v>23.530586962530556</v>
      </c>
      <c r="L9163" s="40"/>
      <c r="M9163" s="40"/>
      <c r="N9163" s="40"/>
    </row>
    <row r="9164" spans="4:14" x14ac:dyDescent="0.25">
      <c r="D9164" s="40">
        <v>152.59389699998576</v>
      </c>
      <c r="E9164" s="40">
        <v>21.696442955974149</v>
      </c>
      <c r="F9164" s="40">
        <v>152.58333299999998</v>
      </c>
      <c r="G9164" s="40">
        <v>22.319857018201837</v>
      </c>
      <c r="H9164" s="40">
        <v>152.58333400000001</v>
      </c>
      <c r="I9164" s="40">
        <v>23.530586962530556</v>
      </c>
      <c r="L9164" s="40"/>
      <c r="M9164" s="40"/>
      <c r="N9164" s="40"/>
    </row>
    <row r="9165" spans="4:14" x14ac:dyDescent="0.25">
      <c r="D9165" s="40">
        <v>152.61056299998575</v>
      </c>
      <c r="E9165" s="40">
        <v>21.696442955974149</v>
      </c>
      <c r="F9165" s="40">
        <v>152.6</v>
      </c>
      <c r="G9165" s="40">
        <v>22.319857018201837</v>
      </c>
      <c r="H9165" s="40">
        <v>152.6</v>
      </c>
      <c r="I9165" s="40">
        <v>23.533939698673812</v>
      </c>
      <c r="L9165" s="40"/>
      <c r="M9165" s="40"/>
      <c r="N9165" s="40"/>
    </row>
    <row r="9166" spans="4:14" x14ac:dyDescent="0.25">
      <c r="D9166" s="40">
        <v>152.62722899998573</v>
      </c>
      <c r="E9166" s="40">
        <v>21.696442955974149</v>
      </c>
      <c r="F9166" s="40">
        <v>152.61666700000001</v>
      </c>
      <c r="G9166" s="40">
        <v>22.319857018201837</v>
      </c>
      <c r="H9166" s="40">
        <v>152.61666700000001</v>
      </c>
      <c r="I9166" s="40">
        <v>23.533939698673812</v>
      </c>
      <c r="L9166" s="40"/>
      <c r="M9166" s="40"/>
      <c r="N9166" s="40"/>
    </row>
    <row r="9167" spans="4:14" x14ac:dyDescent="0.25">
      <c r="D9167" s="40">
        <v>152.64389499998572</v>
      </c>
      <c r="E9167" s="40">
        <v>21.696442955974149</v>
      </c>
      <c r="F9167" s="40">
        <v>152.63333299999999</v>
      </c>
      <c r="G9167" s="40">
        <v>22.319857018201837</v>
      </c>
      <c r="H9167" s="40">
        <v>152.63333400000002</v>
      </c>
      <c r="I9167" s="40">
        <v>23.533939698673812</v>
      </c>
      <c r="L9167" s="40"/>
      <c r="M9167" s="40"/>
      <c r="N9167" s="40"/>
    </row>
    <row r="9168" spans="4:14" x14ac:dyDescent="0.25">
      <c r="D9168" s="40">
        <v>152.66056099998571</v>
      </c>
      <c r="E9168" s="40">
        <v>21.701286134563698</v>
      </c>
      <c r="F9168" s="40">
        <v>152.65</v>
      </c>
      <c r="G9168" s="40">
        <v>22.319857018201837</v>
      </c>
      <c r="H9168" s="40">
        <v>152.65</v>
      </c>
      <c r="I9168" s="40">
        <v>23.537292434817072</v>
      </c>
      <c r="L9168" s="40"/>
      <c r="M9168" s="40"/>
      <c r="N9168" s="40"/>
    </row>
    <row r="9169" spans="4:14" x14ac:dyDescent="0.25">
      <c r="D9169" s="40">
        <v>152.67722699998569</v>
      </c>
      <c r="E9169" s="40">
        <v>21.701286134563698</v>
      </c>
      <c r="F9169" s="40">
        <v>152.66666699999999</v>
      </c>
      <c r="G9169" s="40">
        <v>22.324612262292057</v>
      </c>
      <c r="H9169" s="40">
        <v>152.66666700000002</v>
      </c>
      <c r="I9169" s="40">
        <v>23.537292434817072</v>
      </c>
      <c r="L9169" s="40"/>
      <c r="M9169" s="40"/>
      <c r="N9169" s="40"/>
    </row>
    <row r="9170" spans="4:14" x14ac:dyDescent="0.25">
      <c r="D9170" s="40">
        <v>152.69389299998568</v>
      </c>
      <c r="E9170" s="40">
        <v>21.706129313153248</v>
      </c>
      <c r="F9170" s="40">
        <v>152.683333</v>
      </c>
      <c r="G9170" s="40">
        <v>22.324612262292057</v>
      </c>
      <c r="H9170" s="40">
        <v>152.683334</v>
      </c>
      <c r="I9170" s="40">
        <v>23.540546561073835</v>
      </c>
      <c r="L9170" s="40"/>
      <c r="M9170" s="40"/>
      <c r="N9170" s="40"/>
    </row>
    <row r="9171" spans="4:14" x14ac:dyDescent="0.25">
      <c r="D9171" s="40">
        <v>152.71055899998566</v>
      </c>
      <c r="E9171" s="40">
        <v>21.706129313153248</v>
      </c>
      <c r="F9171" s="40">
        <v>152.69999999999999</v>
      </c>
      <c r="G9171" s="40">
        <v>22.324612262292057</v>
      </c>
      <c r="H9171" s="40">
        <v>152.70000000000002</v>
      </c>
      <c r="I9171" s="40">
        <v>23.543899297217092</v>
      </c>
      <c r="L9171" s="40"/>
      <c r="M9171" s="40"/>
      <c r="N9171" s="40"/>
    </row>
    <row r="9172" spans="4:14" x14ac:dyDescent="0.25">
      <c r="D9172" s="40">
        <v>152.72722499998565</v>
      </c>
      <c r="E9172" s="40">
        <v>21.706129313153248</v>
      </c>
      <c r="F9172" s="40">
        <v>152.716667</v>
      </c>
      <c r="G9172" s="40">
        <v>22.324612262292057</v>
      </c>
      <c r="H9172" s="40">
        <v>152.716667</v>
      </c>
      <c r="I9172" s="40">
        <v>23.543899297217092</v>
      </c>
      <c r="L9172" s="40"/>
      <c r="M9172" s="40"/>
      <c r="N9172" s="40"/>
    </row>
    <row r="9173" spans="4:14" x14ac:dyDescent="0.25">
      <c r="D9173" s="40">
        <v>152.74389099998564</v>
      </c>
      <c r="E9173" s="40">
        <v>21.706129313153248</v>
      </c>
      <c r="F9173" s="40">
        <v>152.73333299999999</v>
      </c>
      <c r="G9173" s="40">
        <v>22.329367506382276</v>
      </c>
      <c r="H9173" s="40">
        <v>152.73333400000001</v>
      </c>
      <c r="I9173" s="40">
        <v>23.547252033360525</v>
      </c>
      <c r="L9173" s="40"/>
      <c r="M9173" s="40"/>
      <c r="N9173" s="40"/>
    </row>
    <row r="9174" spans="4:14" x14ac:dyDescent="0.25">
      <c r="D9174" s="40">
        <v>152.76055699998562</v>
      </c>
      <c r="E9174" s="40">
        <v>21.710830045313546</v>
      </c>
      <c r="F9174" s="40">
        <v>152.75</v>
      </c>
      <c r="G9174" s="40">
        <v>22.329367506382276</v>
      </c>
      <c r="H9174" s="40">
        <v>152.75</v>
      </c>
      <c r="I9174" s="40">
        <v>23.547252033360525</v>
      </c>
      <c r="L9174" s="40"/>
      <c r="M9174" s="40"/>
      <c r="N9174" s="40"/>
    </row>
    <row r="9175" spans="4:14" x14ac:dyDescent="0.25">
      <c r="D9175" s="40">
        <v>152.77722299998561</v>
      </c>
      <c r="E9175" s="40">
        <v>21.710830045313546</v>
      </c>
      <c r="F9175" s="40">
        <v>152.76666699999998</v>
      </c>
      <c r="G9175" s="40">
        <v>22.329367506382276</v>
      </c>
      <c r="H9175" s="40">
        <v>152.76666700000001</v>
      </c>
      <c r="I9175" s="40">
        <v>23.547252033360525</v>
      </c>
      <c r="L9175" s="40"/>
      <c r="M9175" s="40"/>
      <c r="N9175" s="40"/>
    </row>
    <row r="9176" spans="4:14" x14ac:dyDescent="0.25">
      <c r="D9176" s="40">
        <v>152.7938889999856</v>
      </c>
      <c r="E9176" s="40">
        <v>21.710830045313546</v>
      </c>
      <c r="F9176" s="40">
        <v>152.783333</v>
      </c>
      <c r="G9176" s="40">
        <v>22.329367506382276</v>
      </c>
      <c r="H9176" s="40">
        <v>152.783334</v>
      </c>
      <c r="I9176" s="40">
        <v>23.550506159617289</v>
      </c>
      <c r="L9176" s="40"/>
      <c r="M9176" s="40"/>
      <c r="N9176" s="40"/>
    </row>
    <row r="9177" spans="4:14" x14ac:dyDescent="0.25">
      <c r="D9177" s="40">
        <v>152.81055499998558</v>
      </c>
      <c r="E9177" s="40">
        <v>21.706129313153248</v>
      </c>
      <c r="F9177" s="40">
        <v>152.79999999999998</v>
      </c>
      <c r="G9177" s="40">
        <v>22.329367506382276</v>
      </c>
      <c r="H9177" s="40">
        <v>152.80000000000001</v>
      </c>
      <c r="I9177" s="40">
        <v>23.550506159617289</v>
      </c>
      <c r="L9177" s="40"/>
      <c r="M9177" s="40"/>
      <c r="N9177" s="40"/>
    </row>
    <row r="9178" spans="4:14" x14ac:dyDescent="0.25">
      <c r="D9178" s="40">
        <v>152.82722099998557</v>
      </c>
      <c r="E9178" s="40">
        <v>21.706129313153248</v>
      </c>
      <c r="F9178" s="40">
        <v>152.816667</v>
      </c>
      <c r="G9178" s="40">
        <v>22.329367506382276</v>
      </c>
      <c r="H9178" s="40">
        <v>152.816667</v>
      </c>
      <c r="I9178" s="40">
        <v>23.550506159617289</v>
      </c>
      <c r="L9178" s="40"/>
      <c r="M9178" s="40"/>
      <c r="N9178" s="40"/>
    </row>
    <row r="9179" spans="4:14" x14ac:dyDescent="0.25">
      <c r="D9179" s="40">
        <v>152.84388699998556</v>
      </c>
      <c r="E9179" s="40">
        <v>21.706129313153248</v>
      </c>
      <c r="F9179" s="40">
        <v>152.83333299999998</v>
      </c>
      <c r="G9179" s="40">
        <v>22.329367506382276</v>
      </c>
      <c r="H9179" s="40">
        <v>152.83333400000001</v>
      </c>
      <c r="I9179" s="40">
        <v>23.553858895760541</v>
      </c>
      <c r="L9179" s="40"/>
      <c r="M9179" s="40"/>
      <c r="N9179" s="40"/>
    </row>
    <row r="9180" spans="4:14" x14ac:dyDescent="0.25">
      <c r="D9180" s="40">
        <v>152.86055299998554</v>
      </c>
      <c r="E9180" s="40">
        <v>21.706129313153248</v>
      </c>
      <c r="F9180" s="40">
        <v>152.85</v>
      </c>
      <c r="G9180" s="40">
        <v>22.324612262292057</v>
      </c>
      <c r="H9180" s="40">
        <v>152.85</v>
      </c>
      <c r="I9180" s="40">
        <v>23.553858895760541</v>
      </c>
      <c r="L9180" s="40"/>
      <c r="M9180" s="40"/>
      <c r="N9180" s="40"/>
    </row>
    <row r="9181" spans="4:14" x14ac:dyDescent="0.25">
      <c r="D9181" s="40">
        <v>152.87721899998553</v>
      </c>
      <c r="E9181" s="40">
        <v>21.706129313153248</v>
      </c>
      <c r="F9181" s="40">
        <v>152.86666700000001</v>
      </c>
      <c r="G9181" s="40">
        <v>22.324612262292057</v>
      </c>
      <c r="H9181" s="40">
        <v>152.86666700000001</v>
      </c>
      <c r="I9181" s="40">
        <v>23.553858895760541</v>
      </c>
      <c r="L9181" s="40"/>
      <c r="M9181" s="40"/>
      <c r="N9181" s="40"/>
    </row>
    <row r="9182" spans="4:14" x14ac:dyDescent="0.25">
      <c r="D9182" s="40">
        <v>152.89388499998552</v>
      </c>
      <c r="E9182" s="40">
        <v>21.706129313153248</v>
      </c>
      <c r="F9182" s="40">
        <v>152.88333299999999</v>
      </c>
      <c r="G9182" s="40">
        <v>22.324612262292057</v>
      </c>
      <c r="H9182" s="40">
        <v>152.88333400000002</v>
      </c>
      <c r="I9182" s="40">
        <v>23.557211631903801</v>
      </c>
      <c r="L9182" s="40"/>
      <c r="M9182" s="40"/>
      <c r="N9182" s="40"/>
    </row>
    <row r="9183" spans="4:14" x14ac:dyDescent="0.25">
      <c r="D9183" s="40">
        <v>152.9105509999855</v>
      </c>
      <c r="E9183" s="40">
        <v>21.710830045313546</v>
      </c>
      <c r="F9183" s="40">
        <v>152.9</v>
      </c>
      <c r="G9183" s="40">
        <v>22.319857018201837</v>
      </c>
      <c r="H9183" s="40">
        <v>152.9</v>
      </c>
      <c r="I9183" s="40">
        <v>23.557211631903801</v>
      </c>
      <c r="L9183" s="40"/>
      <c r="M9183" s="40"/>
      <c r="N9183" s="40"/>
    </row>
    <row r="9184" spans="4:14" x14ac:dyDescent="0.25">
      <c r="D9184" s="40">
        <v>152.92721699998549</v>
      </c>
      <c r="E9184" s="40">
        <v>21.710830045313546</v>
      </c>
      <c r="F9184" s="40">
        <v>152.91666699999999</v>
      </c>
      <c r="G9184" s="40">
        <v>22.319857018201837</v>
      </c>
      <c r="H9184" s="40">
        <v>152.91666700000002</v>
      </c>
      <c r="I9184" s="40">
        <v>23.557211631903801</v>
      </c>
      <c r="L9184" s="40"/>
      <c r="M9184" s="40"/>
      <c r="N9184" s="40"/>
    </row>
    <row r="9185" spans="4:14" x14ac:dyDescent="0.25">
      <c r="D9185" s="40">
        <v>152.94388299998548</v>
      </c>
      <c r="E9185" s="40">
        <v>21.710830045313546</v>
      </c>
      <c r="F9185" s="40">
        <v>152.933333</v>
      </c>
      <c r="G9185" s="40">
        <v>22.319857018201837</v>
      </c>
      <c r="H9185" s="40">
        <v>152.933334</v>
      </c>
      <c r="I9185" s="40">
        <v>23.557211631903801</v>
      </c>
      <c r="L9185" s="40"/>
      <c r="M9185" s="40"/>
      <c r="N9185" s="40"/>
    </row>
    <row r="9186" spans="4:14" x14ac:dyDescent="0.25">
      <c r="D9186" s="40">
        <v>152.96054899998546</v>
      </c>
      <c r="E9186" s="40">
        <v>21.706129313153248</v>
      </c>
      <c r="F9186" s="40">
        <v>152.94999999999999</v>
      </c>
      <c r="G9186" s="40">
        <v>22.319857018201837</v>
      </c>
      <c r="H9186" s="40">
        <v>152.95000000000002</v>
      </c>
      <c r="I9186" s="40">
        <v>23.560465758160564</v>
      </c>
      <c r="L9186" s="40"/>
      <c r="M9186" s="40"/>
      <c r="N9186" s="40"/>
    </row>
    <row r="9187" spans="4:14" x14ac:dyDescent="0.25">
      <c r="D9187" s="40">
        <v>152.97721499998545</v>
      </c>
      <c r="E9187" s="40">
        <v>21.706129313153248</v>
      </c>
      <c r="F9187" s="40">
        <v>152.966667</v>
      </c>
      <c r="G9187" s="40">
        <v>22.319857018201837</v>
      </c>
      <c r="H9187" s="40">
        <v>152.966667</v>
      </c>
      <c r="I9187" s="40">
        <v>23.560465758160564</v>
      </c>
      <c r="L9187" s="40"/>
      <c r="M9187" s="40"/>
      <c r="N9187" s="40"/>
    </row>
    <row r="9188" spans="4:14" x14ac:dyDescent="0.25">
      <c r="D9188" s="40">
        <v>152.99388099998544</v>
      </c>
      <c r="E9188" s="40">
        <v>21.706129313153248</v>
      </c>
      <c r="F9188" s="40">
        <v>152.98333299999999</v>
      </c>
      <c r="G9188" s="40">
        <v>22.319857018201837</v>
      </c>
      <c r="H9188" s="40">
        <v>152.98333400000001</v>
      </c>
      <c r="I9188" s="40">
        <v>23.560465758160564</v>
      </c>
      <c r="L9188" s="40"/>
      <c r="M9188" s="40"/>
      <c r="N9188" s="40"/>
    </row>
    <row r="9189" spans="4:14" x14ac:dyDescent="0.25">
      <c r="D9189" s="40">
        <v>153.01054699998542</v>
      </c>
      <c r="E9189" s="40">
        <v>21.706129313153248</v>
      </c>
      <c r="F9189" s="40">
        <v>153</v>
      </c>
      <c r="G9189" s="40">
        <v>22.319857018201837</v>
      </c>
      <c r="H9189" s="40">
        <v>153</v>
      </c>
      <c r="I9189" s="40">
        <v>23.56381849430382</v>
      </c>
      <c r="L9189" s="40"/>
      <c r="M9189" s="40"/>
      <c r="N9189" s="40"/>
    </row>
    <row r="9190" spans="4:14" x14ac:dyDescent="0.25">
      <c r="D9190" s="40">
        <v>153.02721299998541</v>
      </c>
      <c r="E9190" s="40">
        <v>21.706129313153248</v>
      </c>
      <c r="F9190" s="40">
        <v>153.01666699999998</v>
      </c>
      <c r="G9190" s="40">
        <v>22.324612262292057</v>
      </c>
      <c r="H9190" s="40">
        <v>153.01666700000001</v>
      </c>
      <c r="I9190" s="40">
        <v>23.56381849430382</v>
      </c>
      <c r="L9190" s="40"/>
      <c r="M9190" s="40"/>
      <c r="N9190" s="40"/>
    </row>
    <row r="9191" spans="4:14" x14ac:dyDescent="0.25">
      <c r="D9191" s="40">
        <v>153.0438789999854</v>
      </c>
      <c r="E9191" s="40">
        <v>21.706129313153248</v>
      </c>
      <c r="F9191" s="40">
        <v>153.033333</v>
      </c>
      <c r="G9191" s="40">
        <v>22.324612262292057</v>
      </c>
      <c r="H9191" s="40">
        <v>153.033334</v>
      </c>
      <c r="I9191" s="40">
        <v>23.567171230447254</v>
      </c>
      <c r="L9191" s="40"/>
      <c r="M9191" s="40"/>
      <c r="N9191" s="40"/>
    </row>
    <row r="9192" spans="4:14" x14ac:dyDescent="0.25">
      <c r="D9192" s="40">
        <v>153.06054499998538</v>
      </c>
      <c r="E9192" s="40">
        <v>21.706129313153248</v>
      </c>
      <c r="F9192" s="40">
        <v>153.04999999999998</v>
      </c>
      <c r="G9192" s="40">
        <v>22.324612262292057</v>
      </c>
      <c r="H9192" s="40">
        <v>153.05000000000001</v>
      </c>
      <c r="I9192" s="40">
        <v>23.567171230447254</v>
      </c>
      <c r="L9192" s="40"/>
      <c r="M9192" s="40"/>
      <c r="N9192" s="40"/>
    </row>
    <row r="9193" spans="4:14" x14ac:dyDescent="0.25">
      <c r="D9193" s="40">
        <v>153.07721099998537</v>
      </c>
      <c r="E9193" s="40">
        <v>21.701286134563698</v>
      </c>
      <c r="F9193" s="40">
        <v>153.066667</v>
      </c>
      <c r="G9193" s="40">
        <v>22.324612262292057</v>
      </c>
      <c r="H9193" s="40">
        <v>153.066667</v>
      </c>
      <c r="I9193" s="40">
        <v>23.567171230447254</v>
      </c>
      <c r="L9193" s="40"/>
      <c r="M9193" s="40"/>
      <c r="N9193" s="40"/>
    </row>
    <row r="9194" spans="4:14" x14ac:dyDescent="0.25">
      <c r="D9194" s="40">
        <v>153.09387699998535</v>
      </c>
      <c r="E9194" s="40">
        <v>21.701286134563698</v>
      </c>
      <c r="F9194" s="40">
        <v>153.08333299999998</v>
      </c>
      <c r="G9194" s="40">
        <v>22.324612262292057</v>
      </c>
      <c r="H9194" s="40">
        <v>153.08333400000001</v>
      </c>
      <c r="I9194" s="40">
        <v>23.57052396659051</v>
      </c>
      <c r="L9194" s="40"/>
      <c r="M9194" s="40"/>
      <c r="N9194" s="40"/>
    </row>
    <row r="9195" spans="4:14" x14ac:dyDescent="0.25">
      <c r="D9195" s="40">
        <v>153.11054299998534</v>
      </c>
      <c r="E9195" s="40">
        <v>21.701286134563698</v>
      </c>
      <c r="F9195" s="40">
        <v>153.1</v>
      </c>
      <c r="G9195" s="40">
        <v>22.324612262292057</v>
      </c>
      <c r="H9195" s="40">
        <v>153.1</v>
      </c>
      <c r="I9195" s="40">
        <v>23.57052396659051</v>
      </c>
      <c r="L9195" s="40"/>
      <c r="M9195" s="40"/>
      <c r="N9195" s="40"/>
    </row>
    <row r="9196" spans="4:14" x14ac:dyDescent="0.25">
      <c r="D9196" s="40">
        <v>153.12720899998533</v>
      </c>
      <c r="E9196" s="40">
        <v>21.701286134563698</v>
      </c>
      <c r="F9196" s="40">
        <v>153.11666700000001</v>
      </c>
      <c r="G9196" s="40">
        <v>22.324612262292057</v>
      </c>
      <c r="H9196" s="40">
        <v>153.11666700000001</v>
      </c>
      <c r="I9196" s="40">
        <v>23.57052396659051</v>
      </c>
      <c r="L9196" s="40"/>
      <c r="M9196" s="40"/>
      <c r="N9196" s="40"/>
    </row>
    <row r="9197" spans="4:14" x14ac:dyDescent="0.25">
      <c r="D9197" s="40">
        <v>153.14387499998531</v>
      </c>
      <c r="E9197" s="40">
        <v>21.701286134563698</v>
      </c>
      <c r="F9197" s="40">
        <v>153.13333299999999</v>
      </c>
      <c r="G9197" s="40">
        <v>22.324612262292057</v>
      </c>
      <c r="H9197" s="40">
        <v>153.13333400000002</v>
      </c>
      <c r="I9197" s="40">
        <v>23.573778092847274</v>
      </c>
      <c r="L9197" s="40"/>
      <c r="M9197" s="40"/>
      <c r="N9197" s="40"/>
    </row>
    <row r="9198" spans="4:14" x14ac:dyDescent="0.25">
      <c r="D9198" s="40">
        <v>153.1605409999853</v>
      </c>
      <c r="E9198" s="40">
        <v>21.701286134563698</v>
      </c>
      <c r="F9198" s="40">
        <v>153.15</v>
      </c>
      <c r="G9198" s="40">
        <v>22.324612262292057</v>
      </c>
      <c r="H9198" s="40">
        <v>153.15</v>
      </c>
      <c r="I9198" s="40">
        <v>23.573778092847274</v>
      </c>
      <c r="L9198" s="40"/>
      <c r="M9198" s="40"/>
      <c r="N9198" s="40"/>
    </row>
    <row r="9199" spans="4:14" x14ac:dyDescent="0.25">
      <c r="D9199" s="40">
        <v>153.17720699998529</v>
      </c>
      <c r="E9199" s="40">
        <v>21.701286134563698</v>
      </c>
      <c r="F9199" s="40">
        <v>153.16666699999999</v>
      </c>
      <c r="G9199" s="40">
        <v>22.324612262292057</v>
      </c>
      <c r="H9199" s="40">
        <v>153.16666700000002</v>
      </c>
      <c r="I9199" s="40">
        <v>23.573778092847274</v>
      </c>
      <c r="L9199" s="40"/>
      <c r="M9199" s="40"/>
      <c r="N9199" s="40"/>
    </row>
    <row r="9200" spans="4:14" x14ac:dyDescent="0.25">
      <c r="D9200" s="40">
        <v>153.19387299998527</v>
      </c>
      <c r="E9200" s="40">
        <v>21.696442955974149</v>
      </c>
      <c r="F9200" s="40">
        <v>153.183333</v>
      </c>
      <c r="G9200" s="40">
        <v>22.324612262292057</v>
      </c>
      <c r="H9200" s="40">
        <v>153.183334</v>
      </c>
      <c r="I9200" s="40">
        <v>23.57713082899053</v>
      </c>
      <c r="L9200" s="40"/>
      <c r="M9200" s="40"/>
      <c r="N9200" s="40"/>
    </row>
    <row r="9201" spans="4:14" x14ac:dyDescent="0.25">
      <c r="D9201" s="40">
        <v>153.21053899998526</v>
      </c>
      <c r="E9201" s="40">
        <v>21.696442955974149</v>
      </c>
      <c r="F9201" s="40">
        <v>153.19999999999999</v>
      </c>
      <c r="G9201" s="40">
        <v>22.324612262292057</v>
      </c>
      <c r="H9201" s="40">
        <v>153.20000000000002</v>
      </c>
      <c r="I9201" s="40">
        <v>23.57713082899053</v>
      </c>
      <c r="L9201" s="40"/>
      <c r="M9201" s="40"/>
      <c r="N9201" s="40"/>
    </row>
    <row r="9202" spans="4:14" x14ac:dyDescent="0.25">
      <c r="D9202" s="40">
        <v>153.22720499998525</v>
      </c>
      <c r="E9202" s="40">
        <v>21.696442955974149</v>
      </c>
      <c r="F9202" s="40">
        <v>153.216667</v>
      </c>
      <c r="G9202" s="40">
        <v>22.324612262292057</v>
      </c>
      <c r="H9202" s="40">
        <v>153.216667</v>
      </c>
      <c r="I9202" s="40">
        <v>23.57713082899053</v>
      </c>
      <c r="L9202" s="40"/>
      <c r="M9202" s="40"/>
      <c r="N9202" s="40"/>
    </row>
    <row r="9203" spans="4:14" x14ac:dyDescent="0.25">
      <c r="D9203" s="40">
        <v>153.24387099998523</v>
      </c>
      <c r="E9203" s="40">
        <v>21.696442955974149</v>
      </c>
      <c r="F9203" s="40">
        <v>153.23333299999999</v>
      </c>
      <c r="G9203" s="40">
        <v>22.324612262292057</v>
      </c>
      <c r="H9203" s="40">
        <v>153.23333400000001</v>
      </c>
      <c r="I9203" s="40">
        <v>23.580483565133964</v>
      </c>
      <c r="L9203" s="40"/>
      <c r="M9203" s="40"/>
      <c r="N9203" s="40"/>
    </row>
    <row r="9204" spans="4:14" x14ac:dyDescent="0.25">
      <c r="D9204" s="40">
        <v>153.26053699998522</v>
      </c>
      <c r="E9204" s="40">
        <v>21.696442955974149</v>
      </c>
      <c r="F9204" s="40">
        <v>153.25</v>
      </c>
      <c r="G9204" s="40">
        <v>22.324612262292057</v>
      </c>
      <c r="H9204" s="40">
        <v>153.25</v>
      </c>
      <c r="I9204" s="40">
        <v>23.580483565133964</v>
      </c>
      <c r="L9204" s="40"/>
      <c r="M9204" s="40"/>
      <c r="N9204" s="40"/>
    </row>
    <row r="9205" spans="4:14" x14ac:dyDescent="0.25">
      <c r="D9205" s="40">
        <v>153.27720299998521</v>
      </c>
      <c r="E9205" s="40">
        <v>21.696442955974149</v>
      </c>
      <c r="F9205" s="40">
        <v>153.26666699999998</v>
      </c>
      <c r="G9205" s="40">
        <v>22.329367506382276</v>
      </c>
      <c r="H9205" s="40">
        <v>153.26666700000001</v>
      </c>
      <c r="I9205" s="40">
        <v>23.583737691390727</v>
      </c>
      <c r="L9205" s="40"/>
      <c r="M9205" s="40"/>
      <c r="N9205" s="40"/>
    </row>
    <row r="9206" spans="4:14" x14ac:dyDescent="0.25">
      <c r="D9206" s="40">
        <v>153.29386899998519</v>
      </c>
      <c r="E9206" s="40">
        <v>21.696442955974149</v>
      </c>
      <c r="F9206" s="40">
        <v>153.283333</v>
      </c>
      <c r="G9206" s="40">
        <v>22.329367506382276</v>
      </c>
      <c r="H9206" s="40">
        <v>153.283334</v>
      </c>
      <c r="I9206" s="40">
        <v>23.583737691390727</v>
      </c>
      <c r="L9206" s="40"/>
      <c r="M9206" s="40"/>
      <c r="N9206" s="40"/>
    </row>
    <row r="9207" spans="4:14" x14ac:dyDescent="0.25">
      <c r="D9207" s="40">
        <v>153.31053499998518</v>
      </c>
      <c r="E9207" s="40">
        <v>21.696442955974149</v>
      </c>
      <c r="F9207" s="40">
        <v>153.29999999999998</v>
      </c>
      <c r="G9207" s="40">
        <v>22.329367506382276</v>
      </c>
      <c r="H9207" s="40">
        <v>153.30000000000001</v>
      </c>
      <c r="I9207" s="40">
        <v>23.583737691390727</v>
      </c>
      <c r="L9207" s="40"/>
      <c r="M9207" s="40"/>
      <c r="N9207" s="40"/>
    </row>
    <row r="9208" spans="4:14" x14ac:dyDescent="0.25">
      <c r="D9208" s="40">
        <v>153.32720099998517</v>
      </c>
      <c r="E9208" s="40">
        <v>21.696442955974149</v>
      </c>
      <c r="F9208" s="40">
        <v>153.316667</v>
      </c>
      <c r="G9208" s="40">
        <v>22.329367506382276</v>
      </c>
      <c r="H9208" s="40">
        <v>153.316667</v>
      </c>
      <c r="I9208" s="40">
        <v>23.587090427533987</v>
      </c>
      <c r="L9208" s="40"/>
      <c r="M9208" s="40"/>
      <c r="N9208" s="40"/>
    </row>
    <row r="9209" spans="4:14" x14ac:dyDescent="0.25">
      <c r="D9209" s="40">
        <v>153.34386699998515</v>
      </c>
      <c r="E9209" s="40">
        <v>21.691742223813723</v>
      </c>
      <c r="F9209" s="40">
        <v>153.33333299999998</v>
      </c>
      <c r="G9209" s="40">
        <v>22.329367506382276</v>
      </c>
      <c r="H9209" s="40">
        <v>153.33333400000001</v>
      </c>
      <c r="I9209" s="40">
        <v>23.587090427533987</v>
      </c>
      <c r="L9209" s="40"/>
      <c r="M9209" s="40"/>
      <c r="N9209" s="40"/>
    </row>
    <row r="9210" spans="4:14" x14ac:dyDescent="0.25">
      <c r="D9210" s="40">
        <v>153.36053299998514</v>
      </c>
      <c r="E9210" s="40">
        <v>21.691742223813723</v>
      </c>
      <c r="F9210" s="40">
        <v>153.35</v>
      </c>
      <c r="G9210" s="40">
        <v>22.329367506382276</v>
      </c>
      <c r="H9210" s="40">
        <v>153.35</v>
      </c>
      <c r="I9210" s="40">
        <v>23.590443163677239</v>
      </c>
      <c r="L9210" s="40"/>
      <c r="M9210" s="40"/>
      <c r="N9210" s="40"/>
    </row>
    <row r="9211" spans="4:14" x14ac:dyDescent="0.25">
      <c r="D9211" s="40">
        <v>153.37719899998513</v>
      </c>
      <c r="E9211" s="40">
        <v>21.696442955974149</v>
      </c>
      <c r="F9211" s="40">
        <v>153.36666700000001</v>
      </c>
      <c r="G9211" s="40">
        <v>22.329367506382276</v>
      </c>
      <c r="H9211" s="40">
        <v>153.36666700000001</v>
      </c>
      <c r="I9211" s="40">
        <v>23.590443163677239</v>
      </c>
      <c r="L9211" s="40"/>
      <c r="M9211" s="40"/>
      <c r="N9211" s="40"/>
    </row>
    <row r="9212" spans="4:14" x14ac:dyDescent="0.25">
      <c r="D9212" s="40">
        <v>153.39386499998511</v>
      </c>
      <c r="E9212" s="40">
        <v>21.696442955974149</v>
      </c>
      <c r="F9212" s="40">
        <v>153.38333299999999</v>
      </c>
      <c r="G9212" s="40">
        <v>22.329367506382276</v>
      </c>
      <c r="H9212" s="40">
        <v>153.38333400000002</v>
      </c>
      <c r="I9212" s="40">
        <v>23.593697289934003</v>
      </c>
      <c r="L9212" s="40"/>
      <c r="M9212" s="40"/>
      <c r="N9212" s="40"/>
    </row>
    <row r="9213" spans="4:14" x14ac:dyDescent="0.25">
      <c r="D9213" s="40">
        <v>153.4105309999851</v>
      </c>
      <c r="E9213" s="40">
        <v>21.696442955974149</v>
      </c>
      <c r="F9213" s="40">
        <v>153.4</v>
      </c>
      <c r="G9213" s="40">
        <v>22.329367506382276</v>
      </c>
      <c r="H9213" s="40">
        <v>153.4</v>
      </c>
      <c r="I9213" s="40">
        <v>23.593697289934003</v>
      </c>
      <c r="L9213" s="40"/>
      <c r="M9213" s="40"/>
      <c r="N9213" s="40"/>
    </row>
    <row r="9214" spans="4:14" x14ac:dyDescent="0.25">
      <c r="D9214" s="40">
        <v>153.42719699998509</v>
      </c>
      <c r="E9214" s="40">
        <v>21.696442955974149</v>
      </c>
      <c r="F9214" s="40">
        <v>153.41666699999999</v>
      </c>
      <c r="G9214" s="40">
        <v>22.329367506382276</v>
      </c>
      <c r="H9214" s="40">
        <v>153.41666700000002</v>
      </c>
      <c r="I9214" s="40">
        <v>23.593697289934003</v>
      </c>
      <c r="L9214" s="40"/>
      <c r="M9214" s="40"/>
      <c r="N9214" s="40"/>
    </row>
    <row r="9215" spans="4:14" x14ac:dyDescent="0.25">
      <c r="D9215" s="40">
        <v>153.44386299998507</v>
      </c>
      <c r="E9215" s="40">
        <v>21.696442955974149</v>
      </c>
      <c r="F9215" s="40">
        <v>153.433333</v>
      </c>
      <c r="G9215" s="40">
        <v>22.329367506382276</v>
      </c>
      <c r="H9215" s="40">
        <v>153.433334</v>
      </c>
      <c r="I9215" s="40">
        <v>23.597050026077259</v>
      </c>
      <c r="L9215" s="40"/>
      <c r="M9215" s="40"/>
      <c r="N9215" s="40"/>
    </row>
    <row r="9216" spans="4:14" x14ac:dyDescent="0.25">
      <c r="D9216" s="40">
        <v>153.46052899998506</v>
      </c>
      <c r="E9216" s="40">
        <v>21.696442955974149</v>
      </c>
      <c r="F9216" s="40">
        <v>153.44999999999999</v>
      </c>
      <c r="G9216" s="40">
        <v>22.329367506382276</v>
      </c>
      <c r="H9216" s="40">
        <v>153.45000000000002</v>
      </c>
      <c r="I9216" s="40">
        <v>23.597050026077259</v>
      </c>
      <c r="L9216" s="40"/>
      <c r="M9216" s="40"/>
      <c r="N9216" s="40"/>
    </row>
    <row r="9217" spans="4:14" x14ac:dyDescent="0.25">
      <c r="D9217" s="40">
        <v>153.47719499998504</v>
      </c>
      <c r="E9217" s="40">
        <v>21.696442955974149</v>
      </c>
      <c r="F9217" s="40">
        <v>153.466667</v>
      </c>
      <c r="G9217" s="40">
        <v>22.329367506382276</v>
      </c>
      <c r="H9217" s="40">
        <v>153.466667</v>
      </c>
      <c r="I9217" s="40">
        <v>23.600402762220693</v>
      </c>
      <c r="L9217" s="40"/>
      <c r="M9217" s="40"/>
      <c r="N9217" s="40"/>
    </row>
    <row r="9218" spans="4:14" x14ac:dyDescent="0.25">
      <c r="D9218" s="40">
        <v>153.49386099998503</v>
      </c>
      <c r="E9218" s="40">
        <v>21.701286134563698</v>
      </c>
      <c r="F9218" s="40">
        <v>153.48333299999999</v>
      </c>
      <c r="G9218" s="40">
        <v>22.329367506382276</v>
      </c>
      <c r="H9218" s="40">
        <v>153.48333400000001</v>
      </c>
      <c r="I9218" s="40">
        <v>23.600402762220693</v>
      </c>
      <c r="L9218" s="40"/>
      <c r="M9218" s="40"/>
      <c r="N9218" s="40"/>
    </row>
    <row r="9219" spans="4:14" x14ac:dyDescent="0.25">
      <c r="D9219" s="40">
        <v>153.51052699998502</v>
      </c>
      <c r="E9219" s="40">
        <v>21.701286134563698</v>
      </c>
      <c r="F9219" s="40">
        <v>153.5</v>
      </c>
      <c r="G9219" s="40">
        <v>22.329367506382276</v>
      </c>
      <c r="H9219" s="40">
        <v>153.5</v>
      </c>
      <c r="I9219" s="40">
        <v>23.603656888477456</v>
      </c>
      <c r="L9219" s="40"/>
      <c r="M9219" s="40"/>
      <c r="N9219" s="40"/>
    </row>
    <row r="9220" spans="4:14" x14ac:dyDescent="0.25">
      <c r="D9220" s="40">
        <v>153.527192999985</v>
      </c>
      <c r="E9220" s="40">
        <v>21.701286134563698</v>
      </c>
      <c r="F9220" s="40">
        <v>153.51666699999998</v>
      </c>
      <c r="G9220" s="40">
        <v>22.329367506382276</v>
      </c>
      <c r="H9220" s="40">
        <v>153.51666700000001</v>
      </c>
      <c r="I9220" s="40">
        <v>23.603656888477456</v>
      </c>
      <c r="L9220" s="40"/>
      <c r="M9220" s="40"/>
      <c r="N9220" s="40"/>
    </row>
    <row r="9221" spans="4:14" x14ac:dyDescent="0.25">
      <c r="D9221" s="40">
        <v>153.54385899998499</v>
      </c>
      <c r="E9221" s="40">
        <v>21.701286134563698</v>
      </c>
      <c r="F9221" s="40">
        <v>153.533333</v>
      </c>
      <c r="G9221" s="40">
        <v>22.333982890352051</v>
      </c>
      <c r="H9221" s="40">
        <v>153.533334</v>
      </c>
      <c r="I9221" s="40">
        <v>23.603656888477456</v>
      </c>
      <c r="L9221" s="40"/>
      <c r="M9221" s="40"/>
      <c r="N9221" s="40"/>
    </row>
    <row r="9222" spans="4:14" x14ac:dyDescent="0.25">
      <c r="D9222" s="40">
        <v>153.56052499998498</v>
      </c>
      <c r="E9222" s="40">
        <v>21.706129313153248</v>
      </c>
      <c r="F9222" s="40">
        <v>153.54999999999998</v>
      </c>
      <c r="G9222" s="40">
        <v>22.333982890352051</v>
      </c>
      <c r="H9222" s="40">
        <v>153.55000000000001</v>
      </c>
      <c r="I9222" s="40">
        <v>23.607009624620716</v>
      </c>
      <c r="L9222" s="40"/>
      <c r="M9222" s="40"/>
      <c r="N9222" s="40"/>
    </row>
    <row r="9223" spans="4:14" x14ac:dyDescent="0.25">
      <c r="D9223" s="40">
        <v>153.57719099998496</v>
      </c>
      <c r="E9223" s="40">
        <v>21.706129313153248</v>
      </c>
      <c r="F9223" s="40">
        <v>153.566667</v>
      </c>
      <c r="G9223" s="40">
        <v>22.333982890352051</v>
      </c>
      <c r="H9223" s="40">
        <v>153.566667</v>
      </c>
      <c r="I9223" s="40">
        <v>23.607009624620716</v>
      </c>
      <c r="L9223" s="40"/>
      <c r="M9223" s="40"/>
      <c r="N9223" s="40"/>
    </row>
    <row r="9224" spans="4:14" x14ac:dyDescent="0.25">
      <c r="D9224" s="40">
        <v>153.59385699998495</v>
      </c>
      <c r="E9224" s="40">
        <v>21.706129313153248</v>
      </c>
      <c r="F9224" s="40">
        <v>153.58333299999998</v>
      </c>
      <c r="G9224" s="40">
        <v>22.333982890352051</v>
      </c>
      <c r="H9224" s="40">
        <v>153.58333400000001</v>
      </c>
      <c r="I9224" s="40">
        <v>23.610362360763972</v>
      </c>
      <c r="L9224" s="40"/>
      <c r="M9224" s="40"/>
      <c r="N9224" s="40"/>
    </row>
    <row r="9225" spans="4:14" x14ac:dyDescent="0.25">
      <c r="D9225" s="40">
        <v>153.61052299998494</v>
      </c>
      <c r="E9225" s="40">
        <v>21.706129313153248</v>
      </c>
      <c r="F9225" s="40">
        <v>153.6</v>
      </c>
      <c r="G9225" s="40">
        <v>22.333982890352051</v>
      </c>
      <c r="H9225" s="40">
        <v>153.6</v>
      </c>
      <c r="I9225" s="40">
        <v>23.610362360763972</v>
      </c>
      <c r="L9225" s="40"/>
      <c r="M9225" s="40"/>
      <c r="N9225" s="40"/>
    </row>
    <row r="9226" spans="4:14" x14ac:dyDescent="0.25">
      <c r="D9226" s="40">
        <v>153.62718899998492</v>
      </c>
      <c r="E9226" s="40">
        <v>21.706129313153248</v>
      </c>
      <c r="F9226" s="40">
        <v>153.61666700000001</v>
      </c>
      <c r="G9226" s="40">
        <v>22.333982890352051</v>
      </c>
      <c r="H9226" s="40">
        <v>153.61666700000001</v>
      </c>
      <c r="I9226" s="40">
        <v>23.613616487020732</v>
      </c>
      <c r="L9226" s="40"/>
      <c r="M9226" s="40"/>
      <c r="N9226" s="40"/>
    </row>
    <row r="9227" spans="4:14" x14ac:dyDescent="0.25">
      <c r="D9227" s="40">
        <v>153.64385499998491</v>
      </c>
      <c r="E9227" s="40">
        <v>21.706129313153248</v>
      </c>
      <c r="F9227" s="40">
        <v>153.63333299999999</v>
      </c>
      <c r="G9227" s="40">
        <v>22.333982890352051</v>
      </c>
      <c r="H9227" s="40">
        <v>153.63333400000002</v>
      </c>
      <c r="I9227" s="40">
        <v>23.613616487020732</v>
      </c>
      <c r="L9227" s="40"/>
      <c r="M9227" s="40"/>
      <c r="N9227" s="40"/>
    </row>
    <row r="9228" spans="4:14" x14ac:dyDescent="0.25">
      <c r="D9228" s="40">
        <v>153.6605209999849</v>
      </c>
      <c r="E9228" s="40">
        <v>21.706129313153248</v>
      </c>
      <c r="F9228" s="40">
        <v>153.65</v>
      </c>
      <c r="G9228" s="40">
        <v>22.333982890352051</v>
      </c>
      <c r="H9228" s="40">
        <v>153.65</v>
      </c>
      <c r="I9228" s="40">
        <v>23.616969223164165</v>
      </c>
      <c r="L9228" s="40"/>
      <c r="M9228" s="40"/>
      <c r="N9228" s="40"/>
    </row>
    <row r="9229" spans="4:14" x14ac:dyDescent="0.25">
      <c r="D9229" s="40">
        <v>153.67718699998488</v>
      </c>
      <c r="E9229" s="40">
        <v>21.706129313153248</v>
      </c>
      <c r="F9229" s="40">
        <v>153.66666699999999</v>
      </c>
      <c r="G9229" s="40">
        <v>22.333982890352051</v>
      </c>
      <c r="H9229" s="40">
        <v>153.66666700000002</v>
      </c>
      <c r="I9229" s="40">
        <v>23.616969223164165</v>
      </c>
      <c r="L9229" s="40"/>
      <c r="M9229" s="40"/>
      <c r="N9229" s="40"/>
    </row>
    <row r="9230" spans="4:14" x14ac:dyDescent="0.25">
      <c r="D9230" s="40">
        <v>153.69385299998487</v>
      </c>
      <c r="E9230" s="40">
        <v>21.706129313153248</v>
      </c>
      <c r="F9230" s="40">
        <v>153.683333</v>
      </c>
      <c r="G9230" s="40">
        <v>22.333982890352051</v>
      </c>
      <c r="H9230" s="40">
        <v>153.683334</v>
      </c>
      <c r="I9230" s="40">
        <v>23.620321959307425</v>
      </c>
      <c r="L9230" s="40"/>
      <c r="M9230" s="40"/>
      <c r="N9230" s="40"/>
    </row>
    <row r="9231" spans="4:14" x14ac:dyDescent="0.25">
      <c r="D9231" s="40">
        <v>153.71051899998486</v>
      </c>
      <c r="E9231" s="40">
        <v>21.701286134563698</v>
      </c>
      <c r="F9231" s="40">
        <v>153.69999999999999</v>
      </c>
      <c r="G9231" s="40">
        <v>22.333982890352051</v>
      </c>
      <c r="H9231" s="40">
        <v>153.70000000000002</v>
      </c>
      <c r="I9231" s="40">
        <v>23.620321959307425</v>
      </c>
      <c r="L9231" s="40"/>
      <c r="M9231" s="40"/>
      <c r="N9231" s="40"/>
    </row>
    <row r="9232" spans="4:14" x14ac:dyDescent="0.25">
      <c r="D9232" s="40">
        <v>153.72718499998484</v>
      </c>
      <c r="E9232" s="40">
        <v>21.701286134563698</v>
      </c>
      <c r="F9232" s="40">
        <v>153.716667</v>
      </c>
      <c r="G9232" s="40">
        <v>22.333982890352051</v>
      </c>
      <c r="H9232" s="40">
        <v>153.716667</v>
      </c>
      <c r="I9232" s="40">
        <v>23.620321959307425</v>
      </c>
      <c r="L9232" s="40"/>
      <c r="M9232" s="40"/>
      <c r="N9232" s="40"/>
    </row>
    <row r="9233" spans="4:14" x14ac:dyDescent="0.25">
      <c r="D9233" s="40">
        <v>153.74385099998483</v>
      </c>
      <c r="E9233" s="40">
        <v>21.701286134563698</v>
      </c>
      <c r="F9233" s="40">
        <v>153.73333299999999</v>
      </c>
      <c r="G9233" s="40">
        <v>22.333982890352051</v>
      </c>
      <c r="H9233" s="40">
        <v>153.73333400000001</v>
      </c>
      <c r="I9233" s="40">
        <v>23.623576085564189</v>
      </c>
      <c r="L9233" s="40"/>
      <c r="M9233" s="40"/>
      <c r="N9233" s="40"/>
    </row>
    <row r="9234" spans="4:14" x14ac:dyDescent="0.25">
      <c r="D9234" s="40">
        <v>153.76051699998482</v>
      </c>
      <c r="E9234" s="40">
        <v>21.701286134563698</v>
      </c>
      <c r="F9234" s="40">
        <v>153.75</v>
      </c>
      <c r="G9234" s="40">
        <v>22.333982890352051</v>
      </c>
      <c r="H9234" s="40">
        <v>153.75</v>
      </c>
      <c r="I9234" s="40">
        <v>23.623576085564189</v>
      </c>
      <c r="L9234" s="40"/>
      <c r="M9234" s="40"/>
      <c r="N9234" s="40"/>
    </row>
    <row r="9235" spans="4:14" x14ac:dyDescent="0.25">
      <c r="D9235" s="40">
        <v>153.7771829999848</v>
      </c>
      <c r="E9235" s="40">
        <v>21.701286134563698</v>
      </c>
      <c r="F9235" s="40">
        <v>153.76666699999998</v>
      </c>
      <c r="G9235" s="40">
        <v>22.333982890352051</v>
      </c>
      <c r="H9235" s="40">
        <v>153.76666700000001</v>
      </c>
      <c r="I9235" s="40">
        <v>23.626928821707445</v>
      </c>
      <c r="L9235" s="40"/>
      <c r="M9235" s="40"/>
      <c r="N9235" s="40"/>
    </row>
    <row r="9236" spans="4:14" x14ac:dyDescent="0.25">
      <c r="D9236" s="40">
        <v>153.79384899998479</v>
      </c>
      <c r="E9236" s="40">
        <v>21.701286134563698</v>
      </c>
      <c r="F9236" s="40">
        <v>153.783333</v>
      </c>
      <c r="G9236" s="40">
        <v>22.333982890352051</v>
      </c>
      <c r="H9236" s="40">
        <v>153.783334</v>
      </c>
      <c r="I9236" s="40">
        <v>23.626928821707445</v>
      </c>
      <c r="L9236" s="40"/>
      <c r="M9236" s="40"/>
      <c r="N9236" s="40"/>
    </row>
    <row r="9237" spans="4:14" x14ac:dyDescent="0.25">
      <c r="D9237" s="40">
        <v>153.81051499998478</v>
      </c>
      <c r="E9237" s="40">
        <v>21.701286134563698</v>
      </c>
      <c r="F9237" s="40">
        <v>153.79999999999998</v>
      </c>
      <c r="G9237" s="40">
        <v>22.333982890352051</v>
      </c>
      <c r="H9237" s="40">
        <v>153.80000000000001</v>
      </c>
      <c r="I9237" s="40">
        <v>23.630281557850704</v>
      </c>
      <c r="L9237" s="40"/>
      <c r="M9237" s="40"/>
      <c r="N9237" s="40"/>
    </row>
    <row r="9238" spans="4:14" x14ac:dyDescent="0.25">
      <c r="D9238" s="40">
        <v>153.82718099998476</v>
      </c>
      <c r="E9238" s="40">
        <v>21.696442955974149</v>
      </c>
      <c r="F9238" s="40">
        <v>153.816667</v>
      </c>
      <c r="G9238" s="40">
        <v>22.333982890352051</v>
      </c>
      <c r="H9238" s="40">
        <v>153.816667</v>
      </c>
      <c r="I9238" s="40">
        <v>23.630281557850704</v>
      </c>
      <c r="L9238" s="40"/>
      <c r="M9238" s="40"/>
      <c r="N9238" s="40"/>
    </row>
    <row r="9239" spans="4:14" x14ac:dyDescent="0.25">
      <c r="D9239" s="40">
        <v>153.84384699998475</v>
      </c>
      <c r="E9239" s="40">
        <v>21.696442955974149</v>
      </c>
      <c r="F9239" s="40">
        <v>153.83333299999998</v>
      </c>
      <c r="G9239" s="40">
        <v>22.333982890352051</v>
      </c>
      <c r="H9239" s="40">
        <v>153.83333400000001</v>
      </c>
      <c r="I9239" s="40">
        <v>23.633535684107464</v>
      </c>
      <c r="L9239" s="40"/>
      <c r="M9239" s="40"/>
      <c r="N9239" s="40"/>
    </row>
    <row r="9240" spans="4:14" x14ac:dyDescent="0.25">
      <c r="D9240" s="40">
        <v>153.86051299998473</v>
      </c>
      <c r="E9240" s="40">
        <v>21.696442955974149</v>
      </c>
      <c r="F9240" s="40">
        <v>153.85</v>
      </c>
      <c r="G9240" s="40">
        <v>22.333982890352051</v>
      </c>
      <c r="H9240" s="40">
        <v>153.85</v>
      </c>
      <c r="I9240" s="40">
        <v>23.633535684107464</v>
      </c>
      <c r="L9240" s="40"/>
      <c r="M9240" s="40"/>
      <c r="N9240" s="40"/>
    </row>
    <row r="9241" spans="4:14" x14ac:dyDescent="0.25">
      <c r="D9241" s="40">
        <v>153.87717899998472</v>
      </c>
      <c r="E9241" s="40">
        <v>21.696442955974149</v>
      </c>
      <c r="F9241" s="40">
        <v>153.86666700000001</v>
      </c>
      <c r="G9241" s="40">
        <v>22.333982890352051</v>
      </c>
      <c r="H9241" s="40">
        <v>153.86666700000001</v>
      </c>
      <c r="I9241" s="40">
        <v>23.636888420250894</v>
      </c>
      <c r="L9241" s="40"/>
      <c r="M9241" s="40"/>
      <c r="N9241" s="40"/>
    </row>
    <row r="9242" spans="4:14" x14ac:dyDescent="0.25">
      <c r="D9242" s="40">
        <v>153.89384499998471</v>
      </c>
      <c r="E9242" s="40">
        <v>21.696442955974149</v>
      </c>
      <c r="F9242" s="40">
        <v>153.88333299999999</v>
      </c>
      <c r="G9242" s="40">
        <v>22.333982890352051</v>
      </c>
      <c r="H9242" s="40">
        <v>153.88333400000002</v>
      </c>
      <c r="I9242" s="40">
        <v>23.636888420250894</v>
      </c>
      <c r="L9242" s="40"/>
      <c r="M9242" s="40"/>
      <c r="N9242" s="40"/>
    </row>
    <row r="9243" spans="4:14" x14ac:dyDescent="0.25">
      <c r="D9243" s="40">
        <v>153.91051099998469</v>
      </c>
      <c r="E9243" s="40">
        <v>21.691742223813723</v>
      </c>
      <c r="F9243" s="40">
        <v>153.9</v>
      </c>
      <c r="G9243" s="40">
        <v>22.333982890352051</v>
      </c>
      <c r="H9243" s="40">
        <v>153.9</v>
      </c>
      <c r="I9243" s="40">
        <v>23.640241156394154</v>
      </c>
      <c r="L9243" s="40"/>
      <c r="M9243" s="40"/>
      <c r="N9243" s="40"/>
    </row>
    <row r="9244" spans="4:14" x14ac:dyDescent="0.25">
      <c r="D9244" s="40">
        <v>153.92717699998468</v>
      </c>
      <c r="E9244" s="40">
        <v>21.691742223813723</v>
      </c>
      <c r="F9244" s="40">
        <v>153.91666699999999</v>
      </c>
      <c r="G9244" s="40">
        <v>22.333982890352051</v>
      </c>
      <c r="H9244" s="40">
        <v>153.91666700000002</v>
      </c>
      <c r="I9244" s="40">
        <v>23.640241156394154</v>
      </c>
      <c r="L9244" s="40"/>
      <c r="M9244" s="40"/>
      <c r="N9244" s="40"/>
    </row>
    <row r="9245" spans="4:14" x14ac:dyDescent="0.25">
      <c r="D9245" s="40">
        <v>153.94384299998467</v>
      </c>
      <c r="E9245" s="40">
        <v>21.691742223813723</v>
      </c>
      <c r="F9245" s="40">
        <v>153.933333</v>
      </c>
      <c r="G9245" s="40">
        <v>22.333982890352051</v>
      </c>
      <c r="H9245" s="40">
        <v>153.933334</v>
      </c>
      <c r="I9245" s="40">
        <v>23.643495282650917</v>
      </c>
      <c r="L9245" s="40"/>
      <c r="M9245" s="40"/>
      <c r="N9245" s="40"/>
    </row>
    <row r="9246" spans="4:14" x14ac:dyDescent="0.25">
      <c r="D9246" s="40">
        <v>153.96050899998465</v>
      </c>
      <c r="E9246" s="40">
        <v>21.691742223813723</v>
      </c>
      <c r="F9246" s="40">
        <v>153.94999999999999</v>
      </c>
      <c r="G9246" s="40">
        <v>22.333982890352051</v>
      </c>
      <c r="H9246" s="40">
        <v>153.95000000000002</v>
      </c>
      <c r="I9246" s="40">
        <v>23.643495282650917</v>
      </c>
      <c r="L9246" s="40"/>
      <c r="M9246" s="40"/>
      <c r="N9246" s="40"/>
    </row>
    <row r="9247" spans="4:14" x14ac:dyDescent="0.25">
      <c r="D9247" s="40">
        <v>153.97717499998464</v>
      </c>
      <c r="E9247" s="40">
        <v>21.691742223813723</v>
      </c>
      <c r="F9247" s="40">
        <v>153.966667</v>
      </c>
      <c r="G9247" s="40">
        <v>22.333982890352051</v>
      </c>
      <c r="H9247" s="40">
        <v>153.966667</v>
      </c>
      <c r="I9247" s="40">
        <v>23.646848018794174</v>
      </c>
      <c r="L9247" s="40"/>
      <c r="M9247" s="40"/>
      <c r="N9247" s="40"/>
    </row>
    <row r="9248" spans="4:14" x14ac:dyDescent="0.25">
      <c r="D9248" s="40">
        <v>153.99384099998463</v>
      </c>
      <c r="E9248" s="40">
        <v>21.691742223813723</v>
      </c>
      <c r="F9248" s="40">
        <v>153.98333299999999</v>
      </c>
      <c r="G9248" s="40">
        <v>22.333982890352051</v>
      </c>
      <c r="H9248" s="40">
        <v>153.98333400000001</v>
      </c>
      <c r="I9248" s="40">
        <v>23.646848018794174</v>
      </c>
      <c r="L9248" s="40"/>
      <c r="M9248" s="40"/>
      <c r="N9248" s="40"/>
    </row>
    <row r="9249" spans="4:14" x14ac:dyDescent="0.25">
      <c r="D9249" s="40">
        <v>154.01050699998461</v>
      </c>
      <c r="E9249" s="40">
        <v>21.691742223813723</v>
      </c>
      <c r="F9249" s="40">
        <v>154</v>
      </c>
      <c r="G9249" s="40">
        <v>22.333982890352051</v>
      </c>
      <c r="H9249" s="40">
        <v>154</v>
      </c>
      <c r="I9249" s="40">
        <v>23.646848018794174</v>
      </c>
      <c r="L9249" s="40"/>
      <c r="M9249" s="40"/>
      <c r="N9249" s="40"/>
    </row>
    <row r="9250" spans="4:14" x14ac:dyDescent="0.25">
      <c r="D9250" s="40">
        <v>154.0271729999846</v>
      </c>
      <c r="E9250" s="40">
        <v>21.691742223813723</v>
      </c>
      <c r="F9250" s="40">
        <v>154.01666699999998</v>
      </c>
      <c r="G9250" s="40">
        <v>22.333982890352051</v>
      </c>
      <c r="H9250" s="40">
        <v>154.01666700000001</v>
      </c>
      <c r="I9250" s="40">
        <v>23.650200754937604</v>
      </c>
      <c r="L9250" s="40"/>
      <c r="M9250" s="40"/>
      <c r="N9250" s="40"/>
    </row>
    <row r="9251" spans="4:14" x14ac:dyDescent="0.25">
      <c r="D9251" s="40">
        <v>154.04383899998459</v>
      </c>
      <c r="E9251" s="40">
        <v>21.691742223813723</v>
      </c>
      <c r="F9251" s="40">
        <v>154.033333</v>
      </c>
      <c r="G9251" s="40">
        <v>22.333982890352051</v>
      </c>
      <c r="H9251" s="40">
        <v>154.033334</v>
      </c>
      <c r="I9251" s="40">
        <v>23.650200754937604</v>
      </c>
      <c r="L9251" s="40"/>
      <c r="M9251" s="40"/>
      <c r="N9251" s="40"/>
    </row>
    <row r="9252" spans="4:14" x14ac:dyDescent="0.25">
      <c r="D9252" s="40">
        <v>154.06050499998457</v>
      </c>
      <c r="E9252" s="40">
        <v>21.691742223813723</v>
      </c>
      <c r="F9252" s="40">
        <v>154.04999999999998</v>
      </c>
      <c r="G9252" s="40">
        <v>22.333982890352051</v>
      </c>
      <c r="H9252" s="40">
        <v>154.05000000000001</v>
      </c>
      <c r="I9252" s="40">
        <v>23.653454881194193</v>
      </c>
      <c r="L9252" s="40"/>
      <c r="M9252" s="40"/>
      <c r="N9252" s="40"/>
    </row>
    <row r="9253" spans="4:14" x14ac:dyDescent="0.25">
      <c r="D9253" s="40">
        <v>154.07717099998456</v>
      </c>
      <c r="E9253" s="40">
        <v>21.691742223813723</v>
      </c>
      <c r="F9253" s="40">
        <v>154.066667</v>
      </c>
      <c r="G9253" s="40">
        <v>22.333982890352051</v>
      </c>
      <c r="H9253" s="40">
        <v>154.066667</v>
      </c>
      <c r="I9253" s="40">
        <v>23.653454881194193</v>
      </c>
      <c r="L9253" s="40"/>
      <c r="M9253" s="40"/>
      <c r="N9253" s="40"/>
    </row>
    <row r="9254" spans="4:14" x14ac:dyDescent="0.25">
      <c r="D9254" s="40">
        <v>154.09383699998455</v>
      </c>
      <c r="E9254" s="40">
        <v>21.691742223813723</v>
      </c>
      <c r="F9254" s="40">
        <v>154.08333299999998</v>
      </c>
      <c r="G9254" s="40">
        <v>22.333982890352051</v>
      </c>
      <c r="H9254" s="40">
        <v>154.08333400000001</v>
      </c>
      <c r="I9254" s="40">
        <v>23.653454881194193</v>
      </c>
      <c r="L9254" s="40"/>
      <c r="M9254" s="40"/>
      <c r="N9254" s="40"/>
    </row>
    <row r="9255" spans="4:14" x14ac:dyDescent="0.25">
      <c r="D9255" s="40">
        <v>154.11050299998453</v>
      </c>
      <c r="E9255" s="40">
        <v>21.691742223813723</v>
      </c>
      <c r="F9255" s="40">
        <v>154.1</v>
      </c>
      <c r="G9255" s="40">
        <v>22.333982890352051</v>
      </c>
      <c r="H9255" s="40">
        <v>154.1</v>
      </c>
      <c r="I9255" s="40">
        <v>23.656807617337627</v>
      </c>
      <c r="L9255" s="40"/>
      <c r="M9255" s="40"/>
      <c r="N9255" s="40"/>
    </row>
    <row r="9256" spans="4:14" x14ac:dyDescent="0.25">
      <c r="D9256" s="40">
        <v>154.12716899998452</v>
      </c>
      <c r="E9256" s="40">
        <v>21.691742223813723</v>
      </c>
      <c r="F9256" s="40">
        <v>154.11666700000001</v>
      </c>
      <c r="G9256" s="40">
        <v>22.333982890352051</v>
      </c>
      <c r="H9256" s="40">
        <v>154.11666700000001</v>
      </c>
      <c r="I9256" s="40">
        <v>23.656807617337627</v>
      </c>
      <c r="L9256" s="40"/>
      <c r="M9256" s="40"/>
      <c r="N9256" s="40"/>
    </row>
    <row r="9257" spans="4:14" x14ac:dyDescent="0.25">
      <c r="D9257" s="40">
        <v>154.14383499998451</v>
      </c>
      <c r="E9257" s="40">
        <v>21.691742223813723</v>
      </c>
      <c r="F9257" s="40">
        <v>154.13333299999999</v>
      </c>
      <c r="G9257" s="40">
        <v>22.333982890352051</v>
      </c>
      <c r="H9257" s="40">
        <v>154.13333400000002</v>
      </c>
      <c r="I9257" s="40">
        <v>23.660160353480883</v>
      </c>
      <c r="L9257" s="40"/>
      <c r="M9257" s="40"/>
      <c r="N9257" s="40"/>
    </row>
    <row r="9258" spans="4:14" x14ac:dyDescent="0.25">
      <c r="D9258" s="40">
        <v>154.16050099998449</v>
      </c>
      <c r="E9258" s="40">
        <v>21.691742223813723</v>
      </c>
      <c r="F9258" s="40">
        <v>154.15</v>
      </c>
      <c r="G9258" s="40">
        <v>22.333982890352051</v>
      </c>
      <c r="H9258" s="40">
        <v>154.15</v>
      </c>
      <c r="I9258" s="40">
        <v>23.660160353480883</v>
      </c>
      <c r="L9258" s="40"/>
      <c r="M9258" s="40"/>
      <c r="N9258" s="40"/>
    </row>
    <row r="9259" spans="4:14" x14ac:dyDescent="0.25">
      <c r="D9259" s="40">
        <v>154.17716699998448</v>
      </c>
      <c r="E9259" s="40">
        <v>21.691742223813723</v>
      </c>
      <c r="F9259" s="40">
        <v>154.16666699999999</v>
      </c>
      <c r="G9259" s="40">
        <v>22.33873813444227</v>
      </c>
      <c r="H9259" s="40">
        <v>154.16666700000002</v>
      </c>
      <c r="I9259" s="40">
        <v>23.663414479737646</v>
      </c>
      <c r="L9259" s="40"/>
      <c r="M9259" s="40"/>
      <c r="N9259" s="40"/>
    </row>
    <row r="9260" spans="4:14" x14ac:dyDescent="0.25">
      <c r="D9260" s="40">
        <v>154.19383299998447</v>
      </c>
      <c r="E9260" s="40">
        <v>21.691742223813723</v>
      </c>
      <c r="F9260" s="40">
        <v>154.183333</v>
      </c>
      <c r="G9260" s="40">
        <v>22.33873813444227</v>
      </c>
      <c r="H9260" s="40">
        <v>154.183334</v>
      </c>
      <c r="I9260" s="40">
        <v>23.663414479737646</v>
      </c>
      <c r="L9260" s="40"/>
      <c r="M9260" s="40"/>
      <c r="N9260" s="40"/>
    </row>
    <row r="9261" spans="4:14" x14ac:dyDescent="0.25">
      <c r="D9261" s="40">
        <v>154.21049899998445</v>
      </c>
      <c r="E9261" s="40">
        <v>21.686899045224301</v>
      </c>
      <c r="F9261" s="40">
        <v>154.19999999999999</v>
      </c>
      <c r="G9261" s="40">
        <v>22.33873813444227</v>
      </c>
      <c r="H9261" s="40">
        <v>154.20000000000002</v>
      </c>
      <c r="I9261" s="40">
        <v>23.663414479737646</v>
      </c>
      <c r="L9261" s="40"/>
      <c r="M9261" s="40"/>
      <c r="N9261" s="40"/>
    </row>
    <row r="9262" spans="4:14" x14ac:dyDescent="0.25">
      <c r="D9262" s="40">
        <v>154.22716499998444</v>
      </c>
      <c r="E9262" s="40">
        <v>21.686899045224301</v>
      </c>
      <c r="F9262" s="40">
        <v>154.216667</v>
      </c>
      <c r="G9262" s="40">
        <v>22.33873813444227</v>
      </c>
      <c r="H9262" s="40">
        <v>154.216667</v>
      </c>
      <c r="I9262" s="40">
        <v>23.666767215880906</v>
      </c>
      <c r="L9262" s="40"/>
      <c r="M9262" s="40"/>
      <c r="N9262" s="40"/>
    </row>
    <row r="9263" spans="4:14" x14ac:dyDescent="0.25">
      <c r="D9263" s="40">
        <v>154.24383099998443</v>
      </c>
      <c r="E9263" s="40">
        <v>21.686899045224301</v>
      </c>
      <c r="F9263" s="40">
        <v>154.23333299999999</v>
      </c>
      <c r="G9263" s="40">
        <v>22.33873813444227</v>
      </c>
      <c r="H9263" s="40">
        <v>154.23333400000001</v>
      </c>
      <c r="I9263" s="40">
        <v>23.666767215880906</v>
      </c>
      <c r="L9263" s="40"/>
      <c r="M9263" s="40"/>
      <c r="N9263" s="40"/>
    </row>
    <row r="9264" spans="4:14" x14ac:dyDescent="0.25">
      <c r="D9264" s="40">
        <v>154.26049699998441</v>
      </c>
      <c r="E9264" s="40">
        <v>21.686899045224301</v>
      </c>
      <c r="F9264" s="40">
        <v>154.25</v>
      </c>
      <c r="G9264" s="40">
        <v>22.33873813444227</v>
      </c>
      <c r="H9264" s="40">
        <v>154.25</v>
      </c>
      <c r="I9264" s="40">
        <v>23.666767215880906</v>
      </c>
      <c r="L9264" s="40"/>
      <c r="M9264" s="40"/>
      <c r="N9264" s="40"/>
    </row>
    <row r="9265" spans="4:14" x14ac:dyDescent="0.25">
      <c r="D9265" s="40">
        <v>154.2771629999844</v>
      </c>
      <c r="E9265" s="40">
        <v>21.686899045224301</v>
      </c>
      <c r="F9265" s="40">
        <v>154.26666699999998</v>
      </c>
      <c r="G9265" s="40">
        <v>22.343493378532489</v>
      </c>
      <c r="H9265" s="40">
        <v>154.26666700000001</v>
      </c>
      <c r="I9265" s="40">
        <v>23.670119952024336</v>
      </c>
      <c r="L9265" s="40"/>
      <c r="M9265" s="40"/>
      <c r="N9265" s="40"/>
    </row>
    <row r="9266" spans="4:14" x14ac:dyDescent="0.25">
      <c r="D9266" s="40">
        <v>154.29382899998438</v>
      </c>
      <c r="E9266" s="40">
        <v>21.686899045224301</v>
      </c>
      <c r="F9266" s="40">
        <v>154.283333</v>
      </c>
      <c r="G9266" s="40">
        <v>22.343493378532489</v>
      </c>
      <c r="H9266" s="40">
        <v>154.283334</v>
      </c>
      <c r="I9266" s="40">
        <v>23.670119952024336</v>
      </c>
      <c r="L9266" s="40"/>
      <c r="M9266" s="40"/>
      <c r="N9266" s="40"/>
    </row>
    <row r="9267" spans="4:14" x14ac:dyDescent="0.25">
      <c r="D9267" s="40">
        <v>154.31049499998437</v>
      </c>
      <c r="E9267" s="40">
        <v>21.691742223813723</v>
      </c>
      <c r="F9267" s="40">
        <v>154.29999999999998</v>
      </c>
      <c r="G9267" s="40">
        <v>22.343493378532489</v>
      </c>
      <c r="H9267" s="40">
        <v>154.30000000000001</v>
      </c>
      <c r="I9267" s="40">
        <v>23.6733740782811</v>
      </c>
      <c r="L9267" s="40"/>
      <c r="M9267" s="40"/>
      <c r="N9267" s="40"/>
    </row>
    <row r="9268" spans="4:14" x14ac:dyDescent="0.25">
      <c r="D9268" s="40">
        <v>154.32716099998436</v>
      </c>
      <c r="E9268" s="40">
        <v>21.691742223813723</v>
      </c>
      <c r="F9268" s="40">
        <v>154.316667</v>
      </c>
      <c r="G9268" s="40">
        <v>22.343493378532489</v>
      </c>
      <c r="H9268" s="40">
        <v>154.316667</v>
      </c>
      <c r="I9268" s="40">
        <v>23.6733740782811</v>
      </c>
      <c r="L9268" s="40"/>
      <c r="M9268" s="40"/>
      <c r="N9268" s="40"/>
    </row>
    <row r="9269" spans="4:14" x14ac:dyDescent="0.25">
      <c r="D9269" s="40">
        <v>154.34382699998434</v>
      </c>
      <c r="E9269" s="40">
        <v>21.691742223813723</v>
      </c>
      <c r="F9269" s="40">
        <v>154.33333299999998</v>
      </c>
      <c r="G9269" s="40">
        <v>22.343493378532489</v>
      </c>
      <c r="H9269" s="40">
        <v>154.33333400000001</v>
      </c>
      <c r="I9269" s="40">
        <v>23.6733740782811</v>
      </c>
      <c r="L9269" s="40"/>
      <c r="M9269" s="40"/>
      <c r="N9269" s="40"/>
    </row>
    <row r="9270" spans="4:14" x14ac:dyDescent="0.25">
      <c r="D9270" s="40">
        <v>154.36049299998433</v>
      </c>
      <c r="E9270" s="40">
        <v>21.696442955974149</v>
      </c>
      <c r="F9270" s="40">
        <v>154.35</v>
      </c>
      <c r="G9270" s="40">
        <v>22.343493378532489</v>
      </c>
      <c r="H9270" s="40">
        <v>154.35</v>
      </c>
      <c r="I9270" s="40">
        <v>23.676726814424356</v>
      </c>
      <c r="L9270" s="40"/>
      <c r="M9270" s="40"/>
      <c r="N9270" s="40"/>
    </row>
    <row r="9271" spans="4:14" x14ac:dyDescent="0.25">
      <c r="D9271" s="40">
        <v>154.37715899998432</v>
      </c>
      <c r="E9271" s="40">
        <v>21.696442955974149</v>
      </c>
      <c r="F9271" s="40">
        <v>154.36666700000001</v>
      </c>
      <c r="G9271" s="40">
        <v>22.348108762502267</v>
      </c>
      <c r="H9271" s="40">
        <v>154.36666700000001</v>
      </c>
      <c r="I9271" s="40">
        <v>23.676726814424356</v>
      </c>
      <c r="L9271" s="40"/>
      <c r="M9271" s="40"/>
      <c r="N9271" s="40"/>
    </row>
    <row r="9272" spans="4:14" x14ac:dyDescent="0.25">
      <c r="D9272" s="40">
        <v>154.3938249999843</v>
      </c>
      <c r="E9272" s="40">
        <v>21.696442955974149</v>
      </c>
      <c r="F9272" s="40">
        <v>154.38333299999999</v>
      </c>
      <c r="G9272" s="40">
        <v>22.348108762502267</v>
      </c>
      <c r="H9272" s="40">
        <v>154.38333400000002</v>
      </c>
      <c r="I9272" s="40">
        <v>23.680079550567612</v>
      </c>
      <c r="L9272" s="40"/>
      <c r="M9272" s="40"/>
      <c r="N9272" s="40"/>
    </row>
    <row r="9273" spans="4:14" x14ac:dyDescent="0.25">
      <c r="D9273" s="40">
        <v>154.41049099998429</v>
      </c>
      <c r="E9273" s="40">
        <v>21.701286134563698</v>
      </c>
      <c r="F9273" s="40">
        <v>154.4</v>
      </c>
      <c r="G9273" s="40">
        <v>22.348108762502267</v>
      </c>
      <c r="H9273" s="40">
        <v>154.4</v>
      </c>
      <c r="I9273" s="40">
        <v>23.680079550567612</v>
      </c>
      <c r="L9273" s="40"/>
      <c r="M9273" s="40"/>
      <c r="N9273" s="40"/>
    </row>
    <row r="9274" spans="4:14" x14ac:dyDescent="0.25">
      <c r="D9274" s="40">
        <v>154.42715699998428</v>
      </c>
      <c r="E9274" s="40">
        <v>21.701286134563698</v>
      </c>
      <c r="F9274" s="40">
        <v>154.41666699999999</v>
      </c>
      <c r="G9274" s="40">
        <v>22.348108762502267</v>
      </c>
      <c r="H9274" s="40">
        <v>154.41666700000002</v>
      </c>
      <c r="I9274" s="40">
        <v>23.680079550567612</v>
      </c>
      <c r="L9274" s="40"/>
      <c r="M9274" s="40"/>
      <c r="N9274" s="40"/>
    </row>
    <row r="9275" spans="4:14" x14ac:dyDescent="0.25">
      <c r="D9275" s="40">
        <v>154.44382299998426</v>
      </c>
      <c r="E9275" s="40">
        <v>21.701286134563698</v>
      </c>
      <c r="F9275" s="40">
        <v>154.433333</v>
      </c>
      <c r="G9275" s="40">
        <v>22.348108762502267</v>
      </c>
      <c r="H9275" s="40">
        <v>154.433334</v>
      </c>
      <c r="I9275" s="40">
        <v>23.683333676824375</v>
      </c>
      <c r="L9275" s="40"/>
      <c r="M9275" s="40"/>
      <c r="N9275" s="40"/>
    </row>
    <row r="9276" spans="4:14" x14ac:dyDescent="0.25">
      <c r="D9276" s="40">
        <v>154.46048899998425</v>
      </c>
      <c r="E9276" s="40">
        <v>21.701286134563698</v>
      </c>
      <c r="F9276" s="40">
        <v>154.44999999999999</v>
      </c>
      <c r="G9276" s="40">
        <v>22.348108762502267</v>
      </c>
      <c r="H9276" s="40">
        <v>154.45000000000002</v>
      </c>
      <c r="I9276" s="40">
        <v>23.683333676824375</v>
      </c>
      <c r="L9276" s="40"/>
      <c r="M9276" s="40"/>
      <c r="N9276" s="40"/>
    </row>
    <row r="9277" spans="4:14" x14ac:dyDescent="0.25">
      <c r="D9277" s="40">
        <v>154.47715499998424</v>
      </c>
      <c r="E9277" s="40">
        <v>21.701286134563698</v>
      </c>
      <c r="F9277" s="40">
        <v>154.466667</v>
      </c>
      <c r="G9277" s="40">
        <v>22.348108762502267</v>
      </c>
      <c r="H9277" s="40">
        <v>154.466667</v>
      </c>
      <c r="I9277" s="40">
        <v>23.686686412967635</v>
      </c>
      <c r="L9277" s="40"/>
      <c r="M9277" s="40"/>
      <c r="N9277" s="40"/>
    </row>
    <row r="9278" spans="4:14" x14ac:dyDescent="0.25">
      <c r="D9278" s="40">
        <v>154.49382099998422</v>
      </c>
      <c r="E9278" s="40">
        <v>21.706129313153248</v>
      </c>
      <c r="F9278" s="40">
        <v>154.48333299999999</v>
      </c>
      <c r="G9278" s="40">
        <v>22.348108762502267</v>
      </c>
      <c r="H9278" s="40">
        <v>154.48333400000001</v>
      </c>
      <c r="I9278" s="40">
        <v>23.686686412967635</v>
      </c>
      <c r="L9278" s="40"/>
      <c r="M9278" s="40"/>
      <c r="N9278" s="40"/>
    </row>
    <row r="9279" spans="4:14" x14ac:dyDescent="0.25">
      <c r="D9279" s="40">
        <v>154.51048699998421</v>
      </c>
      <c r="E9279" s="40">
        <v>21.706129313153248</v>
      </c>
      <c r="F9279" s="40">
        <v>154.5</v>
      </c>
      <c r="G9279" s="40">
        <v>22.348108762502267</v>
      </c>
      <c r="H9279" s="40">
        <v>154.5</v>
      </c>
      <c r="I9279" s="40">
        <v>23.690039149111065</v>
      </c>
      <c r="L9279" s="40"/>
      <c r="M9279" s="40"/>
      <c r="N9279" s="40"/>
    </row>
    <row r="9280" spans="4:14" x14ac:dyDescent="0.25">
      <c r="D9280" s="40">
        <v>154.5271529999842</v>
      </c>
      <c r="E9280" s="40">
        <v>21.706129313153248</v>
      </c>
      <c r="F9280" s="40">
        <v>154.51666699999998</v>
      </c>
      <c r="G9280" s="40">
        <v>22.348108762502267</v>
      </c>
      <c r="H9280" s="40">
        <v>154.51666700000001</v>
      </c>
      <c r="I9280" s="40">
        <v>23.690039149111065</v>
      </c>
      <c r="L9280" s="40"/>
      <c r="M9280" s="40"/>
      <c r="N9280" s="40"/>
    </row>
    <row r="9281" spans="4:14" x14ac:dyDescent="0.25">
      <c r="D9281" s="40">
        <v>154.54381899998418</v>
      </c>
      <c r="E9281" s="40">
        <v>21.706129313153248</v>
      </c>
      <c r="F9281" s="40">
        <v>154.533333</v>
      </c>
      <c r="G9281" s="40">
        <v>22.352864006592487</v>
      </c>
      <c r="H9281" s="40">
        <v>154.533334</v>
      </c>
      <c r="I9281" s="40">
        <v>23.690039149111065</v>
      </c>
      <c r="L9281" s="40"/>
      <c r="M9281" s="40"/>
      <c r="N9281" s="40"/>
    </row>
    <row r="9282" spans="4:14" x14ac:dyDescent="0.25">
      <c r="D9282" s="40">
        <v>154.56048499998417</v>
      </c>
      <c r="E9282" s="40">
        <v>21.706129313153248</v>
      </c>
      <c r="F9282" s="40">
        <v>154.54999999999998</v>
      </c>
      <c r="G9282" s="40">
        <v>22.352864006592487</v>
      </c>
      <c r="H9282" s="40">
        <v>154.55000000000001</v>
      </c>
      <c r="I9282" s="40">
        <v>23.693293275367829</v>
      </c>
      <c r="L9282" s="40"/>
      <c r="M9282" s="40"/>
      <c r="N9282" s="40"/>
    </row>
    <row r="9283" spans="4:14" x14ac:dyDescent="0.25">
      <c r="D9283" s="40">
        <v>154.57715099998416</v>
      </c>
      <c r="E9283" s="40">
        <v>21.706129313153248</v>
      </c>
      <c r="F9283" s="40">
        <v>154.566667</v>
      </c>
      <c r="G9283" s="40">
        <v>22.352864006592487</v>
      </c>
      <c r="H9283" s="40">
        <v>154.566667</v>
      </c>
      <c r="I9283" s="40">
        <v>23.693293275367829</v>
      </c>
      <c r="L9283" s="40"/>
      <c r="M9283" s="40"/>
      <c r="N9283" s="40"/>
    </row>
    <row r="9284" spans="4:14" x14ac:dyDescent="0.25">
      <c r="D9284" s="40">
        <v>154.59381699998414</v>
      </c>
      <c r="E9284" s="40">
        <v>21.706129313153248</v>
      </c>
      <c r="F9284" s="40">
        <v>154.58333299999998</v>
      </c>
      <c r="G9284" s="40">
        <v>22.352864006592487</v>
      </c>
      <c r="H9284" s="40">
        <v>154.58333400000001</v>
      </c>
      <c r="I9284" s="40">
        <v>23.696646011511085</v>
      </c>
      <c r="L9284" s="40"/>
      <c r="M9284" s="40"/>
      <c r="N9284" s="40"/>
    </row>
    <row r="9285" spans="4:14" x14ac:dyDescent="0.25">
      <c r="D9285" s="40">
        <v>154.61048299998413</v>
      </c>
      <c r="E9285" s="40">
        <v>21.706129313153248</v>
      </c>
      <c r="F9285" s="40">
        <v>154.6</v>
      </c>
      <c r="G9285" s="40">
        <v>22.352864006592487</v>
      </c>
      <c r="H9285" s="40">
        <v>154.6</v>
      </c>
      <c r="I9285" s="40">
        <v>23.696646011511085</v>
      </c>
      <c r="L9285" s="40"/>
      <c r="M9285" s="40"/>
      <c r="N9285" s="40"/>
    </row>
    <row r="9286" spans="4:14" x14ac:dyDescent="0.25">
      <c r="D9286" s="40">
        <v>154.62714899998412</v>
      </c>
      <c r="E9286" s="40">
        <v>21.706129313153248</v>
      </c>
      <c r="F9286" s="40">
        <v>154.61666700000001</v>
      </c>
      <c r="G9286" s="40">
        <v>22.352864006592487</v>
      </c>
      <c r="H9286" s="40">
        <v>154.61666700000001</v>
      </c>
      <c r="I9286" s="40">
        <v>23.699998747654345</v>
      </c>
      <c r="L9286" s="40"/>
      <c r="M9286" s="40"/>
      <c r="N9286" s="40"/>
    </row>
    <row r="9287" spans="4:14" x14ac:dyDescent="0.25">
      <c r="D9287" s="40">
        <v>154.6438149999841</v>
      </c>
      <c r="E9287" s="40">
        <v>21.706129313153248</v>
      </c>
      <c r="F9287" s="40">
        <v>154.63333299999999</v>
      </c>
      <c r="G9287" s="40">
        <v>22.352864006592487</v>
      </c>
      <c r="H9287" s="40">
        <v>154.63333400000002</v>
      </c>
      <c r="I9287" s="40">
        <v>23.699998747654345</v>
      </c>
      <c r="L9287" s="40"/>
      <c r="M9287" s="40"/>
      <c r="N9287" s="40"/>
    </row>
    <row r="9288" spans="4:14" x14ac:dyDescent="0.25">
      <c r="D9288" s="40">
        <v>154.66048099998409</v>
      </c>
      <c r="E9288" s="40">
        <v>21.706129313153248</v>
      </c>
      <c r="F9288" s="40">
        <v>154.65</v>
      </c>
      <c r="G9288" s="40">
        <v>22.352864006592487</v>
      </c>
      <c r="H9288" s="40">
        <v>154.65</v>
      </c>
      <c r="I9288" s="40">
        <v>23.699998747654345</v>
      </c>
      <c r="L9288" s="40"/>
      <c r="M9288" s="40"/>
      <c r="N9288" s="40"/>
    </row>
    <row r="9289" spans="4:14" x14ac:dyDescent="0.25">
      <c r="D9289" s="40">
        <v>154.67714699998407</v>
      </c>
      <c r="E9289" s="40">
        <v>21.706129313153248</v>
      </c>
      <c r="F9289" s="40">
        <v>154.66666699999999</v>
      </c>
      <c r="G9289" s="40">
        <v>22.357619250682706</v>
      </c>
      <c r="H9289" s="40">
        <v>154.66666700000002</v>
      </c>
      <c r="I9289" s="40">
        <v>23.703351483797778</v>
      </c>
      <c r="L9289" s="40"/>
      <c r="M9289" s="40"/>
      <c r="N9289" s="40"/>
    </row>
    <row r="9290" spans="4:14" x14ac:dyDescent="0.25">
      <c r="D9290" s="40">
        <v>154.69381299998406</v>
      </c>
      <c r="E9290" s="40">
        <v>21.706129313153248</v>
      </c>
      <c r="F9290" s="40">
        <v>154.683333</v>
      </c>
      <c r="G9290" s="40">
        <v>22.357619250682706</v>
      </c>
      <c r="H9290" s="40">
        <v>154.683334</v>
      </c>
      <c r="I9290" s="40">
        <v>23.703351483797778</v>
      </c>
      <c r="L9290" s="40"/>
      <c r="M9290" s="40"/>
      <c r="N9290" s="40"/>
    </row>
    <row r="9291" spans="4:14" x14ac:dyDescent="0.25">
      <c r="D9291" s="40">
        <v>154.71047899998405</v>
      </c>
      <c r="E9291" s="40">
        <v>21.710830045313546</v>
      </c>
      <c r="F9291" s="40">
        <v>154.69999999999999</v>
      </c>
      <c r="G9291" s="40">
        <v>22.357619250682706</v>
      </c>
      <c r="H9291" s="40">
        <v>154.70000000000002</v>
      </c>
      <c r="I9291" s="40">
        <v>23.706605610054542</v>
      </c>
      <c r="L9291" s="40"/>
      <c r="M9291" s="40"/>
      <c r="N9291" s="40"/>
    </row>
    <row r="9292" spans="4:14" x14ac:dyDescent="0.25">
      <c r="D9292" s="40">
        <v>154.72714499998403</v>
      </c>
      <c r="E9292" s="40">
        <v>21.706129313153248</v>
      </c>
      <c r="F9292" s="40">
        <v>154.716667</v>
      </c>
      <c r="G9292" s="40">
        <v>22.357619250682706</v>
      </c>
      <c r="H9292" s="40">
        <v>154.716667</v>
      </c>
      <c r="I9292" s="40">
        <v>23.706605610054542</v>
      </c>
      <c r="L9292" s="40"/>
      <c r="M9292" s="40"/>
      <c r="N9292" s="40"/>
    </row>
    <row r="9293" spans="4:14" x14ac:dyDescent="0.25">
      <c r="D9293" s="40">
        <v>154.74381099998402</v>
      </c>
      <c r="E9293" s="40">
        <v>21.706129313153248</v>
      </c>
      <c r="F9293" s="40">
        <v>154.73333299999999</v>
      </c>
      <c r="G9293" s="40">
        <v>22.357619250682706</v>
      </c>
      <c r="H9293" s="40">
        <v>154.73333400000001</v>
      </c>
      <c r="I9293" s="40">
        <v>23.709958346197794</v>
      </c>
      <c r="L9293" s="40"/>
      <c r="M9293" s="40"/>
      <c r="N9293" s="40"/>
    </row>
    <row r="9294" spans="4:14" x14ac:dyDescent="0.25">
      <c r="D9294" s="40">
        <v>154.76047699998401</v>
      </c>
      <c r="E9294" s="40">
        <v>21.706129313153248</v>
      </c>
      <c r="F9294" s="40">
        <v>154.75</v>
      </c>
      <c r="G9294" s="40">
        <v>22.362234634652605</v>
      </c>
      <c r="H9294" s="40">
        <v>154.75</v>
      </c>
      <c r="I9294" s="40">
        <v>23.709958346197794</v>
      </c>
      <c r="L9294" s="40"/>
      <c r="M9294" s="40"/>
      <c r="N9294" s="40"/>
    </row>
    <row r="9295" spans="4:14" x14ac:dyDescent="0.25">
      <c r="D9295" s="40">
        <v>154.77714299998399</v>
      </c>
      <c r="E9295" s="40">
        <v>21.701286134563698</v>
      </c>
      <c r="F9295" s="40">
        <v>154.76666699999998</v>
      </c>
      <c r="G9295" s="40">
        <v>22.362234634652605</v>
      </c>
      <c r="H9295" s="40">
        <v>154.76666700000001</v>
      </c>
      <c r="I9295" s="40">
        <v>23.713311082341054</v>
      </c>
      <c r="L9295" s="40"/>
      <c r="M9295" s="40"/>
      <c r="N9295" s="40"/>
    </row>
    <row r="9296" spans="4:14" x14ac:dyDescent="0.25">
      <c r="D9296" s="40">
        <v>154.79380899998398</v>
      </c>
      <c r="E9296" s="40">
        <v>21.701286134563698</v>
      </c>
      <c r="F9296" s="40">
        <v>154.783333</v>
      </c>
      <c r="G9296" s="40">
        <v>22.357619250682706</v>
      </c>
      <c r="H9296" s="40">
        <v>154.783334</v>
      </c>
      <c r="I9296" s="40">
        <v>23.713311082341054</v>
      </c>
      <c r="L9296" s="40"/>
      <c r="M9296" s="40"/>
      <c r="N9296" s="40"/>
    </row>
    <row r="9297" spans="4:14" x14ac:dyDescent="0.25">
      <c r="D9297" s="40">
        <v>154.81047499998397</v>
      </c>
      <c r="E9297" s="40">
        <v>21.696442955974149</v>
      </c>
      <c r="F9297" s="40">
        <v>154.79999999999998</v>
      </c>
      <c r="G9297" s="40">
        <v>22.357619250682706</v>
      </c>
      <c r="H9297" s="40">
        <v>154.80000000000001</v>
      </c>
      <c r="I9297" s="40">
        <v>23.713311082341054</v>
      </c>
      <c r="L9297" s="40"/>
      <c r="M9297" s="40"/>
      <c r="N9297" s="40"/>
    </row>
    <row r="9298" spans="4:14" x14ac:dyDescent="0.25">
      <c r="D9298" s="40">
        <v>154.82714099998395</v>
      </c>
      <c r="E9298" s="40">
        <v>21.696442955974149</v>
      </c>
      <c r="F9298" s="40">
        <v>154.816667</v>
      </c>
      <c r="G9298" s="40">
        <v>22.357619250682706</v>
      </c>
      <c r="H9298" s="40">
        <v>154.816667</v>
      </c>
      <c r="I9298" s="40">
        <v>23.716565208597817</v>
      </c>
      <c r="L9298" s="40"/>
      <c r="M9298" s="40"/>
      <c r="N9298" s="40"/>
    </row>
    <row r="9299" spans="4:14" x14ac:dyDescent="0.25">
      <c r="D9299" s="40">
        <v>154.84380699998394</v>
      </c>
      <c r="E9299" s="40">
        <v>21.691742223813723</v>
      </c>
      <c r="F9299" s="40">
        <v>154.83333299999998</v>
      </c>
      <c r="G9299" s="40">
        <v>22.357619250682706</v>
      </c>
      <c r="H9299" s="40">
        <v>154.83333400000001</v>
      </c>
      <c r="I9299" s="40">
        <v>23.716565208597817</v>
      </c>
      <c r="L9299" s="40"/>
      <c r="M9299" s="40"/>
      <c r="N9299" s="40"/>
    </row>
    <row r="9300" spans="4:14" x14ac:dyDescent="0.25">
      <c r="D9300" s="40">
        <v>154.86047299998393</v>
      </c>
      <c r="E9300" s="40">
        <v>21.691742223813723</v>
      </c>
      <c r="F9300" s="40">
        <v>154.85</v>
      </c>
      <c r="G9300" s="40">
        <v>22.357619250682706</v>
      </c>
      <c r="H9300" s="40">
        <v>154.85</v>
      </c>
      <c r="I9300" s="40">
        <v>23.719917944741074</v>
      </c>
      <c r="L9300" s="40"/>
      <c r="M9300" s="40"/>
      <c r="N9300" s="40"/>
    </row>
    <row r="9301" spans="4:14" x14ac:dyDescent="0.25">
      <c r="D9301" s="40">
        <v>154.87713899998391</v>
      </c>
      <c r="E9301" s="40">
        <v>21.691742223813723</v>
      </c>
      <c r="F9301" s="40">
        <v>154.86666700000001</v>
      </c>
      <c r="G9301" s="40">
        <v>22.362234634652605</v>
      </c>
      <c r="H9301" s="40">
        <v>154.86666700000001</v>
      </c>
      <c r="I9301" s="40">
        <v>23.719917944741074</v>
      </c>
      <c r="L9301" s="40"/>
      <c r="M9301" s="40"/>
      <c r="N9301" s="40"/>
    </row>
    <row r="9302" spans="4:14" x14ac:dyDescent="0.25">
      <c r="D9302" s="40">
        <v>154.8938049999839</v>
      </c>
      <c r="E9302" s="40">
        <v>21.686899045224301</v>
      </c>
      <c r="F9302" s="40">
        <v>154.88333299999999</v>
      </c>
      <c r="G9302" s="40">
        <v>22.362234634652605</v>
      </c>
      <c r="H9302" s="40">
        <v>154.88333400000002</v>
      </c>
      <c r="I9302" s="40">
        <v>23.723270680884507</v>
      </c>
      <c r="L9302" s="40"/>
      <c r="M9302" s="40"/>
      <c r="N9302" s="40"/>
    </row>
    <row r="9303" spans="4:14" x14ac:dyDescent="0.25">
      <c r="D9303" s="40">
        <v>154.91047099998389</v>
      </c>
      <c r="E9303" s="40">
        <v>21.682055866634752</v>
      </c>
      <c r="F9303" s="40">
        <v>154.9</v>
      </c>
      <c r="G9303" s="40">
        <v>22.362234634652605</v>
      </c>
      <c r="H9303" s="40">
        <v>154.9</v>
      </c>
      <c r="I9303" s="40">
        <v>23.723270680884507</v>
      </c>
      <c r="L9303" s="40"/>
      <c r="M9303" s="40"/>
      <c r="N9303" s="40"/>
    </row>
    <row r="9304" spans="4:14" x14ac:dyDescent="0.25">
      <c r="D9304" s="40">
        <v>154.92713699998387</v>
      </c>
      <c r="E9304" s="40">
        <v>21.67721268804533</v>
      </c>
      <c r="F9304" s="40">
        <v>154.91666699999999</v>
      </c>
      <c r="G9304" s="40">
        <v>22.362234634652605</v>
      </c>
      <c r="H9304" s="40">
        <v>154.91666700000002</v>
      </c>
      <c r="I9304" s="40">
        <v>23.726524807141271</v>
      </c>
      <c r="L9304" s="40"/>
      <c r="M9304" s="40"/>
      <c r="N9304" s="40"/>
    </row>
    <row r="9305" spans="4:14" x14ac:dyDescent="0.25">
      <c r="D9305" s="40">
        <v>154.94380299998386</v>
      </c>
      <c r="E9305" s="40">
        <v>21.67721268804533</v>
      </c>
      <c r="F9305" s="40">
        <v>154.933333</v>
      </c>
      <c r="G9305" s="40">
        <v>22.3669898787427</v>
      </c>
      <c r="H9305" s="40">
        <v>154.933334</v>
      </c>
      <c r="I9305" s="40">
        <v>23.726524807141271</v>
      </c>
      <c r="L9305" s="40"/>
      <c r="M9305" s="40"/>
      <c r="N9305" s="40"/>
    </row>
    <row r="9306" spans="4:14" x14ac:dyDescent="0.25">
      <c r="D9306" s="40">
        <v>154.96046899998385</v>
      </c>
      <c r="E9306" s="40">
        <v>21.672511955884907</v>
      </c>
      <c r="F9306" s="40">
        <v>154.94999999999999</v>
      </c>
      <c r="G9306" s="40">
        <v>22.3669898787427</v>
      </c>
      <c r="H9306" s="40">
        <v>154.95000000000002</v>
      </c>
      <c r="I9306" s="40">
        <v>23.726524807141271</v>
      </c>
      <c r="L9306" s="40"/>
      <c r="M9306" s="40"/>
      <c r="N9306" s="40"/>
    </row>
    <row r="9307" spans="4:14" x14ac:dyDescent="0.25">
      <c r="D9307" s="40">
        <v>154.97713499998383</v>
      </c>
      <c r="E9307" s="40">
        <v>21.672511955884907</v>
      </c>
      <c r="F9307" s="40">
        <v>154.966667</v>
      </c>
      <c r="G9307" s="40">
        <v>22.3669898787427</v>
      </c>
      <c r="H9307" s="40">
        <v>154.966667</v>
      </c>
      <c r="I9307" s="40">
        <v>23.729877543284523</v>
      </c>
      <c r="L9307" s="40"/>
      <c r="M9307" s="40"/>
      <c r="N9307" s="40"/>
    </row>
    <row r="9308" spans="4:14" x14ac:dyDescent="0.25">
      <c r="D9308" s="40">
        <v>154.99380099998382</v>
      </c>
      <c r="E9308" s="40">
        <v>21.672511955884907</v>
      </c>
      <c r="F9308" s="40">
        <v>154.98333299999999</v>
      </c>
      <c r="G9308" s="40">
        <v>22.3669898787427</v>
      </c>
      <c r="H9308" s="40">
        <v>154.98333400000001</v>
      </c>
      <c r="I9308" s="40">
        <v>23.729877543284523</v>
      </c>
      <c r="L9308" s="40"/>
      <c r="M9308" s="40"/>
      <c r="N9308" s="40"/>
    </row>
    <row r="9309" spans="4:14" x14ac:dyDescent="0.25">
      <c r="D9309" s="40">
        <v>155.01046699998381</v>
      </c>
      <c r="E9309" s="40">
        <v>21.667668777295358</v>
      </c>
      <c r="F9309" s="40">
        <v>155</v>
      </c>
      <c r="G9309" s="40">
        <v>22.3669898787427</v>
      </c>
      <c r="H9309" s="40">
        <v>155</v>
      </c>
      <c r="I9309" s="40">
        <v>23.733230279427783</v>
      </c>
      <c r="L9309" s="40"/>
      <c r="M9309" s="40"/>
      <c r="N9309" s="40"/>
    </row>
    <row r="9310" spans="4:14" x14ac:dyDescent="0.25">
      <c r="D9310" s="40">
        <v>155.02713299998379</v>
      </c>
      <c r="E9310" s="40">
        <v>21.667668777295358</v>
      </c>
      <c r="F9310" s="40">
        <v>155.01666699999998</v>
      </c>
      <c r="G9310" s="40">
        <v>22.3669898787427</v>
      </c>
      <c r="H9310" s="40">
        <v>155.01666700000001</v>
      </c>
      <c r="I9310" s="40">
        <v>23.733230279427783</v>
      </c>
      <c r="L9310" s="40"/>
      <c r="M9310" s="40"/>
      <c r="N9310" s="40"/>
    </row>
    <row r="9311" spans="4:14" x14ac:dyDescent="0.25">
      <c r="D9311" s="40">
        <v>155.04379899998378</v>
      </c>
      <c r="E9311" s="40">
        <v>21.672511955884907</v>
      </c>
      <c r="F9311" s="40">
        <v>155.033333</v>
      </c>
      <c r="G9311" s="40">
        <v>22.37174512283292</v>
      </c>
      <c r="H9311" s="40">
        <v>155.033334</v>
      </c>
      <c r="I9311" s="40">
        <v>23.736484405684546</v>
      </c>
      <c r="L9311" s="40"/>
      <c r="M9311" s="40"/>
      <c r="N9311" s="40"/>
    </row>
    <row r="9312" spans="4:14" x14ac:dyDescent="0.25">
      <c r="D9312" s="40">
        <v>155.06046499998376</v>
      </c>
      <c r="E9312" s="40">
        <v>21.672511955884907</v>
      </c>
      <c r="F9312" s="40">
        <v>155.04999999999998</v>
      </c>
      <c r="G9312" s="40">
        <v>22.37174512283292</v>
      </c>
      <c r="H9312" s="40">
        <v>155.05000000000001</v>
      </c>
      <c r="I9312" s="40">
        <v>23.736484405684546</v>
      </c>
      <c r="L9312" s="40"/>
      <c r="M9312" s="40"/>
      <c r="N9312" s="40"/>
    </row>
    <row r="9313" spans="4:14" x14ac:dyDescent="0.25">
      <c r="D9313" s="40">
        <v>155.07713099998375</v>
      </c>
      <c r="E9313" s="40">
        <v>21.672511955884907</v>
      </c>
      <c r="F9313" s="40">
        <v>155.066667</v>
      </c>
      <c r="G9313" s="40">
        <v>22.37174512283292</v>
      </c>
      <c r="H9313" s="40">
        <v>155.066667</v>
      </c>
      <c r="I9313" s="40">
        <v>23.736484405684546</v>
      </c>
      <c r="L9313" s="40"/>
      <c r="M9313" s="40"/>
      <c r="N9313" s="40"/>
    </row>
    <row r="9314" spans="4:14" x14ac:dyDescent="0.25">
      <c r="D9314" s="40">
        <v>155.09379699998374</v>
      </c>
      <c r="E9314" s="40">
        <v>21.672511955884907</v>
      </c>
      <c r="F9314" s="40">
        <v>155.08333299999998</v>
      </c>
      <c r="G9314" s="40">
        <v>22.37174512283292</v>
      </c>
      <c r="H9314" s="40">
        <v>155.08333400000001</v>
      </c>
      <c r="I9314" s="40">
        <v>23.73983714182798</v>
      </c>
      <c r="L9314" s="40"/>
      <c r="M9314" s="40"/>
      <c r="N9314" s="40"/>
    </row>
    <row r="9315" spans="4:14" x14ac:dyDescent="0.25">
      <c r="D9315" s="40">
        <v>155.11046299998372</v>
      </c>
      <c r="E9315" s="40">
        <v>21.672511955884907</v>
      </c>
      <c r="F9315" s="40">
        <v>155.1</v>
      </c>
      <c r="G9315" s="40">
        <v>22.37174512283292</v>
      </c>
      <c r="H9315" s="40">
        <v>155.1</v>
      </c>
      <c r="I9315" s="40">
        <v>23.73983714182798</v>
      </c>
      <c r="L9315" s="40"/>
      <c r="M9315" s="40"/>
      <c r="N9315" s="40"/>
    </row>
    <row r="9316" spans="4:14" x14ac:dyDescent="0.25">
      <c r="D9316" s="40">
        <v>155.12712899998371</v>
      </c>
      <c r="E9316" s="40">
        <v>21.672511955884907</v>
      </c>
      <c r="F9316" s="40">
        <v>155.11666700000001</v>
      </c>
      <c r="G9316" s="40">
        <v>22.37174512283292</v>
      </c>
      <c r="H9316" s="40">
        <v>155.11666700000001</v>
      </c>
      <c r="I9316" s="40">
        <v>23.743189877971236</v>
      </c>
      <c r="L9316" s="40"/>
      <c r="M9316" s="40"/>
      <c r="N9316" s="40"/>
    </row>
    <row r="9317" spans="4:14" x14ac:dyDescent="0.25">
      <c r="D9317" s="40">
        <v>155.1437949999837</v>
      </c>
      <c r="E9317" s="40">
        <v>21.672511955884907</v>
      </c>
      <c r="F9317" s="40">
        <v>155.13333299999999</v>
      </c>
      <c r="G9317" s="40">
        <v>22.37174512283292</v>
      </c>
      <c r="H9317" s="40">
        <v>155.13333400000002</v>
      </c>
      <c r="I9317" s="40">
        <v>23.743189877971236</v>
      </c>
      <c r="L9317" s="40"/>
      <c r="M9317" s="40"/>
      <c r="N9317" s="40"/>
    </row>
    <row r="9318" spans="4:14" x14ac:dyDescent="0.25">
      <c r="D9318" s="40">
        <v>155.16046099998368</v>
      </c>
      <c r="E9318" s="40">
        <v>21.672511955884907</v>
      </c>
      <c r="F9318" s="40">
        <v>155.15</v>
      </c>
      <c r="G9318" s="40">
        <v>22.37174512283292</v>
      </c>
      <c r="H9318" s="40">
        <v>155.15</v>
      </c>
      <c r="I9318" s="40">
        <v>23.743189877971236</v>
      </c>
      <c r="L9318" s="40"/>
      <c r="M9318" s="40"/>
      <c r="N9318" s="40"/>
    </row>
    <row r="9319" spans="4:14" x14ac:dyDescent="0.25">
      <c r="D9319" s="40">
        <v>155.17712699998367</v>
      </c>
      <c r="E9319" s="40">
        <v>21.672511955884907</v>
      </c>
      <c r="F9319" s="40">
        <v>155.16666699999999</v>
      </c>
      <c r="G9319" s="40">
        <v>22.37174512283292</v>
      </c>
      <c r="H9319" s="40">
        <v>155.16666700000002</v>
      </c>
      <c r="I9319" s="40">
        <v>23.746444004228</v>
      </c>
      <c r="L9319" s="40"/>
      <c r="M9319" s="40"/>
      <c r="N9319" s="40"/>
    </row>
    <row r="9320" spans="4:14" x14ac:dyDescent="0.25">
      <c r="D9320" s="40">
        <v>155.19379299998366</v>
      </c>
      <c r="E9320" s="40">
        <v>21.672511955884907</v>
      </c>
      <c r="F9320" s="40">
        <v>155.183333</v>
      </c>
      <c r="G9320" s="40">
        <v>22.37174512283292</v>
      </c>
      <c r="H9320" s="40">
        <v>155.183334</v>
      </c>
      <c r="I9320" s="40">
        <v>23.746444004228</v>
      </c>
      <c r="L9320" s="40"/>
      <c r="M9320" s="40"/>
      <c r="N9320" s="40"/>
    </row>
    <row r="9321" spans="4:14" x14ac:dyDescent="0.25">
      <c r="D9321" s="40">
        <v>155.21045899998364</v>
      </c>
      <c r="E9321" s="40">
        <v>21.672511955884907</v>
      </c>
      <c r="F9321" s="40">
        <v>155.19999999999999</v>
      </c>
      <c r="G9321" s="40">
        <v>22.376360506802818</v>
      </c>
      <c r="H9321" s="40">
        <v>155.20000000000002</v>
      </c>
      <c r="I9321" s="40">
        <v>23.749796740371256</v>
      </c>
      <c r="L9321" s="40"/>
      <c r="M9321" s="40"/>
      <c r="N9321" s="40"/>
    </row>
    <row r="9322" spans="4:14" x14ac:dyDescent="0.25">
      <c r="D9322" s="40">
        <v>155.22712499998363</v>
      </c>
      <c r="E9322" s="40">
        <v>21.67721268804533</v>
      </c>
      <c r="F9322" s="40">
        <v>155.216667</v>
      </c>
      <c r="G9322" s="40">
        <v>22.376360506802818</v>
      </c>
      <c r="H9322" s="40">
        <v>155.216667</v>
      </c>
      <c r="I9322" s="40">
        <v>23.749796740371256</v>
      </c>
      <c r="L9322" s="40"/>
      <c r="M9322" s="40"/>
      <c r="N9322" s="40"/>
    </row>
    <row r="9323" spans="4:14" x14ac:dyDescent="0.25">
      <c r="D9323" s="40">
        <v>155.24379099998362</v>
      </c>
      <c r="E9323" s="40">
        <v>21.67721268804533</v>
      </c>
      <c r="F9323" s="40">
        <v>155.23333299999999</v>
      </c>
      <c r="G9323" s="40">
        <v>22.376360506802818</v>
      </c>
      <c r="H9323" s="40">
        <v>155.23333400000001</v>
      </c>
      <c r="I9323" s="40">
        <v>23.749796740371256</v>
      </c>
      <c r="L9323" s="40"/>
      <c r="M9323" s="40"/>
      <c r="N9323" s="40"/>
    </row>
    <row r="9324" spans="4:14" x14ac:dyDescent="0.25">
      <c r="D9324" s="40">
        <v>155.2604569999836</v>
      </c>
      <c r="E9324" s="40">
        <v>21.682055866634752</v>
      </c>
      <c r="F9324" s="40">
        <v>155.25</v>
      </c>
      <c r="G9324" s="40">
        <v>22.376360506802818</v>
      </c>
      <c r="H9324" s="40">
        <v>155.25</v>
      </c>
      <c r="I9324" s="40">
        <v>23.753149476514512</v>
      </c>
      <c r="L9324" s="40"/>
      <c r="M9324" s="40"/>
      <c r="N9324" s="40"/>
    </row>
    <row r="9325" spans="4:14" x14ac:dyDescent="0.25">
      <c r="D9325" s="40">
        <v>155.27712299998359</v>
      </c>
      <c r="E9325" s="40">
        <v>21.682055866634752</v>
      </c>
      <c r="F9325" s="40">
        <v>155.26666699999998</v>
      </c>
      <c r="G9325" s="40">
        <v>22.376360506802818</v>
      </c>
      <c r="H9325" s="40">
        <v>155.26666700000001</v>
      </c>
      <c r="I9325" s="40">
        <v>23.753149476514512</v>
      </c>
      <c r="L9325" s="40"/>
      <c r="M9325" s="40"/>
      <c r="N9325" s="40"/>
    </row>
    <row r="9326" spans="4:14" x14ac:dyDescent="0.25">
      <c r="D9326" s="40">
        <v>155.29378899998358</v>
      </c>
      <c r="E9326" s="40">
        <v>21.686899045224301</v>
      </c>
      <c r="F9326" s="40">
        <v>155.283333</v>
      </c>
      <c r="G9326" s="40">
        <v>22.376360506802818</v>
      </c>
      <c r="H9326" s="40">
        <v>155.283334</v>
      </c>
      <c r="I9326" s="40">
        <v>23.756403602771275</v>
      </c>
      <c r="L9326" s="40"/>
      <c r="M9326" s="40"/>
      <c r="N9326" s="40"/>
    </row>
    <row r="9327" spans="4:14" x14ac:dyDescent="0.25">
      <c r="D9327" s="40">
        <v>155.31045499998356</v>
      </c>
      <c r="E9327" s="40">
        <v>21.691742223813723</v>
      </c>
      <c r="F9327" s="40">
        <v>155.29999999999998</v>
      </c>
      <c r="G9327" s="40">
        <v>22.376360506802818</v>
      </c>
      <c r="H9327" s="40">
        <v>155.30000000000001</v>
      </c>
      <c r="I9327" s="40">
        <v>23.756403602771275</v>
      </c>
      <c r="L9327" s="40"/>
      <c r="M9327" s="40"/>
      <c r="N9327" s="40"/>
    </row>
    <row r="9328" spans="4:14" x14ac:dyDescent="0.25">
      <c r="D9328" s="40">
        <v>155.32712099998355</v>
      </c>
      <c r="E9328" s="40">
        <v>21.696442955974149</v>
      </c>
      <c r="F9328" s="40">
        <v>155.316667</v>
      </c>
      <c r="G9328" s="40">
        <v>22.37174512283292</v>
      </c>
      <c r="H9328" s="40">
        <v>155.316667</v>
      </c>
      <c r="I9328" s="40">
        <v>23.759756338914709</v>
      </c>
      <c r="L9328" s="40"/>
      <c r="M9328" s="40"/>
      <c r="N9328" s="40"/>
    </row>
    <row r="9329" spans="4:14" x14ac:dyDescent="0.25">
      <c r="D9329" s="40">
        <v>155.34378699998354</v>
      </c>
      <c r="E9329" s="40">
        <v>21.696442955974149</v>
      </c>
      <c r="F9329" s="40">
        <v>155.33333299999998</v>
      </c>
      <c r="G9329" s="40">
        <v>22.37174512283292</v>
      </c>
      <c r="H9329" s="40">
        <v>155.33333400000001</v>
      </c>
      <c r="I9329" s="40">
        <v>23.759756338914709</v>
      </c>
      <c r="L9329" s="40"/>
      <c r="M9329" s="40"/>
      <c r="N9329" s="40"/>
    </row>
    <row r="9330" spans="4:14" x14ac:dyDescent="0.25">
      <c r="D9330" s="40">
        <v>155.36045299998352</v>
      </c>
      <c r="E9330" s="40">
        <v>21.696442955974149</v>
      </c>
      <c r="F9330" s="40">
        <v>155.35</v>
      </c>
      <c r="G9330" s="40">
        <v>22.37174512283292</v>
      </c>
      <c r="H9330" s="40">
        <v>155.35</v>
      </c>
      <c r="I9330" s="40">
        <v>23.763109075057969</v>
      </c>
      <c r="L9330" s="40"/>
      <c r="M9330" s="40"/>
      <c r="N9330" s="40"/>
    </row>
    <row r="9331" spans="4:14" x14ac:dyDescent="0.25">
      <c r="D9331" s="40">
        <v>155.37711899998351</v>
      </c>
      <c r="E9331" s="40">
        <v>21.701286134563698</v>
      </c>
      <c r="F9331" s="40">
        <v>155.36666700000001</v>
      </c>
      <c r="G9331" s="40">
        <v>22.37174512283292</v>
      </c>
      <c r="H9331" s="40">
        <v>155.36666700000001</v>
      </c>
      <c r="I9331" s="40">
        <v>23.763109075057969</v>
      </c>
      <c r="L9331" s="40"/>
      <c r="M9331" s="40"/>
      <c r="N9331" s="40"/>
    </row>
    <row r="9332" spans="4:14" x14ac:dyDescent="0.25">
      <c r="D9332" s="40">
        <v>155.3937849999835</v>
      </c>
      <c r="E9332" s="40">
        <v>21.701286134563698</v>
      </c>
      <c r="F9332" s="40">
        <v>155.38333299999999</v>
      </c>
      <c r="G9332" s="40">
        <v>22.37174512283292</v>
      </c>
      <c r="H9332" s="40">
        <v>155.38333400000002</v>
      </c>
      <c r="I9332" s="40">
        <v>23.763109075057969</v>
      </c>
      <c r="L9332" s="40"/>
      <c r="M9332" s="40"/>
      <c r="N9332" s="40"/>
    </row>
    <row r="9333" spans="4:14" x14ac:dyDescent="0.25">
      <c r="D9333" s="40">
        <v>155.41045099998348</v>
      </c>
      <c r="E9333" s="40">
        <v>21.706129313153248</v>
      </c>
      <c r="F9333" s="40">
        <v>155.4</v>
      </c>
      <c r="G9333" s="40">
        <v>22.37174512283292</v>
      </c>
      <c r="H9333" s="40">
        <v>155.4</v>
      </c>
      <c r="I9333" s="40">
        <v>23.766363201314729</v>
      </c>
      <c r="L9333" s="40"/>
      <c r="M9333" s="40"/>
      <c r="N9333" s="40"/>
    </row>
    <row r="9334" spans="4:14" x14ac:dyDescent="0.25">
      <c r="D9334" s="40">
        <v>155.42711699998347</v>
      </c>
      <c r="E9334" s="40">
        <v>21.706129313153248</v>
      </c>
      <c r="F9334" s="40">
        <v>155.41666699999999</v>
      </c>
      <c r="G9334" s="40">
        <v>22.37174512283292</v>
      </c>
      <c r="H9334" s="40">
        <v>155.41666700000002</v>
      </c>
      <c r="I9334" s="40">
        <v>23.766363201314729</v>
      </c>
      <c r="L9334" s="40"/>
      <c r="M9334" s="40"/>
      <c r="N9334" s="40"/>
    </row>
    <row r="9335" spans="4:14" x14ac:dyDescent="0.25">
      <c r="D9335" s="40">
        <v>155.44378299998345</v>
      </c>
      <c r="E9335" s="40">
        <v>21.710830045313546</v>
      </c>
      <c r="F9335" s="40">
        <v>155.433333</v>
      </c>
      <c r="G9335" s="40">
        <v>22.37174512283292</v>
      </c>
      <c r="H9335" s="40">
        <v>155.433334</v>
      </c>
      <c r="I9335" s="40">
        <v>23.769715937457988</v>
      </c>
      <c r="L9335" s="40"/>
      <c r="M9335" s="40"/>
      <c r="N9335" s="40"/>
    </row>
    <row r="9336" spans="4:14" x14ac:dyDescent="0.25">
      <c r="D9336" s="40">
        <v>155.46044899998344</v>
      </c>
      <c r="E9336" s="40">
        <v>21.706129313153248</v>
      </c>
      <c r="F9336" s="40">
        <v>155.44999999999999</v>
      </c>
      <c r="G9336" s="40">
        <v>22.37174512283292</v>
      </c>
      <c r="H9336" s="40">
        <v>155.45000000000002</v>
      </c>
      <c r="I9336" s="40">
        <v>23.769715937457988</v>
      </c>
      <c r="L9336" s="40"/>
      <c r="M9336" s="40"/>
      <c r="N9336" s="40"/>
    </row>
    <row r="9337" spans="4:14" x14ac:dyDescent="0.25">
      <c r="D9337" s="40">
        <v>155.47711499998343</v>
      </c>
      <c r="E9337" s="40">
        <v>21.710830045313546</v>
      </c>
      <c r="F9337" s="40">
        <v>155.466667</v>
      </c>
      <c r="G9337" s="40">
        <v>22.37174512283292</v>
      </c>
      <c r="H9337" s="40">
        <v>155.466667</v>
      </c>
      <c r="I9337" s="40">
        <v>23.773068673601419</v>
      </c>
      <c r="L9337" s="40"/>
      <c r="M9337" s="40"/>
      <c r="N9337" s="40"/>
    </row>
    <row r="9338" spans="4:14" x14ac:dyDescent="0.25">
      <c r="D9338" s="40">
        <v>155.49378099998341</v>
      </c>
      <c r="E9338" s="40">
        <v>21.710830045313546</v>
      </c>
      <c r="F9338" s="40">
        <v>155.48333299999999</v>
      </c>
      <c r="G9338" s="40">
        <v>22.37174512283292</v>
      </c>
      <c r="H9338" s="40">
        <v>155.48333400000001</v>
      </c>
      <c r="I9338" s="40">
        <v>23.773068673601419</v>
      </c>
      <c r="L9338" s="40"/>
      <c r="M9338" s="40"/>
      <c r="N9338" s="40"/>
    </row>
    <row r="9339" spans="4:14" x14ac:dyDescent="0.25">
      <c r="D9339" s="40">
        <v>155.5104469999834</v>
      </c>
      <c r="E9339" s="40">
        <v>21.710830045313546</v>
      </c>
      <c r="F9339" s="40">
        <v>155.5</v>
      </c>
      <c r="G9339" s="40">
        <v>22.37174512283292</v>
      </c>
      <c r="H9339" s="40">
        <v>155.5</v>
      </c>
      <c r="I9339" s="40">
        <v>23.773068673601419</v>
      </c>
      <c r="L9339" s="40"/>
      <c r="M9339" s="40"/>
      <c r="N9339" s="40"/>
    </row>
    <row r="9340" spans="4:14" x14ac:dyDescent="0.25">
      <c r="D9340" s="40">
        <v>155.52711299998339</v>
      </c>
      <c r="E9340" s="40">
        <v>21.706129313153248</v>
      </c>
      <c r="F9340" s="40">
        <v>155.51666699999998</v>
      </c>
      <c r="G9340" s="40">
        <v>22.376360506802818</v>
      </c>
      <c r="H9340" s="40">
        <v>155.51666700000001</v>
      </c>
      <c r="I9340" s="40">
        <v>23.776322799858004</v>
      </c>
      <c r="L9340" s="40"/>
      <c r="M9340" s="40"/>
      <c r="N9340" s="40"/>
    </row>
    <row r="9341" spans="4:14" x14ac:dyDescent="0.25">
      <c r="D9341" s="40">
        <v>155.54377899998337</v>
      </c>
      <c r="E9341" s="40">
        <v>21.706129313153248</v>
      </c>
      <c r="F9341" s="40">
        <v>155.533333</v>
      </c>
      <c r="G9341" s="40">
        <v>22.376360506802818</v>
      </c>
      <c r="H9341" s="40">
        <v>155.533334</v>
      </c>
      <c r="I9341" s="40">
        <v>23.776322799858004</v>
      </c>
      <c r="L9341" s="40"/>
      <c r="M9341" s="40"/>
      <c r="N9341" s="40"/>
    </row>
    <row r="9342" spans="4:14" x14ac:dyDescent="0.25">
      <c r="D9342" s="40">
        <v>155.56044499998336</v>
      </c>
      <c r="E9342" s="40">
        <v>21.706129313153248</v>
      </c>
      <c r="F9342" s="40">
        <v>155.54999999999998</v>
      </c>
      <c r="G9342" s="40">
        <v>22.376360506802818</v>
      </c>
      <c r="H9342" s="40">
        <v>155.55000000000001</v>
      </c>
      <c r="I9342" s="40">
        <v>23.779675536001438</v>
      </c>
      <c r="L9342" s="40"/>
      <c r="M9342" s="40"/>
      <c r="N9342" s="40"/>
    </row>
    <row r="9343" spans="4:14" x14ac:dyDescent="0.25">
      <c r="D9343" s="40">
        <v>155.57711099998335</v>
      </c>
      <c r="E9343" s="40">
        <v>21.706129313153248</v>
      </c>
      <c r="F9343" s="40">
        <v>155.566667</v>
      </c>
      <c r="G9343" s="40">
        <v>22.376360506802818</v>
      </c>
      <c r="H9343" s="40">
        <v>155.566667</v>
      </c>
      <c r="I9343" s="40">
        <v>23.779675536001438</v>
      </c>
      <c r="L9343" s="40"/>
      <c r="M9343" s="40"/>
      <c r="N9343" s="40"/>
    </row>
    <row r="9344" spans="4:14" x14ac:dyDescent="0.25">
      <c r="D9344" s="40">
        <v>155.59377699998333</v>
      </c>
      <c r="E9344" s="40">
        <v>21.706129313153248</v>
      </c>
      <c r="F9344" s="40">
        <v>155.58333299999998</v>
      </c>
      <c r="G9344" s="40">
        <v>22.376360506802818</v>
      </c>
      <c r="H9344" s="40">
        <v>155.58333400000001</v>
      </c>
      <c r="I9344" s="40">
        <v>23.779675536001438</v>
      </c>
      <c r="L9344" s="40"/>
      <c r="M9344" s="40"/>
      <c r="N9344" s="40"/>
    </row>
    <row r="9345" spans="4:14" x14ac:dyDescent="0.25">
      <c r="D9345" s="40">
        <v>155.61044299998332</v>
      </c>
      <c r="E9345" s="40">
        <v>21.701286134563698</v>
      </c>
      <c r="F9345" s="40">
        <v>155.6</v>
      </c>
      <c r="G9345" s="40">
        <v>22.376360506802818</v>
      </c>
      <c r="H9345" s="40">
        <v>155.6</v>
      </c>
      <c r="I9345" s="40">
        <v>23.783028272144698</v>
      </c>
      <c r="L9345" s="40"/>
      <c r="M9345" s="40"/>
      <c r="N9345" s="40"/>
    </row>
    <row r="9346" spans="4:14" x14ac:dyDescent="0.25">
      <c r="D9346" s="40">
        <v>155.62710899998331</v>
      </c>
      <c r="E9346" s="40">
        <v>21.701286134563698</v>
      </c>
      <c r="F9346" s="40">
        <v>155.61666700000001</v>
      </c>
      <c r="G9346" s="40">
        <v>22.376360506802818</v>
      </c>
      <c r="H9346" s="40">
        <v>155.61666700000001</v>
      </c>
      <c r="I9346" s="40">
        <v>23.783028272144698</v>
      </c>
      <c r="L9346" s="40"/>
      <c r="M9346" s="40"/>
      <c r="N9346" s="40"/>
    </row>
    <row r="9347" spans="4:14" x14ac:dyDescent="0.25">
      <c r="D9347" s="40">
        <v>155.64377499998329</v>
      </c>
      <c r="E9347" s="40">
        <v>21.701286134563698</v>
      </c>
      <c r="F9347" s="40">
        <v>155.63333299999999</v>
      </c>
      <c r="G9347" s="40">
        <v>22.376360506802818</v>
      </c>
      <c r="H9347" s="40">
        <v>155.63333400000002</v>
      </c>
      <c r="I9347" s="40">
        <v>23.783028272144698</v>
      </c>
      <c r="L9347" s="40"/>
      <c r="M9347" s="40"/>
      <c r="N9347" s="40"/>
    </row>
    <row r="9348" spans="4:14" x14ac:dyDescent="0.25">
      <c r="D9348" s="40">
        <v>155.66044099998328</v>
      </c>
      <c r="E9348" s="40">
        <v>21.701286134563698</v>
      </c>
      <c r="F9348" s="40">
        <v>155.65</v>
      </c>
      <c r="G9348" s="40">
        <v>22.376360506802818</v>
      </c>
      <c r="H9348" s="40">
        <v>155.65</v>
      </c>
      <c r="I9348" s="40">
        <v>23.786282398401461</v>
      </c>
      <c r="L9348" s="40"/>
      <c r="M9348" s="40"/>
      <c r="N9348" s="40"/>
    </row>
    <row r="9349" spans="4:14" x14ac:dyDescent="0.25">
      <c r="D9349" s="40">
        <v>155.67710699998327</v>
      </c>
      <c r="E9349" s="40">
        <v>21.696442955974149</v>
      </c>
      <c r="F9349" s="40">
        <v>155.66666699999999</v>
      </c>
      <c r="G9349" s="40">
        <v>22.376360506802818</v>
      </c>
      <c r="H9349" s="40">
        <v>155.66666700000002</v>
      </c>
      <c r="I9349" s="40">
        <v>23.786282398401461</v>
      </c>
      <c r="L9349" s="40"/>
      <c r="M9349" s="40"/>
      <c r="N9349" s="40"/>
    </row>
    <row r="9350" spans="4:14" x14ac:dyDescent="0.25">
      <c r="D9350" s="40">
        <v>155.69377299998325</v>
      </c>
      <c r="E9350" s="40">
        <v>21.696442955974149</v>
      </c>
      <c r="F9350" s="40">
        <v>155.683333</v>
      </c>
      <c r="G9350" s="40">
        <v>22.376360506802818</v>
      </c>
      <c r="H9350" s="40">
        <v>155.683334</v>
      </c>
      <c r="I9350" s="40">
        <v>23.786282398401461</v>
      </c>
      <c r="L9350" s="40"/>
      <c r="M9350" s="40"/>
      <c r="N9350" s="40"/>
    </row>
    <row r="9351" spans="4:14" x14ac:dyDescent="0.25">
      <c r="D9351" s="40">
        <v>155.71043899998324</v>
      </c>
      <c r="E9351" s="40">
        <v>21.696442955974149</v>
      </c>
      <c r="F9351" s="40">
        <v>155.69999999999999</v>
      </c>
      <c r="G9351" s="40">
        <v>22.381115750892913</v>
      </c>
      <c r="H9351" s="40">
        <v>155.70000000000002</v>
      </c>
      <c r="I9351" s="40">
        <v>23.789635134544717</v>
      </c>
      <c r="L9351" s="40"/>
      <c r="M9351" s="40"/>
      <c r="N9351" s="40"/>
    </row>
    <row r="9352" spans="4:14" x14ac:dyDescent="0.25">
      <c r="D9352" s="40">
        <v>155.72710499998323</v>
      </c>
      <c r="E9352" s="40">
        <v>21.696442955974149</v>
      </c>
      <c r="F9352" s="40">
        <v>155.716667</v>
      </c>
      <c r="G9352" s="40">
        <v>22.381115750892913</v>
      </c>
      <c r="H9352" s="40">
        <v>155.716667</v>
      </c>
      <c r="I9352" s="40">
        <v>23.789635134544717</v>
      </c>
      <c r="L9352" s="40"/>
      <c r="M9352" s="40"/>
      <c r="N9352" s="40"/>
    </row>
    <row r="9353" spans="4:14" x14ac:dyDescent="0.25">
      <c r="D9353" s="40"/>
      <c r="F9353" s="40">
        <v>155.73333299999999</v>
      </c>
      <c r="G9353" s="40">
        <v>22.381115750892913</v>
      </c>
      <c r="H9353" s="40">
        <v>155.73333400000001</v>
      </c>
      <c r="I9353" s="40">
        <v>23.789635134544717</v>
      </c>
      <c r="L9353" s="40"/>
      <c r="M9353" s="40"/>
      <c r="N9353" s="40"/>
    </row>
    <row r="9354" spans="4:14" x14ac:dyDescent="0.25">
      <c r="D9354" s="40"/>
      <c r="F9354" s="40">
        <v>155.75</v>
      </c>
      <c r="G9354" s="40">
        <v>22.381115750892913</v>
      </c>
      <c r="H9354" s="40">
        <v>155.75</v>
      </c>
      <c r="I9354" s="40">
        <v>23.792987870688147</v>
      </c>
      <c r="L9354" s="40"/>
      <c r="M9354" s="40"/>
      <c r="N9354" s="40"/>
    </row>
    <row r="9355" spans="4:14" x14ac:dyDescent="0.25">
      <c r="D9355" s="40"/>
      <c r="F9355" s="40">
        <v>155.76666699999998</v>
      </c>
      <c r="G9355" s="40">
        <v>22.381115750892913</v>
      </c>
      <c r="H9355" s="40">
        <v>155.76666700000001</v>
      </c>
      <c r="I9355" s="40">
        <v>23.792987870688147</v>
      </c>
      <c r="L9355" s="40"/>
      <c r="M9355" s="40"/>
      <c r="N9355" s="40"/>
    </row>
    <row r="9356" spans="4:14" x14ac:dyDescent="0.25">
      <c r="D9356" s="40"/>
      <c r="F9356" s="40">
        <v>155.783333</v>
      </c>
      <c r="G9356" s="40">
        <v>22.385870994983133</v>
      </c>
      <c r="H9356" s="40">
        <v>155.783334</v>
      </c>
      <c r="I9356" s="40">
        <v>23.792987870688147</v>
      </c>
      <c r="L9356" s="40"/>
      <c r="M9356" s="40"/>
      <c r="N9356" s="40"/>
    </row>
    <row r="9357" spans="4:14" x14ac:dyDescent="0.25">
      <c r="D9357" s="40"/>
      <c r="F9357" s="40">
        <v>155.79999999999998</v>
      </c>
      <c r="G9357" s="40">
        <v>22.385870994983133</v>
      </c>
      <c r="H9357" s="40">
        <v>155.80000000000001</v>
      </c>
      <c r="I9357" s="40">
        <v>23.796241996944911</v>
      </c>
      <c r="L9357" s="40"/>
      <c r="M9357" s="40"/>
      <c r="N9357" s="40"/>
    </row>
    <row r="9358" spans="4:14" x14ac:dyDescent="0.25">
      <c r="D9358" s="40"/>
      <c r="F9358" s="40">
        <v>155.816667</v>
      </c>
      <c r="G9358" s="40">
        <v>22.385870994983133</v>
      </c>
      <c r="H9358" s="40">
        <v>155.816667</v>
      </c>
      <c r="I9358" s="40">
        <v>23.796241996944911</v>
      </c>
      <c r="L9358" s="40"/>
      <c r="M9358" s="40"/>
      <c r="N9358" s="40"/>
    </row>
    <row r="9359" spans="4:14" x14ac:dyDescent="0.25">
      <c r="D9359" s="40"/>
      <c r="F9359" s="40">
        <v>155.83333299999998</v>
      </c>
      <c r="G9359" s="40">
        <v>22.385870994983133</v>
      </c>
      <c r="H9359" s="40">
        <v>155.83333400000001</v>
      </c>
      <c r="I9359" s="40">
        <v>23.796241996944911</v>
      </c>
      <c r="L9359" s="40"/>
      <c r="M9359" s="40"/>
      <c r="N9359" s="40"/>
    </row>
    <row r="9360" spans="4:14" x14ac:dyDescent="0.25">
      <c r="D9360" s="40"/>
      <c r="F9360" s="40">
        <v>155.85</v>
      </c>
      <c r="G9360" s="40">
        <v>22.385870994983133</v>
      </c>
      <c r="H9360" s="40">
        <v>155.85</v>
      </c>
      <c r="I9360" s="40">
        <v>23.799594733088171</v>
      </c>
      <c r="L9360" s="40"/>
      <c r="M9360" s="40"/>
      <c r="N9360" s="40"/>
    </row>
    <row r="9361" spans="4:14" x14ac:dyDescent="0.25">
      <c r="D9361" s="40"/>
      <c r="F9361" s="40">
        <v>155.86666700000001</v>
      </c>
      <c r="G9361" s="40">
        <v>22.385870994983133</v>
      </c>
      <c r="H9361" s="40">
        <v>155.86666700000001</v>
      </c>
      <c r="I9361" s="40">
        <v>23.799594733088171</v>
      </c>
      <c r="L9361" s="40"/>
      <c r="M9361" s="40"/>
      <c r="N9361" s="40"/>
    </row>
    <row r="9362" spans="4:14" x14ac:dyDescent="0.25">
      <c r="D9362" s="40"/>
      <c r="F9362" s="40">
        <v>155.88333299999999</v>
      </c>
      <c r="G9362" s="40">
        <v>22.385870994983133</v>
      </c>
      <c r="H9362" s="40">
        <v>155.88333400000002</v>
      </c>
      <c r="I9362" s="40">
        <v>23.802947469231427</v>
      </c>
      <c r="L9362" s="40"/>
      <c r="M9362" s="40"/>
      <c r="N9362" s="40"/>
    </row>
    <row r="9363" spans="4:14" x14ac:dyDescent="0.25">
      <c r="D9363" s="40"/>
      <c r="F9363" s="40">
        <v>155.9</v>
      </c>
      <c r="G9363" s="40">
        <v>22.385870994983133</v>
      </c>
      <c r="H9363" s="40">
        <v>155.9</v>
      </c>
      <c r="I9363" s="40">
        <v>23.802947469231427</v>
      </c>
      <c r="L9363" s="40"/>
      <c r="M9363" s="40"/>
      <c r="N9363" s="40"/>
    </row>
    <row r="9364" spans="4:14" x14ac:dyDescent="0.25">
      <c r="D9364" s="40"/>
      <c r="F9364" s="40">
        <v>155.91666699999999</v>
      </c>
      <c r="G9364" s="40">
        <v>22.385870994983133</v>
      </c>
      <c r="H9364" s="40">
        <v>155.91666700000002</v>
      </c>
      <c r="I9364" s="40">
        <v>23.802947469231427</v>
      </c>
      <c r="L9364" s="40"/>
      <c r="M9364" s="40"/>
      <c r="N9364" s="40"/>
    </row>
    <row r="9365" spans="4:14" x14ac:dyDescent="0.25">
      <c r="D9365" s="40"/>
      <c r="F9365" s="40">
        <v>155.933333</v>
      </c>
      <c r="G9365" s="40">
        <v>22.385870994983133</v>
      </c>
      <c r="H9365" s="40">
        <v>155.933334</v>
      </c>
      <c r="I9365" s="40">
        <v>23.80620159548819</v>
      </c>
      <c r="L9365" s="40"/>
      <c r="M9365" s="40"/>
      <c r="N9365" s="40"/>
    </row>
    <row r="9366" spans="4:14" x14ac:dyDescent="0.25">
      <c r="D9366" s="40"/>
      <c r="F9366" s="40">
        <v>155.94999999999999</v>
      </c>
      <c r="G9366" s="40">
        <v>22.381115750892913</v>
      </c>
      <c r="H9366" s="40">
        <v>155.95000000000002</v>
      </c>
      <c r="I9366" s="40">
        <v>23.80620159548819</v>
      </c>
      <c r="L9366" s="40"/>
      <c r="M9366" s="40"/>
      <c r="N9366" s="40"/>
    </row>
    <row r="9367" spans="4:14" x14ac:dyDescent="0.25">
      <c r="D9367" s="40"/>
      <c r="F9367" s="40">
        <v>155.966667</v>
      </c>
      <c r="G9367" s="40">
        <v>22.381115750892913</v>
      </c>
      <c r="H9367" s="40">
        <v>155.966667</v>
      </c>
      <c r="I9367" s="40">
        <v>23.80620159548819</v>
      </c>
      <c r="L9367" s="40"/>
      <c r="M9367" s="40"/>
      <c r="N9367" s="40"/>
    </row>
    <row r="9368" spans="4:14" x14ac:dyDescent="0.25">
      <c r="D9368" s="40"/>
      <c r="F9368" s="40">
        <v>155.98333299999999</v>
      </c>
      <c r="G9368" s="40">
        <v>22.381115750892913</v>
      </c>
      <c r="H9368" s="40">
        <v>155.98333400000001</v>
      </c>
      <c r="I9368" s="40">
        <v>23.809554331631446</v>
      </c>
      <c r="L9368" s="40"/>
      <c r="M9368" s="40"/>
      <c r="N9368" s="40"/>
    </row>
    <row r="9369" spans="4:14" x14ac:dyDescent="0.25">
      <c r="D9369" s="40"/>
      <c r="F9369" s="40">
        <v>156</v>
      </c>
      <c r="G9369" s="40">
        <v>22.385870994983133</v>
      </c>
      <c r="H9369" s="40">
        <v>156</v>
      </c>
      <c r="I9369" s="40">
        <v>23.809554331631446</v>
      </c>
      <c r="L9369" s="40"/>
      <c r="M9369" s="40"/>
      <c r="N9369" s="40"/>
    </row>
    <row r="9370" spans="4:14" x14ac:dyDescent="0.25">
      <c r="D9370" s="40"/>
      <c r="F9370" s="40">
        <v>156.01666699999998</v>
      </c>
      <c r="G9370" s="40">
        <v>22.381115750892913</v>
      </c>
      <c r="H9370" s="40">
        <v>156.01666700000001</v>
      </c>
      <c r="I9370" s="40">
        <v>23.812907067774876</v>
      </c>
      <c r="L9370" s="40"/>
      <c r="M9370" s="40"/>
      <c r="N9370" s="40"/>
    </row>
    <row r="9371" spans="4:14" x14ac:dyDescent="0.25">
      <c r="D9371" s="40"/>
      <c r="F9371" s="40">
        <v>156.033333</v>
      </c>
      <c r="G9371" s="40">
        <v>22.385870994983133</v>
      </c>
      <c r="H9371" s="40">
        <v>156.033334</v>
      </c>
      <c r="I9371" s="40">
        <v>23.812907067774876</v>
      </c>
      <c r="L9371" s="40"/>
      <c r="M9371" s="40"/>
      <c r="N9371" s="40"/>
    </row>
    <row r="9372" spans="4:14" x14ac:dyDescent="0.25">
      <c r="D9372" s="40"/>
      <c r="F9372" s="40">
        <v>156.04999999999998</v>
      </c>
      <c r="G9372" s="40">
        <v>22.385870994983133</v>
      </c>
      <c r="H9372" s="40">
        <v>156.05000000000001</v>
      </c>
      <c r="I9372" s="40">
        <v>23.812907067774876</v>
      </c>
      <c r="L9372" s="40"/>
      <c r="M9372" s="40"/>
      <c r="N9372" s="40"/>
    </row>
    <row r="9373" spans="4:14" x14ac:dyDescent="0.25">
      <c r="D9373" s="40"/>
      <c r="F9373" s="40">
        <v>156.066667</v>
      </c>
      <c r="G9373" s="40">
        <v>22.381115750892913</v>
      </c>
      <c r="H9373" s="40">
        <v>156.066667</v>
      </c>
      <c r="I9373" s="40">
        <v>23.81616119403164</v>
      </c>
      <c r="L9373" s="40"/>
      <c r="M9373" s="40"/>
      <c r="N9373" s="40"/>
    </row>
    <row r="9374" spans="4:14" x14ac:dyDescent="0.25">
      <c r="D9374" s="40"/>
      <c r="F9374" s="40">
        <v>156.08333299999998</v>
      </c>
      <c r="G9374" s="40">
        <v>22.381115750892913</v>
      </c>
      <c r="H9374" s="40">
        <v>156.08333400000001</v>
      </c>
      <c r="I9374" s="40">
        <v>23.81616119403164</v>
      </c>
      <c r="L9374" s="40"/>
      <c r="M9374" s="40"/>
      <c r="N9374" s="40"/>
    </row>
    <row r="9375" spans="4:14" x14ac:dyDescent="0.25">
      <c r="D9375" s="40"/>
      <c r="F9375" s="40">
        <v>156.1</v>
      </c>
      <c r="G9375" s="40">
        <v>22.381115750892913</v>
      </c>
      <c r="H9375" s="40">
        <v>156.1</v>
      </c>
      <c r="I9375" s="40">
        <v>23.81616119403164</v>
      </c>
      <c r="L9375" s="40"/>
      <c r="M9375" s="40"/>
      <c r="N9375" s="40"/>
    </row>
    <row r="9376" spans="4:14" x14ac:dyDescent="0.25">
      <c r="D9376" s="40"/>
      <c r="F9376" s="40">
        <v>156.11666700000001</v>
      </c>
      <c r="G9376" s="40">
        <v>22.381115750892913</v>
      </c>
      <c r="H9376" s="40">
        <v>156.11666700000001</v>
      </c>
      <c r="I9376" s="40">
        <v>23.819513930174899</v>
      </c>
      <c r="L9376" s="40"/>
      <c r="M9376" s="40"/>
      <c r="N9376" s="40"/>
    </row>
    <row r="9377" spans="4:14" x14ac:dyDescent="0.25">
      <c r="D9377" s="40"/>
      <c r="F9377" s="40">
        <v>156.13333299999999</v>
      </c>
      <c r="G9377" s="40">
        <v>22.381115750892913</v>
      </c>
      <c r="H9377" s="40">
        <v>156.13333400000002</v>
      </c>
      <c r="I9377" s="40">
        <v>23.819513930174899</v>
      </c>
      <c r="L9377" s="40"/>
      <c r="M9377" s="40"/>
      <c r="N9377" s="40"/>
    </row>
    <row r="9378" spans="4:14" x14ac:dyDescent="0.25">
      <c r="D9378" s="40"/>
      <c r="F9378" s="40">
        <v>156.15</v>
      </c>
      <c r="G9378" s="40">
        <v>22.381115750892913</v>
      </c>
      <c r="H9378" s="40">
        <v>156.15</v>
      </c>
      <c r="I9378" s="40">
        <v>23.819513930174899</v>
      </c>
      <c r="L9378" s="40"/>
      <c r="M9378" s="40"/>
      <c r="N9378" s="40"/>
    </row>
    <row r="9379" spans="4:14" x14ac:dyDescent="0.25">
      <c r="D9379" s="40"/>
      <c r="F9379" s="40">
        <v>156.16666699999999</v>
      </c>
      <c r="G9379" s="40">
        <v>22.381115750892913</v>
      </c>
      <c r="H9379" s="40">
        <v>156.16666700000002</v>
      </c>
      <c r="I9379" s="40">
        <v>23.822866666318156</v>
      </c>
      <c r="L9379" s="40"/>
      <c r="M9379" s="40"/>
      <c r="N9379" s="40"/>
    </row>
    <row r="9380" spans="4:14" x14ac:dyDescent="0.25">
      <c r="D9380" s="40"/>
      <c r="F9380" s="40">
        <v>156.183333</v>
      </c>
      <c r="G9380" s="40">
        <v>22.376360506802818</v>
      </c>
      <c r="H9380" s="40">
        <v>156.183334</v>
      </c>
      <c r="I9380" s="40">
        <v>23.822866666318156</v>
      </c>
      <c r="L9380" s="40"/>
      <c r="M9380" s="40"/>
      <c r="N9380" s="40"/>
    </row>
    <row r="9381" spans="4:14" x14ac:dyDescent="0.25">
      <c r="D9381" s="40"/>
      <c r="F9381" s="40">
        <v>156.19999999999999</v>
      </c>
      <c r="G9381" s="40">
        <v>22.376360506802818</v>
      </c>
      <c r="H9381" s="40">
        <v>156.20000000000002</v>
      </c>
      <c r="I9381" s="40">
        <v>23.826219402461586</v>
      </c>
      <c r="L9381" s="40"/>
      <c r="M9381" s="40"/>
      <c r="N9381" s="40"/>
    </row>
    <row r="9382" spans="4:14" x14ac:dyDescent="0.25">
      <c r="D9382" s="40"/>
      <c r="F9382" s="40">
        <v>156.216667</v>
      </c>
      <c r="G9382" s="40">
        <v>22.376360506802818</v>
      </c>
      <c r="H9382" s="40">
        <v>156.216667</v>
      </c>
      <c r="I9382" s="40">
        <v>23.826219402461586</v>
      </c>
      <c r="L9382" s="40"/>
      <c r="M9382" s="40"/>
      <c r="N9382" s="40"/>
    </row>
    <row r="9383" spans="4:14" x14ac:dyDescent="0.25">
      <c r="D9383" s="40"/>
      <c r="F9383" s="40">
        <v>156.23333299999999</v>
      </c>
      <c r="G9383" s="40">
        <v>22.376360506802818</v>
      </c>
      <c r="H9383" s="40">
        <v>156.23333400000001</v>
      </c>
      <c r="I9383" s="40">
        <v>23.826219402461586</v>
      </c>
      <c r="L9383" s="40"/>
      <c r="M9383" s="40"/>
      <c r="N9383" s="40"/>
    </row>
    <row r="9384" spans="4:14" x14ac:dyDescent="0.25">
      <c r="D9384" s="40"/>
      <c r="F9384" s="40">
        <v>156.25</v>
      </c>
      <c r="G9384" s="40">
        <v>22.381115750892913</v>
      </c>
      <c r="H9384" s="40">
        <v>156.25</v>
      </c>
      <c r="I9384" s="40">
        <v>23.829473528718349</v>
      </c>
      <c r="L9384" s="40"/>
      <c r="M9384" s="40"/>
      <c r="N9384" s="40"/>
    </row>
    <row r="9385" spans="4:14" x14ac:dyDescent="0.25">
      <c r="D9385" s="40"/>
      <c r="F9385" s="40">
        <v>156.26666699999998</v>
      </c>
      <c r="G9385" s="40">
        <v>22.381115750892913</v>
      </c>
      <c r="H9385" s="40">
        <v>156.26666700000001</v>
      </c>
      <c r="I9385" s="40">
        <v>23.829473528718349</v>
      </c>
      <c r="L9385" s="40"/>
      <c r="M9385" s="40"/>
      <c r="N9385" s="40"/>
    </row>
    <row r="9386" spans="4:14" x14ac:dyDescent="0.25">
      <c r="D9386" s="40"/>
      <c r="F9386" s="40">
        <v>156.283333</v>
      </c>
      <c r="G9386" s="40">
        <v>22.381115750892913</v>
      </c>
      <c r="H9386" s="40">
        <v>156.283334</v>
      </c>
      <c r="I9386" s="40">
        <v>23.829473528718349</v>
      </c>
      <c r="L9386" s="40"/>
      <c r="M9386" s="40"/>
      <c r="N9386" s="40"/>
    </row>
    <row r="9387" spans="4:14" x14ac:dyDescent="0.25">
      <c r="D9387" s="40"/>
      <c r="F9387" s="40">
        <v>156.29999999999998</v>
      </c>
      <c r="G9387" s="40">
        <v>22.381115750892913</v>
      </c>
      <c r="H9387" s="40">
        <v>156.30000000000001</v>
      </c>
      <c r="I9387" s="40">
        <v>23.829473528718349</v>
      </c>
      <c r="L9387" s="40"/>
      <c r="M9387" s="40"/>
      <c r="N9387" s="40"/>
    </row>
    <row r="9388" spans="4:14" x14ac:dyDescent="0.25">
      <c r="D9388" s="40"/>
      <c r="F9388" s="40">
        <v>156.316667</v>
      </c>
      <c r="G9388" s="40">
        <v>22.381115750892913</v>
      </c>
      <c r="H9388" s="40">
        <v>156.316667</v>
      </c>
      <c r="I9388" s="40">
        <v>23.832826264861609</v>
      </c>
      <c r="L9388" s="40"/>
      <c r="M9388" s="40"/>
      <c r="N9388" s="40"/>
    </row>
    <row r="9389" spans="4:14" x14ac:dyDescent="0.25">
      <c r="D9389" s="40"/>
      <c r="F9389" s="40">
        <v>156.33333299999998</v>
      </c>
      <c r="G9389" s="40">
        <v>22.381115750892913</v>
      </c>
      <c r="H9389" s="40">
        <v>156.33333400000001</v>
      </c>
      <c r="I9389" s="40">
        <v>23.832826264861609</v>
      </c>
      <c r="L9389" s="40"/>
      <c r="M9389" s="40"/>
      <c r="N9389" s="40"/>
    </row>
    <row r="9390" spans="4:14" x14ac:dyDescent="0.25">
      <c r="D9390" s="40"/>
      <c r="F9390" s="40">
        <v>156.35</v>
      </c>
      <c r="G9390" s="40">
        <v>22.385870994983133</v>
      </c>
      <c r="H9390" s="40">
        <v>156.35</v>
      </c>
      <c r="I9390" s="40">
        <v>23.836179001004865</v>
      </c>
      <c r="L9390" s="40"/>
      <c r="M9390" s="40"/>
      <c r="N9390" s="40"/>
    </row>
    <row r="9391" spans="4:14" x14ac:dyDescent="0.25">
      <c r="D9391" s="40"/>
      <c r="F9391" s="40">
        <v>156.36666700000001</v>
      </c>
      <c r="G9391" s="40">
        <v>22.385870994983133</v>
      </c>
      <c r="H9391" s="40">
        <v>156.36666700000001</v>
      </c>
      <c r="I9391" s="40">
        <v>23.836179001004865</v>
      </c>
      <c r="L9391" s="40"/>
      <c r="M9391" s="40"/>
      <c r="N9391" s="40"/>
    </row>
    <row r="9392" spans="4:14" x14ac:dyDescent="0.25">
      <c r="D9392" s="40"/>
      <c r="F9392" s="40">
        <v>156.38333299999999</v>
      </c>
      <c r="G9392" s="40">
        <v>22.385870994983133</v>
      </c>
      <c r="H9392" s="40">
        <v>156.38333400000002</v>
      </c>
      <c r="I9392" s="40">
        <v>23.836179001004865</v>
      </c>
      <c r="L9392" s="40"/>
      <c r="M9392" s="40"/>
      <c r="N9392" s="40"/>
    </row>
    <row r="9393" spans="4:14" x14ac:dyDescent="0.25">
      <c r="D9393" s="40"/>
      <c r="F9393" s="40">
        <v>156.4</v>
      </c>
      <c r="G9393" s="40">
        <v>22.385870994983133</v>
      </c>
      <c r="H9393" s="40">
        <v>156.4</v>
      </c>
      <c r="I9393" s="40">
        <v>23.839433127261628</v>
      </c>
      <c r="L9393" s="40"/>
      <c r="M9393" s="40"/>
      <c r="N9393" s="40"/>
    </row>
    <row r="9394" spans="4:14" x14ac:dyDescent="0.25">
      <c r="D9394" s="40"/>
      <c r="F9394" s="40">
        <v>156.41666699999999</v>
      </c>
      <c r="G9394" s="40">
        <v>22.385870994983133</v>
      </c>
      <c r="H9394" s="40">
        <v>156.41666700000002</v>
      </c>
      <c r="I9394" s="40">
        <v>23.839433127261628</v>
      </c>
      <c r="L9394" s="40"/>
      <c r="M9394" s="40"/>
      <c r="N9394" s="40"/>
    </row>
    <row r="9395" spans="4:14" x14ac:dyDescent="0.25">
      <c r="D9395" s="40"/>
      <c r="F9395" s="40">
        <v>156.433333</v>
      </c>
      <c r="G9395" s="40">
        <v>22.385870994983133</v>
      </c>
      <c r="H9395" s="40">
        <v>156.433334</v>
      </c>
      <c r="I9395" s="40">
        <v>23.839433127261628</v>
      </c>
      <c r="L9395" s="40"/>
      <c r="M9395" s="40"/>
      <c r="N9395" s="40"/>
    </row>
    <row r="9396" spans="4:14" x14ac:dyDescent="0.25">
      <c r="D9396" s="40"/>
      <c r="F9396" s="40">
        <v>156.44999999999999</v>
      </c>
      <c r="G9396" s="40">
        <v>22.385870994983133</v>
      </c>
      <c r="H9396" s="40">
        <v>156.45000000000002</v>
      </c>
      <c r="I9396" s="40">
        <v>23.842785863404888</v>
      </c>
      <c r="L9396" s="40"/>
      <c r="M9396" s="40"/>
      <c r="N9396" s="40"/>
    </row>
    <row r="9397" spans="4:14" x14ac:dyDescent="0.25">
      <c r="D9397" s="40"/>
      <c r="F9397" s="40">
        <v>156.466667</v>
      </c>
      <c r="G9397" s="40">
        <v>22.390486378953032</v>
      </c>
      <c r="H9397" s="40">
        <v>156.466667</v>
      </c>
      <c r="I9397" s="40">
        <v>23.842785863404888</v>
      </c>
      <c r="L9397" s="40"/>
      <c r="M9397" s="40"/>
      <c r="N9397" s="40"/>
    </row>
    <row r="9398" spans="4:14" x14ac:dyDescent="0.25">
      <c r="D9398" s="40"/>
      <c r="F9398" s="40">
        <v>156.48333299999999</v>
      </c>
      <c r="G9398" s="40">
        <v>22.390486378953032</v>
      </c>
      <c r="H9398" s="40">
        <v>156.48333400000001</v>
      </c>
      <c r="I9398" s="40">
        <v>23.842785863404888</v>
      </c>
      <c r="L9398" s="40"/>
      <c r="M9398" s="40"/>
      <c r="N9398" s="40"/>
    </row>
    <row r="9399" spans="4:14" x14ac:dyDescent="0.25">
      <c r="D9399" s="40"/>
      <c r="F9399" s="40">
        <v>156.5</v>
      </c>
      <c r="G9399" s="40">
        <v>22.390486378953032</v>
      </c>
      <c r="H9399" s="40">
        <v>156.5</v>
      </c>
      <c r="I9399" s="40">
        <v>23.842785863404888</v>
      </c>
      <c r="L9399" s="40"/>
      <c r="M9399" s="40"/>
      <c r="N9399" s="40"/>
    </row>
    <row r="9400" spans="4:14" x14ac:dyDescent="0.25">
      <c r="D9400" s="40"/>
      <c r="F9400" s="40">
        <v>156.51666699999998</v>
      </c>
      <c r="G9400" s="40">
        <v>22.39524162304313</v>
      </c>
      <c r="H9400" s="40">
        <v>156.51666700000001</v>
      </c>
      <c r="I9400" s="40">
        <v>23.846138599548318</v>
      </c>
      <c r="L9400" s="40"/>
      <c r="M9400" s="40"/>
      <c r="N9400" s="40"/>
    </row>
    <row r="9401" spans="4:14" x14ac:dyDescent="0.25">
      <c r="D9401" s="40"/>
      <c r="F9401" s="40">
        <v>156.533333</v>
      </c>
      <c r="G9401" s="40">
        <v>22.39524162304313</v>
      </c>
      <c r="H9401" s="40">
        <v>156.533334</v>
      </c>
      <c r="I9401" s="40">
        <v>23.846138599548318</v>
      </c>
      <c r="L9401" s="40"/>
      <c r="M9401" s="40"/>
      <c r="N9401" s="40"/>
    </row>
    <row r="9402" spans="4:14" x14ac:dyDescent="0.25">
      <c r="D9402" s="40"/>
      <c r="F9402" s="40">
        <v>156.54999999999998</v>
      </c>
      <c r="G9402" s="40">
        <v>22.39999686713335</v>
      </c>
      <c r="H9402" s="40">
        <v>156.55000000000001</v>
      </c>
      <c r="I9402" s="40">
        <v>23.849392725805082</v>
      </c>
      <c r="L9402" s="40"/>
      <c r="M9402" s="40"/>
      <c r="N9402" s="40"/>
    </row>
    <row r="9403" spans="4:14" x14ac:dyDescent="0.25">
      <c r="D9403" s="40"/>
      <c r="F9403" s="40">
        <v>156.566667</v>
      </c>
      <c r="G9403" s="40">
        <v>22.39999686713335</v>
      </c>
      <c r="H9403" s="40">
        <v>156.566667</v>
      </c>
      <c r="I9403" s="40">
        <v>23.849392725805082</v>
      </c>
      <c r="L9403" s="40"/>
      <c r="M9403" s="40"/>
      <c r="N9403" s="40"/>
    </row>
    <row r="9404" spans="4:14" x14ac:dyDescent="0.25">
      <c r="D9404" s="40"/>
      <c r="F9404" s="40">
        <v>156.58333299999998</v>
      </c>
      <c r="G9404" s="40">
        <v>22.404612251103249</v>
      </c>
      <c r="H9404" s="40">
        <v>156.58333400000001</v>
      </c>
      <c r="I9404" s="40">
        <v>23.849392725805082</v>
      </c>
      <c r="L9404" s="40"/>
      <c r="M9404" s="40"/>
      <c r="N9404" s="40"/>
    </row>
    <row r="9405" spans="4:14" x14ac:dyDescent="0.25">
      <c r="D9405" s="40"/>
      <c r="F9405" s="40">
        <v>156.6</v>
      </c>
      <c r="G9405" s="40">
        <v>22.404612251103249</v>
      </c>
      <c r="H9405" s="40">
        <v>156.6</v>
      </c>
      <c r="I9405" s="40">
        <v>23.849392725805082</v>
      </c>
      <c r="L9405" s="40"/>
      <c r="M9405" s="40"/>
      <c r="N9405" s="40"/>
    </row>
    <row r="9406" spans="4:14" x14ac:dyDescent="0.25">
      <c r="D9406" s="40"/>
      <c r="F9406" s="40">
        <v>156.61666700000001</v>
      </c>
      <c r="G9406" s="40">
        <v>22.404612251103249</v>
      </c>
      <c r="H9406" s="40">
        <v>156.61666700000001</v>
      </c>
      <c r="I9406" s="40">
        <v>23.852745461948338</v>
      </c>
      <c r="L9406" s="40"/>
      <c r="M9406" s="40"/>
      <c r="N9406" s="40"/>
    </row>
    <row r="9407" spans="4:14" x14ac:dyDescent="0.25">
      <c r="D9407" s="40"/>
      <c r="F9407" s="40">
        <v>156.63333299999999</v>
      </c>
      <c r="G9407" s="40">
        <v>22.409367495193468</v>
      </c>
      <c r="H9407" s="40">
        <v>156.63333400000002</v>
      </c>
      <c r="I9407" s="40">
        <v>23.852745461948338</v>
      </c>
      <c r="L9407" s="40"/>
      <c r="M9407" s="40"/>
      <c r="N9407" s="40"/>
    </row>
    <row r="9408" spans="4:14" x14ac:dyDescent="0.25">
      <c r="D9408" s="40"/>
      <c r="F9408" s="40">
        <v>156.65</v>
      </c>
      <c r="G9408" s="40">
        <v>22.409367495193468</v>
      </c>
      <c r="H9408" s="40">
        <v>156.65</v>
      </c>
      <c r="I9408" s="40">
        <v>23.852745461948338</v>
      </c>
      <c r="L9408" s="40"/>
      <c r="M9408" s="40"/>
      <c r="N9408" s="40"/>
    </row>
    <row r="9409" spans="4:14" x14ac:dyDescent="0.25">
      <c r="D9409" s="40"/>
      <c r="F9409" s="40">
        <v>156.66666699999999</v>
      </c>
      <c r="G9409" s="40">
        <v>22.409367495193468</v>
      </c>
      <c r="H9409" s="40">
        <v>156.66666700000002</v>
      </c>
      <c r="I9409" s="40">
        <v>23.856098198091594</v>
      </c>
      <c r="L9409" s="40"/>
      <c r="M9409" s="40"/>
      <c r="N9409" s="40"/>
    </row>
    <row r="9410" spans="4:14" x14ac:dyDescent="0.25">
      <c r="D9410" s="40"/>
      <c r="F9410" s="40">
        <v>156.683333</v>
      </c>
      <c r="G9410" s="40">
        <v>22.409367495193468</v>
      </c>
      <c r="H9410" s="40">
        <v>156.683334</v>
      </c>
      <c r="I9410" s="40">
        <v>23.856098198091594</v>
      </c>
      <c r="L9410" s="40"/>
      <c r="M9410" s="40"/>
      <c r="N9410" s="40"/>
    </row>
    <row r="9411" spans="4:14" x14ac:dyDescent="0.25">
      <c r="D9411" s="40"/>
      <c r="F9411" s="40">
        <v>156.69999999999999</v>
      </c>
      <c r="G9411" s="40">
        <v>22.414122739283563</v>
      </c>
      <c r="H9411" s="40">
        <v>156.70000000000002</v>
      </c>
      <c r="I9411" s="40">
        <v>23.856098198091594</v>
      </c>
      <c r="L9411" s="40"/>
      <c r="M9411" s="40"/>
      <c r="N9411" s="40"/>
    </row>
    <row r="9412" spans="4:14" x14ac:dyDescent="0.25">
      <c r="D9412" s="40"/>
      <c r="F9412" s="40">
        <v>156.716667</v>
      </c>
      <c r="G9412" s="40">
        <v>22.414122739283563</v>
      </c>
      <c r="H9412" s="40">
        <v>156.716667</v>
      </c>
      <c r="I9412" s="40">
        <v>23.859352324348357</v>
      </c>
      <c r="L9412" s="40"/>
      <c r="M9412" s="40"/>
      <c r="N9412" s="40"/>
    </row>
    <row r="9413" spans="4:14" x14ac:dyDescent="0.25">
      <c r="D9413" s="40"/>
      <c r="F9413" s="40">
        <v>156.73333299999999</v>
      </c>
      <c r="G9413" s="40">
        <v>22.414122739283563</v>
      </c>
      <c r="H9413" s="40">
        <v>156.73333400000001</v>
      </c>
      <c r="I9413" s="40">
        <v>23.859352324348357</v>
      </c>
      <c r="L9413" s="40"/>
      <c r="M9413" s="40"/>
      <c r="N9413" s="40"/>
    </row>
    <row r="9414" spans="4:14" x14ac:dyDescent="0.25">
      <c r="D9414" s="40"/>
      <c r="F9414" s="40">
        <v>156.75</v>
      </c>
      <c r="G9414" s="40">
        <v>22.414122739283563</v>
      </c>
      <c r="H9414" s="40">
        <v>156.75</v>
      </c>
      <c r="I9414" s="40">
        <v>23.862705060491617</v>
      </c>
      <c r="L9414" s="40"/>
      <c r="M9414" s="40"/>
      <c r="N9414" s="40"/>
    </row>
    <row r="9415" spans="4:14" x14ac:dyDescent="0.25">
      <c r="D9415" s="40"/>
      <c r="F9415" s="40">
        <v>156.76666699999998</v>
      </c>
      <c r="G9415" s="40">
        <v>22.414122739283563</v>
      </c>
      <c r="H9415" s="40">
        <v>156.76666700000001</v>
      </c>
      <c r="I9415" s="40">
        <v>23.862705060491617</v>
      </c>
      <c r="L9415" s="40"/>
      <c r="M9415" s="40"/>
      <c r="N9415" s="40"/>
    </row>
    <row r="9416" spans="4:14" x14ac:dyDescent="0.25">
      <c r="D9416" s="40"/>
      <c r="F9416" s="40">
        <v>156.783333</v>
      </c>
      <c r="G9416" s="40">
        <v>22.414122739283563</v>
      </c>
      <c r="H9416" s="40">
        <v>156.783334</v>
      </c>
      <c r="I9416" s="40">
        <v>23.862705060491617</v>
      </c>
      <c r="L9416" s="40"/>
      <c r="M9416" s="40"/>
      <c r="N9416" s="40"/>
    </row>
    <row r="9417" spans="4:14" x14ac:dyDescent="0.25">
      <c r="D9417" s="40"/>
      <c r="F9417" s="40">
        <v>156.79999999999998</v>
      </c>
      <c r="G9417" s="40">
        <v>22.414122739283563</v>
      </c>
      <c r="H9417" s="40">
        <v>156.80000000000001</v>
      </c>
      <c r="I9417" s="40">
        <v>23.866057796635051</v>
      </c>
      <c r="L9417" s="40"/>
      <c r="M9417" s="40"/>
      <c r="N9417" s="40"/>
    </row>
    <row r="9418" spans="4:14" x14ac:dyDescent="0.25">
      <c r="D9418" s="40"/>
      <c r="F9418" s="40">
        <v>156.816667</v>
      </c>
      <c r="G9418" s="40">
        <v>22.414122739283563</v>
      </c>
      <c r="H9418" s="40">
        <v>156.816667</v>
      </c>
      <c r="I9418" s="40">
        <v>23.866057796635051</v>
      </c>
      <c r="L9418" s="40"/>
      <c r="M9418" s="40"/>
      <c r="N9418" s="40"/>
    </row>
    <row r="9419" spans="4:14" x14ac:dyDescent="0.25">
      <c r="D9419" s="40"/>
      <c r="F9419" s="40">
        <v>156.83333299999998</v>
      </c>
      <c r="G9419" s="40">
        <v>22.414122739283563</v>
      </c>
      <c r="H9419" s="40">
        <v>156.83333400000001</v>
      </c>
      <c r="I9419" s="40">
        <v>23.866057796635051</v>
      </c>
      <c r="L9419" s="40"/>
      <c r="M9419" s="40"/>
      <c r="N9419" s="40"/>
    </row>
    <row r="9420" spans="4:14" x14ac:dyDescent="0.25">
      <c r="D9420" s="40"/>
      <c r="F9420" s="40">
        <v>156.85</v>
      </c>
      <c r="G9420" s="40">
        <v>22.414122739283563</v>
      </c>
      <c r="H9420" s="40">
        <v>156.85</v>
      </c>
      <c r="I9420" s="40">
        <v>23.869311922891811</v>
      </c>
      <c r="L9420" s="40"/>
      <c r="M9420" s="40"/>
      <c r="N9420" s="40"/>
    </row>
    <row r="9421" spans="4:14" x14ac:dyDescent="0.25">
      <c r="D9421" s="40"/>
      <c r="F9421" s="40">
        <v>156.86666700000001</v>
      </c>
      <c r="G9421" s="40">
        <v>22.414122739283563</v>
      </c>
      <c r="H9421" s="40">
        <v>156.86666700000001</v>
      </c>
      <c r="I9421" s="40">
        <v>23.869311922891811</v>
      </c>
      <c r="L9421" s="40"/>
      <c r="M9421" s="40"/>
      <c r="N9421" s="40"/>
    </row>
    <row r="9422" spans="4:14" x14ac:dyDescent="0.25">
      <c r="D9422" s="40"/>
      <c r="F9422" s="40">
        <v>156.88333299999999</v>
      </c>
      <c r="G9422" s="40">
        <v>22.414122739283563</v>
      </c>
      <c r="H9422" s="40">
        <v>156.88333400000002</v>
      </c>
      <c r="I9422" s="40">
        <v>23.869311922891811</v>
      </c>
      <c r="L9422" s="40"/>
      <c r="M9422" s="40"/>
      <c r="N9422" s="40"/>
    </row>
    <row r="9423" spans="4:14" x14ac:dyDescent="0.25">
      <c r="D9423" s="40"/>
      <c r="F9423" s="40">
        <v>156.9</v>
      </c>
      <c r="G9423" s="40">
        <v>22.414122739283563</v>
      </c>
      <c r="H9423" s="40">
        <v>156.9</v>
      </c>
      <c r="I9423" s="40">
        <v>23.872664659035067</v>
      </c>
      <c r="L9423" s="40"/>
      <c r="M9423" s="40"/>
      <c r="N9423" s="40"/>
    </row>
    <row r="9424" spans="4:14" x14ac:dyDescent="0.25">
      <c r="D9424" s="40"/>
      <c r="F9424" s="40">
        <v>156.91666699999999</v>
      </c>
      <c r="G9424" s="40">
        <v>22.414122739283563</v>
      </c>
      <c r="H9424" s="40">
        <v>156.91666700000002</v>
      </c>
      <c r="I9424" s="40">
        <v>23.872664659035067</v>
      </c>
      <c r="L9424" s="40"/>
      <c r="M9424" s="40"/>
      <c r="N9424" s="40"/>
    </row>
    <row r="9425" spans="4:14" x14ac:dyDescent="0.25">
      <c r="D9425" s="40"/>
      <c r="F9425" s="40">
        <v>156.933333</v>
      </c>
      <c r="G9425" s="40">
        <v>22.414122739283563</v>
      </c>
      <c r="H9425" s="40">
        <v>156.933334</v>
      </c>
      <c r="I9425" s="40">
        <v>23.876017395178327</v>
      </c>
      <c r="L9425" s="40"/>
      <c r="M9425" s="40"/>
      <c r="N9425" s="40"/>
    </row>
    <row r="9426" spans="4:14" x14ac:dyDescent="0.25">
      <c r="D9426" s="40"/>
      <c r="F9426" s="40">
        <v>156.94999999999999</v>
      </c>
      <c r="G9426" s="40">
        <v>22.414122739283563</v>
      </c>
      <c r="H9426" s="40">
        <v>156.95000000000002</v>
      </c>
      <c r="I9426" s="40">
        <v>23.876017395178327</v>
      </c>
      <c r="L9426" s="40"/>
      <c r="M9426" s="40"/>
      <c r="N9426" s="40"/>
    </row>
    <row r="9427" spans="4:14" x14ac:dyDescent="0.25">
      <c r="D9427" s="40"/>
      <c r="F9427" s="40">
        <v>156.966667</v>
      </c>
      <c r="G9427" s="40">
        <v>22.414122739283563</v>
      </c>
      <c r="H9427" s="40">
        <v>156.966667</v>
      </c>
      <c r="I9427" s="40">
        <v>23.876017395178327</v>
      </c>
      <c r="L9427" s="40"/>
      <c r="M9427" s="40"/>
      <c r="N9427" s="40"/>
    </row>
    <row r="9428" spans="4:14" x14ac:dyDescent="0.25">
      <c r="D9428" s="40"/>
      <c r="F9428" s="40">
        <v>156.98333299999999</v>
      </c>
      <c r="G9428" s="40">
        <v>22.409367495193468</v>
      </c>
      <c r="H9428" s="40">
        <v>156.98333400000001</v>
      </c>
      <c r="I9428" s="40">
        <v>23.87927152143509</v>
      </c>
      <c r="L9428" s="40"/>
      <c r="M9428" s="40"/>
      <c r="N9428" s="40"/>
    </row>
    <row r="9429" spans="4:14" x14ac:dyDescent="0.25">
      <c r="D9429" s="40"/>
      <c r="F9429" s="40">
        <v>157</v>
      </c>
      <c r="G9429" s="40">
        <v>22.409367495193468</v>
      </c>
      <c r="H9429" s="40">
        <v>157</v>
      </c>
      <c r="I9429" s="40">
        <v>23.87927152143509</v>
      </c>
      <c r="L9429" s="40"/>
      <c r="M9429" s="40"/>
      <c r="N9429" s="40"/>
    </row>
    <row r="9430" spans="4:14" x14ac:dyDescent="0.25">
      <c r="D9430" s="40"/>
      <c r="F9430" s="40">
        <v>157.01666699999998</v>
      </c>
      <c r="G9430" s="40">
        <v>22.409367495193468</v>
      </c>
      <c r="H9430" s="40">
        <v>157.01666700000001</v>
      </c>
      <c r="I9430" s="40">
        <v>23.882624257578524</v>
      </c>
      <c r="L9430" s="40"/>
      <c r="M9430" s="40"/>
      <c r="N9430" s="40"/>
    </row>
    <row r="9431" spans="4:14" x14ac:dyDescent="0.25">
      <c r="D9431" s="40"/>
      <c r="F9431" s="40">
        <v>157.033333</v>
      </c>
      <c r="G9431" s="40">
        <v>22.409367495193468</v>
      </c>
      <c r="H9431" s="40">
        <v>157.033334</v>
      </c>
      <c r="I9431" s="40">
        <v>23.882624257578524</v>
      </c>
      <c r="L9431" s="40"/>
      <c r="M9431" s="40"/>
      <c r="N9431" s="40"/>
    </row>
    <row r="9432" spans="4:14" x14ac:dyDescent="0.25">
      <c r="D9432" s="40"/>
      <c r="F9432" s="40">
        <v>157.04999999999998</v>
      </c>
      <c r="G9432" s="40">
        <v>22.409367495193468</v>
      </c>
      <c r="H9432" s="40">
        <v>157.05000000000001</v>
      </c>
      <c r="I9432" s="40">
        <v>23.882624257578524</v>
      </c>
      <c r="L9432" s="40"/>
      <c r="M9432" s="40"/>
      <c r="N9432" s="40"/>
    </row>
    <row r="9433" spans="4:14" x14ac:dyDescent="0.25">
      <c r="D9433" s="40"/>
      <c r="F9433" s="40">
        <v>157.066667</v>
      </c>
      <c r="G9433" s="40">
        <v>22.409367495193468</v>
      </c>
      <c r="H9433" s="40">
        <v>157.066667</v>
      </c>
      <c r="I9433" s="40">
        <v>23.88597699372178</v>
      </c>
      <c r="L9433" s="40"/>
      <c r="M9433" s="40"/>
      <c r="N9433" s="40"/>
    </row>
    <row r="9434" spans="4:14" x14ac:dyDescent="0.25">
      <c r="D9434" s="40"/>
      <c r="F9434" s="40">
        <v>157.08333299999998</v>
      </c>
      <c r="G9434" s="40">
        <v>22.409367495193468</v>
      </c>
      <c r="H9434" s="40">
        <v>157.08333400000001</v>
      </c>
      <c r="I9434" s="40">
        <v>23.88597699372178</v>
      </c>
      <c r="L9434" s="40"/>
      <c r="M9434" s="40"/>
      <c r="N9434" s="40"/>
    </row>
    <row r="9435" spans="4:14" x14ac:dyDescent="0.25">
      <c r="D9435" s="40"/>
      <c r="F9435" s="40">
        <v>157.1</v>
      </c>
      <c r="G9435" s="40">
        <v>22.409367495193468</v>
      </c>
      <c r="H9435" s="40">
        <v>157.1</v>
      </c>
      <c r="I9435" s="40">
        <v>23.88597699372178</v>
      </c>
      <c r="L9435" s="40"/>
      <c r="M9435" s="40"/>
      <c r="N9435" s="40"/>
    </row>
    <row r="9436" spans="4:14" x14ac:dyDescent="0.25">
      <c r="D9436" s="40"/>
      <c r="F9436" s="40">
        <v>157.11666700000001</v>
      </c>
      <c r="G9436" s="40">
        <v>22.409367495193468</v>
      </c>
      <c r="H9436" s="40">
        <v>157.11666700000001</v>
      </c>
      <c r="I9436" s="40">
        <v>23.88923111997854</v>
      </c>
      <c r="L9436" s="40"/>
      <c r="M9436" s="40"/>
      <c r="N9436" s="40"/>
    </row>
    <row r="9437" spans="4:14" x14ac:dyDescent="0.25">
      <c r="D9437" s="40"/>
      <c r="F9437" s="40">
        <v>157.13333299999999</v>
      </c>
      <c r="G9437" s="40">
        <v>22.409367495193468</v>
      </c>
      <c r="H9437" s="40">
        <v>157.13333400000002</v>
      </c>
      <c r="I9437" s="40">
        <v>23.88923111997854</v>
      </c>
      <c r="L9437" s="40"/>
      <c r="M9437" s="40"/>
      <c r="N9437" s="40"/>
    </row>
    <row r="9438" spans="4:14" x14ac:dyDescent="0.25">
      <c r="D9438" s="40"/>
      <c r="F9438" s="40">
        <v>157.15</v>
      </c>
      <c r="G9438" s="40">
        <v>22.409367495193468</v>
      </c>
      <c r="H9438" s="40">
        <v>157.15</v>
      </c>
      <c r="I9438" s="40">
        <v>23.88923111997854</v>
      </c>
      <c r="L9438" s="40"/>
      <c r="M9438" s="40"/>
      <c r="N9438" s="40"/>
    </row>
    <row r="9439" spans="4:14" x14ac:dyDescent="0.25">
      <c r="D9439" s="40"/>
      <c r="F9439" s="40">
        <v>157.16666699999999</v>
      </c>
      <c r="G9439" s="40">
        <v>22.409367495193468</v>
      </c>
      <c r="H9439" s="40">
        <v>157.16666700000002</v>
      </c>
      <c r="I9439" s="40">
        <v>23.892583856121799</v>
      </c>
      <c r="L9439" s="40"/>
      <c r="M9439" s="40"/>
      <c r="N9439" s="40"/>
    </row>
    <row r="9440" spans="4:14" x14ac:dyDescent="0.25">
      <c r="D9440" s="40"/>
      <c r="F9440" s="40">
        <v>157.183333</v>
      </c>
      <c r="G9440" s="40">
        <v>22.409367495193468</v>
      </c>
      <c r="H9440" s="40">
        <v>157.183334</v>
      </c>
      <c r="I9440" s="40">
        <v>23.892583856121799</v>
      </c>
      <c r="L9440" s="40"/>
      <c r="M9440" s="40"/>
      <c r="N9440" s="40"/>
    </row>
    <row r="9441" spans="4:14" x14ac:dyDescent="0.25">
      <c r="D9441" s="40"/>
      <c r="F9441" s="40">
        <v>157.19999999999999</v>
      </c>
      <c r="G9441" s="40">
        <v>22.409367495193468</v>
      </c>
      <c r="H9441" s="40">
        <v>157.20000000000002</v>
      </c>
      <c r="I9441" s="40">
        <v>23.892583856121799</v>
      </c>
      <c r="L9441" s="40"/>
      <c r="M9441" s="40"/>
      <c r="N9441" s="40"/>
    </row>
    <row r="9442" spans="4:14" x14ac:dyDescent="0.25">
      <c r="D9442" s="40"/>
      <c r="F9442" s="40">
        <v>157.216667</v>
      </c>
      <c r="G9442" s="40">
        <v>22.409367495193468</v>
      </c>
      <c r="H9442" s="40">
        <v>157.216667</v>
      </c>
      <c r="I9442" s="40">
        <v>23.895936592265056</v>
      </c>
      <c r="L9442" s="40"/>
      <c r="M9442" s="40"/>
      <c r="N9442" s="40"/>
    </row>
    <row r="9443" spans="4:14" x14ac:dyDescent="0.25">
      <c r="D9443" s="40"/>
      <c r="F9443" s="40">
        <v>157.23333299999999</v>
      </c>
      <c r="G9443" s="40">
        <v>22.414122739283563</v>
      </c>
      <c r="H9443" s="40">
        <v>157.23333400000001</v>
      </c>
      <c r="I9443" s="40">
        <v>23.895936592265056</v>
      </c>
      <c r="L9443" s="40"/>
      <c r="M9443" s="40"/>
      <c r="N9443" s="40"/>
    </row>
    <row r="9444" spans="4:14" x14ac:dyDescent="0.25">
      <c r="D9444" s="40"/>
      <c r="F9444" s="40">
        <v>157.25</v>
      </c>
      <c r="G9444" s="40">
        <v>22.414122739283563</v>
      </c>
      <c r="H9444" s="40">
        <v>157.25</v>
      </c>
      <c r="I9444" s="40">
        <v>23.899190718521819</v>
      </c>
      <c r="L9444" s="40"/>
      <c r="M9444" s="40"/>
      <c r="N9444" s="40"/>
    </row>
    <row r="9445" spans="4:14" x14ac:dyDescent="0.25">
      <c r="D9445" s="40"/>
      <c r="F9445" s="40">
        <v>157.26666699999998</v>
      </c>
      <c r="G9445" s="40">
        <v>22.414122739283563</v>
      </c>
      <c r="H9445" s="40">
        <v>157.26666700000001</v>
      </c>
      <c r="I9445" s="40">
        <v>23.899190718521819</v>
      </c>
      <c r="L9445" s="40"/>
      <c r="M9445" s="40"/>
      <c r="N9445" s="40"/>
    </row>
    <row r="9446" spans="4:14" x14ac:dyDescent="0.25">
      <c r="D9446" s="40"/>
      <c r="F9446" s="40">
        <v>157.283333</v>
      </c>
      <c r="G9446" s="40">
        <v>22.414122739283563</v>
      </c>
      <c r="H9446" s="40">
        <v>157.283334</v>
      </c>
      <c r="I9446" s="40">
        <v>23.899190718521819</v>
      </c>
      <c r="L9446" s="40"/>
      <c r="M9446" s="40"/>
      <c r="N9446" s="40"/>
    </row>
    <row r="9447" spans="4:14" x14ac:dyDescent="0.25">
      <c r="D9447" s="40"/>
      <c r="F9447" s="40">
        <v>157.29999999999998</v>
      </c>
      <c r="G9447" s="40">
        <v>22.414122739283563</v>
      </c>
      <c r="H9447" s="40">
        <v>157.30000000000001</v>
      </c>
      <c r="I9447" s="40">
        <v>23.902543454665253</v>
      </c>
      <c r="L9447" s="40"/>
      <c r="M9447" s="40"/>
      <c r="N9447" s="40"/>
    </row>
    <row r="9448" spans="4:14" x14ac:dyDescent="0.25">
      <c r="D9448" s="40"/>
      <c r="F9448" s="40">
        <v>157.316667</v>
      </c>
      <c r="G9448" s="40">
        <v>22.409367495193468</v>
      </c>
      <c r="H9448" s="40">
        <v>157.316667</v>
      </c>
      <c r="I9448" s="40">
        <v>23.902543454665253</v>
      </c>
      <c r="L9448" s="40"/>
      <c r="M9448" s="40"/>
      <c r="N9448" s="40"/>
    </row>
    <row r="9449" spans="4:14" x14ac:dyDescent="0.25">
      <c r="D9449" s="40"/>
      <c r="F9449" s="40">
        <v>157.33333299999998</v>
      </c>
      <c r="G9449" s="40">
        <v>22.409367495193468</v>
      </c>
      <c r="H9449" s="40">
        <v>157.33333400000001</v>
      </c>
      <c r="I9449" s="40">
        <v>23.902543454665253</v>
      </c>
      <c r="L9449" s="40"/>
      <c r="M9449" s="40"/>
      <c r="N9449" s="40"/>
    </row>
    <row r="9450" spans="4:14" x14ac:dyDescent="0.25">
      <c r="D9450" s="40"/>
      <c r="F9450" s="40">
        <v>157.35</v>
      </c>
      <c r="G9450" s="40">
        <v>22.409367495193468</v>
      </c>
      <c r="H9450" s="40">
        <v>157.35</v>
      </c>
      <c r="I9450" s="40">
        <v>23.905896190808509</v>
      </c>
      <c r="L9450" s="40"/>
      <c r="M9450" s="40"/>
      <c r="N9450" s="40"/>
    </row>
    <row r="9451" spans="4:14" x14ac:dyDescent="0.25">
      <c r="D9451" s="40"/>
      <c r="F9451" s="40">
        <v>157.36666700000001</v>
      </c>
      <c r="G9451" s="40">
        <v>22.409367495193468</v>
      </c>
      <c r="H9451" s="40">
        <v>157.36666700000001</v>
      </c>
      <c r="I9451" s="40">
        <v>23.905896190808509</v>
      </c>
      <c r="L9451" s="40"/>
      <c r="M9451" s="40"/>
      <c r="N9451" s="40"/>
    </row>
    <row r="9452" spans="4:14" x14ac:dyDescent="0.25">
      <c r="D9452" s="40"/>
      <c r="F9452" s="40">
        <v>157.38333299999999</v>
      </c>
      <c r="G9452" s="40">
        <v>22.409367495193468</v>
      </c>
      <c r="H9452" s="40">
        <v>157.38333400000002</v>
      </c>
      <c r="I9452" s="40">
        <v>23.905896190808509</v>
      </c>
      <c r="L9452" s="40"/>
      <c r="M9452" s="40"/>
      <c r="N9452" s="40"/>
    </row>
    <row r="9453" spans="4:14" x14ac:dyDescent="0.25">
      <c r="D9453" s="40"/>
      <c r="F9453" s="40">
        <v>157.4</v>
      </c>
      <c r="G9453" s="40">
        <v>22.409367495193468</v>
      </c>
      <c r="H9453" s="40">
        <v>157.4</v>
      </c>
      <c r="I9453" s="40">
        <v>23.905896190808509</v>
      </c>
      <c r="L9453" s="40"/>
      <c r="M9453" s="40"/>
      <c r="N9453" s="40"/>
    </row>
    <row r="9454" spans="4:14" x14ac:dyDescent="0.25">
      <c r="D9454" s="40"/>
      <c r="F9454" s="40">
        <v>157.41666699999999</v>
      </c>
      <c r="G9454" s="40">
        <v>22.409367495193468</v>
      </c>
      <c r="H9454" s="40">
        <v>157.41666700000002</v>
      </c>
      <c r="I9454" s="40">
        <v>23.909150317065272</v>
      </c>
      <c r="L9454" s="40"/>
      <c r="M9454" s="40"/>
      <c r="N9454" s="40"/>
    </row>
    <row r="9455" spans="4:14" x14ac:dyDescent="0.25">
      <c r="D9455" s="40"/>
      <c r="F9455" s="40">
        <v>157.433333</v>
      </c>
      <c r="G9455" s="40">
        <v>22.414122739283563</v>
      </c>
      <c r="H9455" s="40">
        <v>157.433334</v>
      </c>
      <c r="I9455" s="40">
        <v>23.909150317065272</v>
      </c>
      <c r="L9455" s="40"/>
      <c r="M9455" s="40"/>
      <c r="N9455" s="40"/>
    </row>
    <row r="9456" spans="4:14" x14ac:dyDescent="0.25">
      <c r="D9456" s="40"/>
      <c r="F9456" s="40">
        <v>157.44999999999999</v>
      </c>
      <c r="G9456" s="40">
        <v>22.414122739283563</v>
      </c>
      <c r="H9456" s="40">
        <v>157.45000000000002</v>
      </c>
      <c r="I9456" s="40">
        <v>23.909150317065272</v>
      </c>
      <c r="L9456" s="40"/>
      <c r="M9456" s="40"/>
      <c r="N9456" s="40"/>
    </row>
    <row r="9457" spans="4:14" x14ac:dyDescent="0.25">
      <c r="D9457" s="40"/>
      <c r="F9457" s="40">
        <v>157.466667</v>
      </c>
      <c r="G9457" s="40">
        <v>22.414122739283563</v>
      </c>
      <c r="H9457" s="40">
        <v>157.466667</v>
      </c>
      <c r="I9457" s="40">
        <v>23.909150317065272</v>
      </c>
      <c r="L9457" s="40"/>
      <c r="M9457" s="40"/>
      <c r="N9457" s="40"/>
    </row>
    <row r="9458" spans="4:14" x14ac:dyDescent="0.25">
      <c r="D9458" s="40"/>
      <c r="F9458" s="40">
        <v>157.48333299999999</v>
      </c>
      <c r="G9458" s="40">
        <v>22.414122739283563</v>
      </c>
      <c r="H9458" s="40">
        <v>157.48333400000001</v>
      </c>
      <c r="I9458" s="40">
        <v>23.912503053208528</v>
      </c>
      <c r="L9458" s="40"/>
      <c r="M9458" s="40"/>
      <c r="N9458" s="40"/>
    </row>
    <row r="9459" spans="4:14" x14ac:dyDescent="0.25">
      <c r="D9459" s="40"/>
      <c r="F9459" s="40">
        <v>157.5</v>
      </c>
      <c r="G9459" s="40">
        <v>22.414122739283563</v>
      </c>
      <c r="H9459" s="40">
        <v>157.5</v>
      </c>
      <c r="I9459" s="40">
        <v>23.912503053208528</v>
      </c>
      <c r="L9459" s="40"/>
      <c r="M9459" s="40"/>
      <c r="N9459" s="40"/>
    </row>
    <row r="9460" spans="4:14" x14ac:dyDescent="0.25">
      <c r="D9460" s="40"/>
      <c r="F9460" s="40">
        <v>157.51666699999998</v>
      </c>
      <c r="G9460" s="40">
        <v>22.414122739283563</v>
      </c>
      <c r="H9460" s="40">
        <v>157.51666700000001</v>
      </c>
      <c r="I9460" s="40">
        <v>23.912503053208528</v>
      </c>
      <c r="L9460" s="40"/>
      <c r="M9460" s="40"/>
      <c r="N9460" s="40"/>
    </row>
    <row r="9461" spans="4:14" x14ac:dyDescent="0.25">
      <c r="D9461" s="40"/>
      <c r="F9461" s="40">
        <v>157.533333</v>
      </c>
      <c r="G9461" s="40">
        <v>22.414122739283563</v>
      </c>
      <c r="H9461" s="40">
        <v>157.533334</v>
      </c>
      <c r="I9461" s="40">
        <v>23.915855789351962</v>
      </c>
      <c r="L9461" s="40"/>
      <c r="M9461" s="40"/>
      <c r="N9461" s="40"/>
    </row>
    <row r="9462" spans="4:14" x14ac:dyDescent="0.25">
      <c r="D9462" s="40"/>
      <c r="F9462" s="40">
        <v>157.54999999999998</v>
      </c>
      <c r="G9462" s="40">
        <v>22.414122739283563</v>
      </c>
      <c r="H9462" s="40">
        <v>157.55000000000001</v>
      </c>
      <c r="I9462" s="40">
        <v>23.915855789351962</v>
      </c>
      <c r="L9462" s="40"/>
      <c r="M9462" s="40"/>
      <c r="N9462" s="40"/>
    </row>
    <row r="9463" spans="4:14" x14ac:dyDescent="0.25">
      <c r="D9463" s="40"/>
      <c r="F9463" s="40">
        <v>157.566667</v>
      </c>
      <c r="G9463" s="40">
        <v>22.414122739283563</v>
      </c>
      <c r="H9463" s="40">
        <v>157.566667</v>
      </c>
      <c r="I9463" s="40">
        <v>23.915855789351962</v>
      </c>
      <c r="L9463" s="40"/>
      <c r="M9463" s="40"/>
      <c r="N9463" s="40"/>
    </row>
    <row r="9464" spans="4:14" x14ac:dyDescent="0.25">
      <c r="D9464" s="40"/>
      <c r="F9464" s="40">
        <v>157.58333299999998</v>
      </c>
      <c r="G9464" s="40">
        <v>22.418738123253462</v>
      </c>
      <c r="H9464" s="40">
        <v>157.58333400000001</v>
      </c>
      <c r="I9464" s="40">
        <v>23.919109915608548</v>
      </c>
      <c r="L9464" s="40"/>
      <c r="M9464" s="40"/>
      <c r="N9464" s="40"/>
    </row>
    <row r="9465" spans="4:14" x14ac:dyDescent="0.25">
      <c r="D9465" s="40"/>
      <c r="F9465" s="40">
        <v>157.6</v>
      </c>
      <c r="G9465" s="40">
        <v>22.418738123253462</v>
      </c>
      <c r="H9465" s="40">
        <v>157.6</v>
      </c>
      <c r="I9465" s="40">
        <v>23.919109915608548</v>
      </c>
      <c r="L9465" s="40"/>
      <c r="M9465" s="40"/>
      <c r="N9465" s="40"/>
    </row>
    <row r="9466" spans="4:14" x14ac:dyDescent="0.25">
      <c r="D9466" s="40"/>
      <c r="F9466" s="40">
        <v>157.61666700000001</v>
      </c>
      <c r="G9466" s="40">
        <v>22.418738123253462</v>
      </c>
      <c r="H9466" s="40">
        <v>157.61666700000001</v>
      </c>
      <c r="I9466" s="40">
        <v>23.922462651751982</v>
      </c>
      <c r="L9466" s="40"/>
      <c r="M9466" s="40"/>
      <c r="N9466" s="40"/>
    </row>
    <row r="9467" spans="4:14" x14ac:dyDescent="0.25">
      <c r="D9467" s="40"/>
      <c r="F9467" s="40">
        <v>157.63333299999999</v>
      </c>
      <c r="G9467" s="40">
        <v>22.418738123253462</v>
      </c>
      <c r="H9467" s="40">
        <v>157.63333400000002</v>
      </c>
      <c r="I9467" s="40">
        <v>23.922462651751982</v>
      </c>
      <c r="L9467" s="40"/>
      <c r="M9467" s="40"/>
      <c r="N9467" s="40"/>
    </row>
    <row r="9468" spans="4:14" x14ac:dyDescent="0.25">
      <c r="D9468" s="40"/>
      <c r="F9468" s="40">
        <v>157.65</v>
      </c>
      <c r="G9468" s="40">
        <v>22.423493367343681</v>
      </c>
      <c r="H9468" s="40">
        <v>157.65</v>
      </c>
      <c r="I9468" s="40">
        <v>23.922462651751982</v>
      </c>
      <c r="L9468" s="40"/>
      <c r="M9468" s="40"/>
      <c r="N9468" s="40"/>
    </row>
    <row r="9469" spans="4:14" x14ac:dyDescent="0.25">
      <c r="D9469" s="40"/>
      <c r="F9469" s="40">
        <v>157.66666699999999</v>
      </c>
      <c r="G9469" s="40">
        <v>22.423493367343681</v>
      </c>
      <c r="H9469" s="40">
        <v>157.66666700000002</v>
      </c>
      <c r="I9469" s="40">
        <v>23.925815387895241</v>
      </c>
      <c r="L9469" s="40"/>
      <c r="M9469" s="40"/>
      <c r="N9469" s="40"/>
    </row>
    <row r="9470" spans="4:14" x14ac:dyDescent="0.25">
      <c r="D9470" s="40"/>
      <c r="F9470" s="40">
        <v>157.683333</v>
      </c>
      <c r="G9470" s="40">
        <v>22.423493367343681</v>
      </c>
      <c r="H9470" s="40">
        <v>157.683334</v>
      </c>
      <c r="I9470" s="40">
        <v>23.925815387895241</v>
      </c>
      <c r="L9470" s="40"/>
      <c r="M9470" s="40"/>
      <c r="N9470" s="40"/>
    </row>
    <row r="9471" spans="4:14" x14ac:dyDescent="0.25">
      <c r="D9471" s="40"/>
      <c r="F9471" s="40">
        <v>157.69999999999999</v>
      </c>
      <c r="G9471" s="40">
        <v>22.423493367343681</v>
      </c>
      <c r="H9471" s="40">
        <v>157.70000000000002</v>
      </c>
      <c r="I9471" s="40">
        <v>23.929069514152005</v>
      </c>
      <c r="L9471" s="40"/>
      <c r="M9471" s="40"/>
      <c r="N9471" s="40"/>
    </row>
    <row r="9472" spans="4:14" x14ac:dyDescent="0.25">
      <c r="D9472" s="40"/>
      <c r="F9472" s="40">
        <v>157.716667</v>
      </c>
      <c r="G9472" s="40">
        <v>22.423493367343681</v>
      </c>
      <c r="H9472" s="40">
        <v>157.716667</v>
      </c>
      <c r="I9472" s="40">
        <v>23.929069514152005</v>
      </c>
      <c r="L9472" s="40"/>
      <c r="M9472" s="40"/>
      <c r="N9472" s="40"/>
    </row>
    <row r="9473" spans="4:14" x14ac:dyDescent="0.25">
      <c r="D9473" s="40"/>
      <c r="F9473" s="40">
        <v>157.73333299999999</v>
      </c>
      <c r="G9473" s="40">
        <v>22.423493367343681</v>
      </c>
      <c r="H9473" s="40">
        <v>157.73333400000001</v>
      </c>
      <c r="I9473" s="40">
        <v>23.929069514152005</v>
      </c>
      <c r="L9473" s="40"/>
      <c r="M9473" s="40"/>
      <c r="N9473" s="40"/>
    </row>
    <row r="9474" spans="4:14" x14ac:dyDescent="0.25">
      <c r="D9474" s="40"/>
      <c r="F9474" s="40">
        <v>157.75</v>
      </c>
      <c r="G9474" s="40">
        <v>22.423493367343681</v>
      </c>
      <c r="H9474" s="40">
        <v>157.75</v>
      </c>
      <c r="I9474" s="40">
        <v>23.932422250295257</v>
      </c>
      <c r="L9474" s="40"/>
      <c r="M9474" s="40"/>
      <c r="N9474" s="40"/>
    </row>
    <row r="9475" spans="4:14" x14ac:dyDescent="0.25">
      <c r="D9475" s="40"/>
      <c r="F9475" s="40">
        <v>157.76666699999998</v>
      </c>
      <c r="G9475" s="40">
        <v>22.423493367343681</v>
      </c>
      <c r="H9475" s="40">
        <v>157.76666700000001</v>
      </c>
      <c r="I9475" s="40">
        <v>23.932422250295257</v>
      </c>
      <c r="L9475" s="40"/>
      <c r="M9475" s="40"/>
      <c r="N9475" s="40"/>
    </row>
    <row r="9476" spans="4:14" x14ac:dyDescent="0.25">
      <c r="D9476" s="40"/>
      <c r="F9476" s="40">
        <v>157.783333</v>
      </c>
      <c r="G9476" s="40">
        <v>22.428248611433776</v>
      </c>
      <c r="H9476" s="40">
        <v>157.783334</v>
      </c>
      <c r="I9476" s="40">
        <v>23.935774986438691</v>
      </c>
      <c r="L9476" s="40"/>
      <c r="M9476" s="40"/>
      <c r="N9476" s="40"/>
    </row>
    <row r="9477" spans="4:14" x14ac:dyDescent="0.25">
      <c r="D9477" s="40"/>
      <c r="F9477" s="40">
        <v>157.79999999999998</v>
      </c>
      <c r="G9477" s="40">
        <v>22.428248611433776</v>
      </c>
      <c r="H9477" s="40">
        <v>157.80000000000001</v>
      </c>
      <c r="I9477" s="40">
        <v>23.935774986438691</v>
      </c>
      <c r="L9477" s="40"/>
      <c r="M9477" s="40"/>
      <c r="N9477" s="40"/>
    </row>
    <row r="9478" spans="4:14" x14ac:dyDescent="0.25">
      <c r="D9478" s="40"/>
      <c r="F9478" s="40">
        <v>157.816667</v>
      </c>
      <c r="G9478" s="40">
        <v>22.428248611433776</v>
      </c>
      <c r="H9478" s="40">
        <v>157.816667</v>
      </c>
      <c r="I9478" s="40">
        <v>23.935774986438691</v>
      </c>
      <c r="L9478" s="40"/>
      <c r="M9478" s="40"/>
      <c r="N9478" s="40"/>
    </row>
    <row r="9479" spans="4:14" x14ac:dyDescent="0.25">
      <c r="D9479" s="40"/>
      <c r="F9479" s="40">
        <v>157.83333299999998</v>
      </c>
      <c r="G9479" s="40">
        <v>22.428248611433776</v>
      </c>
      <c r="H9479" s="40">
        <v>157.83333400000001</v>
      </c>
      <c r="I9479" s="40">
        <v>23.939029112695454</v>
      </c>
      <c r="L9479" s="40"/>
      <c r="M9479" s="40"/>
      <c r="N9479" s="40"/>
    </row>
    <row r="9480" spans="4:14" x14ac:dyDescent="0.25">
      <c r="D9480" s="40"/>
      <c r="F9480" s="40">
        <v>157.85</v>
      </c>
      <c r="G9480" s="40">
        <v>22.428248611433776</v>
      </c>
      <c r="H9480" s="40">
        <v>157.85</v>
      </c>
      <c r="I9480" s="40">
        <v>23.939029112695454</v>
      </c>
      <c r="L9480" s="40"/>
      <c r="M9480" s="40"/>
      <c r="N9480" s="40"/>
    </row>
    <row r="9481" spans="4:14" x14ac:dyDescent="0.25">
      <c r="D9481" s="40"/>
      <c r="F9481" s="40">
        <v>157.86666700000001</v>
      </c>
      <c r="G9481" s="40">
        <v>22.428248611433776</v>
      </c>
      <c r="H9481" s="40">
        <v>157.86666700000001</v>
      </c>
      <c r="I9481" s="40">
        <v>23.942381848838711</v>
      </c>
      <c r="L9481" s="40"/>
      <c r="M9481" s="40"/>
      <c r="N9481" s="40"/>
    </row>
    <row r="9482" spans="4:14" x14ac:dyDescent="0.25">
      <c r="D9482" s="40"/>
      <c r="F9482" s="40">
        <v>157.88333299999999</v>
      </c>
      <c r="G9482" s="40">
        <v>22.428248611433776</v>
      </c>
      <c r="H9482" s="40">
        <v>157.88333400000002</v>
      </c>
      <c r="I9482" s="40">
        <v>23.942381848838711</v>
      </c>
      <c r="L9482" s="40"/>
      <c r="M9482" s="40"/>
      <c r="N9482" s="40"/>
    </row>
    <row r="9483" spans="4:14" x14ac:dyDescent="0.25">
      <c r="D9483" s="40"/>
      <c r="F9483" s="40">
        <v>157.9</v>
      </c>
      <c r="G9483" s="40">
        <v>22.428248611433776</v>
      </c>
      <c r="H9483" s="40">
        <v>157.9</v>
      </c>
      <c r="I9483" s="40">
        <v>23.94573458498197</v>
      </c>
      <c r="L9483" s="40"/>
      <c r="M9483" s="40"/>
      <c r="N9483" s="40"/>
    </row>
    <row r="9484" spans="4:14" x14ac:dyDescent="0.25">
      <c r="D9484" s="40"/>
      <c r="F9484" s="40">
        <v>157.91666699999999</v>
      </c>
      <c r="G9484" s="40">
        <v>22.428248611433776</v>
      </c>
      <c r="H9484" s="40">
        <v>157.91666700000002</v>
      </c>
      <c r="I9484" s="40">
        <v>23.94573458498197</v>
      </c>
      <c r="L9484" s="40"/>
      <c r="M9484" s="40"/>
      <c r="N9484" s="40"/>
    </row>
    <row r="9485" spans="4:14" x14ac:dyDescent="0.25">
      <c r="D9485" s="40"/>
      <c r="F9485" s="40">
        <v>157.933333</v>
      </c>
      <c r="G9485" s="40">
        <v>22.428248611433776</v>
      </c>
      <c r="H9485" s="40">
        <v>157.933334</v>
      </c>
      <c r="I9485" s="40">
        <v>23.94573458498197</v>
      </c>
      <c r="L9485" s="40"/>
      <c r="M9485" s="40"/>
      <c r="N9485" s="40"/>
    </row>
    <row r="9486" spans="4:14" x14ac:dyDescent="0.25">
      <c r="D9486" s="40"/>
      <c r="F9486" s="40">
        <v>157.94999999999999</v>
      </c>
      <c r="G9486" s="40">
        <v>22.428248611433776</v>
      </c>
      <c r="H9486" s="40">
        <v>157.95000000000002</v>
      </c>
      <c r="I9486" s="40">
        <v>23.948988711238734</v>
      </c>
      <c r="L9486" s="40"/>
      <c r="M9486" s="40"/>
      <c r="N9486" s="40"/>
    </row>
    <row r="9487" spans="4:14" x14ac:dyDescent="0.25">
      <c r="D9487" s="40"/>
      <c r="F9487" s="40">
        <v>157.966667</v>
      </c>
      <c r="G9487" s="40">
        <v>22.428248611433776</v>
      </c>
      <c r="H9487" s="40">
        <v>157.966667</v>
      </c>
      <c r="I9487" s="40">
        <v>23.948988711238734</v>
      </c>
      <c r="L9487" s="40"/>
      <c r="M9487" s="40"/>
      <c r="N9487" s="40"/>
    </row>
    <row r="9488" spans="4:14" x14ac:dyDescent="0.25">
      <c r="D9488" s="40"/>
      <c r="F9488" s="40">
        <v>157.98333299999999</v>
      </c>
      <c r="G9488" s="40">
        <v>22.428248611433776</v>
      </c>
      <c r="H9488" s="40">
        <v>157.98333400000001</v>
      </c>
      <c r="I9488" s="40">
        <v>23.948988711238734</v>
      </c>
      <c r="L9488" s="40"/>
      <c r="M9488" s="40"/>
      <c r="N9488" s="40"/>
    </row>
    <row r="9489" spans="4:14" x14ac:dyDescent="0.25">
      <c r="D9489" s="40"/>
      <c r="F9489" s="40">
        <v>158</v>
      </c>
      <c r="G9489" s="40">
        <v>22.428248611433776</v>
      </c>
      <c r="H9489" s="40">
        <v>158</v>
      </c>
      <c r="I9489" s="40">
        <v>23.952341447381986</v>
      </c>
      <c r="L9489" s="40"/>
      <c r="M9489" s="40"/>
      <c r="N9489" s="40"/>
    </row>
    <row r="9490" spans="4:14" x14ac:dyDescent="0.25">
      <c r="D9490" s="40"/>
      <c r="F9490" s="40">
        <v>158.01666699999998</v>
      </c>
      <c r="G9490" s="40">
        <v>22.428248611433776</v>
      </c>
      <c r="H9490" s="40">
        <v>158.01666700000001</v>
      </c>
      <c r="I9490" s="40">
        <v>23.952341447381986</v>
      </c>
      <c r="L9490" s="40"/>
      <c r="M9490" s="40"/>
      <c r="N9490" s="40"/>
    </row>
    <row r="9491" spans="4:14" x14ac:dyDescent="0.25">
      <c r="D9491" s="40"/>
      <c r="F9491" s="40">
        <v>158.033333</v>
      </c>
      <c r="G9491" s="40">
        <v>22.428248611433776</v>
      </c>
      <c r="H9491" s="40">
        <v>158.033334</v>
      </c>
      <c r="I9491" s="40">
        <v>23.952341447381986</v>
      </c>
      <c r="L9491" s="40"/>
      <c r="M9491" s="40"/>
      <c r="N9491" s="40"/>
    </row>
    <row r="9492" spans="4:14" x14ac:dyDescent="0.25">
      <c r="D9492" s="40"/>
      <c r="F9492" s="40">
        <v>158.04999999999998</v>
      </c>
      <c r="G9492" s="40">
        <v>22.423493367343681</v>
      </c>
      <c r="H9492" s="40">
        <v>158.05000000000001</v>
      </c>
      <c r="I9492" s="40">
        <v>23.95569418352542</v>
      </c>
      <c r="L9492" s="40"/>
      <c r="M9492" s="40"/>
      <c r="N9492" s="40"/>
    </row>
    <row r="9493" spans="4:14" x14ac:dyDescent="0.25">
      <c r="D9493" s="40"/>
      <c r="F9493" s="40">
        <v>158.066667</v>
      </c>
      <c r="G9493" s="40">
        <v>22.423493367343681</v>
      </c>
      <c r="H9493" s="40">
        <v>158.066667</v>
      </c>
      <c r="I9493" s="40">
        <v>23.95569418352542</v>
      </c>
      <c r="L9493" s="40"/>
      <c r="M9493" s="40"/>
      <c r="N9493" s="40"/>
    </row>
    <row r="9494" spans="4:14" x14ac:dyDescent="0.25">
      <c r="D9494" s="40"/>
      <c r="F9494" s="40">
        <v>158.08333299999998</v>
      </c>
      <c r="G9494" s="40">
        <v>22.423493367343681</v>
      </c>
      <c r="H9494" s="40">
        <v>158.08333400000001</v>
      </c>
      <c r="I9494" s="40">
        <v>23.95569418352542</v>
      </c>
      <c r="L9494" s="40"/>
      <c r="M9494" s="40"/>
      <c r="N9494" s="40"/>
    </row>
    <row r="9495" spans="4:14" x14ac:dyDescent="0.25">
      <c r="D9495" s="40"/>
      <c r="F9495" s="40">
        <v>158.1</v>
      </c>
      <c r="G9495" s="40">
        <v>22.428248611433776</v>
      </c>
      <c r="H9495" s="40">
        <v>158.1</v>
      </c>
      <c r="I9495" s="40">
        <v>23.95569418352542</v>
      </c>
      <c r="L9495" s="40"/>
      <c r="M9495" s="40"/>
      <c r="N9495" s="40"/>
    </row>
    <row r="9496" spans="4:14" x14ac:dyDescent="0.25">
      <c r="D9496" s="40"/>
      <c r="F9496" s="40">
        <v>158.11666700000001</v>
      </c>
      <c r="G9496" s="40">
        <v>22.428248611433776</v>
      </c>
      <c r="H9496" s="40">
        <v>158.11666700000001</v>
      </c>
      <c r="I9496" s="40">
        <v>23.95904691966868</v>
      </c>
      <c r="L9496" s="40"/>
      <c r="M9496" s="40"/>
      <c r="N9496" s="40"/>
    </row>
    <row r="9497" spans="4:14" x14ac:dyDescent="0.25">
      <c r="D9497" s="40"/>
      <c r="F9497" s="40">
        <v>158.13333299999999</v>
      </c>
      <c r="G9497" s="40">
        <v>22.428248611433776</v>
      </c>
      <c r="H9497" s="40">
        <v>158.13333400000002</v>
      </c>
      <c r="I9497" s="40">
        <v>23.95904691966868</v>
      </c>
      <c r="L9497" s="40"/>
      <c r="M9497" s="40"/>
      <c r="N9497" s="40"/>
    </row>
    <row r="9498" spans="4:14" x14ac:dyDescent="0.25">
      <c r="D9498" s="40"/>
      <c r="F9498" s="40">
        <v>158.15</v>
      </c>
      <c r="G9498" s="40">
        <v>22.428248611433776</v>
      </c>
      <c r="H9498" s="40">
        <v>158.15</v>
      </c>
      <c r="I9498" s="40">
        <v>23.95904691966868</v>
      </c>
      <c r="L9498" s="40"/>
      <c r="M9498" s="40"/>
      <c r="N9498" s="40"/>
    </row>
    <row r="9499" spans="4:14" x14ac:dyDescent="0.25">
      <c r="D9499" s="40"/>
      <c r="F9499" s="40">
        <v>158.16666699999999</v>
      </c>
      <c r="G9499" s="40">
        <v>22.428248611433776</v>
      </c>
      <c r="H9499" s="40">
        <v>158.16666700000002</v>
      </c>
      <c r="I9499" s="40">
        <v>23.962301045925443</v>
      </c>
      <c r="L9499" s="40"/>
      <c r="M9499" s="40"/>
      <c r="N9499" s="40"/>
    </row>
    <row r="9500" spans="4:14" x14ac:dyDescent="0.25">
      <c r="D9500" s="40"/>
      <c r="F9500" s="40">
        <v>158.183333</v>
      </c>
      <c r="G9500" s="40">
        <v>22.432863995403675</v>
      </c>
      <c r="H9500" s="40">
        <v>158.183334</v>
      </c>
      <c r="I9500" s="40">
        <v>23.962301045925443</v>
      </c>
      <c r="L9500" s="40"/>
      <c r="M9500" s="40"/>
      <c r="N9500" s="40"/>
    </row>
    <row r="9501" spans="4:14" x14ac:dyDescent="0.25">
      <c r="D9501" s="40"/>
      <c r="F9501" s="40">
        <v>158.19999999999999</v>
      </c>
      <c r="G9501" s="40">
        <v>22.432863995403675</v>
      </c>
      <c r="H9501" s="40">
        <v>158.20000000000002</v>
      </c>
      <c r="I9501" s="40">
        <v>23.962301045925443</v>
      </c>
      <c r="L9501" s="40"/>
      <c r="M9501" s="40"/>
      <c r="N9501" s="40"/>
    </row>
    <row r="9502" spans="4:14" x14ac:dyDescent="0.25">
      <c r="D9502" s="40"/>
      <c r="F9502" s="40">
        <v>158.216667</v>
      </c>
      <c r="G9502" s="40">
        <v>22.432863995403675</v>
      </c>
      <c r="H9502" s="40">
        <v>158.216667</v>
      </c>
      <c r="I9502" s="40">
        <v>23.962301045925443</v>
      </c>
      <c r="L9502" s="40"/>
      <c r="M9502" s="40"/>
      <c r="N9502" s="40"/>
    </row>
    <row r="9503" spans="4:14" x14ac:dyDescent="0.25">
      <c r="D9503" s="40"/>
      <c r="F9503" s="40">
        <v>158.23333299999999</v>
      </c>
      <c r="G9503" s="40">
        <v>22.432863995403675</v>
      </c>
      <c r="H9503" s="40">
        <v>158.23333400000001</v>
      </c>
      <c r="I9503" s="40">
        <v>23.965653782068699</v>
      </c>
      <c r="L9503" s="40"/>
      <c r="M9503" s="40"/>
      <c r="N9503" s="40"/>
    </row>
    <row r="9504" spans="4:14" x14ac:dyDescent="0.25">
      <c r="D9504" s="40"/>
      <c r="F9504" s="40">
        <v>158.25</v>
      </c>
      <c r="G9504" s="40">
        <v>22.432863995403675</v>
      </c>
      <c r="H9504" s="40">
        <v>158.25</v>
      </c>
      <c r="I9504" s="40">
        <v>23.965653782068699</v>
      </c>
      <c r="L9504" s="40"/>
      <c r="M9504" s="40"/>
      <c r="N9504" s="40"/>
    </row>
    <row r="9505" spans="4:14" x14ac:dyDescent="0.25">
      <c r="D9505" s="40"/>
      <c r="F9505" s="40">
        <v>158.26666699999998</v>
      </c>
      <c r="G9505" s="40">
        <v>22.432863995403675</v>
      </c>
      <c r="H9505" s="40">
        <v>158.26666700000001</v>
      </c>
      <c r="I9505" s="40">
        <v>23.965653782068699</v>
      </c>
      <c r="L9505" s="40"/>
      <c r="M9505" s="40"/>
      <c r="N9505" s="40"/>
    </row>
    <row r="9506" spans="4:14" x14ac:dyDescent="0.25">
      <c r="D9506" s="40"/>
      <c r="F9506" s="40">
        <v>158.283333</v>
      </c>
      <c r="G9506" s="40">
        <v>22.432863995403675</v>
      </c>
      <c r="H9506" s="40">
        <v>158.283334</v>
      </c>
      <c r="I9506" s="40">
        <v>23.969006518212129</v>
      </c>
      <c r="L9506" s="40"/>
      <c r="M9506" s="40"/>
      <c r="N9506" s="40"/>
    </row>
    <row r="9507" spans="4:14" x14ac:dyDescent="0.25">
      <c r="D9507" s="40"/>
      <c r="F9507" s="40">
        <v>158.29999999999998</v>
      </c>
      <c r="G9507" s="40">
        <v>22.432863995403675</v>
      </c>
      <c r="H9507" s="40">
        <v>158.30000000000001</v>
      </c>
      <c r="I9507" s="40">
        <v>23.969006518212129</v>
      </c>
      <c r="L9507" s="40"/>
      <c r="M9507" s="40"/>
      <c r="N9507" s="40"/>
    </row>
    <row r="9508" spans="4:14" x14ac:dyDescent="0.25">
      <c r="D9508" s="40"/>
      <c r="F9508" s="40">
        <v>158.316667</v>
      </c>
      <c r="G9508" s="40">
        <v>22.432863995403675</v>
      </c>
      <c r="H9508" s="40">
        <v>158.316667</v>
      </c>
      <c r="I9508" s="40">
        <v>23.969006518212129</v>
      </c>
      <c r="L9508" s="40"/>
      <c r="M9508" s="40"/>
      <c r="N9508" s="40"/>
    </row>
    <row r="9509" spans="4:14" x14ac:dyDescent="0.25">
      <c r="D9509" s="40"/>
      <c r="F9509" s="40">
        <v>158.33333299999998</v>
      </c>
      <c r="G9509" s="40">
        <v>22.432863995403675</v>
      </c>
      <c r="H9509" s="40">
        <v>158.33333400000001</v>
      </c>
      <c r="I9509" s="40">
        <v>23.972260644468893</v>
      </c>
      <c r="L9509" s="40"/>
      <c r="M9509" s="40"/>
      <c r="N9509" s="40"/>
    </row>
    <row r="9510" spans="4:14" x14ac:dyDescent="0.25">
      <c r="D9510" s="40"/>
      <c r="F9510" s="40">
        <v>158.35</v>
      </c>
      <c r="G9510" s="40">
        <v>22.432863995403675</v>
      </c>
      <c r="H9510" s="40">
        <v>158.35</v>
      </c>
      <c r="I9510" s="40">
        <v>23.972260644468893</v>
      </c>
      <c r="L9510" s="40"/>
      <c r="M9510" s="40"/>
      <c r="N9510" s="40"/>
    </row>
    <row r="9511" spans="4:14" x14ac:dyDescent="0.25">
      <c r="D9511" s="40"/>
      <c r="F9511" s="40">
        <v>158.36666700000001</v>
      </c>
      <c r="G9511" s="40">
        <v>22.432863995403675</v>
      </c>
      <c r="H9511" s="40">
        <v>158.36666700000001</v>
      </c>
      <c r="I9511" s="40">
        <v>23.972260644468893</v>
      </c>
      <c r="L9511" s="40"/>
      <c r="M9511" s="40"/>
      <c r="N9511" s="40"/>
    </row>
    <row r="9512" spans="4:14" x14ac:dyDescent="0.25">
      <c r="D9512" s="40"/>
      <c r="F9512" s="40">
        <v>158.38333299999999</v>
      </c>
      <c r="G9512" s="40">
        <v>22.432863995403675</v>
      </c>
      <c r="H9512" s="40">
        <v>158.38333400000002</v>
      </c>
      <c r="I9512" s="40">
        <v>23.975613380612153</v>
      </c>
      <c r="L9512" s="40"/>
      <c r="M9512" s="40"/>
      <c r="N9512" s="40"/>
    </row>
    <row r="9513" spans="4:14" x14ac:dyDescent="0.25">
      <c r="D9513" s="40"/>
      <c r="F9513" s="40">
        <v>158.4</v>
      </c>
      <c r="G9513" s="40">
        <v>22.432863995403675</v>
      </c>
      <c r="H9513" s="40">
        <v>158.4</v>
      </c>
      <c r="I9513" s="40">
        <v>23.975613380612153</v>
      </c>
      <c r="L9513" s="40"/>
      <c r="M9513" s="40"/>
      <c r="N9513" s="40"/>
    </row>
    <row r="9514" spans="4:14" x14ac:dyDescent="0.25">
      <c r="D9514" s="40"/>
      <c r="F9514" s="40">
        <v>158.41666699999999</v>
      </c>
      <c r="G9514" s="40">
        <v>22.432863995403675</v>
      </c>
      <c r="H9514" s="40">
        <v>158.41666700000002</v>
      </c>
      <c r="I9514" s="40">
        <v>23.978966116755409</v>
      </c>
      <c r="L9514" s="40"/>
      <c r="M9514" s="40"/>
      <c r="N9514" s="40"/>
    </row>
    <row r="9515" spans="4:14" x14ac:dyDescent="0.25">
      <c r="D9515" s="40"/>
      <c r="F9515" s="40">
        <v>158.433333</v>
      </c>
      <c r="G9515" s="40">
        <v>22.432863995403675</v>
      </c>
      <c r="H9515" s="40">
        <v>158.433334</v>
      </c>
      <c r="I9515" s="40">
        <v>23.978966116755409</v>
      </c>
      <c r="L9515" s="40"/>
      <c r="M9515" s="40"/>
      <c r="N9515" s="40"/>
    </row>
    <row r="9516" spans="4:14" x14ac:dyDescent="0.25">
      <c r="D9516" s="40"/>
      <c r="F9516" s="40">
        <v>158.44999999999999</v>
      </c>
      <c r="G9516" s="40">
        <v>22.432863995403675</v>
      </c>
      <c r="H9516" s="40">
        <v>158.45000000000002</v>
      </c>
      <c r="I9516" s="40">
        <v>23.978966116755409</v>
      </c>
      <c r="L9516" s="40"/>
      <c r="M9516" s="40"/>
      <c r="N9516" s="40"/>
    </row>
    <row r="9517" spans="4:14" x14ac:dyDescent="0.25">
      <c r="D9517" s="40"/>
      <c r="F9517" s="40">
        <v>158.466667</v>
      </c>
      <c r="G9517" s="40">
        <v>22.432863995403675</v>
      </c>
      <c r="H9517" s="40">
        <v>158.466667</v>
      </c>
      <c r="I9517" s="40">
        <v>23.978966116755409</v>
      </c>
      <c r="L9517" s="40"/>
      <c r="M9517" s="40"/>
      <c r="N9517" s="40"/>
    </row>
    <row r="9518" spans="4:14" x14ac:dyDescent="0.25">
      <c r="D9518" s="40"/>
      <c r="F9518" s="40">
        <v>158.48333299999999</v>
      </c>
      <c r="G9518" s="40">
        <v>22.437619239493898</v>
      </c>
      <c r="H9518" s="40">
        <v>158.48333400000001</v>
      </c>
      <c r="I9518" s="40">
        <v>23.982220243012172</v>
      </c>
      <c r="L9518" s="40"/>
      <c r="M9518" s="40"/>
      <c r="N9518" s="40"/>
    </row>
    <row r="9519" spans="4:14" x14ac:dyDescent="0.25">
      <c r="D9519" s="40"/>
      <c r="F9519" s="40">
        <v>158.5</v>
      </c>
      <c r="G9519" s="40">
        <v>22.437619239493898</v>
      </c>
      <c r="H9519" s="40">
        <v>158.5</v>
      </c>
      <c r="I9519" s="40">
        <v>23.982220243012172</v>
      </c>
      <c r="L9519" s="40"/>
      <c r="M9519" s="40"/>
      <c r="N9519" s="40"/>
    </row>
    <row r="9520" spans="4:14" x14ac:dyDescent="0.25">
      <c r="D9520" s="40"/>
      <c r="F9520" s="40">
        <v>158.51666699999998</v>
      </c>
      <c r="G9520" s="40">
        <v>22.437619239493898</v>
      </c>
      <c r="H9520" s="40">
        <v>158.51666700000001</v>
      </c>
      <c r="I9520" s="40">
        <v>23.982220243012172</v>
      </c>
      <c r="L9520" s="40"/>
      <c r="M9520" s="40"/>
      <c r="N9520" s="40"/>
    </row>
    <row r="9521" spans="4:14" x14ac:dyDescent="0.25">
      <c r="D9521" s="40"/>
      <c r="F9521" s="40">
        <v>158.533333</v>
      </c>
      <c r="G9521" s="40">
        <v>22.437619239493898</v>
      </c>
      <c r="H9521" s="40">
        <v>158.533334</v>
      </c>
      <c r="I9521" s="40">
        <v>23.985572979155428</v>
      </c>
      <c r="L9521" s="40"/>
      <c r="M9521" s="40"/>
      <c r="N9521" s="40"/>
    </row>
    <row r="9522" spans="4:14" x14ac:dyDescent="0.25">
      <c r="D9522" s="40"/>
      <c r="F9522" s="40">
        <v>158.54999999999998</v>
      </c>
      <c r="G9522" s="40">
        <v>22.432863995403675</v>
      </c>
      <c r="H9522" s="40">
        <v>158.55000000000001</v>
      </c>
      <c r="I9522" s="40">
        <v>23.985572979155428</v>
      </c>
      <c r="L9522" s="40"/>
      <c r="M9522" s="40"/>
      <c r="N9522" s="40"/>
    </row>
    <row r="9523" spans="4:14" x14ac:dyDescent="0.25">
      <c r="D9523" s="40"/>
      <c r="F9523" s="40">
        <v>158.566667</v>
      </c>
      <c r="G9523" s="40">
        <v>22.432863995403675</v>
      </c>
      <c r="H9523" s="40">
        <v>158.566667</v>
      </c>
      <c r="I9523" s="40">
        <v>23.985572979155428</v>
      </c>
      <c r="L9523" s="40"/>
      <c r="M9523" s="40"/>
      <c r="N9523" s="40"/>
    </row>
    <row r="9524" spans="4:14" x14ac:dyDescent="0.25">
      <c r="D9524" s="40"/>
      <c r="F9524" s="40">
        <v>158.58333299999998</v>
      </c>
      <c r="G9524" s="40">
        <v>22.432863995403675</v>
      </c>
      <c r="H9524" s="40">
        <v>158.58333400000001</v>
      </c>
      <c r="I9524" s="40">
        <v>23.988925715298858</v>
      </c>
      <c r="L9524" s="40"/>
      <c r="M9524" s="40"/>
      <c r="N9524" s="40"/>
    </row>
    <row r="9525" spans="4:14" x14ac:dyDescent="0.25">
      <c r="D9525" s="40"/>
      <c r="F9525" s="40">
        <v>158.6</v>
      </c>
      <c r="G9525" s="40">
        <v>22.432863995403675</v>
      </c>
      <c r="H9525" s="40">
        <v>158.6</v>
      </c>
      <c r="I9525" s="40">
        <v>23.988925715298858</v>
      </c>
      <c r="L9525" s="40"/>
      <c r="M9525" s="40"/>
      <c r="N9525" s="40"/>
    </row>
    <row r="9526" spans="4:14" x14ac:dyDescent="0.25">
      <c r="D9526" s="40"/>
      <c r="F9526" s="40">
        <v>158.61666700000001</v>
      </c>
      <c r="G9526" s="40">
        <v>22.437619239493898</v>
      </c>
      <c r="H9526" s="40">
        <v>158.61666700000001</v>
      </c>
      <c r="I9526" s="40">
        <v>23.992179841555622</v>
      </c>
      <c r="L9526" s="40"/>
      <c r="M9526" s="40"/>
      <c r="N9526" s="40"/>
    </row>
    <row r="9527" spans="4:14" x14ac:dyDescent="0.25">
      <c r="D9527" s="40"/>
      <c r="F9527" s="40">
        <v>158.63333299999999</v>
      </c>
      <c r="G9527" s="40">
        <v>22.437619239493898</v>
      </c>
      <c r="H9527" s="40">
        <v>158.63333400000002</v>
      </c>
      <c r="I9527" s="40">
        <v>23.992179841555622</v>
      </c>
      <c r="L9527" s="40"/>
      <c r="M9527" s="40"/>
      <c r="N9527" s="40"/>
    </row>
    <row r="9528" spans="4:14" x14ac:dyDescent="0.25">
      <c r="D9528" s="40"/>
      <c r="F9528" s="40">
        <v>158.65</v>
      </c>
      <c r="G9528" s="40">
        <v>22.437619239493898</v>
      </c>
      <c r="H9528" s="40">
        <v>158.65</v>
      </c>
      <c r="I9528" s="40">
        <v>23.992179841555622</v>
      </c>
      <c r="L9528" s="40"/>
      <c r="M9528" s="40"/>
      <c r="N9528" s="40"/>
    </row>
    <row r="9529" spans="4:14" x14ac:dyDescent="0.25">
      <c r="D9529" s="40"/>
      <c r="F9529" s="40">
        <v>158.66666699999999</v>
      </c>
      <c r="G9529" s="40">
        <v>22.437619239493898</v>
      </c>
      <c r="H9529" s="40">
        <v>158.66666700000002</v>
      </c>
      <c r="I9529" s="40">
        <v>23.995532577698881</v>
      </c>
      <c r="L9529" s="40"/>
      <c r="M9529" s="40"/>
      <c r="N9529" s="40"/>
    </row>
    <row r="9530" spans="4:14" x14ac:dyDescent="0.25">
      <c r="D9530" s="40"/>
      <c r="F9530" s="40">
        <v>158.683333</v>
      </c>
      <c r="G9530" s="40">
        <v>22.437619239493898</v>
      </c>
      <c r="H9530" s="40">
        <v>158.683334</v>
      </c>
      <c r="I9530" s="40">
        <v>23.995532577698881</v>
      </c>
      <c r="L9530" s="40"/>
      <c r="M9530" s="40"/>
      <c r="N9530" s="40"/>
    </row>
    <row r="9531" spans="4:14" x14ac:dyDescent="0.25">
      <c r="D9531" s="40"/>
      <c r="F9531" s="40">
        <v>158.69999999999999</v>
      </c>
      <c r="G9531" s="40">
        <v>22.437619239493898</v>
      </c>
      <c r="H9531" s="40">
        <v>158.70000000000002</v>
      </c>
      <c r="I9531" s="40">
        <v>23.995532577698881</v>
      </c>
      <c r="L9531" s="40"/>
      <c r="M9531" s="40"/>
      <c r="N9531" s="40"/>
    </row>
    <row r="9532" spans="4:14" x14ac:dyDescent="0.25">
      <c r="D9532" s="40"/>
      <c r="F9532" s="40">
        <v>158.716667</v>
      </c>
      <c r="G9532" s="40">
        <v>22.437619239493898</v>
      </c>
      <c r="H9532" s="40">
        <v>158.716667</v>
      </c>
      <c r="I9532" s="40">
        <v>23.998885313842138</v>
      </c>
      <c r="L9532" s="40"/>
      <c r="M9532" s="40"/>
      <c r="N9532" s="40"/>
    </row>
    <row r="9533" spans="4:14" x14ac:dyDescent="0.25">
      <c r="D9533" s="40"/>
      <c r="F9533" s="40">
        <v>158.73333299999999</v>
      </c>
      <c r="G9533" s="40">
        <v>22.437619239493898</v>
      </c>
      <c r="H9533" s="40">
        <v>158.73333400000001</v>
      </c>
      <c r="I9533" s="40">
        <v>23.998885313842138</v>
      </c>
      <c r="L9533" s="40"/>
      <c r="M9533" s="40"/>
      <c r="N9533" s="40"/>
    </row>
    <row r="9534" spans="4:14" x14ac:dyDescent="0.25">
      <c r="D9534" s="40"/>
      <c r="F9534" s="40">
        <v>158.75</v>
      </c>
      <c r="G9534" s="40">
        <v>22.437619239493898</v>
      </c>
      <c r="H9534" s="40">
        <v>158.75</v>
      </c>
      <c r="I9534" s="40">
        <v>23.998885313842138</v>
      </c>
      <c r="L9534" s="40"/>
      <c r="M9534" s="40"/>
      <c r="N9534" s="40"/>
    </row>
    <row r="9535" spans="4:14" x14ac:dyDescent="0.25">
      <c r="D9535" s="40"/>
      <c r="F9535" s="40">
        <v>158.76666699999998</v>
      </c>
      <c r="G9535" s="40">
        <v>22.437619239493898</v>
      </c>
      <c r="H9535" s="40">
        <v>158.76666700000001</v>
      </c>
      <c r="I9535" s="40">
        <v>24.002139440098901</v>
      </c>
      <c r="L9535" s="40"/>
      <c r="M9535" s="40"/>
      <c r="N9535" s="40"/>
    </row>
    <row r="9536" spans="4:14" x14ac:dyDescent="0.25">
      <c r="D9536" s="40"/>
      <c r="F9536" s="40">
        <v>158.783333</v>
      </c>
      <c r="G9536" s="40">
        <v>22.437619239493898</v>
      </c>
      <c r="H9536" s="40">
        <v>158.783334</v>
      </c>
      <c r="I9536" s="40">
        <v>24.002139440098901</v>
      </c>
      <c r="L9536" s="40"/>
      <c r="M9536" s="40"/>
      <c r="N9536" s="40"/>
    </row>
    <row r="9537" spans="4:14" x14ac:dyDescent="0.25">
      <c r="D9537" s="40"/>
      <c r="F9537" s="40">
        <v>158.79999999999998</v>
      </c>
      <c r="G9537" s="40">
        <v>22.437619239493898</v>
      </c>
      <c r="H9537" s="40">
        <v>158.80000000000001</v>
      </c>
      <c r="I9537" s="40">
        <v>24.005492176242335</v>
      </c>
      <c r="L9537" s="40"/>
      <c r="M9537" s="40"/>
      <c r="N9537" s="40"/>
    </row>
    <row r="9538" spans="4:14" x14ac:dyDescent="0.25">
      <c r="D9538" s="40"/>
      <c r="F9538" s="40">
        <v>158.816667</v>
      </c>
      <c r="G9538" s="40">
        <v>22.432863995403675</v>
      </c>
      <c r="H9538" s="40">
        <v>158.816667</v>
      </c>
      <c r="I9538" s="40">
        <v>24.005492176242335</v>
      </c>
      <c r="L9538" s="40"/>
      <c r="M9538" s="40"/>
      <c r="N9538" s="40"/>
    </row>
    <row r="9539" spans="4:14" x14ac:dyDescent="0.25">
      <c r="D9539" s="40"/>
      <c r="F9539" s="40">
        <v>158.83333299999998</v>
      </c>
      <c r="G9539" s="40">
        <v>22.432863995403675</v>
      </c>
      <c r="H9539" s="40">
        <v>158.83333400000001</v>
      </c>
      <c r="I9539" s="40">
        <v>24.005492176242335</v>
      </c>
      <c r="L9539" s="40"/>
      <c r="M9539" s="40"/>
      <c r="N9539" s="40"/>
    </row>
    <row r="9540" spans="4:14" x14ac:dyDescent="0.25">
      <c r="D9540" s="40"/>
      <c r="F9540" s="40">
        <v>158.85</v>
      </c>
      <c r="G9540" s="40">
        <v>22.437619239493898</v>
      </c>
      <c r="H9540" s="40">
        <v>158.85</v>
      </c>
      <c r="I9540" s="40">
        <v>24.008844912385591</v>
      </c>
      <c r="L9540" s="40"/>
      <c r="M9540" s="40"/>
      <c r="N9540" s="40"/>
    </row>
    <row r="9541" spans="4:14" x14ac:dyDescent="0.25">
      <c r="D9541" s="40"/>
      <c r="F9541" s="40">
        <v>158.86666700000001</v>
      </c>
      <c r="G9541" s="40">
        <v>22.437619239493898</v>
      </c>
      <c r="H9541" s="40">
        <v>158.86666700000001</v>
      </c>
      <c r="I9541" s="40">
        <v>24.008844912385591</v>
      </c>
      <c r="L9541" s="40"/>
      <c r="M9541" s="40"/>
      <c r="N9541" s="40"/>
    </row>
    <row r="9542" spans="4:14" x14ac:dyDescent="0.25">
      <c r="D9542" s="40"/>
      <c r="F9542" s="40">
        <v>158.88333299999999</v>
      </c>
      <c r="G9542" s="40">
        <v>22.437619239493898</v>
      </c>
      <c r="H9542" s="40">
        <v>158.88333400000002</v>
      </c>
      <c r="I9542" s="40">
        <v>24.008844912385591</v>
      </c>
      <c r="L9542" s="40"/>
      <c r="M9542" s="40"/>
      <c r="N9542" s="40"/>
    </row>
    <row r="9543" spans="4:14" x14ac:dyDescent="0.25">
      <c r="D9543" s="40"/>
      <c r="F9543" s="40">
        <v>158.9</v>
      </c>
      <c r="G9543" s="40">
        <v>22.437619239493898</v>
      </c>
      <c r="H9543" s="40">
        <v>158.9</v>
      </c>
      <c r="I9543" s="40">
        <v>24.012099038642354</v>
      </c>
      <c r="L9543" s="40"/>
      <c r="M9543" s="40"/>
      <c r="N9543" s="40"/>
    </row>
    <row r="9544" spans="4:14" x14ac:dyDescent="0.25">
      <c r="D9544" s="40"/>
      <c r="F9544" s="40">
        <v>158.91666699999999</v>
      </c>
      <c r="G9544" s="40">
        <v>22.437619239493898</v>
      </c>
      <c r="H9544" s="40">
        <v>158.91666700000002</v>
      </c>
      <c r="I9544" s="40">
        <v>24.012099038642354</v>
      </c>
      <c r="L9544" s="40"/>
      <c r="M9544" s="40"/>
      <c r="N9544" s="40"/>
    </row>
    <row r="9545" spans="4:14" x14ac:dyDescent="0.25">
      <c r="D9545" s="40"/>
      <c r="F9545" s="40">
        <v>158.933333</v>
      </c>
      <c r="G9545" s="40">
        <v>22.437619239493898</v>
      </c>
      <c r="H9545" s="40">
        <v>158.933334</v>
      </c>
      <c r="I9545" s="40">
        <v>24.01545177478561</v>
      </c>
      <c r="L9545" s="40"/>
      <c r="M9545" s="40"/>
      <c r="N9545" s="40"/>
    </row>
    <row r="9546" spans="4:14" x14ac:dyDescent="0.25">
      <c r="D9546" s="40"/>
      <c r="F9546" s="40">
        <v>158.94999999999999</v>
      </c>
      <c r="G9546" s="40">
        <v>22.437619239493898</v>
      </c>
      <c r="H9546" s="40">
        <v>158.95000000000002</v>
      </c>
      <c r="I9546" s="40">
        <v>24.01545177478561</v>
      </c>
      <c r="L9546" s="40"/>
      <c r="M9546" s="40"/>
      <c r="N9546" s="40"/>
    </row>
    <row r="9547" spans="4:14" x14ac:dyDescent="0.25">
      <c r="D9547" s="40"/>
      <c r="F9547" s="40">
        <v>158.966667</v>
      </c>
      <c r="G9547" s="40">
        <v>22.437619239493898</v>
      </c>
      <c r="H9547" s="40">
        <v>158.966667</v>
      </c>
      <c r="I9547" s="40">
        <v>24.01545177478561</v>
      </c>
      <c r="L9547" s="40"/>
      <c r="M9547" s="40"/>
      <c r="N9547" s="40"/>
    </row>
    <row r="9548" spans="4:14" x14ac:dyDescent="0.25">
      <c r="D9548" s="40"/>
      <c r="F9548" s="40">
        <v>158.98333299999999</v>
      </c>
      <c r="G9548" s="40">
        <v>22.437619239493898</v>
      </c>
      <c r="H9548" s="40">
        <v>158.98333400000001</v>
      </c>
      <c r="I9548" s="40">
        <v>24.01880451092887</v>
      </c>
      <c r="L9548" s="40"/>
      <c r="M9548" s="40"/>
      <c r="N9548" s="40"/>
    </row>
    <row r="9549" spans="4:14" x14ac:dyDescent="0.25">
      <c r="D9549" s="40"/>
      <c r="F9549" s="40">
        <v>159</v>
      </c>
      <c r="G9549" s="40">
        <v>22.437619239493898</v>
      </c>
      <c r="H9549" s="40">
        <v>159</v>
      </c>
      <c r="I9549" s="40">
        <v>24.01880451092887</v>
      </c>
      <c r="L9549" s="40"/>
      <c r="M9549" s="40"/>
      <c r="N9549" s="40"/>
    </row>
    <row r="9550" spans="4:14" x14ac:dyDescent="0.25">
      <c r="D9550" s="40"/>
      <c r="F9550" s="40">
        <v>159.01666699999998</v>
      </c>
      <c r="G9550" s="40">
        <v>22.437619239493898</v>
      </c>
      <c r="H9550" s="40">
        <v>159.01666700000001</v>
      </c>
      <c r="I9550" s="40">
        <v>24.022058637185634</v>
      </c>
      <c r="L9550" s="40"/>
      <c r="M9550" s="40"/>
      <c r="N9550" s="40"/>
    </row>
    <row r="9551" spans="4:14" x14ac:dyDescent="0.25">
      <c r="D9551" s="40"/>
      <c r="F9551" s="40">
        <v>159.033333</v>
      </c>
      <c r="G9551" s="40">
        <v>22.437619239493898</v>
      </c>
      <c r="H9551" s="40">
        <v>159.033334</v>
      </c>
      <c r="I9551" s="40">
        <v>24.022058637185634</v>
      </c>
      <c r="L9551" s="40"/>
      <c r="M9551" s="40"/>
      <c r="N9551" s="40"/>
    </row>
    <row r="9552" spans="4:14" x14ac:dyDescent="0.25">
      <c r="D9552" s="40"/>
      <c r="F9552" s="40">
        <v>159.04999999999998</v>
      </c>
      <c r="G9552" s="40">
        <v>22.437619239493898</v>
      </c>
      <c r="H9552" s="40">
        <v>159.05000000000001</v>
      </c>
      <c r="I9552" s="40">
        <v>24.025411373329064</v>
      </c>
      <c r="L9552" s="40"/>
      <c r="M9552" s="40"/>
      <c r="N9552" s="40"/>
    </row>
    <row r="9553" spans="4:14" x14ac:dyDescent="0.25">
      <c r="D9553" s="40"/>
      <c r="F9553" s="40">
        <v>159.066667</v>
      </c>
      <c r="G9553" s="40">
        <v>22.437619239493898</v>
      </c>
      <c r="H9553" s="40">
        <v>159.066667</v>
      </c>
      <c r="I9553" s="40">
        <v>24.025411373329064</v>
      </c>
      <c r="L9553" s="40"/>
      <c r="M9553" s="40"/>
      <c r="N9553" s="40"/>
    </row>
    <row r="9554" spans="4:14" x14ac:dyDescent="0.25">
      <c r="D9554" s="40"/>
      <c r="F9554" s="40">
        <v>159.08333299999998</v>
      </c>
      <c r="G9554" s="40">
        <v>22.432863995403675</v>
      </c>
      <c r="H9554" s="40">
        <v>159.08333400000001</v>
      </c>
      <c r="I9554" s="40">
        <v>24.025411373329064</v>
      </c>
      <c r="L9554" s="40"/>
      <c r="M9554" s="40"/>
      <c r="N9554" s="40"/>
    </row>
    <row r="9555" spans="4:14" x14ac:dyDescent="0.25">
      <c r="D9555" s="40"/>
      <c r="F9555" s="40">
        <v>159.1</v>
      </c>
      <c r="G9555" s="40">
        <v>22.432863995403675</v>
      </c>
      <c r="H9555" s="40">
        <v>159.1</v>
      </c>
      <c r="I9555" s="40">
        <v>24.02876410947232</v>
      </c>
      <c r="L9555" s="40"/>
      <c r="M9555" s="40"/>
      <c r="N9555" s="40"/>
    </row>
    <row r="9556" spans="4:14" x14ac:dyDescent="0.25">
      <c r="D9556" s="40"/>
      <c r="F9556" s="40">
        <v>159.11666700000001</v>
      </c>
      <c r="G9556" s="40">
        <v>22.432863995403675</v>
      </c>
      <c r="H9556" s="40">
        <v>159.11666700000001</v>
      </c>
      <c r="I9556" s="40">
        <v>24.02876410947232</v>
      </c>
      <c r="L9556" s="40"/>
      <c r="M9556" s="40"/>
      <c r="N9556" s="40"/>
    </row>
    <row r="9557" spans="4:14" x14ac:dyDescent="0.25">
      <c r="D9557" s="40"/>
      <c r="F9557" s="40">
        <v>159.13333299999999</v>
      </c>
      <c r="G9557" s="40">
        <v>22.432863995403675</v>
      </c>
      <c r="H9557" s="40">
        <v>159.13333400000002</v>
      </c>
      <c r="I9557" s="40">
        <v>24.032018235729083</v>
      </c>
      <c r="L9557" s="40"/>
      <c r="M9557" s="40"/>
      <c r="N9557" s="40"/>
    </row>
    <row r="9558" spans="4:14" x14ac:dyDescent="0.25">
      <c r="D9558" s="40"/>
      <c r="F9558" s="40">
        <v>159.15</v>
      </c>
      <c r="G9558" s="40">
        <v>22.432863995403675</v>
      </c>
      <c r="H9558" s="40">
        <v>159.15</v>
      </c>
      <c r="I9558" s="40">
        <v>24.032018235729083</v>
      </c>
      <c r="L9558" s="40"/>
      <c r="M9558" s="40"/>
      <c r="N9558" s="40"/>
    </row>
    <row r="9559" spans="4:14" x14ac:dyDescent="0.25">
      <c r="D9559" s="40"/>
      <c r="F9559" s="40">
        <v>159.16666699999999</v>
      </c>
      <c r="G9559" s="40">
        <v>22.432863995403675</v>
      </c>
      <c r="H9559" s="40">
        <v>159.16666700000002</v>
      </c>
      <c r="I9559" s="40">
        <v>24.032018235729083</v>
      </c>
      <c r="L9559" s="40"/>
      <c r="M9559" s="40"/>
      <c r="N9559" s="40"/>
    </row>
    <row r="9560" spans="4:14" x14ac:dyDescent="0.25">
      <c r="D9560" s="40"/>
      <c r="F9560" s="40">
        <v>159.183333</v>
      </c>
      <c r="G9560" s="40">
        <v>22.432863995403675</v>
      </c>
      <c r="H9560" s="40">
        <v>159.183334</v>
      </c>
      <c r="I9560" s="40">
        <v>24.035370971872339</v>
      </c>
      <c r="L9560" s="40"/>
      <c r="M9560" s="40"/>
      <c r="N9560" s="40"/>
    </row>
    <row r="9561" spans="4:14" x14ac:dyDescent="0.25">
      <c r="D9561" s="40"/>
      <c r="F9561" s="40">
        <v>159.19999999999999</v>
      </c>
      <c r="G9561" s="40">
        <v>22.432863995403675</v>
      </c>
      <c r="H9561" s="40">
        <v>159.20000000000002</v>
      </c>
      <c r="I9561" s="40">
        <v>24.035370971872339</v>
      </c>
      <c r="L9561" s="40"/>
      <c r="M9561" s="40"/>
      <c r="N9561" s="40"/>
    </row>
    <row r="9562" spans="4:14" x14ac:dyDescent="0.25">
      <c r="D9562" s="40"/>
      <c r="F9562" s="40">
        <v>159.216667</v>
      </c>
      <c r="G9562" s="40">
        <v>22.432863995403675</v>
      </c>
      <c r="H9562" s="40">
        <v>159.216667</v>
      </c>
      <c r="I9562" s="40">
        <v>24.035370971872339</v>
      </c>
      <c r="L9562" s="40"/>
      <c r="M9562" s="40"/>
      <c r="N9562" s="40"/>
    </row>
    <row r="9563" spans="4:14" x14ac:dyDescent="0.25">
      <c r="D9563" s="40"/>
      <c r="F9563" s="40">
        <v>159.23333299999999</v>
      </c>
      <c r="G9563" s="40">
        <v>22.432863995403675</v>
      </c>
      <c r="H9563" s="40">
        <v>159.23333400000001</v>
      </c>
      <c r="I9563" s="40">
        <v>24.038723708015773</v>
      </c>
      <c r="L9563" s="40"/>
      <c r="M9563" s="40"/>
      <c r="N9563" s="40"/>
    </row>
    <row r="9564" spans="4:14" x14ac:dyDescent="0.25">
      <c r="D9564" s="40"/>
      <c r="F9564" s="40">
        <v>159.25</v>
      </c>
      <c r="G9564" s="40">
        <v>22.432863995403675</v>
      </c>
      <c r="H9564" s="40">
        <v>159.25</v>
      </c>
      <c r="I9564" s="40">
        <v>24.038723708015773</v>
      </c>
      <c r="L9564" s="40"/>
      <c r="M9564" s="40"/>
      <c r="N9564" s="40"/>
    </row>
    <row r="9565" spans="4:14" x14ac:dyDescent="0.25">
      <c r="D9565" s="40"/>
      <c r="F9565" s="40">
        <v>159.26666699999998</v>
      </c>
      <c r="G9565" s="40">
        <v>22.437619239493898</v>
      </c>
      <c r="H9565" s="40">
        <v>159.26666700000001</v>
      </c>
      <c r="I9565" s="40">
        <v>24.038723708015773</v>
      </c>
      <c r="L9565" s="40"/>
      <c r="M9565" s="40"/>
      <c r="N9565" s="40"/>
    </row>
    <row r="9566" spans="4:14" x14ac:dyDescent="0.25">
      <c r="D9566" s="40"/>
      <c r="F9566" s="40">
        <v>159.283333</v>
      </c>
      <c r="G9566" s="40">
        <v>22.437619239493898</v>
      </c>
      <c r="H9566" s="40">
        <v>159.283334</v>
      </c>
      <c r="I9566" s="40">
        <v>24.041977834272362</v>
      </c>
      <c r="L9566" s="40"/>
      <c r="M9566" s="40"/>
      <c r="N9566" s="40"/>
    </row>
    <row r="9567" spans="4:14" x14ac:dyDescent="0.25">
      <c r="D9567" s="40"/>
      <c r="F9567" s="40">
        <v>159.29999999999998</v>
      </c>
      <c r="G9567" s="40">
        <v>22.437619239493898</v>
      </c>
      <c r="H9567" s="40">
        <v>159.30000000000001</v>
      </c>
      <c r="I9567" s="40">
        <v>24.041977834272362</v>
      </c>
      <c r="L9567" s="40"/>
      <c r="M9567" s="40"/>
      <c r="N9567" s="40"/>
    </row>
    <row r="9568" spans="4:14" x14ac:dyDescent="0.25">
      <c r="D9568" s="40"/>
      <c r="F9568" s="40">
        <v>159.316667</v>
      </c>
      <c r="G9568" s="40">
        <v>22.437619239493898</v>
      </c>
      <c r="H9568" s="40">
        <v>159.316667</v>
      </c>
      <c r="I9568" s="40">
        <v>24.041977834272362</v>
      </c>
      <c r="L9568" s="40"/>
      <c r="M9568" s="40"/>
      <c r="N9568" s="40"/>
    </row>
    <row r="9569" spans="4:14" x14ac:dyDescent="0.25">
      <c r="D9569" s="40"/>
      <c r="F9569" s="40">
        <v>159.33333299999998</v>
      </c>
      <c r="G9569" s="40">
        <v>22.437619239493898</v>
      </c>
      <c r="H9569" s="40">
        <v>159.33333400000001</v>
      </c>
      <c r="I9569" s="40">
        <v>24.045330570415796</v>
      </c>
      <c r="L9569" s="40"/>
      <c r="M9569" s="40"/>
      <c r="N9569" s="40"/>
    </row>
    <row r="9570" spans="4:14" x14ac:dyDescent="0.25">
      <c r="D9570" s="40"/>
      <c r="F9570" s="40">
        <v>159.35</v>
      </c>
      <c r="G9570" s="40">
        <v>22.437619239493898</v>
      </c>
      <c r="H9570" s="40">
        <v>159.35</v>
      </c>
      <c r="I9570" s="40">
        <v>24.045330570415796</v>
      </c>
      <c r="L9570" s="40"/>
      <c r="M9570" s="40"/>
      <c r="N9570" s="40"/>
    </row>
    <row r="9571" spans="4:14" x14ac:dyDescent="0.25">
      <c r="D9571" s="40"/>
      <c r="F9571" s="40">
        <v>159.36666700000001</v>
      </c>
      <c r="G9571" s="40">
        <v>22.437619239493898</v>
      </c>
      <c r="H9571" s="40">
        <v>159.36666700000001</v>
      </c>
      <c r="I9571" s="40">
        <v>24.048683306559049</v>
      </c>
      <c r="L9571" s="40"/>
      <c r="M9571" s="40"/>
      <c r="N9571" s="40"/>
    </row>
    <row r="9572" spans="4:14" x14ac:dyDescent="0.25">
      <c r="D9572" s="40"/>
      <c r="F9572" s="40">
        <v>159.38333299999999</v>
      </c>
      <c r="G9572" s="40">
        <v>22.437619239493898</v>
      </c>
      <c r="H9572" s="40">
        <v>159.38333400000002</v>
      </c>
      <c r="I9572" s="40">
        <v>24.048683306559049</v>
      </c>
      <c r="L9572" s="40"/>
      <c r="M9572" s="40"/>
      <c r="N9572" s="40"/>
    </row>
    <row r="9573" spans="4:14" x14ac:dyDescent="0.25">
      <c r="D9573" s="40"/>
      <c r="F9573" s="40">
        <v>159.4</v>
      </c>
      <c r="G9573" s="40">
        <v>22.437619239493898</v>
      </c>
      <c r="H9573" s="40">
        <v>159.4</v>
      </c>
      <c r="I9573" s="40">
        <v>24.048683306559049</v>
      </c>
      <c r="L9573" s="40"/>
      <c r="M9573" s="40"/>
      <c r="N9573" s="40"/>
    </row>
    <row r="9574" spans="4:14" x14ac:dyDescent="0.25">
      <c r="D9574" s="40"/>
      <c r="F9574" s="40">
        <v>159.41666699999999</v>
      </c>
      <c r="G9574" s="40">
        <v>22.437619239493898</v>
      </c>
      <c r="H9574" s="40">
        <v>159.41666700000002</v>
      </c>
      <c r="I9574" s="40">
        <v>24.051937432815812</v>
      </c>
      <c r="L9574" s="40"/>
      <c r="M9574" s="40"/>
      <c r="N9574" s="40"/>
    </row>
    <row r="9575" spans="4:14" x14ac:dyDescent="0.25">
      <c r="D9575" s="40"/>
      <c r="F9575" s="40">
        <v>159.433333</v>
      </c>
      <c r="G9575" s="40">
        <v>22.442374483583993</v>
      </c>
      <c r="H9575" s="40">
        <v>159.433334</v>
      </c>
      <c r="I9575" s="40">
        <v>24.051937432815812</v>
      </c>
      <c r="L9575" s="40"/>
      <c r="M9575" s="40"/>
      <c r="N9575" s="40"/>
    </row>
    <row r="9576" spans="4:14" x14ac:dyDescent="0.25">
      <c r="D9576" s="40"/>
      <c r="F9576" s="40">
        <v>159.44999999999999</v>
      </c>
      <c r="G9576" s="40">
        <v>22.442374483583993</v>
      </c>
      <c r="H9576" s="40">
        <v>159.45000000000002</v>
      </c>
      <c r="I9576" s="40">
        <v>24.051937432815812</v>
      </c>
      <c r="L9576" s="40"/>
      <c r="M9576" s="40"/>
      <c r="N9576" s="40"/>
    </row>
    <row r="9577" spans="4:14" x14ac:dyDescent="0.25">
      <c r="D9577" s="40"/>
      <c r="F9577" s="40">
        <v>159.466667</v>
      </c>
      <c r="G9577" s="40">
        <v>22.442374483583993</v>
      </c>
      <c r="H9577" s="40">
        <v>159.466667</v>
      </c>
      <c r="I9577" s="40">
        <v>24.055290168959072</v>
      </c>
      <c r="L9577" s="40"/>
      <c r="M9577" s="40"/>
      <c r="N9577" s="40"/>
    </row>
    <row r="9578" spans="4:14" x14ac:dyDescent="0.25">
      <c r="D9578" s="40"/>
      <c r="F9578" s="40">
        <v>159.48333299999999</v>
      </c>
      <c r="G9578" s="40">
        <v>22.442374483583993</v>
      </c>
      <c r="H9578" s="40">
        <v>159.48333400000001</v>
      </c>
      <c r="I9578" s="40">
        <v>24.055290168959072</v>
      </c>
      <c r="L9578" s="40"/>
      <c r="M9578" s="40"/>
      <c r="N9578" s="40"/>
    </row>
    <row r="9579" spans="4:14" x14ac:dyDescent="0.25">
      <c r="D9579" s="40"/>
      <c r="F9579" s="40">
        <v>159.5</v>
      </c>
      <c r="G9579" s="40">
        <v>22.442374483583993</v>
      </c>
      <c r="H9579" s="40">
        <v>159.5</v>
      </c>
      <c r="I9579" s="40">
        <v>24.058642905102506</v>
      </c>
      <c r="L9579" s="40"/>
      <c r="M9579" s="40"/>
      <c r="N9579" s="40"/>
    </row>
    <row r="9580" spans="4:14" x14ac:dyDescent="0.25">
      <c r="D9580" s="40"/>
      <c r="F9580" s="40">
        <v>159.51666699999998</v>
      </c>
      <c r="G9580" s="40">
        <v>22.442374483583993</v>
      </c>
      <c r="H9580" s="40">
        <v>159.51666700000001</v>
      </c>
      <c r="I9580" s="40">
        <v>24.058642905102506</v>
      </c>
      <c r="L9580" s="40"/>
      <c r="M9580" s="40"/>
      <c r="N9580" s="40"/>
    </row>
    <row r="9581" spans="4:14" x14ac:dyDescent="0.25">
      <c r="D9581" s="40"/>
      <c r="F9581" s="40">
        <v>159.533333</v>
      </c>
      <c r="G9581" s="40">
        <v>22.442374483583993</v>
      </c>
      <c r="H9581" s="40">
        <v>159.533334</v>
      </c>
      <c r="I9581" s="40">
        <v>24.058642905102506</v>
      </c>
      <c r="L9581" s="40"/>
      <c r="M9581" s="40"/>
      <c r="N9581" s="40"/>
    </row>
    <row r="9582" spans="4:14" x14ac:dyDescent="0.25">
      <c r="D9582" s="40"/>
      <c r="F9582" s="40">
        <v>159.54999999999998</v>
      </c>
      <c r="G9582" s="40">
        <v>22.446989867553892</v>
      </c>
      <c r="H9582" s="40">
        <v>159.55000000000001</v>
      </c>
      <c r="I9582" s="40">
        <v>24.061897031359269</v>
      </c>
      <c r="L9582" s="40"/>
      <c r="M9582" s="40"/>
      <c r="N9582" s="40"/>
    </row>
    <row r="9583" spans="4:14" x14ac:dyDescent="0.25">
      <c r="D9583" s="40"/>
      <c r="F9583" s="40">
        <v>159.566667</v>
      </c>
      <c r="G9583" s="40">
        <v>22.446989867553892</v>
      </c>
      <c r="H9583" s="40">
        <v>159.566667</v>
      </c>
      <c r="I9583" s="40">
        <v>24.061897031359269</v>
      </c>
      <c r="L9583" s="40"/>
      <c r="M9583" s="40"/>
      <c r="N9583" s="40"/>
    </row>
    <row r="9584" spans="4:14" x14ac:dyDescent="0.25">
      <c r="D9584" s="40"/>
      <c r="F9584" s="40">
        <v>159.58333299999998</v>
      </c>
      <c r="G9584" s="40">
        <v>22.446989867553892</v>
      </c>
      <c r="H9584" s="40">
        <v>159.58333400000001</v>
      </c>
      <c r="I9584" s="40">
        <v>24.065249767502525</v>
      </c>
      <c r="L9584" s="40"/>
      <c r="M9584" s="40"/>
      <c r="N9584" s="40"/>
    </row>
    <row r="9585" spans="4:14" x14ac:dyDescent="0.25">
      <c r="D9585" s="40"/>
      <c r="F9585" s="40">
        <v>159.6</v>
      </c>
      <c r="G9585" s="40">
        <v>22.446989867553892</v>
      </c>
      <c r="H9585" s="40">
        <v>159.6</v>
      </c>
      <c r="I9585" s="40">
        <v>24.065249767502525</v>
      </c>
      <c r="L9585" s="40"/>
      <c r="M9585" s="40"/>
      <c r="N9585" s="40"/>
    </row>
    <row r="9586" spans="4:14" x14ac:dyDescent="0.25">
      <c r="D9586" s="40"/>
      <c r="F9586" s="40">
        <v>159.61666700000001</v>
      </c>
      <c r="G9586" s="40">
        <v>22.446989867553892</v>
      </c>
      <c r="H9586" s="40">
        <v>159.61666700000001</v>
      </c>
      <c r="I9586" s="40">
        <v>24.065249767502525</v>
      </c>
      <c r="L9586" s="40"/>
      <c r="M9586" s="40"/>
      <c r="N9586" s="40"/>
    </row>
    <row r="9587" spans="4:14" x14ac:dyDescent="0.25">
      <c r="D9587" s="40"/>
      <c r="F9587" s="40">
        <v>159.63333299999999</v>
      </c>
      <c r="G9587" s="40">
        <v>22.446989867553892</v>
      </c>
      <c r="H9587" s="40">
        <v>159.63333400000002</v>
      </c>
      <c r="I9587" s="40">
        <v>24.068602503645778</v>
      </c>
      <c r="L9587" s="40"/>
      <c r="M9587" s="40"/>
      <c r="N9587" s="40"/>
    </row>
    <row r="9588" spans="4:14" x14ac:dyDescent="0.25">
      <c r="D9588" s="40"/>
      <c r="F9588" s="40">
        <v>159.65</v>
      </c>
      <c r="G9588" s="40">
        <v>22.446989867553892</v>
      </c>
      <c r="H9588" s="40">
        <v>159.65</v>
      </c>
      <c r="I9588" s="40">
        <v>24.068602503645778</v>
      </c>
      <c r="L9588" s="40"/>
      <c r="M9588" s="40"/>
      <c r="N9588" s="40"/>
    </row>
    <row r="9589" spans="4:14" x14ac:dyDescent="0.25">
      <c r="D9589" s="40"/>
      <c r="F9589" s="40">
        <v>159.66666699999999</v>
      </c>
      <c r="G9589" s="40">
        <v>22.446989867553892</v>
      </c>
      <c r="H9589" s="40">
        <v>159.66666700000002</v>
      </c>
      <c r="I9589" s="40">
        <v>24.071856629902541</v>
      </c>
      <c r="L9589" s="40"/>
      <c r="M9589" s="40"/>
      <c r="N9589" s="40"/>
    </row>
    <row r="9590" spans="4:14" x14ac:dyDescent="0.25">
      <c r="D9590" s="40"/>
      <c r="F9590" s="40">
        <v>159.683333</v>
      </c>
      <c r="G9590" s="40">
        <v>22.446989867553892</v>
      </c>
      <c r="H9590" s="40">
        <v>159.683334</v>
      </c>
      <c r="I9590" s="40">
        <v>24.071856629902541</v>
      </c>
      <c r="L9590" s="40"/>
      <c r="M9590" s="40"/>
      <c r="N9590" s="40"/>
    </row>
    <row r="9591" spans="4:14" x14ac:dyDescent="0.25">
      <c r="D9591" s="40"/>
      <c r="F9591" s="40">
        <v>159.69999999999999</v>
      </c>
      <c r="G9591" s="40">
        <v>22.446989867553892</v>
      </c>
      <c r="H9591" s="40">
        <v>159.70000000000002</v>
      </c>
      <c r="I9591" s="40">
        <v>24.075209366045801</v>
      </c>
      <c r="L9591" s="40"/>
      <c r="M9591" s="40"/>
      <c r="N9591" s="40"/>
    </row>
    <row r="9592" spans="4:14" x14ac:dyDescent="0.25">
      <c r="D9592" s="40"/>
      <c r="F9592" s="40">
        <v>159.716667</v>
      </c>
      <c r="G9592" s="40">
        <v>22.446989867553892</v>
      </c>
      <c r="H9592" s="40">
        <v>159.716667</v>
      </c>
      <c r="I9592" s="40">
        <v>24.075209366045801</v>
      </c>
      <c r="L9592" s="40"/>
      <c r="M9592" s="40"/>
      <c r="N9592" s="40"/>
    </row>
    <row r="9593" spans="4:14" x14ac:dyDescent="0.25">
      <c r="D9593" s="40"/>
      <c r="F9593" s="40">
        <v>159.73333299999999</v>
      </c>
      <c r="G9593" s="40">
        <v>22.446989867553892</v>
      </c>
      <c r="H9593" s="40">
        <v>159.73333400000001</v>
      </c>
      <c r="I9593" s="40">
        <v>24.075209366045801</v>
      </c>
      <c r="L9593" s="40"/>
      <c r="M9593" s="40"/>
      <c r="N9593" s="40"/>
    </row>
    <row r="9594" spans="4:14" x14ac:dyDescent="0.25">
      <c r="D9594" s="40"/>
      <c r="F9594" s="40">
        <v>159.75</v>
      </c>
      <c r="G9594" s="40">
        <v>22.446989867553892</v>
      </c>
      <c r="H9594" s="40">
        <v>159.75</v>
      </c>
      <c r="I9594" s="40">
        <v>24.078562102189235</v>
      </c>
      <c r="L9594" s="40"/>
      <c r="M9594" s="40"/>
      <c r="N9594" s="40"/>
    </row>
    <row r="9595" spans="4:14" x14ac:dyDescent="0.25">
      <c r="D9595" s="40"/>
      <c r="F9595" s="40">
        <v>159.76666699999998</v>
      </c>
      <c r="G9595" s="40">
        <v>22.446989867553892</v>
      </c>
      <c r="H9595" s="40">
        <v>159.76666700000001</v>
      </c>
      <c r="I9595" s="40">
        <v>24.078562102189235</v>
      </c>
      <c r="L9595" s="40"/>
      <c r="M9595" s="40"/>
      <c r="N9595" s="40"/>
    </row>
    <row r="9596" spans="4:14" x14ac:dyDescent="0.25">
      <c r="D9596" s="40"/>
      <c r="F9596" s="40">
        <v>159.783333</v>
      </c>
      <c r="G9596" s="40">
        <v>22.446989867553892</v>
      </c>
      <c r="H9596" s="40">
        <v>159.783334</v>
      </c>
      <c r="I9596" s="40">
        <v>24.078562102189235</v>
      </c>
      <c r="L9596" s="40"/>
      <c r="M9596" s="40"/>
      <c r="N9596" s="40"/>
    </row>
    <row r="9597" spans="4:14" x14ac:dyDescent="0.25">
      <c r="D9597" s="40"/>
      <c r="F9597" s="40">
        <v>159.79999999999998</v>
      </c>
      <c r="G9597" s="40">
        <v>22.446989867553892</v>
      </c>
      <c r="H9597" s="40">
        <v>159.80000000000001</v>
      </c>
      <c r="I9597" s="40">
        <v>24.081816228445998</v>
      </c>
      <c r="L9597" s="40"/>
      <c r="M9597" s="40"/>
      <c r="N9597" s="40"/>
    </row>
    <row r="9598" spans="4:14" x14ac:dyDescent="0.25">
      <c r="D9598" s="40"/>
      <c r="F9598" s="40">
        <v>159.816667</v>
      </c>
      <c r="G9598" s="40">
        <v>22.446989867553892</v>
      </c>
      <c r="H9598" s="40">
        <v>159.816667</v>
      </c>
      <c r="I9598" s="40">
        <v>24.081816228445998</v>
      </c>
      <c r="L9598" s="40"/>
      <c r="M9598" s="40"/>
      <c r="N9598" s="40"/>
    </row>
    <row r="9599" spans="4:14" x14ac:dyDescent="0.25">
      <c r="D9599" s="40"/>
      <c r="F9599" s="40">
        <v>159.83333299999998</v>
      </c>
      <c r="G9599" s="40">
        <v>22.446989867553892</v>
      </c>
      <c r="H9599" s="40">
        <v>159.83333400000001</v>
      </c>
      <c r="I9599" s="40">
        <v>24.085168964589254</v>
      </c>
      <c r="L9599" s="40"/>
      <c r="M9599" s="40"/>
      <c r="N9599" s="40"/>
    </row>
    <row r="9600" spans="4:14" x14ac:dyDescent="0.25">
      <c r="D9600" s="40"/>
      <c r="F9600" s="40">
        <v>159.85</v>
      </c>
      <c r="G9600" s="40">
        <v>22.446989867553892</v>
      </c>
      <c r="H9600" s="40">
        <v>159.85</v>
      </c>
      <c r="I9600" s="40">
        <v>24.085168964589254</v>
      </c>
      <c r="L9600" s="40"/>
      <c r="M9600" s="40"/>
      <c r="N9600" s="40"/>
    </row>
    <row r="9601" spans="4:14" x14ac:dyDescent="0.25">
      <c r="D9601" s="40"/>
      <c r="F9601" s="40">
        <v>159.86666700000001</v>
      </c>
      <c r="G9601" s="40">
        <v>22.446989867553892</v>
      </c>
      <c r="H9601" s="40">
        <v>159.86666700000001</v>
      </c>
      <c r="I9601" s="40">
        <v>24.085168964589254</v>
      </c>
      <c r="L9601" s="40"/>
      <c r="M9601" s="40"/>
      <c r="N9601" s="40"/>
    </row>
    <row r="9602" spans="4:14" x14ac:dyDescent="0.25">
      <c r="D9602" s="40"/>
      <c r="F9602" s="40">
        <v>159.88333299999999</v>
      </c>
      <c r="G9602" s="40">
        <v>22.446989867553892</v>
      </c>
      <c r="H9602" s="40">
        <v>159.88333400000002</v>
      </c>
      <c r="I9602" s="40">
        <v>24.08852170073251</v>
      </c>
      <c r="L9602" s="40"/>
      <c r="M9602" s="40"/>
      <c r="N9602" s="40"/>
    </row>
    <row r="9603" spans="4:14" x14ac:dyDescent="0.25">
      <c r="D9603" s="40"/>
      <c r="F9603" s="40">
        <v>159.9</v>
      </c>
      <c r="G9603" s="40">
        <v>22.446989867553892</v>
      </c>
      <c r="H9603" s="40">
        <v>159.9</v>
      </c>
      <c r="I9603" s="40">
        <v>24.08852170073251</v>
      </c>
      <c r="L9603" s="40"/>
      <c r="M9603" s="40"/>
      <c r="N9603" s="40"/>
    </row>
    <row r="9604" spans="4:14" x14ac:dyDescent="0.25">
      <c r="D9604" s="40"/>
      <c r="F9604" s="40">
        <v>159.91666699999999</v>
      </c>
      <c r="G9604" s="40">
        <v>22.446989867553892</v>
      </c>
      <c r="H9604" s="40">
        <v>159.91666700000002</v>
      </c>
      <c r="I9604" s="40">
        <v>24.091874436875944</v>
      </c>
      <c r="L9604" s="40"/>
      <c r="M9604" s="40"/>
      <c r="N9604" s="40"/>
    </row>
    <row r="9605" spans="4:14" x14ac:dyDescent="0.25">
      <c r="D9605" s="40"/>
      <c r="F9605" s="40">
        <v>159.933333</v>
      </c>
      <c r="G9605" s="40">
        <v>22.446989867553892</v>
      </c>
      <c r="H9605" s="40">
        <v>159.933334</v>
      </c>
      <c r="I9605" s="40">
        <v>24.091874436875944</v>
      </c>
      <c r="L9605" s="40"/>
      <c r="M9605" s="40"/>
      <c r="N9605" s="40"/>
    </row>
    <row r="9606" spans="4:14" x14ac:dyDescent="0.25">
      <c r="D9606" s="40"/>
      <c r="F9606" s="40">
        <v>159.94999999999999</v>
      </c>
      <c r="G9606" s="40">
        <v>22.446989867553892</v>
      </c>
      <c r="H9606" s="40">
        <v>159.95000000000002</v>
      </c>
      <c r="I9606" s="40">
        <v>24.091874436875944</v>
      </c>
      <c r="L9606" s="40"/>
      <c r="M9606" s="40"/>
      <c r="N9606" s="40"/>
    </row>
    <row r="9607" spans="4:14" x14ac:dyDescent="0.25">
      <c r="D9607" s="40"/>
      <c r="F9607" s="40">
        <v>159.966667</v>
      </c>
      <c r="G9607" s="40">
        <v>22.446989867553892</v>
      </c>
      <c r="H9607" s="40">
        <v>159.966667</v>
      </c>
      <c r="I9607" s="40">
        <v>24.095128563132707</v>
      </c>
      <c r="L9607" s="40"/>
      <c r="M9607" s="40"/>
      <c r="N9607" s="40"/>
    </row>
    <row r="9608" spans="4:14" x14ac:dyDescent="0.25">
      <c r="D9608" s="40"/>
      <c r="F9608" s="40">
        <v>159.98333299999999</v>
      </c>
      <c r="G9608" s="40">
        <v>22.446989867553892</v>
      </c>
      <c r="H9608" s="40">
        <v>159.98333400000001</v>
      </c>
      <c r="I9608" s="40">
        <v>24.095128563132707</v>
      </c>
      <c r="L9608" s="40"/>
      <c r="M9608" s="40"/>
      <c r="N9608" s="40"/>
    </row>
    <row r="9609" spans="4:14" x14ac:dyDescent="0.25">
      <c r="D9609" s="40"/>
      <c r="F9609" s="40">
        <v>160</v>
      </c>
      <c r="G9609" s="40">
        <v>22.442374483583993</v>
      </c>
      <c r="H9609" s="40">
        <v>160</v>
      </c>
      <c r="I9609" s="40">
        <v>24.095128563132707</v>
      </c>
      <c r="L9609" s="40"/>
      <c r="M9609" s="40"/>
      <c r="N9609" s="40"/>
    </row>
    <row r="9610" spans="4:14" x14ac:dyDescent="0.25">
      <c r="D9610" s="40"/>
      <c r="F9610" s="40">
        <v>160.01666699999998</v>
      </c>
      <c r="G9610" s="40">
        <v>22.442374483583993</v>
      </c>
      <c r="H9610" s="40">
        <v>160.01666700000001</v>
      </c>
      <c r="I9610" s="40">
        <v>24.098481299275964</v>
      </c>
      <c r="L9610" s="40"/>
      <c r="M9610" s="40"/>
      <c r="N9610" s="40"/>
    </row>
    <row r="9611" spans="4:14" x14ac:dyDescent="0.25">
      <c r="D9611" s="40"/>
      <c r="F9611" s="40">
        <v>160.033333</v>
      </c>
      <c r="G9611" s="40">
        <v>22.442374483583993</v>
      </c>
      <c r="H9611" s="40">
        <v>160.033334</v>
      </c>
      <c r="I9611" s="40">
        <v>24.098481299275964</v>
      </c>
      <c r="L9611" s="40"/>
      <c r="M9611" s="40"/>
      <c r="N9611" s="40"/>
    </row>
    <row r="9612" spans="4:14" x14ac:dyDescent="0.25">
      <c r="D9612" s="40"/>
      <c r="F9612" s="40">
        <v>160.04999999999998</v>
      </c>
      <c r="G9612" s="40">
        <v>22.442374483583993</v>
      </c>
      <c r="H9612" s="40">
        <v>160.05000000000001</v>
      </c>
      <c r="I9612" s="40">
        <v>24.098481299275964</v>
      </c>
      <c r="L9612" s="40"/>
      <c r="M9612" s="40"/>
      <c r="N9612" s="40"/>
    </row>
    <row r="9613" spans="4:14" x14ac:dyDescent="0.25">
      <c r="D9613" s="40"/>
      <c r="F9613" s="40">
        <v>160.066667</v>
      </c>
      <c r="G9613" s="40">
        <v>22.446989867553892</v>
      </c>
      <c r="H9613" s="40">
        <v>160.066667</v>
      </c>
      <c r="I9613" s="40">
        <v>24.101834035419223</v>
      </c>
      <c r="L9613" s="40"/>
      <c r="M9613" s="40"/>
      <c r="N9613" s="40"/>
    </row>
    <row r="9614" spans="4:14" x14ac:dyDescent="0.25">
      <c r="D9614" s="40"/>
      <c r="F9614" s="40">
        <v>160.08333299999998</v>
      </c>
      <c r="G9614" s="40">
        <v>22.446989867553892</v>
      </c>
      <c r="H9614" s="40">
        <v>160.08333400000001</v>
      </c>
      <c r="I9614" s="40">
        <v>24.101834035419223</v>
      </c>
      <c r="L9614" s="40"/>
      <c r="M9614" s="40"/>
      <c r="N9614" s="40"/>
    </row>
    <row r="9615" spans="4:14" x14ac:dyDescent="0.25">
      <c r="D9615" s="40"/>
      <c r="F9615" s="40">
        <v>160.1</v>
      </c>
      <c r="G9615" s="40">
        <v>22.446989867553892</v>
      </c>
      <c r="H9615" s="40">
        <v>160.1</v>
      </c>
      <c r="I9615" s="40">
        <v>24.101834035419223</v>
      </c>
      <c r="L9615" s="40"/>
      <c r="M9615" s="40"/>
      <c r="N9615" s="40"/>
    </row>
    <row r="9616" spans="4:14" x14ac:dyDescent="0.25">
      <c r="D9616" s="40"/>
      <c r="F9616" s="40">
        <v>160.11666700000001</v>
      </c>
      <c r="G9616" s="40">
        <v>22.446989867553892</v>
      </c>
      <c r="H9616" s="40">
        <v>160.11666700000001</v>
      </c>
      <c r="I9616" s="40">
        <v>24.105088161675987</v>
      </c>
      <c r="L9616" s="40"/>
      <c r="M9616" s="40"/>
      <c r="N9616" s="40"/>
    </row>
    <row r="9617" spans="4:14" x14ac:dyDescent="0.25">
      <c r="D9617" s="40"/>
      <c r="F9617" s="40">
        <v>160.13333299999999</v>
      </c>
      <c r="G9617" s="40">
        <v>22.446989867553892</v>
      </c>
      <c r="H9617" s="40">
        <v>160.13333400000002</v>
      </c>
      <c r="I9617" s="40">
        <v>24.105088161675987</v>
      </c>
      <c r="L9617" s="40"/>
      <c r="M9617" s="40"/>
      <c r="N9617" s="40"/>
    </row>
    <row r="9618" spans="4:14" x14ac:dyDescent="0.25">
      <c r="D9618" s="40"/>
      <c r="F9618" s="40">
        <v>160.15</v>
      </c>
      <c r="G9618" s="40">
        <v>22.446989867553892</v>
      </c>
      <c r="H9618" s="40">
        <v>160.15</v>
      </c>
      <c r="I9618" s="40">
        <v>24.105088161675987</v>
      </c>
      <c r="L9618" s="40"/>
      <c r="M9618" s="40"/>
      <c r="N9618" s="40"/>
    </row>
    <row r="9619" spans="4:14" x14ac:dyDescent="0.25">
      <c r="D9619" s="40"/>
      <c r="F9619" s="40">
        <v>160.16666699999999</v>
      </c>
      <c r="G9619" s="40">
        <v>22.446989867553892</v>
      </c>
      <c r="H9619" s="40">
        <v>160.16666700000002</v>
      </c>
      <c r="I9619" s="40">
        <v>24.108440897819239</v>
      </c>
      <c r="L9619" s="40"/>
      <c r="M9619" s="40"/>
      <c r="N9619" s="40"/>
    </row>
    <row r="9620" spans="4:14" x14ac:dyDescent="0.25">
      <c r="D9620" s="40"/>
      <c r="F9620" s="40">
        <v>160.183333</v>
      </c>
      <c r="G9620" s="40">
        <v>22.446989867553892</v>
      </c>
      <c r="H9620" s="40">
        <v>160.183334</v>
      </c>
      <c r="I9620" s="40">
        <v>24.108440897819239</v>
      </c>
      <c r="L9620" s="40"/>
      <c r="M9620" s="40"/>
      <c r="N9620" s="40"/>
    </row>
    <row r="9621" spans="4:14" x14ac:dyDescent="0.25">
      <c r="D9621" s="40"/>
      <c r="F9621" s="40">
        <v>160.19999999999999</v>
      </c>
      <c r="G9621" s="40">
        <v>22.446989867553892</v>
      </c>
      <c r="H9621" s="40">
        <v>160.20000000000002</v>
      </c>
      <c r="I9621" s="40">
        <v>24.111793633962673</v>
      </c>
      <c r="L9621" s="40"/>
      <c r="M9621" s="40"/>
      <c r="N9621" s="40"/>
    </row>
    <row r="9622" spans="4:14" x14ac:dyDescent="0.25">
      <c r="D9622" s="40"/>
      <c r="F9622" s="40">
        <v>160.216667</v>
      </c>
      <c r="G9622" s="40">
        <v>22.446989867553892</v>
      </c>
      <c r="H9622" s="40">
        <v>160.216667</v>
      </c>
      <c r="I9622" s="40">
        <v>24.111793633962673</v>
      </c>
      <c r="L9622" s="40"/>
      <c r="M9622" s="40"/>
      <c r="N9622" s="40"/>
    </row>
    <row r="9623" spans="4:14" x14ac:dyDescent="0.25">
      <c r="D9623" s="40"/>
      <c r="F9623" s="40">
        <v>160.23333299999999</v>
      </c>
      <c r="G9623" s="40">
        <v>22.446989867553892</v>
      </c>
      <c r="H9623" s="40">
        <v>160.23333400000001</v>
      </c>
      <c r="I9623" s="40">
        <v>24.111793633962673</v>
      </c>
      <c r="L9623" s="40"/>
      <c r="M9623" s="40"/>
      <c r="N9623" s="40"/>
    </row>
    <row r="9624" spans="4:14" x14ac:dyDescent="0.25">
      <c r="D9624" s="40"/>
      <c r="F9624" s="40">
        <v>160.25</v>
      </c>
      <c r="G9624" s="40">
        <v>22.446989867553892</v>
      </c>
      <c r="H9624" s="40">
        <v>160.25</v>
      </c>
      <c r="I9624" s="40">
        <v>24.115047760219436</v>
      </c>
      <c r="L9624" s="40"/>
      <c r="M9624" s="40"/>
      <c r="N9624" s="40"/>
    </row>
    <row r="9625" spans="4:14" x14ac:dyDescent="0.25">
      <c r="D9625" s="40"/>
      <c r="F9625" s="40">
        <v>160.26666699999998</v>
      </c>
      <c r="G9625" s="40">
        <v>22.451745111644112</v>
      </c>
      <c r="H9625" s="40">
        <v>160.26666700000001</v>
      </c>
      <c r="I9625" s="40">
        <v>24.115047760219436</v>
      </c>
      <c r="L9625" s="40"/>
      <c r="M9625" s="40"/>
      <c r="N9625" s="40"/>
    </row>
    <row r="9626" spans="4:14" x14ac:dyDescent="0.25">
      <c r="D9626" s="40"/>
      <c r="F9626" s="40">
        <v>160.283333</v>
      </c>
      <c r="G9626" s="40">
        <v>22.451745111644112</v>
      </c>
      <c r="H9626" s="40">
        <v>160.283334</v>
      </c>
      <c r="I9626" s="40">
        <v>24.118400496362693</v>
      </c>
      <c r="L9626" s="40"/>
      <c r="M9626" s="40"/>
      <c r="N9626" s="40"/>
    </row>
    <row r="9627" spans="4:14" x14ac:dyDescent="0.25">
      <c r="D9627" s="40"/>
      <c r="F9627" s="40">
        <v>160.29999999999998</v>
      </c>
      <c r="G9627" s="40">
        <v>22.456500355734331</v>
      </c>
      <c r="H9627" s="40">
        <v>160.30000000000001</v>
      </c>
      <c r="I9627" s="40">
        <v>24.118400496362693</v>
      </c>
      <c r="L9627" s="40"/>
      <c r="M9627" s="40"/>
      <c r="N9627" s="40"/>
    </row>
    <row r="9628" spans="4:14" x14ac:dyDescent="0.25">
      <c r="D9628" s="40"/>
      <c r="F9628" s="40">
        <v>160.316667</v>
      </c>
      <c r="G9628" s="40">
        <v>22.456500355734331</v>
      </c>
      <c r="H9628" s="40">
        <v>160.316667</v>
      </c>
      <c r="I9628" s="40">
        <v>24.118400496362693</v>
      </c>
      <c r="L9628" s="40"/>
      <c r="M9628" s="40"/>
      <c r="N9628" s="40"/>
    </row>
    <row r="9629" spans="4:14" x14ac:dyDescent="0.25">
      <c r="D9629" s="40"/>
      <c r="F9629" s="40">
        <v>160.33333299999998</v>
      </c>
      <c r="G9629" s="40">
        <v>22.456500355734331</v>
      </c>
      <c r="H9629" s="40">
        <v>160.33333400000001</v>
      </c>
      <c r="I9629" s="40">
        <v>24.118400496362693</v>
      </c>
      <c r="L9629" s="40"/>
      <c r="M9629" s="40"/>
      <c r="N9629" s="40"/>
    </row>
    <row r="9630" spans="4:14" x14ac:dyDescent="0.25">
      <c r="D9630" s="40"/>
      <c r="F9630" s="40">
        <v>160.35</v>
      </c>
      <c r="G9630" s="40">
        <v>22.456500355734331</v>
      </c>
      <c r="H9630" s="40">
        <v>160.35</v>
      </c>
      <c r="I9630" s="40">
        <v>24.115047760219436</v>
      </c>
      <c r="L9630" s="40"/>
      <c r="M9630" s="40"/>
      <c r="N9630" s="40"/>
    </row>
    <row r="9631" spans="4:14" x14ac:dyDescent="0.25">
      <c r="D9631" s="40"/>
      <c r="F9631" s="40">
        <v>160.36666700000001</v>
      </c>
      <c r="G9631" s="40">
        <v>22.456500355734331</v>
      </c>
      <c r="H9631" s="40">
        <v>160.36666700000001</v>
      </c>
      <c r="I9631" s="40">
        <v>24.115047760219436</v>
      </c>
      <c r="L9631" s="40"/>
      <c r="M9631" s="40"/>
      <c r="N9631" s="40"/>
    </row>
    <row r="9632" spans="4:14" x14ac:dyDescent="0.25">
      <c r="D9632" s="40"/>
      <c r="F9632" s="40">
        <v>160.38333299999999</v>
      </c>
      <c r="G9632" s="40">
        <v>22.456500355734331</v>
      </c>
      <c r="H9632" s="40">
        <v>160.38333400000002</v>
      </c>
      <c r="I9632" s="40">
        <v>24.115047760219436</v>
      </c>
      <c r="L9632" s="40"/>
      <c r="M9632" s="40"/>
      <c r="N9632" s="40"/>
    </row>
    <row r="9633" spans="4:14" x14ac:dyDescent="0.25">
      <c r="D9633" s="40"/>
      <c r="F9633" s="40">
        <v>160.4</v>
      </c>
      <c r="G9633" s="40">
        <v>22.461115739704105</v>
      </c>
      <c r="H9633" s="40">
        <v>160.4</v>
      </c>
      <c r="I9633" s="40">
        <v>24.115047760219436</v>
      </c>
      <c r="L9633" s="40"/>
      <c r="M9633" s="40"/>
      <c r="N9633" s="40"/>
    </row>
    <row r="9634" spans="4:14" x14ac:dyDescent="0.25">
      <c r="D9634" s="40"/>
      <c r="F9634" s="40">
        <v>160.41666699999999</v>
      </c>
      <c r="G9634" s="40">
        <v>22.461115739704105</v>
      </c>
      <c r="H9634" s="40">
        <v>160.41666700000002</v>
      </c>
      <c r="I9634" s="40">
        <v>24.118400496362693</v>
      </c>
      <c r="L9634" s="40"/>
      <c r="M9634" s="40"/>
      <c r="N9634" s="40"/>
    </row>
    <row r="9635" spans="4:14" x14ac:dyDescent="0.25">
      <c r="D9635" s="40"/>
      <c r="F9635" s="40">
        <v>160.433333</v>
      </c>
      <c r="G9635" s="40">
        <v>22.461115739704105</v>
      </c>
      <c r="H9635" s="40">
        <v>160.433334</v>
      </c>
      <c r="I9635" s="40">
        <v>24.118400496362693</v>
      </c>
      <c r="L9635" s="40"/>
      <c r="M9635" s="40"/>
      <c r="N9635" s="40"/>
    </row>
    <row r="9636" spans="4:14" x14ac:dyDescent="0.25">
      <c r="D9636" s="40"/>
      <c r="F9636" s="40">
        <v>160.44999999999999</v>
      </c>
      <c r="G9636" s="40">
        <v>22.461115739704105</v>
      </c>
      <c r="H9636" s="40">
        <v>160.45000000000002</v>
      </c>
      <c r="I9636" s="40">
        <v>24.111793633962673</v>
      </c>
      <c r="L9636" s="40"/>
      <c r="M9636" s="40"/>
      <c r="N9636" s="40"/>
    </row>
    <row r="9637" spans="4:14" x14ac:dyDescent="0.25">
      <c r="D9637" s="40"/>
      <c r="F9637" s="40">
        <v>160.466667</v>
      </c>
      <c r="G9637" s="40">
        <v>22.465870983794325</v>
      </c>
      <c r="H9637" s="40">
        <v>160.466667</v>
      </c>
      <c r="I9637" s="40">
        <v>24.105088161675987</v>
      </c>
      <c r="L9637" s="40"/>
      <c r="M9637" s="40"/>
      <c r="N9637" s="40"/>
    </row>
    <row r="9638" spans="4:14" x14ac:dyDescent="0.25">
      <c r="D9638" s="40"/>
      <c r="F9638" s="40">
        <v>160.48333299999999</v>
      </c>
      <c r="G9638" s="40">
        <v>22.465870983794325</v>
      </c>
      <c r="H9638" s="40">
        <v>160.48333400000001</v>
      </c>
      <c r="I9638" s="40">
        <v>24.101834035419223</v>
      </c>
      <c r="L9638" s="40"/>
      <c r="M9638" s="40"/>
      <c r="N9638" s="40"/>
    </row>
    <row r="9639" spans="4:14" x14ac:dyDescent="0.25">
      <c r="D9639" s="40"/>
      <c r="F9639" s="40">
        <v>160.5</v>
      </c>
      <c r="G9639" s="40">
        <v>22.465870983794325</v>
      </c>
      <c r="H9639" s="40">
        <v>160.5</v>
      </c>
      <c r="I9639" s="40">
        <v>24.101834035419223</v>
      </c>
      <c r="L9639" s="40"/>
      <c r="M9639" s="40"/>
      <c r="N9639" s="40"/>
    </row>
    <row r="9640" spans="4:14" x14ac:dyDescent="0.25">
      <c r="D9640" s="40"/>
      <c r="F9640" s="40">
        <v>160.51666699999998</v>
      </c>
      <c r="G9640" s="40">
        <v>22.465870983794325</v>
      </c>
      <c r="H9640" s="40">
        <v>160.51666700000001</v>
      </c>
      <c r="I9640" s="40">
        <v>24.098481299275964</v>
      </c>
      <c r="L9640" s="40"/>
      <c r="M9640" s="40"/>
      <c r="N9640" s="40"/>
    </row>
    <row r="9641" spans="4:14" x14ac:dyDescent="0.25">
      <c r="D9641" s="40"/>
      <c r="F9641" s="40">
        <v>160.533333</v>
      </c>
      <c r="G9641" s="40">
        <v>22.465870983794325</v>
      </c>
      <c r="H9641" s="40">
        <v>160.533334</v>
      </c>
      <c r="I9641" s="40">
        <v>24.098481299275964</v>
      </c>
      <c r="L9641" s="40"/>
      <c r="M9641" s="40"/>
      <c r="N9641" s="40"/>
    </row>
    <row r="9642" spans="4:14" x14ac:dyDescent="0.25">
      <c r="D9642" s="40"/>
      <c r="F9642" s="40">
        <v>160.54999999999998</v>
      </c>
      <c r="G9642" s="40">
        <v>22.465870983794325</v>
      </c>
      <c r="H9642" s="40">
        <v>160.55000000000001</v>
      </c>
      <c r="I9642" s="40">
        <v>24.098481299275964</v>
      </c>
      <c r="L9642" s="40"/>
      <c r="M9642" s="40"/>
      <c r="N9642" s="40"/>
    </row>
    <row r="9643" spans="4:14" x14ac:dyDescent="0.25">
      <c r="D9643" s="40"/>
      <c r="F9643" s="40">
        <v>160.566667</v>
      </c>
      <c r="G9643" s="40">
        <v>22.465870983794325</v>
      </c>
      <c r="H9643" s="40">
        <v>160.566667</v>
      </c>
      <c r="I9643" s="40">
        <v>24.098481299275964</v>
      </c>
      <c r="L9643" s="40"/>
      <c r="M9643" s="40"/>
      <c r="N9643" s="40"/>
    </row>
    <row r="9644" spans="4:14" x14ac:dyDescent="0.25">
      <c r="D9644" s="40"/>
      <c r="F9644" s="40">
        <v>160.58333299999998</v>
      </c>
      <c r="G9644" s="40">
        <v>22.470626227884544</v>
      </c>
      <c r="H9644" s="40">
        <v>160.58333400000001</v>
      </c>
      <c r="I9644" s="40">
        <v>24.101834035419223</v>
      </c>
      <c r="L9644" s="40"/>
      <c r="M9644" s="40"/>
      <c r="N9644" s="40"/>
    </row>
    <row r="9645" spans="4:14" x14ac:dyDescent="0.25">
      <c r="D9645" s="40"/>
      <c r="F9645" s="40">
        <v>160.6</v>
      </c>
      <c r="G9645" s="40">
        <v>22.470626227884544</v>
      </c>
      <c r="H9645" s="40">
        <v>160.6</v>
      </c>
      <c r="I9645" s="40">
        <v>24.101834035419223</v>
      </c>
      <c r="L9645" s="40"/>
      <c r="M9645" s="40"/>
      <c r="N9645" s="40"/>
    </row>
    <row r="9646" spans="4:14" x14ac:dyDescent="0.25">
      <c r="D9646" s="40"/>
      <c r="F9646" s="40">
        <v>160.61666700000001</v>
      </c>
      <c r="G9646" s="40">
        <v>22.470626227884544</v>
      </c>
      <c r="H9646" s="40">
        <v>160.61666700000001</v>
      </c>
      <c r="I9646" s="40">
        <v>24.101834035419223</v>
      </c>
      <c r="L9646" s="40"/>
      <c r="M9646" s="40"/>
      <c r="N9646" s="40"/>
    </row>
    <row r="9647" spans="4:14" x14ac:dyDescent="0.25">
      <c r="D9647" s="40"/>
      <c r="F9647" s="40">
        <v>160.63333299999999</v>
      </c>
      <c r="G9647" s="40">
        <v>22.470626227884544</v>
      </c>
      <c r="H9647" s="40">
        <v>160.63333400000002</v>
      </c>
      <c r="I9647" s="40">
        <v>24.101834035419223</v>
      </c>
      <c r="L9647" s="40"/>
      <c r="M9647" s="40"/>
      <c r="N9647" s="40"/>
    </row>
    <row r="9648" spans="4:14" x14ac:dyDescent="0.25">
      <c r="D9648" s="40"/>
      <c r="F9648" s="40">
        <v>160.65</v>
      </c>
      <c r="G9648" s="40">
        <v>22.470626227884544</v>
      </c>
      <c r="H9648" s="40">
        <v>160.65</v>
      </c>
      <c r="I9648" s="40">
        <v>24.105088161675987</v>
      </c>
      <c r="L9648" s="40"/>
      <c r="M9648" s="40"/>
      <c r="N9648" s="40"/>
    </row>
    <row r="9649" spans="4:14" x14ac:dyDescent="0.25">
      <c r="D9649" s="40"/>
      <c r="F9649" s="40">
        <v>160.66666699999999</v>
      </c>
      <c r="G9649" s="40">
        <v>22.475381471974643</v>
      </c>
      <c r="H9649" s="40">
        <v>160.66666700000002</v>
      </c>
      <c r="I9649" s="40">
        <v>24.105088161675987</v>
      </c>
      <c r="L9649" s="40"/>
      <c r="M9649" s="40"/>
      <c r="N9649" s="40"/>
    </row>
    <row r="9650" spans="4:14" x14ac:dyDescent="0.25">
      <c r="D9650" s="40"/>
      <c r="F9650" s="40">
        <v>160.683333</v>
      </c>
      <c r="G9650" s="40">
        <v>22.470626227884544</v>
      </c>
      <c r="H9650" s="40">
        <v>160.683334</v>
      </c>
      <c r="I9650" s="40">
        <v>24.108440897819239</v>
      </c>
      <c r="L9650" s="40"/>
      <c r="M9650" s="40"/>
      <c r="N9650" s="40"/>
    </row>
    <row r="9651" spans="4:14" x14ac:dyDescent="0.25">
      <c r="D9651" s="40"/>
      <c r="F9651" s="40">
        <v>160.69999999999999</v>
      </c>
      <c r="G9651" s="40">
        <v>22.470626227884544</v>
      </c>
      <c r="H9651" s="40">
        <v>160.70000000000002</v>
      </c>
      <c r="I9651" s="40">
        <v>24.108440897819239</v>
      </c>
      <c r="L9651" s="40"/>
      <c r="M9651" s="40"/>
      <c r="N9651" s="40"/>
    </row>
    <row r="9652" spans="4:14" x14ac:dyDescent="0.25">
      <c r="D9652" s="40"/>
      <c r="F9652" s="40">
        <v>160.716667</v>
      </c>
      <c r="G9652" s="40">
        <v>22.470626227884544</v>
      </c>
      <c r="H9652" s="40">
        <v>160.716667</v>
      </c>
      <c r="I9652" s="40">
        <v>24.108440897819239</v>
      </c>
      <c r="L9652" s="40"/>
      <c r="M9652" s="40"/>
      <c r="N9652" s="40"/>
    </row>
    <row r="9653" spans="4:14" x14ac:dyDescent="0.25">
      <c r="D9653" s="40"/>
      <c r="F9653" s="40">
        <v>160.73333299999999</v>
      </c>
      <c r="G9653" s="40">
        <v>22.470626227884544</v>
      </c>
      <c r="H9653" s="40">
        <v>160.73333400000001</v>
      </c>
      <c r="I9653" s="40">
        <v>24.111793633962673</v>
      </c>
      <c r="L9653" s="40"/>
      <c r="M9653" s="40"/>
      <c r="N9653" s="40"/>
    </row>
    <row r="9654" spans="4:14" x14ac:dyDescent="0.25">
      <c r="D9654" s="40"/>
      <c r="F9654" s="40">
        <v>160.75</v>
      </c>
      <c r="G9654" s="40">
        <v>22.470626227884544</v>
      </c>
      <c r="H9654" s="40">
        <v>160.75</v>
      </c>
      <c r="I9654" s="40">
        <v>24.111793633962673</v>
      </c>
      <c r="L9654" s="40"/>
      <c r="M9654" s="40"/>
      <c r="N9654" s="40"/>
    </row>
    <row r="9655" spans="4:14" x14ac:dyDescent="0.25">
      <c r="D9655" s="40"/>
      <c r="F9655" s="40">
        <v>160.76666699999998</v>
      </c>
      <c r="G9655" s="40">
        <v>22.470626227884544</v>
      </c>
      <c r="H9655" s="40">
        <v>160.76666700000001</v>
      </c>
      <c r="I9655" s="40">
        <v>24.118400496362693</v>
      </c>
      <c r="L9655" s="40"/>
      <c r="M9655" s="40"/>
      <c r="N9655" s="40"/>
    </row>
    <row r="9656" spans="4:14" x14ac:dyDescent="0.25">
      <c r="D9656" s="40"/>
      <c r="F9656" s="40">
        <v>160.783333</v>
      </c>
      <c r="G9656" s="40">
        <v>22.470626227884544</v>
      </c>
      <c r="H9656" s="40">
        <v>160.783334</v>
      </c>
      <c r="I9656" s="40">
        <v>24.121753232505952</v>
      </c>
      <c r="L9656" s="40"/>
      <c r="M9656" s="40"/>
      <c r="N9656" s="40"/>
    </row>
    <row r="9657" spans="4:14" x14ac:dyDescent="0.25">
      <c r="D9657" s="40"/>
      <c r="F9657" s="40">
        <v>160.79999999999998</v>
      </c>
      <c r="G9657" s="40">
        <v>22.470626227884544</v>
      </c>
      <c r="H9657" s="40">
        <v>160.80000000000001</v>
      </c>
      <c r="I9657" s="40">
        <v>24.125007358762716</v>
      </c>
      <c r="L9657" s="40"/>
      <c r="M9657" s="40"/>
      <c r="N9657" s="40"/>
    </row>
    <row r="9658" spans="4:14" x14ac:dyDescent="0.25">
      <c r="D9658" s="40"/>
      <c r="F9658" s="40">
        <v>160.816667</v>
      </c>
      <c r="G9658" s="40">
        <v>22.470626227884544</v>
      </c>
      <c r="H9658" s="40">
        <v>160.816667</v>
      </c>
      <c r="I9658" s="40">
        <v>24.128360094906146</v>
      </c>
      <c r="L9658" s="40"/>
      <c r="M9658" s="40"/>
      <c r="N9658" s="40"/>
    </row>
    <row r="9659" spans="4:14" x14ac:dyDescent="0.25">
      <c r="D9659" s="40"/>
      <c r="F9659" s="40">
        <v>160.83333299999998</v>
      </c>
      <c r="G9659" s="40">
        <v>22.470626227884544</v>
      </c>
      <c r="H9659" s="40">
        <v>160.83333400000001</v>
      </c>
      <c r="I9659" s="40">
        <v>24.128360094906146</v>
      </c>
      <c r="L9659" s="40"/>
      <c r="M9659" s="40"/>
      <c r="N9659" s="40"/>
    </row>
    <row r="9660" spans="4:14" x14ac:dyDescent="0.25">
      <c r="D9660" s="40"/>
      <c r="F9660" s="40">
        <v>160.85</v>
      </c>
      <c r="G9660" s="40">
        <v>22.470626227884544</v>
      </c>
      <c r="H9660" s="40">
        <v>160.85</v>
      </c>
      <c r="I9660" s="40">
        <v>24.128360094906146</v>
      </c>
      <c r="L9660" s="40"/>
      <c r="M9660" s="40"/>
      <c r="N9660" s="40"/>
    </row>
    <row r="9661" spans="4:14" x14ac:dyDescent="0.25">
      <c r="D9661" s="40"/>
      <c r="F9661" s="40">
        <v>160.86666700000001</v>
      </c>
      <c r="G9661" s="40">
        <v>22.470626227884544</v>
      </c>
      <c r="H9661" s="40">
        <v>160.86666700000001</v>
      </c>
      <c r="I9661" s="40">
        <v>24.138319693449425</v>
      </c>
      <c r="L9661" s="40"/>
      <c r="M9661" s="40"/>
      <c r="N9661" s="40"/>
    </row>
    <row r="9662" spans="4:14" x14ac:dyDescent="0.25">
      <c r="D9662" s="40"/>
      <c r="F9662" s="40">
        <v>160.88333299999999</v>
      </c>
      <c r="G9662" s="40">
        <v>22.470626227884544</v>
      </c>
      <c r="H9662" s="40">
        <v>160.88333400000002</v>
      </c>
      <c r="I9662" s="40">
        <v>24.148279291992875</v>
      </c>
      <c r="L9662" s="40"/>
      <c r="M9662" s="40"/>
      <c r="N9662" s="40"/>
    </row>
    <row r="9663" spans="4:14" x14ac:dyDescent="0.25">
      <c r="D9663" s="40"/>
      <c r="F9663" s="40">
        <v>160.9</v>
      </c>
      <c r="G9663" s="40">
        <v>22.470626227884544</v>
      </c>
      <c r="H9663" s="40">
        <v>160.9</v>
      </c>
      <c r="I9663" s="40">
        <v>24.151632028136135</v>
      </c>
      <c r="L9663" s="40"/>
      <c r="M9663" s="40"/>
      <c r="N9663" s="40"/>
    </row>
    <row r="9664" spans="4:14" x14ac:dyDescent="0.25">
      <c r="D9664" s="40"/>
      <c r="F9664" s="40">
        <v>160.91666699999999</v>
      </c>
      <c r="G9664" s="40">
        <v>22.470626227884544</v>
      </c>
      <c r="H9664" s="40">
        <v>160.91666700000002</v>
      </c>
      <c r="I9664" s="40">
        <v>24.158238890536154</v>
      </c>
      <c r="L9664" s="40"/>
      <c r="M9664" s="40"/>
      <c r="N9664" s="40"/>
    </row>
    <row r="9665" spans="4:14" x14ac:dyDescent="0.25">
      <c r="D9665" s="40"/>
      <c r="F9665" s="40">
        <v>160.933333</v>
      </c>
      <c r="G9665" s="40">
        <v>22.475381471974643</v>
      </c>
      <c r="H9665" s="40">
        <v>160.933334</v>
      </c>
      <c r="I9665" s="40">
        <v>24.16159162667941</v>
      </c>
      <c r="L9665" s="40"/>
      <c r="M9665" s="40"/>
      <c r="N9665" s="40"/>
    </row>
    <row r="9666" spans="4:14" x14ac:dyDescent="0.25">
      <c r="D9666" s="40"/>
      <c r="F9666" s="40">
        <v>160.94999999999999</v>
      </c>
      <c r="G9666" s="40">
        <v>22.475381471974643</v>
      </c>
      <c r="H9666" s="40">
        <v>160.95000000000002</v>
      </c>
      <c r="I9666" s="40">
        <v>24.164845752936174</v>
      </c>
      <c r="L9666" s="40"/>
      <c r="M9666" s="40"/>
      <c r="N9666" s="40"/>
    </row>
    <row r="9667" spans="4:14" x14ac:dyDescent="0.25">
      <c r="D9667" s="40"/>
      <c r="F9667" s="40">
        <v>160.966667</v>
      </c>
      <c r="G9667" s="40">
        <v>22.475381471974643</v>
      </c>
      <c r="H9667" s="40">
        <v>160.966667</v>
      </c>
      <c r="I9667" s="40">
        <v>24.168198489079604</v>
      </c>
      <c r="L9667" s="40"/>
      <c r="M9667" s="40"/>
      <c r="N9667" s="40"/>
    </row>
    <row r="9668" spans="4:14" x14ac:dyDescent="0.25">
      <c r="D9668" s="40"/>
      <c r="F9668" s="40">
        <v>160.98333299999999</v>
      </c>
      <c r="G9668" s="40">
        <v>22.475381471974643</v>
      </c>
      <c r="H9668" s="40">
        <v>160.98333400000001</v>
      </c>
      <c r="I9668" s="40">
        <v>24.168198489079604</v>
      </c>
      <c r="L9668" s="40"/>
      <c r="M9668" s="40"/>
      <c r="N9668" s="40"/>
    </row>
    <row r="9669" spans="4:14" x14ac:dyDescent="0.25">
      <c r="D9669" s="40"/>
      <c r="F9669" s="40">
        <v>161</v>
      </c>
      <c r="G9669" s="40">
        <v>22.475381471974643</v>
      </c>
      <c r="H9669" s="40">
        <v>161</v>
      </c>
      <c r="I9669" s="40">
        <v>24.171551225222863</v>
      </c>
      <c r="L9669" s="40"/>
      <c r="M9669" s="40"/>
      <c r="N9669" s="40"/>
    </row>
    <row r="9670" spans="4:14" x14ac:dyDescent="0.25">
      <c r="D9670" s="40"/>
      <c r="F9670" s="40">
        <v>161.01666699999998</v>
      </c>
      <c r="G9670" s="40">
        <v>22.475381471974643</v>
      </c>
      <c r="H9670" s="40">
        <v>161.01666700000001</v>
      </c>
      <c r="I9670" s="40">
        <v>24.171551225222863</v>
      </c>
      <c r="L9670" s="40"/>
      <c r="M9670" s="40"/>
      <c r="N9670" s="40"/>
    </row>
    <row r="9671" spans="4:14" x14ac:dyDescent="0.25">
      <c r="D9671" s="40"/>
      <c r="F9671" s="40">
        <v>161.033333</v>
      </c>
      <c r="G9671" s="40">
        <v>22.475381471974643</v>
      </c>
      <c r="H9671" s="40">
        <v>161.033334</v>
      </c>
      <c r="I9671" s="40">
        <v>24.171551225222863</v>
      </c>
      <c r="L9671" s="40"/>
      <c r="M9671" s="40"/>
      <c r="N9671" s="40"/>
    </row>
    <row r="9672" spans="4:14" x14ac:dyDescent="0.25">
      <c r="D9672" s="40"/>
      <c r="F9672" s="40">
        <v>161.04999999999998</v>
      </c>
      <c r="G9672" s="40">
        <v>22.475381471974643</v>
      </c>
      <c r="H9672" s="40">
        <v>161.05000000000001</v>
      </c>
      <c r="I9672" s="40">
        <v>24.174805351479627</v>
      </c>
      <c r="L9672" s="40"/>
      <c r="M9672" s="40"/>
      <c r="N9672" s="40"/>
    </row>
    <row r="9673" spans="4:14" x14ac:dyDescent="0.25">
      <c r="D9673" s="40"/>
      <c r="F9673" s="40">
        <v>161.066667</v>
      </c>
      <c r="G9673" s="40">
        <v>22.475381471974643</v>
      </c>
      <c r="H9673" s="40">
        <v>161.066667</v>
      </c>
      <c r="I9673" s="40">
        <v>24.174805351479627</v>
      </c>
      <c r="L9673" s="40"/>
      <c r="M9673" s="40"/>
      <c r="N9673" s="40"/>
    </row>
    <row r="9674" spans="4:14" x14ac:dyDescent="0.25">
      <c r="D9674" s="40"/>
      <c r="F9674" s="40">
        <v>161.08333299999998</v>
      </c>
      <c r="G9674" s="40">
        <v>22.475381471974643</v>
      </c>
      <c r="H9674" s="40">
        <v>161.08333400000001</v>
      </c>
      <c r="I9674" s="40">
        <v>24.174805351479627</v>
      </c>
      <c r="L9674" s="40"/>
      <c r="M9674" s="40"/>
      <c r="N9674" s="40"/>
    </row>
    <row r="9675" spans="4:14" x14ac:dyDescent="0.25">
      <c r="D9675" s="40"/>
      <c r="F9675" s="40">
        <v>161.1</v>
      </c>
      <c r="G9675" s="40">
        <v>22.475381471974643</v>
      </c>
      <c r="H9675" s="40">
        <v>161.1</v>
      </c>
      <c r="I9675" s="40">
        <v>24.178158087622883</v>
      </c>
      <c r="L9675" s="40"/>
      <c r="M9675" s="40"/>
      <c r="N9675" s="40"/>
    </row>
    <row r="9676" spans="4:14" x14ac:dyDescent="0.25">
      <c r="D9676" s="40"/>
      <c r="F9676" s="40">
        <v>161.11666700000001</v>
      </c>
      <c r="G9676" s="40">
        <v>22.475381471974643</v>
      </c>
      <c r="H9676" s="40">
        <v>161.11666700000001</v>
      </c>
      <c r="I9676" s="40">
        <v>24.178158087622883</v>
      </c>
      <c r="L9676" s="40"/>
      <c r="M9676" s="40"/>
      <c r="N9676" s="40"/>
    </row>
    <row r="9677" spans="4:14" x14ac:dyDescent="0.25">
      <c r="D9677" s="40"/>
      <c r="F9677" s="40">
        <v>161.13333299999999</v>
      </c>
      <c r="G9677" s="40">
        <v>22.475381471974643</v>
      </c>
      <c r="H9677" s="40">
        <v>161.13333400000002</v>
      </c>
      <c r="I9677" s="40">
        <v>24.181510823766317</v>
      </c>
      <c r="L9677" s="40"/>
      <c r="M9677" s="40"/>
      <c r="N9677" s="40"/>
    </row>
    <row r="9678" spans="4:14" x14ac:dyDescent="0.25">
      <c r="D9678" s="40"/>
      <c r="F9678" s="40">
        <v>161.15</v>
      </c>
      <c r="G9678" s="40">
        <v>22.475381471974643</v>
      </c>
      <c r="H9678" s="40">
        <v>161.15</v>
      </c>
      <c r="I9678" s="40">
        <v>24.181510823766317</v>
      </c>
      <c r="L9678" s="40"/>
      <c r="M9678" s="40"/>
      <c r="N9678" s="40"/>
    </row>
    <row r="9679" spans="4:14" x14ac:dyDescent="0.25">
      <c r="D9679" s="40"/>
      <c r="F9679" s="40">
        <v>161.16666699999999</v>
      </c>
      <c r="G9679" s="40">
        <v>22.475381471974643</v>
      </c>
      <c r="H9679" s="40">
        <v>161.16666700000002</v>
      </c>
      <c r="I9679" s="40">
        <v>24.181510823766317</v>
      </c>
      <c r="L9679" s="40"/>
      <c r="M9679" s="40"/>
      <c r="N9679" s="40"/>
    </row>
    <row r="9680" spans="4:14" x14ac:dyDescent="0.25">
      <c r="D9680" s="40"/>
      <c r="F9680" s="40">
        <v>161.183333</v>
      </c>
      <c r="G9680" s="40">
        <v>22.475381471974643</v>
      </c>
      <c r="H9680" s="40">
        <v>161.183334</v>
      </c>
      <c r="I9680" s="40">
        <v>24.184764950022906</v>
      </c>
      <c r="L9680" s="40"/>
      <c r="M9680" s="40"/>
      <c r="N9680" s="40"/>
    </row>
    <row r="9681" spans="4:14" x14ac:dyDescent="0.25">
      <c r="D9681" s="40"/>
      <c r="F9681" s="40">
        <v>161.19999999999999</v>
      </c>
      <c r="G9681" s="40">
        <v>22.475381471974643</v>
      </c>
      <c r="H9681" s="40">
        <v>161.20000000000002</v>
      </c>
      <c r="I9681" s="40">
        <v>24.184764950022906</v>
      </c>
      <c r="L9681" s="40"/>
      <c r="M9681" s="40"/>
      <c r="N9681" s="40"/>
    </row>
    <row r="9682" spans="4:14" x14ac:dyDescent="0.25">
      <c r="D9682" s="40"/>
      <c r="F9682" s="40">
        <v>161.216667</v>
      </c>
      <c r="G9682" s="40">
        <v>22.475381471974643</v>
      </c>
      <c r="H9682" s="40">
        <v>161.216667</v>
      </c>
      <c r="I9682" s="40">
        <v>24.188117686166336</v>
      </c>
      <c r="L9682" s="40"/>
      <c r="M9682" s="40"/>
      <c r="N9682" s="40"/>
    </row>
    <row r="9683" spans="4:14" x14ac:dyDescent="0.25">
      <c r="D9683" s="40"/>
      <c r="F9683" s="40">
        <v>161.23333299999999</v>
      </c>
      <c r="G9683" s="40">
        <v>22.475381471974643</v>
      </c>
      <c r="H9683" s="40">
        <v>161.23333400000001</v>
      </c>
      <c r="I9683" s="40">
        <v>24.188117686166336</v>
      </c>
      <c r="L9683" s="40"/>
      <c r="M9683" s="40"/>
      <c r="N9683" s="40"/>
    </row>
    <row r="9684" spans="4:14" x14ac:dyDescent="0.25">
      <c r="D9684" s="40"/>
      <c r="F9684" s="40">
        <v>161.25</v>
      </c>
      <c r="G9684" s="40">
        <v>22.475381471974643</v>
      </c>
      <c r="H9684" s="40">
        <v>161.25</v>
      </c>
      <c r="I9684" s="40">
        <v>24.191470422309592</v>
      </c>
      <c r="L9684" s="40"/>
      <c r="M9684" s="40"/>
      <c r="N9684" s="40"/>
    </row>
    <row r="9685" spans="4:14" x14ac:dyDescent="0.25">
      <c r="D9685" s="40"/>
      <c r="F9685" s="40">
        <v>161.26666699999998</v>
      </c>
      <c r="G9685" s="40">
        <v>22.479996855944542</v>
      </c>
      <c r="H9685" s="40">
        <v>161.26666700000001</v>
      </c>
      <c r="I9685" s="40">
        <v>24.191470422309592</v>
      </c>
      <c r="L9685" s="40"/>
      <c r="M9685" s="40"/>
      <c r="N9685" s="40"/>
    </row>
    <row r="9686" spans="4:14" x14ac:dyDescent="0.25">
      <c r="D9686" s="40"/>
      <c r="F9686" s="40">
        <v>161.283333</v>
      </c>
      <c r="G9686" s="40">
        <v>22.479996855944542</v>
      </c>
      <c r="H9686" s="40">
        <v>161.283334</v>
      </c>
      <c r="I9686" s="40">
        <v>24.191470422309592</v>
      </c>
      <c r="L9686" s="40"/>
      <c r="M9686" s="40"/>
      <c r="N9686" s="40"/>
    </row>
    <row r="9687" spans="4:14" x14ac:dyDescent="0.25">
      <c r="D9687" s="40"/>
      <c r="F9687" s="40">
        <v>161.29999999999998</v>
      </c>
      <c r="G9687" s="40">
        <v>22.479996855944542</v>
      </c>
      <c r="H9687" s="40">
        <v>161.30000000000001</v>
      </c>
      <c r="I9687" s="40">
        <v>24.194724548566356</v>
      </c>
      <c r="L9687" s="40"/>
      <c r="M9687" s="40"/>
      <c r="N9687" s="40"/>
    </row>
    <row r="9688" spans="4:14" x14ac:dyDescent="0.25">
      <c r="D9688" s="40"/>
      <c r="F9688" s="40">
        <v>161.316667</v>
      </c>
      <c r="G9688" s="40">
        <v>22.479996855944542</v>
      </c>
      <c r="H9688" s="40">
        <v>161.316667</v>
      </c>
      <c r="I9688" s="40">
        <v>24.194724548566356</v>
      </c>
      <c r="L9688" s="40"/>
      <c r="M9688" s="40"/>
      <c r="N9688" s="40"/>
    </row>
    <row r="9689" spans="4:14" x14ac:dyDescent="0.25">
      <c r="D9689" s="40"/>
      <c r="F9689" s="40">
        <v>161.33333299999998</v>
      </c>
      <c r="G9689" s="40">
        <v>22.479996855944542</v>
      </c>
      <c r="H9689" s="40">
        <v>161.33333400000001</v>
      </c>
      <c r="I9689" s="40">
        <v>24.194724548566356</v>
      </c>
      <c r="L9689" s="40"/>
      <c r="M9689" s="40"/>
      <c r="N9689" s="40"/>
    </row>
    <row r="9690" spans="4:14" x14ac:dyDescent="0.25">
      <c r="D9690" s="40"/>
      <c r="F9690" s="40">
        <v>161.35</v>
      </c>
      <c r="G9690" s="40">
        <v>22.479996855944542</v>
      </c>
      <c r="H9690" s="40">
        <v>161.35</v>
      </c>
      <c r="I9690" s="40">
        <v>24.198077284709612</v>
      </c>
      <c r="L9690" s="40"/>
      <c r="M9690" s="40"/>
      <c r="N9690" s="40"/>
    </row>
    <row r="9691" spans="4:14" x14ac:dyDescent="0.25">
      <c r="D9691" s="40"/>
      <c r="F9691" s="40">
        <v>161.36666700000001</v>
      </c>
      <c r="G9691" s="40">
        <v>22.479996855944542</v>
      </c>
      <c r="H9691" s="40">
        <v>161.36666700000001</v>
      </c>
      <c r="I9691" s="40">
        <v>24.198077284709612</v>
      </c>
      <c r="L9691" s="40"/>
      <c r="M9691" s="40"/>
      <c r="N9691" s="40"/>
    </row>
    <row r="9692" spans="4:14" x14ac:dyDescent="0.25">
      <c r="D9692" s="40"/>
      <c r="F9692" s="40">
        <v>161.38333299999999</v>
      </c>
      <c r="G9692" s="40">
        <v>22.475381471974643</v>
      </c>
      <c r="H9692" s="40">
        <v>161.38333400000002</v>
      </c>
      <c r="I9692" s="40">
        <v>24.201430020853046</v>
      </c>
      <c r="L9692" s="40"/>
      <c r="M9692" s="40"/>
      <c r="N9692" s="40"/>
    </row>
    <row r="9693" spans="4:14" x14ac:dyDescent="0.25">
      <c r="D9693" s="40"/>
      <c r="F9693" s="40">
        <v>161.4</v>
      </c>
      <c r="G9693" s="40">
        <v>22.479996855944542</v>
      </c>
      <c r="H9693" s="40">
        <v>161.4</v>
      </c>
      <c r="I9693" s="40">
        <v>24.201430020853046</v>
      </c>
      <c r="L9693" s="40"/>
      <c r="M9693" s="40"/>
      <c r="N9693" s="40"/>
    </row>
    <row r="9694" spans="4:14" x14ac:dyDescent="0.25">
      <c r="D9694" s="40"/>
      <c r="F9694" s="40">
        <v>161.41666699999999</v>
      </c>
      <c r="G9694" s="40">
        <v>22.479996855944542</v>
      </c>
      <c r="H9694" s="40">
        <v>161.41666700000002</v>
      </c>
      <c r="I9694" s="40">
        <v>24.201430020853046</v>
      </c>
      <c r="L9694" s="40"/>
      <c r="M9694" s="40"/>
      <c r="N9694" s="40"/>
    </row>
    <row r="9695" spans="4:14" x14ac:dyDescent="0.25">
      <c r="D9695" s="40"/>
      <c r="F9695" s="40">
        <v>161.433333</v>
      </c>
      <c r="G9695" s="40">
        <v>22.479996855944542</v>
      </c>
      <c r="H9695" s="40">
        <v>161.433334</v>
      </c>
      <c r="I9695" s="40">
        <v>24.204684147109809</v>
      </c>
      <c r="L9695" s="40"/>
      <c r="M9695" s="40"/>
      <c r="N9695" s="40"/>
    </row>
    <row r="9696" spans="4:14" x14ac:dyDescent="0.25">
      <c r="D9696" s="40"/>
      <c r="F9696" s="40">
        <v>161.44999999999999</v>
      </c>
      <c r="G9696" s="40">
        <v>22.479996855944542</v>
      </c>
      <c r="H9696" s="40">
        <v>161.45000000000002</v>
      </c>
      <c r="I9696" s="40">
        <v>24.204684147109809</v>
      </c>
      <c r="L9696" s="40"/>
      <c r="M9696" s="40"/>
      <c r="N9696" s="40"/>
    </row>
    <row r="9697" spans="4:14" x14ac:dyDescent="0.25">
      <c r="D9697" s="40"/>
      <c r="F9697" s="40">
        <v>161.466667</v>
      </c>
      <c r="G9697" s="40">
        <v>22.479996855944542</v>
      </c>
      <c r="H9697" s="40">
        <v>161.466667</v>
      </c>
      <c r="I9697" s="40">
        <v>24.204684147109809</v>
      </c>
      <c r="L9697" s="40"/>
      <c r="M9697" s="40"/>
      <c r="N9697" s="40"/>
    </row>
    <row r="9698" spans="4:14" x14ac:dyDescent="0.25">
      <c r="D9698" s="40"/>
      <c r="F9698" s="40">
        <v>161.48333299999999</v>
      </c>
      <c r="G9698" s="40">
        <v>22.479996855944542</v>
      </c>
      <c r="H9698" s="40">
        <v>161.48333400000001</v>
      </c>
      <c r="I9698" s="40">
        <v>24.208036883253065</v>
      </c>
      <c r="L9698" s="40"/>
      <c r="M9698" s="40"/>
      <c r="N9698" s="40"/>
    </row>
    <row r="9699" spans="4:14" x14ac:dyDescent="0.25">
      <c r="D9699" s="40"/>
      <c r="F9699" s="40">
        <v>161.5</v>
      </c>
      <c r="G9699" s="40">
        <v>22.479996855944542</v>
      </c>
      <c r="H9699" s="40">
        <v>161.5</v>
      </c>
      <c r="I9699" s="40">
        <v>24.208036883253065</v>
      </c>
      <c r="L9699" s="40"/>
      <c r="M9699" s="40"/>
      <c r="N9699" s="40"/>
    </row>
    <row r="9700" spans="4:14" x14ac:dyDescent="0.25">
      <c r="D9700" s="40"/>
      <c r="F9700" s="40">
        <v>161.51666699999998</v>
      </c>
      <c r="G9700" s="40">
        <v>22.479996855944542</v>
      </c>
      <c r="H9700" s="40">
        <v>161.51666700000001</v>
      </c>
      <c r="I9700" s="40">
        <v>24.208036883253065</v>
      </c>
      <c r="L9700" s="40"/>
      <c r="M9700" s="40"/>
      <c r="N9700" s="40"/>
    </row>
    <row r="9701" spans="4:14" x14ac:dyDescent="0.25">
      <c r="D9701" s="40"/>
      <c r="F9701" s="40">
        <v>161.533333</v>
      </c>
      <c r="G9701" s="40">
        <v>22.479996855944542</v>
      </c>
      <c r="H9701" s="40">
        <v>161.533334</v>
      </c>
      <c r="I9701" s="40">
        <v>24.211389619396321</v>
      </c>
      <c r="L9701" s="40"/>
      <c r="M9701" s="40"/>
      <c r="N9701" s="40"/>
    </row>
    <row r="9702" spans="4:14" x14ac:dyDescent="0.25">
      <c r="D9702" s="40"/>
      <c r="F9702" s="40">
        <v>161.54999999999998</v>
      </c>
      <c r="G9702" s="40">
        <v>22.479996855944542</v>
      </c>
      <c r="H9702" s="40">
        <v>161.55000000000001</v>
      </c>
      <c r="I9702" s="40">
        <v>24.211389619396321</v>
      </c>
      <c r="L9702" s="40"/>
      <c r="M9702" s="40"/>
      <c r="N9702" s="40"/>
    </row>
    <row r="9703" spans="4:14" x14ac:dyDescent="0.25">
      <c r="D9703" s="40"/>
      <c r="F9703" s="40">
        <v>161.566667</v>
      </c>
      <c r="G9703" s="40">
        <v>22.479996855944542</v>
      </c>
      <c r="H9703" s="40">
        <v>161.566667</v>
      </c>
      <c r="I9703" s="40">
        <v>24.211389619396321</v>
      </c>
      <c r="L9703" s="40"/>
      <c r="M9703" s="40"/>
      <c r="N9703" s="40"/>
    </row>
    <row r="9704" spans="4:14" x14ac:dyDescent="0.25">
      <c r="D9704" s="40"/>
      <c r="F9704" s="40">
        <v>161.58333299999998</v>
      </c>
      <c r="G9704" s="40">
        <v>22.479996855944542</v>
      </c>
      <c r="H9704" s="40">
        <v>161.58333400000001</v>
      </c>
      <c r="I9704" s="40">
        <v>24.214742355539755</v>
      </c>
      <c r="L9704" s="40"/>
      <c r="M9704" s="40"/>
      <c r="N9704" s="40"/>
    </row>
    <row r="9705" spans="4:14" x14ac:dyDescent="0.25">
      <c r="D9705" s="40"/>
      <c r="F9705" s="40">
        <v>161.6</v>
      </c>
      <c r="G9705" s="40">
        <v>22.479996855944542</v>
      </c>
      <c r="H9705" s="40">
        <v>161.6</v>
      </c>
      <c r="I9705" s="40">
        <v>24.214742355539755</v>
      </c>
      <c r="L9705" s="40"/>
      <c r="M9705" s="40"/>
      <c r="N9705" s="40"/>
    </row>
    <row r="9706" spans="4:14" x14ac:dyDescent="0.25">
      <c r="D9706" s="40"/>
      <c r="F9706" s="40">
        <v>161.61666700000001</v>
      </c>
      <c r="G9706" s="40">
        <v>22.484752100034761</v>
      </c>
      <c r="H9706" s="40">
        <v>161.61666700000001</v>
      </c>
      <c r="I9706" s="40">
        <v>24.214742355539755</v>
      </c>
      <c r="L9706" s="40"/>
      <c r="M9706" s="40"/>
      <c r="N9706" s="40"/>
    </row>
    <row r="9707" spans="4:14" x14ac:dyDescent="0.25">
      <c r="D9707" s="40"/>
      <c r="F9707" s="40">
        <v>161.63333299999999</v>
      </c>
      <c r="G9707" s="40">
        <v>22.484752100034761</v>
      </c>
      <c r="H9707" s="40">
        <v>161.63333400000002</v>
      </c>
      <c r="I9707" s="40">
        <v>24.214742355539755</v>
      </c>
      <c r="L9707" s="40"/>
      <c r="M9707" s="40"/>
      <c r="N9707" s="40"/>
    </row>
    <row r="9708" spans="4:14" x14ac:dyDescent="0.25">
      <c r="D9708" s="40"/>
      <c r="F9708" s="40">
        <v>161.65</v>
      </c>
      <c r="G9708" s="40">
        <v>22.484752100034761</v>
      </c>
      <c r="H9708" s="40">
        <v>161.65</v>
      </c>
      <c r="I9708" s="40">
        <v>24.217996481796344</v>
      </c>
      <c r="L9708" s="40"/>
      <c r="M9708" s="40"/>
      <c r="N9708" s="40"/>
    </row>
    <row r="9709" spans="4:14" x14ac:dyDescent="0.25">
      <c r="D9709" s="40"/>
      <c r="F9709" s="40">
        <v>161.66666699999999</v>
      </c>
      <c r="G9709" s="40">
        <v>22.484752100034761</v>
      </c>
      <c r="H9709" s="40">
        <v>161.66666700000002</v>
      </c>
      <c r="I9709" s="40">
        <v>24.217996481796344</v>
      </c>
      <c r="L9709" s="40"/>
      <c r="M9709" s="40"/>
      <c r="N9709" s="40"/>
    </row>
    <row r="9710" spans="4:14" x14ac:dyDescent="0.25">
      <c r="D9710" s="40"/>
      <c r="F9710" s="40">
        <v>161.683333</v>
      </c>
      <c r="G9710" s="40">
        <v>22.484752100034761</v>
      </c>
      <c r="H9710" s="40">
        <v>161.683334</v>
      </c>
      <c r="I9710" s="40">
        <v>24.217996481796344</v>
      </c>
      <c r="L9710" s="40"/>
      <c r="M9710" s="40"/>
      <c r="N9710" s="40"/>
    </row>
    <row r="9711" spans="4:14" x14ac:dyDescent="0.25">
      <c r="D9711" s="40"/>
      <c r="F9711" s="40">
        <v>161.69999999999999</v>
      </c>
      <c r="G9711" s="40">
        <v>22.484752100034761</v>
      </c>
      <c r="H9711" s="40">
        <v>161.70000000000002</v>
      </c>
      <c r="I9711" s="40">
        <v>24.217996481796344</v>
      </c>
      <c r="L9711" s="40"/>
      <c r="M9711" s="40"/>
      <c r="N9711" s="40"/>
    </row>
    <row r="9712" spans="4:14" x14ac:dyDescent="0.25">
      <c r="D9712" s="40"/>
      <c r="F9712" s="40">
        <v>161.716667</v>
      </c>
      <c r="G9712" s="40">
        <v>22.489507344124856</v>
      </c>
      <c r="H9712" s="40">
        <v>161.716667</v>
      </c>
      <c r="I9712" s="40">
        <v>24.217996481796344</v>
      </c>
      <c r="L9712" s="40"/>
      <c r="M9712" s="40"/>
      <c r="N9712" s="40"/>
    </row>
    <row r="9713" spans="4:14" x14ac:dyDescent="0.25">
      <c r="D9713" s="40"/>
      <c r="F9713" s="40">
        <v>161.73333299999999</v>
      </c>
      <c r="G9713" s="40">
        <v>22.489507344124856</v>
      </c>
      <c r="H9713" s="40">
        <v>161.73333400000001</v>
      </c>
      <c r="I9713" s="40">
        <v>24.221349217939778</v>
      </c>
      <c r="L9713" s="40"/>
      <c r="M9713" s="40"/>
      <c r="N9713" s="40"/>
    </row>
    <row r="9714" spans="4:14" x14ac:dyDescent="0.25">
      <c r="D9714" s="40"/>
      <c r="F9714" s="40">
        <v>161.75</v>
      </c>
      <c r="G9714" s="40">
        <v>22.489507344124856</v>
      </c>
      <c r="H9714" s="40">
        <v>161.75</v>
      </c>
      <c r="I9714" s="40">
        <v>24.221349217939778</v>
      </c>
      <c r="L9714" s="40"/>
      <c r="M9714" s="40"/>
      <c r="N9714" s="40"/>
    </row>
    <row r="9715" spans="4:14" x14ac:dyDescent="0.25">
      <c r="D9715" s="40"/>
      <c r="F9715" s="40">
        <v>161.76666699999998</v>
      </c>
      <c r="G9715" s="40">
        <v>22.489507344124856</v>
      </c>
      <c r="H9715" s="40">
        <v>161.76666700000001</v>
      </c>
      <c r="I9715" s="40">
        <v>24.221349217939778</v>
      </c>
      <c r="L9715" s="40"/>
      <c r="M9715" s="40"/>
      <c r="N9715" s="40"/>
    </row>
    <row r="9716" spans="4:14" x14ac:dyDescent="0.25">
      <c r="D9716" s="40"/>
      <c r="F9716" s="40">
        <v>161.783333</v>
      </c>
      <c r="G9716" s="40">
        <v>22.489507344124856</v>
      </c>
      <c r="H9716" s="40">
        <v>161.783334</v>
      </c>
      <c r="I9716" s="40">
        <v>24.224701954083031</v>
      </c>
      <c r="L9716" s="40"/>
      <c r="M9716" s="40"/>
      <c r="N9716" s="40"/>
    </row>
    <row r="9717" spans="4:14" x14ac:dyDescent="0.25">
      <c r="D9717" s="40"/>
      <c r="F9717" s="40">
        <v>161.79999999999998</v>
      </c>
      <c r="G9717" s="40">
        <v>22.489507344124856</v>
      </c>
      <c r="H9717" s="40">
        <v>161.80000000000001</v>
      </c>
      <c r="I9717" s="40">
        <v>24.224701954083031</v>
      </c>
      <c r="L9717" s="40"/>
      <c r="M9717" s="40"/>
      <c r="N9717" s="40"/>
    </row>
    <row r="9718" spans="4:14" x14ac:dyDescent="0.25">
      <c r="D9718" s="40"/>
      <c r="F9718" s="40">
        <v>161.816667</v>
      </c>
      <c r="G9718" s="40">
        <v>22.489507344124856</v>
      </c>
      <c r="H9718" s="40">
        <v>161.816667</v>
      </c>
      <c r="I9718" s="40">
        <v>24.224701954083031</v>
      </c>
      <c r="L9718" s="40"/>
      <c r="M9718" s="40"/>
      <c r="N9718" s="40"/>
    </row>
    <row r="9719" spans="4:14" x14ac:dyDescent="0.25">
      <c r="D9719" s="40"/>
      <c r="F9719" s="40">
        <v>161.83333299999998</v>
      </c>
      <c r="G9719" s="40">
        <v>22.489507344124856</v>
      </c>
      <c r="H9719" s="40">
        <v>161.83333400000001</v>
      </c>
      <c r="I9719" s="40">
        <v>24.227956080339794</v>
      </c>
      <c r="L9719" s="40"/>
      <c r="M9719" s="40"/>
      <c r="N9719" s="40"/>
    </row>
    <row r="9720" spans="4:14" x14ac:dyDescent="0.25">
      <c r="D9720" s="40"/>
      <c r="F9720" s="40">
        <v>161.85</v>
      </c>
      <c r="G9720" s="40">
        <v>22.489507344124856</v>
      </c>
      <c r="H9720" s="40">
        <v>161.85</v>
      </c>
      <c r="I9720" s="40">
        <v>24.227956080339794</v>
      </c>
      <c r="L9720" s="40"/>
      <c r="M9720" s="40"/>
      <c r="N9720" s="40"/>
    </row>
    <row r="9721" spans="4:14" x14ac:dyDescent="0.25">
      <c r="D9721" s="40"/>
      <c r="F9721" s="40">
        <v>161.86666700000001</v>
      </c>
      <c r="G9721" s="40">
        <v>22.489507344124856</v>
      </c>
      <c r="H9721" s="40">
        <v>161.86666700000001</v>
      </c>
      <c r="I9721" s="40">
        <v>24.227956080339794</v>
      </c>
      <c r="L9721" s="40"/>
      <c r="M9721" s="40"/>
      <c r="N9721" s="40"/>
    </row>
    <row r="9722" spans="4:14" x14ac:dyDescent="0.25">
      <c r="D9722" s="40"/>
      <c r="F9722" s="40">
        <v>161.88333299999999</v>
      </c>
      <c r="G9722" s="40">
        <v>22.489507344124856</v>
      </c>
      <c r="H9722" s="40">
        <v>161.88333400000002</v>
      </c>
      <c r="I9722" s="40">
        <v>24.231308816483054</v>
      </c>
      <c r="L9722" s="40"/>
      <c r="M9722" s="40"/>
      <c r="N9722" s="40"/>
    </row>
    <row r="9723" spans="4:14" x14ac:dyDescent="0.25">
      <c r="D9723" s="40"/>
      <c r="F9723" s="40">
        <v>161.9</v>
      </c>
      <c r="G9723" s="40">
        <v>22.489507344124856</v>
      </c>
      <c r="H9723" s="40">
        <v>161.9</v>
      </c>
      <c r="I9723" s="40">
        <v>24.231308816483054</v>
      </c>
      <c r="L9723" s="40"/>
      <c r="M9723" s="40"/>
      <c r="N9723" s="40"/>
    </row>
    <row r="9724" spans="4:14" x14ac:dyDescent="0.25">
      <c r="D9724" s="40"/>
      <c r="F9724" s="40">
        <v>161.91666699999999</v>
      </c>
      <c r="G9724" s="40">
        <v>22.489507344124856</v>
      </c>
      <c r="H9724" s="40">
        <v>161.91666700000002</v>
      </c>
      <c r="I9724" s="40">
        <v>24.234661552626488</v>
      </c>
      <c r="L9724" s="40"/>
      <c r="M9724" s="40"/>
      <c r="N9724" s="40"/>
    </row>
    <row r="9725" spans="4:14" x14ac:dyDescent="0.25">
      <c r="D9725" s="40"/>
      <c r="F9725" s="40">
        <v>161.933333</v>
      </c>
      <c r="G9725" s="40">
        <v>22.489507344124856</v>
      </c>
      <c r="H9725" s="40">
        <v>161.933334</v>
      </c>
      <c r="I9725" s="40">
        <v>24.234661552626488</v>
      </c>
      <c r="L9725" s="40"/>
      <c r="M9725" s="40"/>
      <c r="N9725" s="40"/>
    </row>
    <row r="9726" spans="4:14" x14ac:dyDescent="0.25">
      <c r="D9726" s="40"/>
      <c r="F9726" s="40">
        <v>161.94999999999999</v>
      </c>
      <c r="G9726" s="40">
        <v>22.489507344124856</v>
      </c>
      <c r="H9726" s="40">
        <v>161.95000000000002</v>
      </c>
      <c r="I9726" s="40">
        <v>24.237915678883251</v>
      </c>
      <c r="L9726" s="40"/>
      <c r="M9726" s="40"/>
      <c r="N9726" s="40"/>
    </row>
    <row r="9727" spans="4:14" x14ac:dyDescent="0.25">
      <c r="D9727" s="40"/>
      <c r="F9727" s="40">
        <v>161.966667</v>
      </c>
      <c r="G9727" s="40">
        <v>22.489507344124856</v>
      </c>
      <c r="H9727" s="40">
        <v>161.966667</v>
      </c>
      <c r="I9727" s="40">
        <v>24.237915678883251</v>
      </c>
      <c r="L9727" s="40"/>
      <c r="M9727" s="40"/>
      <c r="N9727" s="40"/>
    </row>
    <row r="9728" spans="4:14" x14ac:dyDescent="0.25">
      <c r="D9728" s="40"/>
      <c r="F9728" s="40">
        <v>161.98333299999999</v>
      </c>
      <c r="G9728" s="40">
        <v>22.489507344124856</v>
      </c>
      <c r="H9728" s="40">
        <v>161.98333400000001</v>
      </c>
      <c r="I9728" s="40">
        <v>24.241268415026507</v>
      </c>
      <c r="L9728" s="40"/>
      <c r="M9728" s="40"/>
      <c r="N9728" s="40"/>
    </row>
    <row r="9729" spans="4:14" x14ac:dyDescent="0.25">
      <c r="D9729" s="40"/>
      <c r="F9729" s="40">
        <v>162</v>
      </c>
      <c r="G9729" s="40">
        <v>22.489507344124856</v>
      </c>
      <c r="H9729" s="40">
        <v>162</v>
      </c>
      <c r="I9729" s="40">
        <v>24.241268415026507</v>
      </c>
      <c r="L9729" s="40"/>
      <c r="M9729" s="40"/>
      <c r="N9729" s="40"/>
    </row>
    <row r="9730" spans="4:14" x14ac:dyDescent="0.25">
      <c r="D9730" s="40"/>
      <c r="F9730" s="40">
        <v>162.01666699999998</v>
      </c>
      <c r="G9730" s="40">
        <v>22.489507344124856</v>
      </c>
      <c r="H9730" s="40">
        <v>162.01666700000001</v>
      </c>
      <c r="I9730" s="40">
        <v>24.241268415026507</v>
      </c>
      <c r="L9730" s="40"/>
      <c r="M9730" s="40"/>
      <c r="N9730" s="40"/>
    </row>
    <row r="9731" spans="4:14" x14ac:dyDescent="0.25">
      <c r="D9731" s="40"/>
      <c r="F9731" s="40">
        <v>162.033333</v>
      </c>
      <c r="G9731" s="40">
        <v>22.489507344124856</v>
      </c>
      <c r="H9731" s="40">
        <v>162.033334</v>
      </c>
      <c r="I9731" s="40">
        <v>24.244621151169763</v>
      </c>
      <c r="L9731" s="40"/>
      <c r="M9731" s="40"/>
      <c r="N9731" s="40"/>
    </row>
    <row r="9732" spans="4:14" x14ac:dyDescent="0.25">
      <c r="D9732" s="40"/>
      <c r="F9732" s="40">
        <v>162.04999999999998</v>
      </c>
      <c r="G9732" s="40">
        <v>22.484752100034761</v>
      </c>
      <c r="H9732" s="40">
        <v>162.05000000000001</v>
      </c>
      <c r="I9732" s="40">
        <v>24.244621151169763</v>
      </c>
      <c r="L9732" s="40"/>
      <c r="M9732" s="40"/>
      <c r="N9732" s="40"/>
    </row>
    <row r="9733" spans="4:14" x14ac:dyDescent="0.25">
      <c r="D9733" s="40"/>
      <c r="F9733" s="40">
        <v>162.066667</v>
      </c>
      <c r="G9733" s="40">
        <v>22.484752100034761</v>
      </c>
      <c r="H9733" s="40">
        <v>162.066667</v>
      </c>
      <c r="I9733" s="40">
        <v>24.247875277426523</v>
      </c>
      <c r="L9733" s="40"/>
      <c r="M9733" s="40"/>
      <c r="N9733" s="40"/>
    </row>
    <row r="9734" spans="4:14" x14ac:dyDescent="0.25">
      <c r="D9734" s="40"/>
      <c r="F9734" s="40">
        <v>162.08333299999998</v>
      </c>
      <c r="G9734" s="40">
        <v>22.484752100034761</v>
      </c>
      <c r="H9734" s="40">
        <v>162.08333400000001</v>
      </c>
      <c r="I9734" s="40">
        <v>24.247875277426523</v>
      </c>
      <c r="L9734" s="40"/>
      <c r="M9734" s="40"/>
      <c r="N9734" s="40"/>
    </row>
    <row r="9735" spans="4:14" x14ac:dyDescent="0.25">
      <c r="D9735" s="40"/>
      <c r="F9735" s="40">
        <v>162.1</v>
      </c>
      <c r="G9735" s="40">
        <v>22.484752100034761</v>
      </c>
      <c r="H9735" s="40">
        <v>162.1</v>
      </c>
      <c r="I9735" s="40">
        <v>24.251228013569783</v>
      </c>
      <c r="L9735" s="40"/>
      <c r="M9735" s="40"/>
      <c r="N9735" s="40"/>
    </row>
    <row r="9736" spans="4:14" x14ac:dyDescent="0.25">
      <c r="D9736" s="40"/>
      <c r="F9736" s="40">
        <v>162.11666700000001</v>
      </c>
      <c r="G9736" s="40">
        <v>22.484752100034761</v>
      </c>
      <c r="H9736" s="40">
        <v>162.11666700000001</v>
      </c>
      <c r="I9736" s="40">
        <v>24.251228013569783</v>
      </c>
      <c r="L9736" s="40"/>
      <c r="M9736" s="40"/>
      <c r="N9736" s="40"/>
    </row>
    <row r="9737" spans="4:14" x14ac:dyDescent="0.25">
      <c r="D9737" s="40"/>
      <c r="F9737" s="40">
        <v>162.13333299999999</v>
      </c>
      <c r="G9737" s="40">
        <v>22.484752100034761</v>
      </c>
      <c r="H9737" s="40">
        <v>162.13333400000002</v>
      </c>
      <c r="I9737" s="40">
        <v>24.254580749713217</v>
      </c>
      <c r="L9737" s="40"/>
      <c r="M9737" s="40"/>
      <c r="N9737" s="40"/>
    </row>
    <row r="9738" spans="4:14" x14ac:dyDescent="0.25">
      <c r="D9738" s="40"/>
      <c r="F9738" s="40">
        <v>162.15</v>
      </c>
      <c r="G9738" s="40">
        <v>22.484752100034761</v>
      </c>
      <c r="H9738" s="40">
        <v>162.15</v>
      </c>
      <c r="I9738" s="40">
        <v>24.254580749713217</v>
      </c>
      <c r="L9738" s="40"/>
      <c r="M9738" s="40"/>
      <c r="N9738" s="40"/>
    </row>
    <row r="9739" spans="4:14" x14ac:dyDescent="0.25">
      <c r="D9739" s="40"/>
      <c r="F9739" s="40">
        <v>162.16666699999999</v>
      </c>
      <c r="G9739" s="40">
        <v>22.489507344124856</v>
      </c>
      <c r="H9739" s="40">
        <v>162.16666700000002</v>
      </c>
      <c r="I9739" s="40">
        <v>24.25783487596998</v>
      </c>
      <c r="L9739" s="40"/>
      <c r="M9739" s="40"/>
      <c r="N9739" s="40"/>
    </row>
    <row r="9740" spans="4:14" x14ac:dyDescent="0.25">
      <c r="D9740" s="40"/>
      <c r="F9740" s="40">
        <v>162.183333</v>
      </c>
      <c r="G9740" s="40">
        <v>22.489507344124856</v>
      </c>
      <c r="H9740" s="40">
        <v>162.183334</v>
      </c>
      <c r="I9740" s="40">
        <v>24.25783487596998</v>
      </c>
      <c r="L9740" s="40"/>
      <c r="M9740" s="40"/>
      <c r="N9740" s="40"/>
    </row>
    <row r="9741" spans="4:14" x14ac:dyDescent="0.25">
      <c r="D9741" s="40"/>
      <c r="F9741" s="40">
        <v>162.19999999999999</v>
      </c>
      <c r="G9741" s="40">
        <v>22.489507344124856</v>
      </c>
      <c r="H9741" s="40">
        <v>162.20000000000002</v>
      </c>
      <c r="I9741" s="40">
        <v>24.261187612113236</v>
      </c>
      <c r="L9741" s="40"/>
      <c r="M9741" s="40"/>
      <c r="N9741" s="40"/>
    </row>
    <row r="9742" spans="4:14" x14ac:dyDescent="0.25">
      <c r="D9742" s="40"/>
      <c r="F9742" s="40">
        <v>162.216667</v>
      </c>
      <c r="G9742" s="40">
        <v>22.489507344124856</v>
      </c>
      <c r="H9742" s="40">
        <v>162.216667</v>
      </c>
      <c r="I9742" s="40">
        <v>24.261187612113236</v>
      </c>
      <c r="L9742" s="40"/>
      <c r="M9742" s="40"/>
      <c r="N9742" s="40"/>
    </row>
    <row r="9743" spans="4:14" x14ac:dyDescent="0.25">
      <c r="D9743" s="40"/>
      <c r="F9743" s="40">
        <v>162.23333299999999</v>
      </c>
      <c r="G9743" s="40">
        <v>22.489507344124856</v>
      </c>
      <c r="H9743" s="40">
        <v>162.23333400000001</v>
      </c>
      <c r="I9743" s="40">
        <v>24.264540348256496</v>
      </c>
      <c r="L9743" s="40"/>
      <c r="M9743" s="40"/>
      <c r="N9743" s="40"/>
    </row>
    <row r="9744" spans="4:14" x14ac:dyDescent="0.25">
      <c r="D9744" s="40"/>
      <c r="F9744" s="40">
        <v>162.25</v>
      </c>
      <c r="G9744" s="40">
        <v>22.489507344124856</v>
      </c>
      <c r="H9744" s="40">
        <v>162.25</v>
      </c>
      <c r="I9744" s="40">
        <v>24.264540348256496</v>
      </c>
      <c r="L9744" s="40"/>
      <c r="M9744" s="40"/>
      <c r="N9744" s="40"/>
    </row>
    <row r="9745" spans="4:14" x14ac:dyDescent="0.25">
      <c r="D9745" s="40"/>
      <c r="F9745" s="40">
        <v>162.26666699999998</v>
      </c>
      <c r="G9745" s="40">
        <v>22.489507344124856</v>
      </c>
      <c r="H9745" s="40">
        <v>162.26666700000001</v>
      </c>
      <c r="I9745" s="40">
        <v>24.267794474513256</v>
      </c>
      <c r="L9745" s="40"/>
      <c r="M9745" s="40"/>
      <c r="N9745" s="40"/>
    </row>
    <row r="9746" spans="4:14" x14ac:dyDescent="0.25">
      <c r="D9746" s="40"/>
      <c r="F9746" s="40">
        <v>162.283333</v>
      </c>
      <c r="G9746" s="40">
        <v>22.494122728094755</v>
      </c>
      <c r="H9746" s="40">
        <v>162.283334</v>
      </c>
      <c r="I9746" s="40">
        <v>24.267794474513256</v>
      </c>
      <c r="L9746" s="40"/>
      <c r="M9746" s="40"/>
      <c r="N9746" s="40"/>
    </row>
    <row r="9747" spans="4:14" x14ac:dyDescent="0.25">
      <c r="D9747" s="40"/>
      <c r="F9747" s="40">
        <v>162.29999999999998</v>
      </c>
      <c r="G9747" s="40">
        <v>22.494122728094755</v>
      </c>
      <c r="H9747" s="40">
        <v>162.30000000000001</v>
      </c>
      <c r="I9747" s="40">
        <v>24.267794474513256</v>
      </c>
      <c r="L9747" s="40"/>
      <c r="M9747" s="40"/>
      <c r="N9747" s="40"/>
    </row>
    <row r="9748" spans="4:14" x14ac:dyDescent="0.25">
      <c r="D9748" s="40"/>
      <c r="F9748" s="40">
        <v>162.316667</v>
      </c>
      <c r="G9748" s="40">
        <v>22.494122728094755</v>
      </c>
      <c r="H9748" s="40">
        <v>162.316667</v>
      </c>
      <c r="I9748" s="40">
        <v>24.271147210656689</v>
      </c>
      <c r="L9748" s="40"/>
      <c r="M9748" s="40"/>
      <c r="N9748" s="40"/>
    </row>
    <row r="9749" spans="4:14" x14ac:dyDescent="0.25">
      <c r="D9749" s="40"/>
      <c r="F9749" s="40">
        <v>162.33333299999998</v>
      </c>
      <c r="G9749" s="40">
        <v>22.494122728094755</v>
      </c>
      <c r="H9749" s="40">
        <v>162.33333400000001</v>
      </c>
      <c r="I9749" s="40">
        <v>24.271147210656689</v>
      </c>
      <c r="L9749" s="40"/>
      <c r="M9749" s="40"/>
      <c r="N9749" s="40"/>
    </row>
    <row r="9750" spans="4:14" x14ac:dyDescent="0.25">
      <c r="D9750" s="40"/>
      <c r="F9750" s="40">
        <v>162.35</v>
      </c>
      <c r="G9750" s="40">
        <v>22.494122728094755</v>
      </c>
      <c r="H9750" s="40">
        <v>162.35</v>
      </c>
      <c r="I9750" s="40">
        <v>24.271147210656689</v>
      </c>
      <c r="L9750" s="40"/>
      <c r="M9750" s="40"/>
      <c r="N9750" s="40"/>
    </row>
    <row r="9751" spans="4:14" x14ac:dyDescent="0.25">
      <c r="D9751" s="40"/>
      <c r="F9751" s="40">
        <v>162.36666700000001</v>
      </c>
      <c r="G9751" s="40">
        <v>22.494122728094755</v>
      </c>
      <c r="H9751" s="40">
        <v>162.36666700000001</v>
      </c>
      <c r="I9751" s="40">
        <v>24.274499946799946</v>
      </c>
      <c r="L9751" s="40"/>
      <c r="M9751" s="40"/>
      <c r="N9751" s="40"/>
    </row>
    <row r="9752" spans="4:14" x14ac:dyDescent="0.25">
      <c r="D9752" s="40"/>
      <c r="F9752" s="40">
        <v>162.38333299999999</v>
      </c>
      <c r="G9752" s="40">
        <v>22.494122728094755</v>
      </c>
      <c r="H9752" s="40">
        <v>162.38333400000002</v>
      </c>
      <c r="I9752" s="40">
        <v>24.274499946799946</v>
      </c>
      <c r="L9752" s="40"/>
      <c r="M9752" s="40"/>
      <c r="N9752" s="40"/>
    </row>
    <row r="9753" spans="4:14" x14ac:dyDescent="0.25">
      <c r="D9753" s="40"/>
      <c r="F9753" s="40">
        <v>162.4</v>
      </c>
      <c r="G9753" s="40">
        <v>22.494122728094755</v>
      </c>
      <c r="H9753" s="40">
        <v>162.4</v>
      </c>
      <c r="I9753" s="40">
        <v>24.277754073056709</v>
      </c>
      <c r="L9753" s="40"/>
      <c r="M9753" s="40"/>
      <c r="N9753" s="40"/>
    </row>
    <row r="9754" spans="4:14" x14ac:dyDescent="0.25">
      <c r="D9754" s="40"/>
      <c r="F9754" s="40">
        <v>162.41666699999999</v>
      </c>
      <c r="G9754" s="40">
        <v>22.498877972184975</v>
      </c>
      <c r="H9754" s="40">
        <v>162.41666700000002</v>
      </c>
      <c r="I9754" s="40">
        <v>24.277754073056709</v>
      </c>
      <c r="L9754" s="40"/>
      <c r="M9754" s="40"/>
      <c r="N9754" s="40"/>
    </row>
    <row r="9755" spans="4:14" x14ac:dyDescent="0.25">
      <c r="D9755" s="40"/>
      <c r="F9755" s="40">
        <v>162.433333</v>
      </c>
      <c r="G9755" s="40">
        <v>22.498877972184975</v>
      </c>
      <c r="H9755" s="40">
        <v>162.433334</v>
      </c>
      <c r="I9755" s="40">
        <v>24.281106809199969</v>
      </c>
      <c r="L9755" s="40"/>
      <c r="M9755" s="40"/>
      <c r="N9755" s="40"/>
    </row>
    <row r="9756" spans="4:14" x14ac:dyDescent="0.25">
      <c r="D9756" s="40"/>
      <c r="F9756" s="40">
        <v>162.44999999999999</v>
      </c>
      <c r="G9756" s="40">
        <v>22.50363321627507</v>
      </c>
      <c r="H9756" s="40">
        <v>162.45000000000002</v>
      </c>
      <c r="I9756" s="40">
        <v>24.281106809199969</v>
      </c>
      <c r="L9756" s="40"/>
      <c r="M9756" s="40"/>
      <c r="N9756" s="40"/>
    </row>
    <row r="9757" spans="4:14" x14ac:dyDescent="0.25">
      <c r="D9757" s="40"/>
      <c r="F9757" s="40">
        <v>162.466667</v>
      </c>
      <c r="G9757" s="40">
        <v>22.50363321627507</v>
      </c>
      <c r="H9757" s="40">
        <v>162.466667</v>
      </c>
      <c r="I9757" s="40">
        <v>24.281106809199969</v>
      </c>
      <c r="L9757" s="40"/>
      <c r="M9757" s="40"/>
      <c r="N9757" s="40"/>
    </row>
    <row r="9758" spans="4:14" x14ac:dyDescent="0.25">
      <c r="D9758" s="40"/>
      <c r="F9758" s="40">
        <v>162.48333299999999</v>
      </c>
      <c r="G9758" s="40">
        <v>22.50363321627507</v>
      </c>
      <c r="H9758" s="40">
        <v>162.48333400000001</v>
      </c>
      <c r="I9758" s="40">
        <v>24.284459545343225</v>
      </c>
      <c r="L9758" s="40"/>
      <c r="M9758" s="40"/>
      <c r="N9758" s="40"/>
    </row>
    <row r="9759" spans="4:14" x14ac:dyDescent="0.25">
      <c r="D9759" s="40"/>
      <c r="F9759" s="40">
        <v>162.5</v>
      </c>
      <c r="G9759" s="40">
        <v>22.508248600244968</v>
      </c>
      <c r="H9759" s="40">
        <v>162.5</v>
      </c>
      <c r="I9759" s="40">
        <v>24.284459545343225</v>
      </c>
      <c r="L9759" s="40"/>
      <c r="M9759" s="40"/>
      <c r="N9759" s="40"/>
    </row>
    <row r="9760" spans="4:14" x14ac:dyDescent="0.25">
      <c r="D9760" s="40"/>
      <c r="F9760" s="40">
        <v>162.51666699999998</v>
      </c>
      <c r="G9760" s="40">
        <v>22.508248600244968</v>
      </c>
      <c r="H9760" s="40">
        <v>162.51666700000001</v>
      </c>
      <c r="I9760" s="40">
        <v>24.287713671599988</v>
      </c>
      <c r="L9760" s="40"/>
      <c r="M9760" s="40"/>
      <c r="N9760" s="40"/>
    </row>
    <row r="9761" spans="4:14" x14ac:dyDescent="0.25">
      <c r="D9761" s="40"/>
      <c r="F9761" s="40">
        <v>162.533333</v>
      </c>
      <c r="G9761" s="40">
        <v>22.508248600244968</v>
      </c>
      <c r="H9761" s="40">
        <v>162.533334</v>
      </c>
      <c r="I9761" s="40">
        <v>24.287713671599988</v>
      </c>
      <c r="L9761" s="40"/>
      <c r="M9761" s="40"/>
      <c r="N9761" s="40"/>
    </row>
    <row r="9762" spans="4:14" x14ac:dyDescent="0.25">
      <c r="D9762" s="40"/>
      <c r="F9762" s="40">
        <v>162.54999999999998</v>
      </c>
      <c r="G9762" s="40">
        <v>22.508248600244968</v>
      </c>
      <c r="H9762" s="40">
        <v>162.55000000000001</v>
      </c>
      <c r="I9762" s="40">
        <v>24.287713671599988</v>
      </c>
      <c r="L9762" s="40"/>
      <c r="M9762" s="40"/>
      <c r="N9762" s="40"/>
    </row>
    <row r="9763" spans="4:14" x14ac:dyDescent="0.25">
      <c r="D9763" s="40"/>
      <c r="F9763" s="40">
        <v>162.566667</v>
      </c>
      <c r="G9763" s="40">
        <v>22.513003844335188</v>
      </c>
      <c r="H9763" s="40">
        <v>162.566667</v>
      </c>
      <c r="I9763" s="40">
        <v>24.291066407743418</v>
      </c>
      <c r="L9763" s="40"/>
      <c r="M9763" s="40"/>
      <c r="N9763" s="40"/>
    </row>
    <row r="9764" spans="4:14" x14ac:dyDescent="0.25">
      <c r="D9764" s="40"/>
      <c r="F9764" s="40">
        <v>162.58333299999998</v>
      </c>
      <c r="G9764" s="40">
        <v>22.513003844335188</v>
      </c>
      <c r="H9764" s="40">
        <v>162.58333400000001</v>
      </c>
      <c r="I9764" s="40">
        <v>24.291066407743418</v>
      </c>
      <c r="L9764" s="40"/>
      <c r="M9764" s="40"/>
      <c r="N9764" s="40"/>
    </row>
    <row r="9765" spans="4:14" x14ac:dyDescent="0.25">
      <c r="D9765" s="40"/>
      <c r="F9765" s="40">
        <v>162.6</v>
      </c>
      <c r="G9765" s="40">
        <v>22.513003844335188</v>
      </c>
      <c r="H9765" s="40">
        <v>162.6</v>
      </c>
      <c r="I9765" s="40">
        <v>24.294419143886675</v>
      </c>
      <c r="L9765" s="40"/>
      <c r="M9765" s="40"/>
      <c r="N9765" s="40"/>
    </row>
    <row r="9766" spans="4:14" x14ac:dyDescent="0.25">
      <c r="D9766" s="40"/>
      <c r="F9766" s="40">
        <v>162.61666700000001</v>
      </c>
      <c r="G9766" s="40">
        <v>22.513003844335188</v>
      </c>
      <c r="H9766" s="40">
        <v>162.61666700000001</v>
      </c>
      <c r="I9766" s="40">
        <v>24.294419143886675</v>
      </c>
      <c r="L9766" s="40"/>
      <c r="M9766" s="40"/>
      <c r="N9766" s="40"/>
    </row>
    <row r="9767" spans="4:14" x14ac:dyDescent="0.25">
      <c r="D9767" s="40"/>
      <c r="F9767" s="40">
        <v>162.63333299999999</v>
      </c>
      <c r="G9767" s="40">
        <v>22.517759088425407</v>
      </c>
      <c r="H9767" s="40">
        <v>162.63333400000002</v>
      </c>
      <c r="I9767" s="40">
        <v>24.294419143886675</v>
      </c>
      <c r="L9767" s="40"/>
      <c r="M9767" s="40"/>
      <c r="N9767" s="40"/>
    </row>
    <row r="9768" spans="4:14" x14ac:dyDescent="0.25">
      <c r="D9768" s="40"/>
      <c r="F9768" s="40">
        <v>162.65</v>
      </c>
      <c r="G9768" s="40">
        <v>22.517759088425407</v>
      </c>
      <c r="H9768" s="40">
        <v>162.65</v>
      </c>
      <c r="I9768" s="40">
        <v>24.297673270143438</v>
      </c>
      <c r="L9768" s="40"/>
      <c r="M9768" s="40"/>
      <c r="N9768" s="40"/>
    </row>
    <row r="9769" spans="4:14" x14ac:dyDescent="0.25">
      <c r="D9769" s="40"/>
      <c r="F9769" s="40">
        <v>162.66666699999999</v>
      </c>
      <c r="G9769" s="40">
        <v>22.517759088425407</v>
      </c>
      <c r="H9769" s="40">
        <v>162.66666700000002</v>
      </c>
      <c r="I9769" s="40">
        <v>24.297673270143438</v>
      </c>
      <c r="L9769" s="40"/>
      <c r="M9769" s="40"/>
      <c r="N9769" s="40"/>
    </row>
    <row r="9770" spans="4:14" x14ac:dyDescent="0.25">
      <c r="D9770" s="40"/>
      <c r="F9770" s="40">
        <v>162.683333</v>
      </c>
      <c r="G9770" s="40">
        <v>22.517759088425407</v>
      </c>
      <c r="H9770" s="40">
        <v>162.683334</v>
      </c>
      <c r="I9770" s="40">
        <v>24.297673270143438</v>
      </c>
      <c r="L9770" s="40"/>
      <c r="M9770" s="40"/>
      <c r="N9770" s="40"/>
    </row>
    <row r="9771" spans="4:14" x14ac:dyDescent="0.25">
      <c r="D9771" s="40"/>
      <c r="F9771" s="40">
        <v>162.69999999999999</v>
      </c>
      <c r="G9771" s="40">
        <v>22.517759088425407</v>
      </c>
      <c r="H9771" s="40">
        <v>162.70000000000002</v>
      </c>
      <c r="I9771" s="40">
        <v>24.301026006286698</v>
      </c>
      <c r="L9771" s="40"/>
      <c r="M9771" s="40"/>
      <c r="N9771" s="40"/>
    </row>
    <row r="9772" spans="4:14" x14ac:dyDescent="0.25">
      <c r="D9772" s="40"/>
      <c r="F9772" s="40">
        <v>162.716667</v>
      </c>
      <c r="G9772" s="40">
        <v>22.517759088425407</v>
      </c>
      <c r="H9772" s="40">
        <v>162.716667</v>
      </c>
      <c r="I9772" s="40">
        <v>24.301026006286698</v>
      </c>
      <c r="L9772" s="40"/>
      <c r="M9772" s="40"/>
      <c r="N9772" s="40"/>
    </row>
    <row r="9773" spans="4:14" x14ac:dyDescent="0.25">
      <c r="D9773" s="40"/>
      <c r="F9773" s="40">
        <v>162.73333299999999</v>
      </c>
      <c r="G9773" s="40">
        <v>22.517759088425407</v>
      </c>
      <c r="H9773" s="40">
        <v>162.73333400000001</v>
      </c>
      <c r="I9773" s="40">
        <v>24.301026006286698</v>
      </c>
      <c r="L9773" s="40"/>
      <c r="M9773" s="40"/>
      <c r="N9773" s="40"/>
    </row>
    <row r="9774" spans="4:14" x14ac:dyDescent="0.25">
      <c r="D9774" s="40"/>
      <c r="F9774" s="40">
        <v>162.75</v>
      </c>
      <c r="G9774" s="40">
        <v>22.517759088425407</v>
      </c>
      <c r="H9774" s="40">
        <v>162.75</v>
      </c>
      <c r="I9774" s="40">
        <v>24.304378742430128</v>
      </c>
      <c r="L9774" s="40"/>
      <c r="M9774" s="40"/>
      <c r="N9774" s="40"/>
    </row>
    <row r="9775" spans="4:14" x14ac:dyDescent="0.25">
      <c r="D9775" s="40"/>
      <c r="F9775" s="40">
        <v>162.76666699999998</v>
      </c>
      <c r="G9775" s="40">
        <v>22.517759088425407</v>
      </c>
      <c r="H9775" s="40">
        <v>162.76666700000001</v>
      </c>
      <c r="I9775" s="40">
        <v>24.304378742430128</v>
      </c>
      <c r="L9775" s="40"/>
      <c r="M9775" s="40"/>
      <c r="N9775" s="40"/>
    </row>
    <row r="9776" spans="4:14" x14ac:dyDescent="0.25">
      <c r="D9776" s="40"/>
      <c r="F9776" s="40">
        <v>162.783333</v>
      </c>
      <c r="G9776" s="40">
        <v>22.517759088425407</v>
      </c>
      <c r="H9776" s="40">
        <v>162.783334</v>
      </c>
      <c r="I9776" s="40">
        <v>24.307632868686717</v>
      </c>
      <c r="L9776" s="40"/>
      <c r="M9776" s="40"/>
      <c r="N9776" s="40"/>
    </row>
    <row r="9777" spans="4:14" x14ac:dyDescent="0.25">
      <c r="D9777" s="40"/>
      <c r="F9777" s="40">
        <v>162.79999999999998</v>
      </c>
      <c r="G9777" s="40">
        <v>22.517759088425407</v>
      </c>
      <c r="H9777" s="40">
        <v>162.80000000000001</v>
      </c>
      <c r="I9777" s="40">
        <v>24.307632868686717</v>
      </c>
      <c r="L9777" s="40"/>
      <c r="M9777" s="40"/>
      <c r="N9777" s="40"/>
    </row>
    <row r="9778" spans="4:14" x14ac:dyDescent="0.25">
      <c r="D9778" s="40"/>
      <c r="F9778" s="40">
        <v>162.816667</v>
      </c>
      <c r="G9778" s="40">
        <v>22.517759088425407</v>
      </c>
      <c r="H9778" s="40">
        <v>162.816667</v>
      </c>
      <c r="I9778" s="40">
        <v>24.310985604830147</v>
      </c>
      <c r="L9778" s="40"/>
      <c r="M9778" s="40"/>
      <c r="N9778" s="40"/>
    </row>
    <row r="9779" spans="4:14" x14ac:dyDescent="0.25">
      <c r="D9779" s="40"/>
      <c r="F9779" s="40">
        <v>162.83333299999998</v>
      </c>
      <c r="G9779" s="40">
        <v>22.517759088425407</v>
      </c>
      <c r="H9779" s="40">
        <v>162.83333400000001</v>
      </c>
      <c r="I9779" s="40">
        <v>24.310985604830147</v>
      </c>
      <c r="L9779" s="40"/>
      <c r="M9779" s="40"/>
      <c r="N9779" s="40"/>
    </row>
    <row r="9780" spans="4:14" x14ac:dyDescent="0.25">
      <c r="D9780" s="40"/>
      <c r="F9780" s="40">
        <v>162.85</v>
      </c>
      <c r="G9780" s="40">
        <v>22.513003844335188</v>
      </c>
      <c r="H9780" s="40">
        <v>162.85</v>
      </c>
      <c r="I9780" s="40">
        <v>24.310985604830147</v>
      </c>
      <c r="L9780" s="40"/>
      <c r="M9780" s="40"/>
      <c r="N9780" s="40"/>
    </row>
    <row r="9781" spans="4:14" x14ac:dyDescent="0.25">
      <c r="D9781" s="40"/>
      <c r="F9781" s="40">
        <v>162.86666700000001</v>
      </c>
      <c r="G9781" s="40">
        <v>22.513003844335188</v>
      </c>
      <c r="H9781" s="40">
        <v>162.86666700000001</v>
      </c>
      <c r="I9781" s="40">
        <v>24.314338340973407</v>
      </c>
      <c r="L9781" s="40"/>
      <c r="M9781" s="40"/>
      <c r="N9781" s="40"/>
    </row>
    <row r="9782" spans="4:14" x14ac:dyDescent="0.25">
      <c r="D9782" s="40"/>
      <c r="F9782" s="40">
        <v>162.88333299999999</v>
      </c>
      <c r="G9782" s="40">
        <v>22.513003844335188</v>
      </c>
      <c r="H9782" s="40">
        <v>162.88333400000002</v>
      </c>
      <c r="I9782" s="40">
        <v>24.314338340973407</v>
      </c>
      <c r="L9782" s="40"/>
      <c r="M9782" s="40"/>
      <c r="N9782" s="40"/>
    </row>
    <row r="9783" spans="4:14" x14ac:dyDescent="0.25">
      <c r="D9783" s="40"/>
      <c r="F9783" s="40">
        <v>162.9</v>
      </c>
      <c r="G9783" s="40">
        <v>22.513003844335188</v>
      </c>
      <c r="H9783" s="40">
        <v>162.9</v>
      </c>
      <c r="I9783" s="40">
        <v>24.314338340973407</v>
      </c>
      <c r="L9783" s="40"/>
      <c r="M9783" s="40"/>
      <c r="N9783" s="40"/>
    </row>
    <row r="9784" spans="4:14" x14ac:dyDescent="0.25">
      <c r="D9784" s="40"/>
      <c r="F9784" s="40">
        <v>162.91666699999999</v>
      </c>
      <c r="G9784" s="40">
        <v>22.513003844335188</v>
      </c>
      <c r="H9784" s="40">
        <v>162.91666700000002</v>
      </c>
      <c r="I9784" s="40">
        <v>24.31759246723017</v>
      </c>
      <c r="L9784" s="40"/>
      <c r="M9784" s="40"/>
      <c r="N9784" s="40"/>
    </row>
    <row r="9785" spans="4:14" x14ac:dyDescent="0.25">
      <c r="D9785" s="40"/>
      <c r="F9785" s="40">
        <v>162.933333</v>
      </c>
      <c r="G9785" s="40">
        <v>22.513003844335188</v>
      </c>
      <c r="H9785" s="40">
        <v>162.933334</v>
      </c>
      <c r="I9785" s="40">
        <v>24.31759246723017</v>
      </c>
      <c r="L9785" s="40"/>
      <c r="M9785" s="40"/>
      <c r="N9785" s="40"/>
    </row>
    <row r="9786" spans="4:14" x14ac:dyDescent="0.25">
      <c r="D9786" s="40"/>
      <c r="F9786" s="40">
        <v>162.94999999999999</v>
      </c>
      <c r="G9786" s="40">
        <v>22.513003844335188</v>
      </c>
      <c r="H9786" s="40">
        <v>162.95000000000002</v>
      </c>
      <c r="I9786" s="40">
        <v>24.320945203373427</v>
      </c>
      <c r="L9786" s="40"/>
      <c r="M9786" s="40"/>
      <c r="N9786" s="40"/>
    </row>
    <row r="9787" spans="4:14" x14ac:dyDescent="0.25">
      <c r="D9787" s="40"/>
      <c r="F9787" s="40">
        <v>162.966667</v>
      </c>
      <c r="G9787" s="40">
        <v>22.508248600244968</v>
      </c>
      <c r="H9787" s="40">
        <v>162.966667</v>
      </c>
      <c r="I9787" s="40">
        <v>24.320945203373427</v>
      </c>
      <c r="L9787" s="40"/>
      <c r="M9787" s="40"/>
      <c r="N9787" s="40"/>
    </row>
    <row r="9788" spans="4:14" x14ac:dyDescent="0.25">
      <c r="D9788" s="40"/>
      <c r="F9788" s="40">
        <v>162.98333299999999</v>
      </c>
      <c r="G9788" s="40">
        <v>22.508248600244968</v>
      </c>
      <c r="H9788" s="40">
        <v>162.98333400000001</v>
      </c>
      <c r="I9788" s="40">
        <v>24.320945203373427</v>
      </c>
      <c r="L9788" s="40"/>
      <c r="M9788" s="40"/>
      <c r="N9788" s="40"/>
    </row>
    <row r="9789" spans="4:14" x14ac:dyDescent="0.25">
      <c r="D9789" s="40"/>
      <c r="F9789" s="40">
        <v>163</v>
      </c>
      <c r="G9789" s="40">
        <v>22.508248600244968</v>
      </c>
      <c r="H9789" s="40">
        <v>163</v>
      </c>
      <c r="I9789" s="40">
        <v>24.324297939516857</v>
      </c>
      <c r="L9789" s="40"/>
      <c r="M9789" s="40"/>
      <c r="N9789" s="40"/>
    </row>
    <row r="9790" spans="4:14" x14ac:dyDescent="0.25">
      <c r="D9790" s="40"/>
      <c r="F9790" s="40">
        <v>163.01666699999998</v>
      </c>
      <c r="G9790" s="40">
        <v>22.508248600244968</v>
      </c>
      <c r="H9790" s="40">
        <v>163.01666700000001</v>
      </c>
      <c r="I9790" s="40">
        <v>24.324297939516857</v>
      </c>
      <c r="L9790" s="40"/>
      <c r="M9790" s="40"/>
      <c r="N9790" s="40"/>
    </row>
    <row r="9791" spans="4:14" x14ac:dyDescent="0.25">
      <c r="D9791" s="40"/>
      <c r="F9791" s="40">
        <v>163.033333</v>
      </c>
      <c r="G9791" s="40">
        <v>22.508248600244968</v>
      </c>
      <c r="H9791" s="40">
        <v>163.033334</v>
      </c>
      <c r="I9791" s="40">
        <v>24.32755206577362</v>
      </c>
      <c r="L9791" s="40"/>
      <c r="M9791" s="40"/>
      <c r="N9791" s="40"/>
    </row>
    <row r="9792" spans="4:14" x14ac:dyDescent="0.25">
      <c r="D9792" s="40"/>
      <c r="F9792" s="40">
        <v>163.04999999999998</v>
      </c>
      <c r="G9792" s="40">
        <v>22.508248600244968</v>
      </c>
      <c r="H9792" s="40">
        <v>163.05000000000001</v>
      </c>
      <c r="I9792" s="40">
        <v>24.32755206577362</v>
      </c>
      <c r="L9792" s="40"/>
      <c r="M9792" s="40"/>
      <c r="N9792" s="40"/>
    </row>
    <row r="9793" spans="4:14" x14ac:dyDescent="0.25">
      <c r="D9793" s="40"/>
      <c r="F9793" s="40">
        <v>163.066667</v>
      </c>
      <c r="G9793" s="40">
        <v>22.508248600244968</v>
      </c>
      <c r="H9793" s="40">
        <v>163.066667</v>
      </c>
      <c r="I9793" s="40">
        <v>24.32755206577362</v>
      </c>
      <c r="L9793" s="40"/>
      <c r="M9793" s="40"/>
      <c r="N9793" s="40"/>
    </row>
    <row r="9794" spans="4:14" x14ac:dyDescent="0.25">
      <c r="D9794" s="40"/>
      <c r="F9794" s="40">
        <v>163.08333299999998</v>
      </c>
      <c r="G9794" s="40">
        <v>22.508248600244968</v>
      </c>
      <c r="H9794" s="40">
        <v>163.08333400000001</v>
      </c>
      <c r="I9794" s="40">
        <v>24.330904801916876</v>
      </c>
      <c r="L9794" s="40"/>
      <c r="M9794" s="40"/>
      <c r="N9794" s="40"/>
    </row>
    <row r="9795" spans="4:14" x14ac:dyDescent="0.25">
      <c r="D9795" s="40"/>
      <c r="F9795" s="40">
        <v>163.1</v>
      </c>
      <c r="G9795" s="40">
        <v>22.508248600244968</v>
      </c>
      <c r="H9795" s="40">
        <v>163.1</v>
      </c>
      <c r="I9795" s="40">
        <v>24.330904801916876</v>
      </c>
      <c r="L9795" s="40"/>
      <c r="M9795" s="40"/>
      <c r="N9795" s="40"/>
    </row>
    <row r="9796" spans="4:14" x14ac:dyDescent="0.25">
      <c r="D9796" s="40"/>
      <c r="F9796" s="40">
        <v>163.11666700000001</v>
      </c>
      <c r="G9796" s="40">
        <v>22.508248600244968</v>
      </c>
      <c r="H9796" s="40">
        <v>163.11666700000001</v>
      </c>
      <c r="I9796" s="40">
        <v>24.334257538060136</v>
      </c>
      <c r="L9796" s="40"/>
      <c r="M9796" s="40"/>
      <c r="N9796" s="40"/>
    </row>
    <row r="9797" spans="4:14" x14ac:dyDescent="0.25">
      <c r="D9797" s="40"/>
      <c r="F9797" s="40">
        <v>163.13333299999999</v>
      </c>
      <c r="G9797" s="40">
        <v>22.508248600244968</v>
      </c>
      <c r="H9797" s="40">
        <v>163.13333400000002</v>
      </c>
      <c r="I9797" s="40">
        <v>24.334257538060136</v>
      </c>
      <c r="L9797" s="40"/>
      <c r="M9797" s="40"/>
      <c r="N9797" s="40"/>
    </row>
    <row r="9798" spans="4:14" x14ac:dyDescent="0.25">
      <c r="D9798" s="40"/>
      <c r="F9798" s="40">
        <v>163.15</v>
      </c>
      <c r="G9798" s="40">
        <v>22.513003844335188</v>
      </c>
      <c r="H9798" s="40">
        <v>163.15</v>
      </c>
      <c r="I9798" s="40">
        <v>24.334257538060136</v>
      </c>
      <c r="L9798" s="40"/>
      <c r="M9798" s="40"/>
      <c r="N9798" s="40"/>
    </row>
    <row r="9799" spans="4:14" x14ac:dyDescent="0.25">
      <c r="D9799" s="40"/>
      <c r="F9799" s="40">
        <v>163.16666699999999</v>
      </c>
      <c r="G9799" s="40">
        <v>22.513003844335188</v>
      </c>
      <c r="H9799" s="40">
        <v>163.16666700000002</v>
      </c>
      <c r="I9799" s="40">
        <v>24.337511664316899</v>
      </c>
      <c r="L9799" s="40"/>
      <c r="M9799" s="40"/>
      <c r="N9799" s="40"/>
    </row>
    <row r="9800" spans="4:14" x14ac:dyDescent="0.25">
      <c r="D9800" s="40"/>
      <c r="F9800" s="40">
        <v>163.183333</v>
      </c>
      <c r="G9800" s="40">
        <v>22.513003844335188</v>
      </c>
      <c r="H9800" s="40">
        <v>163.183334</v>
      </c>
      <c r="I9800" s="40">
        <v>24.337511664316899</v>
      </c>
      <c r="L9800" s="40"/>
      <c r="M9800" s="40"/>
      <c r="N9800" s="40"/>
    </row>
    <row r="9801" spans="4:14" x14ac:dyDescent="0.25">
      <c r="D9801" s="40"/>
      <c r="F9801" s="40">
        <v>163.19999999999999</v>
      </c>
      <c r="G9801" s="40">
        <v>22.513003844335188</v>
      </c>
      <c r="H9801" s="40">
        <v>163.20000000000002</v>
      </c>
      <c r="I9801" s="40">
        <v>24.337511664316899</v>
      </c>
      <c r="L9801" s="40"/>
      <c r="M9801" s="40"/>
      <c r="N9801" s="40"/>
    </row>
    <row r="9802" spans="4:14" x14ac:dyDescent="0.25">
      <c r="D9802" s="40"/>
      <c r="F9802" s="40">
        <v>163.216667</v>
      </c>
      <c r="G9802" s="40">
        <v>22.517759088425407</v>
      </c>
      <c r="H9802" s="40">
        <v>163.216667</v>
      </c>
      <c r="I9802" s="40">
        <v>24.340864400460156</v>
      </c>
      <c r="L9802" s="40"/>
      <c r="M9802" s="40"/>
      <c r="N9802" s="40"/>
    </row>
    <row r="9803" spans="4:14" x14ac:dyDescent="0.25">
      <c r="D9803" s="40"/>
      <c r="F9803" s="40">
        <v>163.23333299999999</v>
      </c>
      <c r="G9803" s="40">
        <v>22.517759088425407</v>
      </c>
      <c r="H9803" s="40">
        <v>163.23333400000001</v>
      </c>
      <c r="I9803" s="40">
        <v>24.340864400460156</v>
      </c>
      <c r="L9803" s="40"/>
      <c r="M9803" s="40"/>
      <c r="N9803" s="40"/>
    </row>
    <row r="9804" spans="4:14" x14ac:dyDescent="0.25">
      <c r="D9804" s="40"/>
      <c r="F9804" s="40">
        <v>163.25</v>
      </c>
      <c r="G9804" s="40">
        <v>22.517759088425407</v>
      </c>
      <c r="H9804" s="40">
        <v>163.25</v>
      </c>
      <c r="I9804" s="40">
        <v>24.340864400460156</v>
      </c>
      <c r="L9804" s="40"/>
      <c r="M9804" s="40"/>
      <c r="N9804" s="40"/>
    </row>
    <row r="9805" spans="4:14" x14ac:dyDescent="0.25">
      <c r="D9805" s="40"/>
      <c r="F9805" s="40">
        <v>163.26666699999998</v>
      </c>
      <c r="G9805" s="40">
        <v>22.517759088425407</v>
      </c>
      <c r="H9805" s="40">
        <v>163.26666700000001</v>
      </c>
      <c r="I9805" s="40">
        <v>24.344217136603586</v>
      </c>
      <c r="L9805" s="40"/>
      <c r="M9805" s="40"/>
      <c r="N9805" s="40"/>
    </row>
    <row r="9806" spans="4:14" x14ac:dyDescent="0.25">
      <c r="D9806" s="40"/>
      <c r="F9806" s="40">
        <v>163.283333</v>
      </c>
      <c r="G9806" s="40">
        <v>22.522374472395185</v>
      </c>
      <c r="H9806" s="40">
        <v>163.283334</v>
      </c>
      <c r="I9806" s="40">
        <v>24.344217136603586</v>
      </c>
      <c r="L9806" s="40"/>
      <c r="M9806" s="40"/>
      <c r="N9806" s="40"/>
    </row>
    <row r="9807" spans="4:14" x14ac:dyDescent="0.25">
      <c r="D9807" s="40"/>
      <c r="F9807" s="40">
        <v>163.29999999999998</v>
      </c>
      <c r="G9807" s="40">
        <v>22.522374472395185</v>
      </c>
      <c r="H9807" s="40">
        <v>163.30000000000001</v>
      </c>
      <c r="I9807" s="40">
        <v>24.344217136603586</v>
      </c>
      <c r="L9807" s="40"/>
      <c r="M9807" s="40"/>
      <c r="N9807" s="40"/>
    </row>
    <row r="9808" spans="4:14" x14ac:dyDescent="0.25">
      <c r="D9808" s="40"/>
      <c r="F9808" s="40">
        <v>163.316667</v>
      </c>
      <c r="G9808" s="40">
        <v>22.522374472395185</v>
      </c>
      <c r="H9808" s="40">
        <v>163.316667</v>
      </c>
      <c r="I9808" s="40">
        <v>24.344217136603586</v>
      </c>
      <c r="L9808" s="40"/>
      <c r="M9808" s="40"/>
      <c r="N9808" s="40"/>
    </row>
    <row r="9809" spans="4:14" x14ac:dyDescent="0.25">
      <c r="D9809" s="40"/>
      <c r="F9809" s="40">
        <v>163.33333299999998</v>
      </c>
      <c r="G9809" s="40">
        <v>22.522374472395185</v>
      </c>
      <c r="H9809" s="40">
        <v>163.33333400000001</v>
      </c>
      <c r="I9809" s="40">
        <v>24.347569872746845</v>
      </c>
      <c r="L9809" s="40"/>
      <c r="M9809" s="40"/>
      <c r="N9809" s="40"/>
    </row>
    <row r="9810" spans="4:14" x14ac:dyDescent="0.25">
      <c r="D9810" s="40"/>
      <c r="F9810" s="40">
        <v>163.35</v>
      </c>
      <c r="G9810" s="40">
        <v>22.522374472395185</v>
      </c>
      <c r="H9810" s="40">
        <v>163.35</v>
      </c>
      <c r="I9810" s="40">
        <v>24.347569872746845</v>
      </c>
      <c r="L9810" s="40"/>
      <c r="M9810" s="40"/>
      <c r="N9810" s="40"/>
    </row>
    <row r="9811" spans="4:14" x14ac:dyDescent="0.25">
      <c r="D9811" s="40"/>
      <c r="F9811" s="40">
        <v>163.36666700000001</v>
      </c>
      <c r="G9811" s="40">
        <v>22.522374472395185</v>
      </c>
      <c r="H9811" s="40">
        <v>163.36666700000001</v>
      </c>
      <c r="I9811" s="40">
        <v>24.350823999003609</v>
      </c>
      <c r="L9811" s="40"/>
      <c r="M9811" s="40"/>
      <c r="N9811" s="40"/>
    </row>
    <row r="9812" spans="4:14" x14ac:dyDescent="0.25">
      <c r="D9812" s="40"/>
      <c r="F9812" s="40">
        <v>163.38333299999999</v>
      </c>
      <c r="G9812" s="40">
        <v>22.522374472395185</v>
      </c>
      <c r="H9812" s="40">
        <v>163.38333400000002</v>
      </c>
      <c r="I9812" s="40">
        <v>24.350823999003609</v>
      </c>
      <c r="L9812" s="40"/>
      <c r="M9812" s="40"/>
      <c r="N9812" s="40"/>
    </row>
    <row r="9813" spans="4:14" x14ac:dyDescent="0.25">
      <c r="D9813" s="40"/>
      <c r="F9813" s="40">
        <v>163.4</v>
      </c>
      <c r="G9813" s="40">
        <v>22.522374472395185</v>
      </c>
      <c r="H9813" s="40">
        <v>163.4</v>
      </c>
      <c r="I9813" s="40">
        <v>24.354176735146865</v>
      </c>
      <c r="L9813" s="40"/>
      <c r="M9813" s="40"/>
      <c r="N9813" s="40"/>
    </row>
    <row r="9814" spans="4:14" x14ac:dyDescent="0.25">
      <c r="D9814" s="40"/>
      <c r="F9814" s="40">
        <v>163.41666699999999</v>
      </c>
      <c r="G9814" s="40">
        <v>22.522374472395185</v>
      </c>
      <c r="H9814" s="40">
        <v>163.41666700000002</v>
      </c>
      <c r="I9814" s="40">
        <v>24.354176735146865</v>
      </c>
      <c r="L9814" s="40"/>
      <c r="M9814" s="40"/>
      <c r="N9814" s="40"/>
    </row>
    <row r="9815" spans="4:14" x14ac:dyDescent="0.25">
      <c r="D9815" s="40"/>
      <c r="F9815" s="40">
        <v>163.433333</v>
      </c>
      <c r="G9815" s="40">
        <v>22.522374472395185</v>
      </c>
      <c r="H9815" s="40">
        <v>163.433334</v>
      </c>
      <c r="I9815" s="40">
        <v>24.357529471290299</v>
      </c>
      <c r="L9815" s="40"/>
      <c r="M9815" s="40"/>
      <c r="N9815" s="40"/>
    </row>
    <row r="9816" spans="4:14" x14ac:dyDescent="0.25">
      <c r="D9816" s="40"/>
      <c r="F9816" s="40">
        <v>163.44999999999999</v>
      </c>
      <c r="G9816" s="40">
        <v>22.522374472395185</v>
      </c>
      <c r="H9816" s="40">
        <v>163.45000000000002</v>
      </c>
      <c r="I9816" s="40">
        <v>24.357529471290299</v>
      </c>
      <c r="L9816" s="40"/>
      <c r="M9816" s="40"/>
      <c r="N9816" s="40"/>
    </row>
    <row r="9817" spans="4:14" x14ac:dyDescent="0.25">
      <c r="D9817" s="40"/>
      <c r="F9817" s="40">
        <v>163.466667</v>
      </c>
      <c r="G9817" s="40">
        <v>22.522374472395185</v>
      </c>
      <c r="H9817" s="40">
        <v>163.466667</v>
      </c>
      <c r="I9817" s="40">
        <v>24.360783597547062</v>
      </c>
      <c r="L9817" s="40"/>
      <c r="M9817" s="40"/>
      <c r="N9817" s="40"/>
    </row>
    <row r="9818" spans="4:14" x14ac:dyDescent="0.25">
      <c r="D9818" s="40"/>
      <c r="F9818" s="40">
        <v>163.48333299999999</v>
      </c>
      <c r="G9818" s="40">
        <v>22.522374472395185</v>
      </c>
      <c r="H9818" s="40">
        <v>163.48333400000001</v>
      </c>
      <c r="I9818" s="40">
        <v>24.360783597547062</v>
      </c>
      <c r="L9818" s="40"/>
      <c r="M9818" s="40"/>
      <c r="N9818" s="40"/>
    </row>
    <row r="9819" spans="4:14" x14ac:dyDescent="0.25">
      <c r="D9819" s="40"/>
      <c r="F9819" s="40">
        <v>163.5</v>
      </c>
      <c r="G9819" s="40">
        <v>22.522374472395185</v>
      </c>
      <c r="H9819" s="40">
        <v>163.5</v>
      </c>
      <c r="I9819" s="40">
        <v>24.360783597547062</v>
      </c>
      <c r="L9819" s="40"/>
      <c r="M9819" s="40"/>
      <c r="N9819" s="40"/>
    </row>
    <row r="9820" spans="4:14" x14ac:dyDescent="0.25">
      <c r="D9820" s="40"/>
      <c r="F9820" s="40">
        <v>163.51666699999998</v>
      </c>
      <c r="G9820" s="40">
        <v>22.522374472395185</v>
      </c>
      <c r="H9820" s="40">
        <v>163.51666700000001</v>
      </c>
      <c r="I9820" s="40">
        <v>24.364136333690318</v>
      </c>
      <c r="L9820" s="40"/>
      <c r="M9820" s="40"/>
      <c r="N9820" s="40"/>
    </row>
    <row r="9821" spans="4:14" x14ac:dyDescent="0.25">
      <c r="D9821" s="40"/>
      <c r="F9821" s="40">
        <v>163.533333</v>
      </c>
      <c r="G9821" s="40">
        <v>22.522374472395185</v>
      </c>
      <c r="H9821" s="40">
        <v>163.533334</v>
      </c>
      <c r="I9821" s="40">
        <v>24.364136333690318</v>
      </c>
      <c r="L9821" s="40"/>
      <c r="M9821" s="40"/>
      <c r="N9821" s="40"/>
    </row>
    <row r="9822" spans="4:14" x14ac:dyDescent="0.25">
      <c r="D9822" s="40"/>
      <c r="F9822" s="40">
        <v>163.54999999999998</v>
      </c>
      <c r="G9822" s="40">
        <v>22.522374472395185</v>
      </c>
      <c r="H9822" s="40">
        <v>163.55000000000001</v>
      </c>
      <c r="I9822" s="40">
        <v>24.364136333690318</v>
      </c>
      <c r="L9822" s="40"/>
      <c r="M9822" s="40"/>
      <c r="N9822" s="40"/>
    </row>
    <row r="9823" spans="4:14" x14ac:dyDescent="0.25">
      <c r="D9823" s="40"/>
      <c r="F9823" s="40">
        <v>163.566667</v>
      </c>
      <c r="G9823" s="40">
        <v>22.522374472395185</v>
      </c>
      <c r="H9823" s="40">
        <v>163.566667</v>
      </c>
      <c r="I9823" s="40">
        <v>24.367489069833574</v>
      </c>
      <c r="L9823" s="40"/>
      <c r="M9823" s="40"/>
      <c r="N9823" s="40"/>
    </row>
    <row r="9824" spans="4:14" x14ac:dyDescent="0.25">
      <c r="D9824" s="40"/>
      <c r="F9824" s="40">
        <v>163.58333299999998</v>
      </c>
      <c r="G9824" s="40">
        <v>22.522374472395185</v>
      </c>
      <c r="H9824" s="40">
        <v>163.58333400000001</v>
      </c>
      <c r="I9824" s="40">
        <v>24.367489069833574</v>
      </c>
      <c r="L9824" s="40"/>
      <c r="M9824" s="40"/>
      <c r="N9824" s="40"/>
    </row>
    <row r="9825" spans="4:14" x14ac:dyDescent="0.25">
      <c r="D9825" s="40"/>
      <c r="F9825" s="40">
        <v>163.6</v>
      </c>
      <c r="G9825" s="40">
        <v>22.522374472395185</v>
      </c>
      <c r="H9825" s="40">
        <v>163.6</v>
      </c>
      <c r="I9825" s="40">
        <v>24.370743196090338</v>
      </c>
      <c r="L9825" s="40"/>
      <c r="M9825" s="40"/>
      <c r="N9825" s="40"/>
    </row>
    <row r="9826" spans="4:14" x14ac:dyDescent="0.25">
      <c r="D9826" s="40"/>
      <c r="F9826" s="40">
        <v>163.61666700000001</v>
      </c>
      <c r="G9826" s="40">
        <v>22.522374472395185</v>
      </c>
      <c r="H9826" s="40">
        <v>163.61666700000001</v>
      </c>
      <c r="I9826" s="40">
        <v>24.370743196090338</v>
      </c>
      <c r="L9826" s="40"/>
      <c r="M9826" s="40"/>
      <c r="N9826" s="40"/>
    </row>
    <row r="9827" spans="4:14" x14ac:dyDescent="0.25">
      <c r="D9827" s="40"/>
      <c r="F9827" s="40">
        <v>163.63333299999999</v>
      </c>
      <c r="G9827" s="40">
        <v>22.522374472395185</v>
      </c>
      <c r="H9827" s="40">
        <v>163.63333400000002</v>
      </c>
      <c r="I9827" s="40">
        <v>24.370743196090338</v>
      </c>
      <c r="L9827" s="40"/>
      <c r="M9827" s="40"/>
      <c r="N9827" s="40"/>
    </row>
    <row r="9828" spans="4:14" x14ac:dyDescent="0.25">
      <c r="D9828" s="40"/>
      <c r="F9828" s="40">
        <v>163.65</v>
      </c>
      <c r="G9828" s="40">
        <v>22.522374472395185</v>
      </c>
      <c r="H9828" s="40">
        <v>163.65</v>
      </c>
      <c r="I9828" s="40">
        <v>24.374095932233594</v>
      </c>
      <c r="L9828" s="40"/>
      <c r="M9828" s="40"/>
      <c r="N9828" s="40"/>
    </row>
    <row r="9829" spans="4:14" x14ac:dyDescent="0.25">
      <c r="D9829" s="40"/>
      <c r="F9829" s="40">
        <v>163.66666699999999</v>
      </c>
      <c r="G9829" s="40">
        <v>22.522374472395185</v>
      </c>
      <c r="H9829" s="40">
        <v>163.66666700000002</v>
      </c>
      <c r="I9829" s="40">
        <v>24.374095932233594</v>
      </c>
      <c r="L9829" s="40"/>
      <c r="M9829" s="40"/>
      <c r="N9829" s="40"/>
    </row>
    <row r="9830" spans="4:14" x14ac:dyDescent="0.25">
      <c r="D9830" s="40"/>
      <c r="F9830" s="40">
        <v>163.683333</v>
      </c>
      <c r="G9830" s="40">
        <v>22.522374472395185</v>
      </c>
      <c r="H9830" s="40">
        <v>163.683334</v>
      </c>
      <c r="I9830" s="40">
        <v>24.377448668377028</v>
      </c>
      <c r="L9830" s="40"/>
      <c r="M9830" s="40"/>
      <c r="N9830" s="40"/>
    </row>
    <row r="9831" spans="4:14" x14ac:dyDescent="0.25">
      <c r="D9831" s="40"/>
      <c r="F9831" s="40">
        <v>163.69999999999999</v>
      </c>
      <c r="G9831" s="40">
        <v>22.522374472395185</v>
      </c>
      <c r="H9831" s="40">
        <v>163.70000000000002</v>
      </c>
      <c r="I9831" s="40">
        <v>24.377448668377028</v>
      </c>
      <c r="L9831" s="40"/>
      <c r="M9831" s="40"/>
      <c r="N9831" s="40"/>
    </row>
    <row r="9832" spans="4:14" x14ac:dyDescent="0.25">
      <c r="D9832" s="40"/>
      <c r="F9832" s="40">
        <v>163.716667</v>
      </c>
      <c r="G9832" s="40">
        <v>22.522374472395185</v>
      </c>
      <c r="H9832" s="40">
        <v>163.716667</v>
      </c>
      <c r="I9832" s="40">
        <v>24.377448668377028</v>
      </c>
      <c r="L9832" s="40"/>
      <c r="M9832" s="40"/>
      <c r="N9832" s="40"/>
    </row>
    <row r="9833" spans="4:14" x14ac:dyDescent="0.25">
      <c r="D9833" s="40"/>
      <c r="F9833" s="40">
        <v>163.73333299999999</v>
      </c>
      <c r="G9833" s="40">
        <v>22.527129716485405</v>
      </c>
      <c r="H9833" s="40">
        <v>163.73333400000001</v>
      </c>
      <c r="I9833" s="40">
        <v>24.380702794633791</v>
      </c>
      <c r="L9833" s="40"/>
      <c r="M9833" s="40"/>
      <c r="N9833" s="40"/>
    </row>
    <row r="9834" spans="4:14" x14ac:dyDescent="0.25">
      <c r="D9834" s="40"/>
      <c r="F9834" s="40">
        <v>163.75</v>
      </c>
      <c r="G9834" s="40">
        <v>22.527129716485405</v>
      </c>
      <c r="H9834" s="40">
        <v>163.75</v>
      </c>
      <c r="I9834" s="40">
        <v>24.380702794633791</v>
      </c>
      <c r="L9834" s="40"/>
      <c r="M9834" s="40"/>
      <c r="N9834" s="40"/>
    </row>
    <row r="9835" spans="4:14" x14ac:dyDescent="0.25">
      <c r="D9835" s="40"/>
      <c r="F9835" s="40">
        <v>163.76666699999998</v>
      </c>
      <c r="G9835" s="40">
        <v>22.527129716485405</v>
      </c>
      <c r="H9835" s="40">
        <v>163.76666700000001</v>
      </c>
      <c r="I9835" s="40">
        <v>24.380702794633791</v>
      </c>
      <c r="L9835" s="40"/>
      <c r="M9835" s="40"/>
      <c r="N9835" s="40"/>
    </row>
    <row r="9836" spans="4:14" x14ac:dyDescent="0.25">
      <c r="D9836" s="40"/>
      <c r="F9836" s="40">
        <v>163.783333</v>
      </c>
      <c r="G9836" s="40">
        <v>22.527129716485405</v>
      </c>
      <c r="H9836" s="40">
        <v>163.783334</v>
      </c>
      <c r="I9836" s="40">
        <v>24.384055530777047</v>
      </c>
      <c r="L9836" s="40"/>
      <c r="M9836" s="40"/>
      <c r="N9836" s="40"/>
    </row>
    <row r="9837" spans="4:14" x14ac:dyDescent="0.25">
      <c r="D9837" s="40"/>
      <c r="F9837" s="40">
        <v>163.79999999999998</v>
      </c>
      <c r="G9837" s="40">
        <v>22.531884960575624</v>
      </c>
      <c r="H9837" s="40">
        <v>163.80000000000001</v>
      </c>
      <c r="I9837" s="40">
        <v>24.384055530777047</v>
      </c>
      <c r="L9837" s="40"/>
      <c r="M9837" s="40"/>
      <c r="N9837" s="40"/>
    </row>
    <row r="9838" spans="4:14" x14ac:dyDescent="0.25">
      <c r="D9838" s="40"/>
      <c r="F9838" s="40">
        <v>163.816667</v>
      </c>
      <c r="G9838" s="40">
        <v>22.531884960575624</v>
      </c>
      <c r="H9838" s="40">
        <v>163.816667</v>
      </c>
      <c r="I9838" s="40">
        <v>24.387408266920303</v>
      </c>
      <c r="L9838" s="40"/>
      <c r="M9838" s="40"/>
      <c r="N9838" s="40"/>
    </row>
    <row r="9839" spans="4:14" x14ac:dyDescent="0.25">
      <c r="D9839" s="40"/>
      <c r="F9839" s="40">
        <v>163.83333299999998</v>
      </c>
      <c r="G9839" s="40">
        <v>22.531884960575624</v>
      </c>
      <c r="H9839" s="40">
        <v>163.83333400000001</v>
      </c>
      <c r="I9839" s="40">
        <v>24.387408266920303</v>
      </c>
      <c r="L9839" s="40"/>
      <c r="M9839" s="40"/>
      <c r="N9839" s="40"/>
    </row>
    <row r="9840" spans="4:14" x14ac:dyDescent="0.25">
      <c r="D9840" s="40"/>
      <c r="F9840" s="40">
        <v>163.85</v>
      </c>
      <c r="G9840" s="40">
        <v>22.531884960575624</v>
      </c>
      <c r="H9840" s="40">
        <v>163.85</v>
      </c>
      <c r="I9840" s="40">
        <v>24.387408266920303</v>
      </c>
      <c r="L9840" s="40"/>
      <c r="M9840" s="40"/>
      <c r="N9840" s="40"/>
    </row>
    <row r="9841" spans="4:14" x14ac:dyDescent="0.25">
      <c r="D9841" s="40"/>
      <c r="F9841" s="40">
        <v>163.86666700000001</v>
      </c>
      <c r="G9841" s="40">
        <v>22.531884960575624</v>
      </c>
      <c r="H9841" s="40">
        <v>163.86666700000001</v>
      </c>
      <c r="I9841" s="40">
        <v>24.387408266920303</v>
      </c>
      <c r="L9841" s="40"/>
      <c r="M9841" s="40"/>
      <c r="N9841" s="40"/>
    </row>
    <row r="9842" spans="4:14" x14ac:dyDescent="0.25">
      <c r="D9842" s="40"/>
      <c r="F9842" s="40">
        <v>163.88333299999999</v>
      </c>
      <c r="G9842" s="40">
        <v>22.536500344545527</v>
      </c>
      <c r="H9842" s="40">
        <v>163.88333400000002</v>
      </c>
      <c r="I9842" s="40">
        <v>24.387408266920303</v>
      </c>
      <c r="L9842" s="40"/>
      <c r="M9842" s="40"/>
      <c r="N9842" s="40"/>
    </row>
    <row r="9843" spans="4:14" x14ac:dyDescent="0.25">
      <c r="D9843" s="40"/>
      <c r="F9843" s="40">
        <v>163.9</v>
      </c>
      <c r="G9843" s="40">
        <v>22.536500344545527</v>
      </c>
      <c r="H9843" s="40">
        <v>163.9</v>
      </c>
      <c r="I9843" s="40">
        <v>24.390662393177067</v>
      </c>
      <c r="L9843" s="40"/>
      <c r="M9843" s="40"/>
      <c r="N9843" s="40"/>
    </row>
    <row r="9844" spans="4:14" x14ac:dyDescent="0.25">
      <c r="D9844" s="40"/>
      <c r="F9844" s="40">
        <v>163.91666699999999</v>
      </c>
      <c r="G9844" s="40">
        <v>22.536500344545527</v>
      </c>
      <c r="H9844" s="40">
        <v>163.91666700000002</v>
      </c>
      <c r="I9844" s="40">
        <v>24.390662393177067</v>
      </c>
      <c r="L9844" s="40"/>
      <c r="M9844" s="40"/>
      <c r="N9844" s="40"/>
    </row>
    <row r="9845" spans="4:14" x14ac:dyDescent="0.25">
      <c r="D9845" s="40"/>
      <c r="F9845" s="40">
        <v>163.933333</v>
      </c>
      <c r="G9845" s="40">
        <v>22.536500344545527</v>
      </c>
      <c r="H9845" s="40">
        <v>163.933334</v>
      </c>
      <c r="I9845" s="40">
        <v>24.390662393177067</v>
      </c>
      <c r="L9845" s="40"/>
      <c r="M9845" s="40"/>
      <c r="N9845" s="40"/>
    </row>
    <row r="9846" spans="4:14" x14ac:dyDescent="0.25">
      <c r="D9846" s="40"/>
      <c r="F9846" s="40">
        <v>163.95</v>
      </c>
      <c r="G9846" s="40">
        <v>22.536500344545527</v>
      </c>
      <c r="H9846" s="40">
        <v>163.95000000000002</v>
      </c>
      <c r="I9846" s="40">
        <v>24.390662393177067</v>
      </c>
      <c r="L9846" s="40"/>
      <c r="M9846" s="40"/>
      <c r="N9846" s="40"/>
    </row>
    <row r="9847" spans="4:14" x14ac:dyDescent="0.25">
      <c r="D9847" s="40"/>
      <c r="F9847" s="40">
        <v>163.966667</v>
      </c>
      <c r="G9847" s="40">
        <v>22.536500344545527</v>
      </c>
      <c r="H9847" s="40">
        <v>163.966667</v>
      </c>
      <c r="I9847" s="40">
        <v>24.390662393177067</v>
      </c>
      <c r="L9847" s="40"/>
      <c r="M9847" s="40"/>
      <c r="N9847" s="40"/>
    </row>
    <row r="9848" spans="4:14" x14ac:dyDescent="0.25">
      <c r="D9848" s="40"/>
      <c r="F9848" s="40">
        <v>163.98333299999999</v>
      </c>
      <c r="G9848" s="40">
        <v>22.541255588635618</v>
      </c>
      <c r="H9848" s="40">
        <v>163.98333400000001</v>
      </c>
      <c r="I9848" s="40">
        <v>24.394015129320501</v>
      </c>
      <c r="L9848" s="40"/>
      <c r="M9848" s="40"/>
      <c r="N9848" s="40"/>
    </row>
    <row r="9849" spans="4:14" x14ac:dyDescent="0.25">
      <c r="D9849" s="40"/>
      <c r="F9849" s="40">
        <v>164</v>
      </c>
      <c r="G9849" s="40">
        <v>22.541255588635618</v>
      </c>
      <c r="H9849" s="40">
        <v>164</v>
      </c>
      <c r="I9849" s="40">
        <v>24.394015129320501</v>
      </c>
      <c r="L9849" s="40"/>
      <c r="M9849" s="40"/>
      <c r="N9849" s="40"/>
    </row>
    <row r="9850" spans="4:14" x14ac:dyDescent="0.25">
      <c r="D9850" s="40"/>
      <c r="F9850" s="40">
        <v>164.01666699999998</v>
      </c>
      <c r="G9850" s="40">
        <v>22.541255588635618</v>
      </c>
      <c r="H9850" s="40">
        <v>164.01666700000001</v>
      </c>
      <c r="I9850" s="40">
        <v>24.394015129320501</v>
      </c>
      <c r="L9850" s="40"/>
      <c r="M9850" s="40"/>
      <c r="N9850" s="40"/>
    </row>
    <row r="9851" spans="4:14" x14ac:dyDescent="0.25">
      <c r="D9851" s="40"/>
      <c r="F9851" s="40">
        <v>164.033333</v>
      </c>
      <c r="G9851" s="40">
        <v>22.541255588635618</v>
      </c>
      <c r="H9851" s="40">
        <v>164.033334</v>
      </c>
      <c r="I9851" s="40">
        <v>24.394015129320501</v>
      </c>
      <c r="L9851" s="40"/>
      <c r="M9851" s="40"/>
      <c r="N9851" s="40"/>
    </row>
    <row r="9852" spans="4:14" x14ac:dyDescent="0.25">
      <c r="D9852" s="40"/>
      <c r="F9852" s="40">
        <v>164.04999999999998</v>
      </c>
      <c r="G9852" s="40">
        <v>22.541255588635618</v>
      </c>
      <c r="H9852" s="40">
        <v>164.05</v>
      </c>
      <c r="I9852" s="40">
        <v>24.39736786546376</v>
      </c>
      <c r="L9852" s="40"/>
      <c r="M9852" s="40"/>
      <c r="N9852" s="40"/>
    </row>
    <row r="9853" spans="4:14" x14ac:dyDescent="0.25">
      <c r="D9853" s="40"/>
      <c r="F9853" s="40">
        <v>164.066667</v>
      </c>
      <c r="G9853" s="40">
        <v>22.541255588635618</v>
      </c>
      <c r="H9853" s="40">
        <v>164.066667</v>
      </c>
      <c r="I9853" s="40">
        <v>24.39736786546376</v>
      </c>
      <c r="L9853" s="40"/>
      <c r="M9853" s="40"/>
      <c r="N9853" s="40"/>
    </row>
    <row r="9854" spans="4:14" x14ac:dyDescent="0.25">
      <c r="D9854" s="40"/>
      <c r="F9854" s="40">
        <v>164.08333299999998</v>
      </c>
      <c r="G9854" s="40">
        <v>22.541255588635618</v>
      </c>
      <c r="H9854" s="40">
        <v>164.08333400000001</v>
      </c>
      <c r="I9854" s="40">
        <v>24.39736786546376</v>
      </c>
      <c r="L9854" s="40"/>
      <c r="M9854" s="40"/>
      <c r="N9854" s="40"/>
    </row>
    <row r="9855" spans="4:14" x14ac:dyDescent="0.25">
      <c r="D9855" s="40"/>
      <c r="F9855" s="40">
        <v>164.1</v>
      </c>
      <c r="G9855" s="40">
        <v>22.541255588635618</v>
      </c>
      <c r="H9855" s="40">
        <v>164.1</v>
      </c>
      <c r="I9855" s="40">
        <v>24.39736786546376</v>
      </c>
      <c r="L9855" s="40"/>
      <c r="M9855" s="40"/>
      <c r="N9855" s="40"/>
    </row>
    <row r="9856" spans="4:14" x14ac:dyDescent="0.25">
      <c r="D9856" s="40"/>
      <c r="F9856" s="40">
        <v>164.11666700000001</v>
      </c>
      <c r="G9856" s="40">
        <v>22.541255588635618</v>
      </c>
      <c r="H9856" s="40">
        <v>164.11666700000001</v>
      </c>
      <c r="I9856" s="40">
        <v>24.400621991720524</v>
      </c>
      <c r="L9856" s="40"/>
      <c r="M9856" s="40"/>
      <c r="N9856" s="40"/>
    </row>
    <row r="9857" spans="4:14" x14ac:dyDescent="0.25">
      <c r="D9857" s="40"/>
      <c r="F9857" s="40">
        <v>164.13333299999999</v>
      </c>
      <c r="G9857" s="40">
        <v>22.541255588635618</v>
      </c>
      <c r="H9857" s="40">
        <v>164.13333400000002</v>
      </c>
      <c r="I9857" s="40">
        <v>24.400621991720524</v>
      </c>
      <c r="L9857" s="40"/>
      <c r="M9857" s="40"/>
      <c r="N9857" s="40"/>
    </row>
    <row r="9858" spans="4:14" x14ac:dyDescent="0.25">
      <c r="D9858" s="40"/>
      <c r="F9858" s="40">
        <v>164.15</v>
      </c>
      <c r="G9858" s="40">
        <v>22.541255588635618</v>
      </c>
      <c r="H9858" s="40">
        <v>164.15</v>
      </c>
      <c r="I9858" s="40">
        <v>24.400621991720524</v>
      </c>
      <c r="L9858" s="40"/>
      <c r="M9858" s="40"/>
      <c r="N9858" s="40"/>
    </row>
    <row r="9859" spans="4:14" x14ac:dyDescent="0.25">
      <c r="D9859" s="40"/>
      <c r="F9859" s="40">
        <v>164.16666699999999</v>
      </c>
      <c r="G9859" s="40">
        <v>22.541255588635618</v>
      </c>
      <c r="H9859" s="40">
        <v>164.16666700000002</v>
      </c>
      <c r="I9859" s="40">
        <v>24.40397472786378</v>
      </c>
      <c r="L9859" s="40"/>
      <c r="M9859" s="40"/>
      <c r="N9859" s="40"/>
    </row>
    <row r="9860" spans="4:14" x14ac:dyDescent="0.25">
      <c r="D9860" s="40"/>
      <c r="F9860" s="40">
        <v>164.183333</v>
      </c>
      <c r="G9860" s="40">
        <v>22.541255588635618</v>
      </c>
      <c r="H9860" s="40">
        <v>164.183334</v>
      </c>
      <c r="I9860" s="40">
        <v>24.40397472786378</v>
      </c>
      <c r="L9860" s="40"/>
      <c r="M9860" s="40"/>
      <c r="N9860" s="40"/>
    </row>
    <row r="9861" spans="4:14" x14ac:dyDescent="0.25">
      <c r="D9861" s="40"/>
      <c r="F9861" s="40">
        <v>164.2</v>
      </c>
      <c r="G9861" s="40">
        <v>22.541255588635618</v>
      </c>
      <c r="H9861" s="40">
        <v>164.20000000000002</v>
      </c>
      <c r="I9861" s="40">
        <v>24.40397472786378</v>
      </c>
      <c r="L9861" s="40"/>
      <c r="M9861" s="40"/>
      <c r="N9861" s="40"/>
    </row>
    <row r="9862" spans="4:14" x14ac:dyDescent="0.25">
      <c r="D9862" s="40"/>
      <c r="F9862" s="40">
        <v>164.216667</v>
      </c>
      <c r="G9862" s="40">
        <v>22.541255588635618</v>
      </c>
      <c r="H9862" s="40">
        <v>164.216667</v>
      </c>
      <c r="I9862" s="40">
        <v>24.407327464007036</v>
      </c>
      <c r="L9862" s="40"/>
      <c r="M9862" s="40"/>
      <c r="N9862" s="40"/>
    </row>
    <row r="9863" spans="4:14" x14ac:dyDescent="0.25">
      <c r="D9863" s="40"/>
      <c r="F9863" s="40">
        <v>164.23333299999999</v>
      </c>
      <c r="G9863" s="40">
        <v>22.541255588635618</v>
      </c>
      <c r="H9863" s="40">
        <v>164.23333400000001</v>
      </c>
      <c r="I9863" s="40">
        <v>24.407327464007036</v>
      </c>
      <c r="L9863" s="40"/>
      <c r="M9863" s="40"/>
      <c r="N9863" s="40"/>
    </row>
    <row r="9864" spans="4:14" x14ac:dyDescent="0.25">
      <c r="D9864" s="40"/>
      <c r="F9864" s="40">
        <v>164.25</v>
      </c>
      <c r="G9864" s="40">
        <v>22.546010832725838</v>
      </c>
      <c r="H9864" s="40">
        <v>164.25</v>
      </c>
      <c r="I9864" s="40">
        <v>24.407327464007036</v>
      </c>
      <c r="L9864" s="40"/>
      <c r="M9864" s="40"/>
      <c r="N9864" s="40"/>
    </row>
    <row r="9865" spans="4:14" x14ac:dyDescent="0.25">
      <c r="D9865" s="40"/>
      <c r="F9865" s="40">
        <v>164.26666699999998</v>
      </c>
      <c r="G9865" s="40">
        <v>22.546010832725838</v>
      </c>
      <c r="H9865" s="40">
        <v>164.26666700000001</v>
      </c>
      <c r="I9865" s="40">
        <v>24.410581590263799</v>
      </c>
      <c r="L9865" s="40"/>
      <c r="M9865" s="40"/>
      <c r="N9865" s="40"/>
    </row>
    <row r="9866" spans="4:14" x14ac:dyDescent="0.25">
      <c r="D9866" s="40"/>
      <c r="F9866" s="40">
        <v>164.283333</v>
      </c>
      <c r="G9866" s="40">
        <v>22.546010832725838</v>
      </c>
      <c r="H9866" s="40">
        <v>164.283334</v>
      </c>
      <c r="I9866" s="40">
        <v>24.410581590263799</v>
      </c>
      <c r="L9866" s="40"/>
      <c r="M9866" s="40"/>
      <c r="N9866" s="40"/>
    </row>
    <row r="9867" spans="4:14" x14ac:dyDescent="0.25">
      <c r="D9867" s="40"/>
      <c r="F9867" s="40">
        <v>164.29999999999998</v>
      </c>
      <c r="G9867" s="40">
        <v>22.546010832725838</v>
      </c>
      <c r="H9867" s="40">
        <v>164.3</v>
      </c>
      <c r="I9867" s="40">
        <v>24.410581590263799</v>
      </c>
      <c r="L9867" s="40"/>
      <c r="M9867" s="40"/>
      <c r="N9867" s="40"/>
    </row>
    <row r="9868" spans="4:14" x14ac:dyDescent="0.25">
      <c r="D9868" s="40"/>
      <c r="F9868" s="40">
        <v>164.316667</v>
      </c>
      <c r="G9868" s="40">
        <v>22.546010832725838</v>
      </c>
      <c r="H9868" s="40">
        <v>164.316667</v>
      </c>
      <c r="I9868" s="40">
        <v>24.413934326407229</v>
      </c>
      <c r="L9868" s="40"/>
      <c r="M9868" s="40"/>
      <c r="N9868" s="40"/>
    </row>
    <row r="9869" spans="4:14" x14ac:dyDescent="0.25">
      <c r="D9869" s="40"/>
      <c r="F9869" s="40">
        <v>164.33333299999998</v>
      </c>
      <c r="G9869" s="40">
        <v>22.546010832725838</v>
      </c>
      <c r="H9869" s="40">
        <v>164.33333400000001</v>
      </c>
      <c r="I9869" s="40">
        <v>24.413934326407229</v>
      </c>
      <c r="L9869" s="40"/>
      <c r="M9869" s="40"/>
      <c r="N9869" s="40"/>
    </row>
    <row r="9870" spans="4:14" x14ac:dyDescent="0.25">
      <c r="D9870" s="40"/>
      <c r="F9870" s="40">
        <v>164.35</v>
      </c>
      <c r="G9870" s="40">
        <v>22.546010832725838</v>
      </c>
      <c r="H9870" s="40">
        <v>164.35</v>
      </c>
      <c r="I9870" s="40">
        <v>24.417287062550489</v>
      </c>
      <c r="L9870" s="40"/>
      <c r="M9870" s="40"/>
      <c r="N9870" s="40"/>
    </row>
    <row r="9871" spans="4:14" x14ac:dyDescent="0.25">
      <c r="D9871" s="40"/>
      <c r="F9871" s="40">
        <v>164.36666700000001</v>
      </c>
      <c r="G9871" s="40">
        <v>22.546010832725838</v>
      </c>
      <c r="H9871" s="40">
        <v>164.36666700000001</v>
      </c>
      <c r="I9871" s="40">
        <v>24.417287062550489</v>
      </c>
      <c r="L9871" s="40"/>
      <c r="M9871" s="40"/>
      <c r="N9871" s="40"/>
    </row>
    <row r="9872" spans="4:14" x14ac:dyDescent="0.25">
      <c r="D9872" s="40"/>
      <c r="F9872" s="40">
        <v>164.38333299999999</v>
      </c>
      <c r="G9872" s="40">
        <v>22.546010832725838</v>
      </c>
      <c r="H9872" s="40">
        <v>164.38333400000002</v>
      </c>
      <c r="I9872" s="40">
        <v>24.417287062550489</v>
      </c>
      <c r="L9872" s="40"/>
      <c r="M9872" s="40"/>
      <c r="N9872" s="40"/>
    </row>
    <row r="9873" spans="4:14" x14ac:dyDescent="0.25">
      <c r="D9873" s="40"/>
      <c r="F9873" s="40">
        <v>164.4</v>
      </c>
      <c r="G9873" s="40">
        <v>22.546010832725838</v>
      </c>
      <c r="H9873" s="40">
        <v>164.4</v>
      </c>
      <c r="I9873" s="40">
        <v>24.420541188807253</v>
      </c>
      <c r="L9873" s="40"/>
      <c r="M9873" s="40"/>
      <c r="N9873" s="40"/>
    </row>
    <row r="9874" spans="4:14" x14ac:dyDescent="0.25">
      <c r="D9874" s="40"/>
      <c r="F9874" s="40">
        <v>164.41666699999999</v>
      </c>
      <c r="G9874" s="40">
        <v>22.546010832725838</v>
      </c>
      <c r="H9874" s="40">
        <v>164.41666700000002</v>
      </c>
      <c r="I9874" s="40">
        <v>24.420541188807253</v>
      </c>
      <c r="L9874" s="40"/>
      <c r="M9874" s="40"/>
      <c r="N9874" s="40"/>
    </row>
    <row r="9875" spans="4:14" x14ac:dyDescent="0.25">
      <c r="D9875" s="40"/>
      <c r="F9875" s="40">
        <v>164.433333</v>
      </c>
      <c r="G9875" s="40">
        <v>22.546010832725838</v>
      </c>
      <c r="H9875" s="40">
        <v>164.433334</v>
      </c>
      <c r="I9875" s="40">
        <v>24.423893924950509</v>
      </c>
      <c r="L9875" s="40"/>
      <c r="M9875" s="40"/>
      <c r="N9875" s="40"/>
    </row>
    <row r="9876" spans="4:14" x14ac:dyDescent="0.25">
      <c r="D9876" s="40"/>
      <c r="F9876" s="40">
        <v>164.45</v>
      </c>
      <c r="G9876" s="40">
        <v>22.546010832725838</v>
      </c>
      <c r="H9876" s="40">
        <v>164.45000000000002</v>
      </c>
      <c r="I9876" s="40">
        <v>24.423893924950509</v>
      </c>
      <c r="L9876" s="40"/>
      <c r="M9876" s="40"/>
      <c r="N9876" s="40"/>
    </row>
    <row r="9877" spans="4:14" x14ac:dyDescent="0.25">
      <c r="D9877" s="40"/>
      <c r="F9877" s="40">
        <v>164.466667</v>
      </c>
      <c r="G9877" s="40">
        <v>22.546010832725838</v>
      </c>
      <c r="H9877" s="40">
        <v>164.466667</v>
      </c>
      <c r="I9877" s="40">
        <v>24.423893924950509</v>
      </c>
      <c r="L9877" s="40"/>
      <c r="M9877" s="40"/>
      <c r="N9877" s="40"/>
    </row>
    <row r="9878" spans="4:14" x14ac:dyDescent="0.25">
      <c r="D9878" s="40"/>
      <c r="F9878" s="40">
        <v>164.48333299999999</v>
      </c>
      <c r="G9878" s="40">
        <v>22.546010832725838</v>
      </c>
      <c r="H9878" s="40">
        <v>164.48333400000001</v>
      </c>
      <c r="I9878" s="40">
        <v>24.427246661093765</v>
      </c>
      <c r="L9878" s="40"/>
      <c r="M9878" s="40"/>
      <c r="N9878" s="40"/>
    </row>
    <row r="9879" spans="4:14" x14ac:dyDescent="0.25">
      <c r="D9879" s="40"/>
      <c r="F9879" s="40">
        <v>164.5</v>
      </c>
      <c r="G9879" s="40">
        <v>22.546010832725838</v>
      </c>
      <c r="H9879" s="40">
        <v>164.5</v>
      </c>
      <c r="I9879" s="40">
        <v>24.427246661093765</v>
      </c>
      <c r="L9879" s="40"/>
      <c r="M9879" s="40"/>
      <c r="N9879" s="40"/>
    </row>
    <row r="9880" spans="4:14" x14ac:dyDescent="0.25">
      <c r="D9880" s="40"/>
      <c r="F9880" s="40">
        <v>164.51666699999998</v>
      </c>
      <c r="G9880" s="40">
        <v>22.546010832725838</v>
      </c>
      <c r="H9880" s="40">
        <v>164.51666700000001</v>
      </c>
      <c r="I9880" s="40">
        <v>24.430500787350528</v>
      </c>
      <c r="L9880" s="40"/>
      <c r="M9880" s="40"/>
      <c r="N9880" s="40"/>
    </row>
    <row r="9881" spans="4:14" x14ac:dyDescent="0.25">
      <c r="D9881" s="40"/>
      <c r="F9881" s="40">
        <v>164.533333</v>
      </c>
      <c r="G9881" s="40">
        <v>22.546010832725838</v>
      </c>
      <c r="H9881" s="40">
        <v>164.533334</v>
      </c>
      <c r="I9881" s="40">
        <v>24.430500787350528</v>
      </c>
      <c r="L9881" s="40"/>
      <c r="M9881" s="40"/>
      <c r="N9881" s="40"/>
    </row>
    <row r="9882" spans="4:14" x14ac:dyDescent="0.25">
      <c r="D9882" s="40"/>
      <c r="F9882" s="40">
        <v>164.54999999999998</v>
      </c>
      <c r="G9882" s="40">
        <v>22.546010832725838</v>
      </c>
      <c r="H9882" s="40">
        <v>164.55</v>
      </c>
      <c r="I9882" s="40">
        <v>24.430500787350528</v>
      </c>
      <c r="L9882" s="40"/>
      <c r="M9882" s="40"/>
      <c r="N9882" s="40"/>
    </row>
    <row r="9883" spans="4:14" x14ac:dyDescent="0.25">
      <c r="D9883" s="40"/>
      <c r="F9883" s="40">
        <v>164.566667</v>
      </c>
      <c r="G9883" s="40">
        <v>22.541255588635618</v>
      </c>
      <c r="H9883" s="40">
        <v>164.566667</v>
      </c>
      <c r="I9883" s="40">
        <v>24.430500787350528</v>
      </c>
      <c r="L9883" s="40"/>
      <c r="M9883" s="40"/>
      <c r="N9883" s="40"/>
    </row>
    <row r="9884" spans="4:14" x14ac:dyDescent="0.25">
      <c r="D9884" s="40"/>
      <c r="F9884" s="40">
        <v>164.58333299999998</v>
      </c>
      <c r="G9884" s="40">
        <v>22.541255588635618</v>
      </c>
      <c r="H9884" s="40">
        <v>164.58333400000001</v>
      </c>
      <c r="I9884" s="40">
        <v>24.433853523493962</v>
      </c>
      <c r="L9884" s="40"/>
      <c r="M9884" s="40"/>
      <c r="N9884" s="40"/>
    </row>
    <row r="9885" spans="4:14" x14ac:dyDescent="0.25">
      <c r="D9885" s="40"/>
      <c r="F9885" s="40">
        <v>164.6</v>
      </c>
      <c r="G9885" s="40">
        <v>22.541255588635618</v>
      </c>
      <c r="H9885" s="40">
        <v>164.6</v>
      </c>
      <c r="I9885" s="40">
        <v>24.433853523493962</v>
      </c>
      <c r="L9885" s="40"/>
      <c r="M9885" s="40"/>
      <c r="N9885" s="40"/>
    </row>
    <row r="9886" spans="4:14" x14ac:dyDescent="0.25">
      <c r="D9886" s="40"/>
      <c r="F9886" s="40">
        <v>164.61666700000001</v>
      </c>
      <c r="G9886" s="40">
        <v>22.541255588635618</v>
      </c>
      <c r="H9886" s="40">
        <v>164.61666700000001</v>
      </c>
      <c r="I9886" s="40">
        <v>24.433853523493962</v>
      </c>
      <c r="L9886" s="40"/>
      <c r="M9886" s="40"/>
      <c r="N9886" s="40"/>
    </row>
    <row r="9887" spans="4:14" x14ac:dyDescent="0.25">
      <c r="D9887" s="40"/>
      <c r="F9887" s="40">
        <v>164.63333299999999</v>
      </c>
      <c r="G9887" s="40">
        <v>22.541255588635618</v>
      </c>
      <c r="H9887" s="40">
        <v>164.63333400000002</v>
      </c>
      <c r="I9887" s="40">
        <v>24.433853523493962</v>
      </c>
      <c r="L9887" s="40"/>
      <c r="M9887" s="40"/>
      <c r="N9887" s="40"/>
    </row>
    <row r="9888" spans="4:14" x14ac:dyDescent="0.25">
      <c r="D9888" s="40"/>
      <c r="F9888" s="40">
        <v>164.65</v>
      </c>
      <c r="G9888" s="40">
        <v>22.536500344545527</v>
      </c>
      <c r="H9888" s="40">
        <v>164.65</v>
      </c>
      <c r="I9888" s="40">
        <v>24.437206259637218</v>
      </c>
      <c r="L9888" s="40"/>
      <c r="M9888" s="40"/>
      <c r="N9888" s="40"/>
    </row>
    <row r="9889" spans="4:14" x14ac:dyDescent="0.25">
      <c r="D9889" s="40"/>
      <c r="F9889" s="40">
        <v>164.66666699999999</v>
      </c>
      <c r="G9889" s="40">
        <v>22.536500344545527</v>
      </c>
      <c r="H9889" s="40">
        <v>164.66666700000002</v>
      </c>
      <c r="I9889" s="40">
        <v>24.437206259637218</v>
      </c>
      <c r="L9889" s="40"/>
      <c r="M9889" s="40"/>
      <c r="N9889" s="40"/>
    </row>
    <row r="9890" spans="4:14" x14ac:dyDescent="0.25">
      <c r="D9890" s="40"/>
      <c r="F9890" s="40">
        <v>164.683333</v>
      </c>
      <c r="G9890" s="40">
        <v>22.536500344545527</v>
      </c>
      <c r="H9890" s="40">
        <v>164.683334</v>
      </c>
      <c r="I9890" s="40">
        <v>24.437206259637218</v>
      </c>
      <c r="L9890" s="40"/>
      <c r="M9890" s="40"/>
      <c r="N9890" s="40"/>
    </row>
    <row r="9891" spans="4:14" x14ac:dyDescent="0.25">
      <c r="D9891" s="40"/>
      <c r="F9891" s="40">
        <v>164.7</v>
      </c>
      <c r="G9891" s="40">
        <v>22.536500344545527</v>
      </c>
      <c r="H9891" s="40">
        <v>164.70000000000002</v>
      </c>
      <c r="I9891" s="40">
        <v>24.437206259637218</v>
      </c>
      <c r="L9891" s="40"/>
      <c r="M9891" s="40"/>
      <c r="N9891" s="40"/>
    </row>
    <row r="9892" spans="4:14" x14ac:dyDescent="0.25">
      <c r="D9892" s="40"/>
      <c r="F9892" s="40">
        <v>164.716667</v>
      </c>
      <c r="G9892" s="40">
        <v>22.536500344545527</v>
      </c>
      <c r="H9892" s="40">
        <v>164.716667</v>
      </c>
      <c r="I9892" s="40">
        <v>24.440460385893982</v>
      </c>
      <c r="L9892" s="40"/>
      <c r="M9892" s="40"/>
      <c r="N9892" s="40"/>
    </row>
    <row r="9893" spans="4:14" x14ac:dyDescent="0.25">
      <c r="D9893" s="40"/>
      <c r="F9893" s="40">
        <v>164.73333299999999</v>
      </c>
      <c r="G9893" s="40">
        <v>22.536500344545527</v>
      </c>
      <c r="H9893" s="40">
        <v>164.73333400000001</v>
      </c>
      <c r="I9893" s="40">
        <v>24.440460385893982</v>
      </c>
      <c r="L9893" s="40"/>
      <c r="M9893" s="40"/>
      <c r="N9893" s="40"/>
    </row>
    <row r="9894" spans="4:14" x14ac:dyDescent="0.25">
      <c r="D9894" s="40"/>
      <c r="F9894" s="40">
        <v>164.75</v>
      </c>
      <c r="G9894" s="40">
        <v>22.536500344545527</v>
      </c>
      <c r="H9894" s="40">
        <v>164.75</v>
      </c>
      <c r="I9894" s="40">
        <v>24.440460385893982</v>
      </c>
      <c r="L9894" s="40"/>
      <c r="M9894" s="40"/>
      <c r="N9894" s="40"/>
    </row>
    <row r="9895" spans="4:14" x14ac:dyDescent="0.25">
      <c r="D9895" s="40"/>
      <c r="F9895" s="40">
        <v>164.76666699999998</v>
      </c>
      <c r="G9895" s="40">
        <v>22.536500344545527</v>
      </c>
      <c r="H9895" s="40">
        <v>164.76666700000001</v>
      </c>
      <c r="I9895" s="40">
        <v>24.440460385893982</v>
      </c>
      <c r="L9895" s="40"/>
      <c r="M9895" s="40"/>
      <c r="N9895" s="40"/>
    </row>
    <row r="9896" spans="4:14" x14ac:dyDescent="0.25">
      <c r="D9896" s="40"/>
      <c r="F9896" s="40">
        <v>164.783333</v>
      </c>
      <c r="G9896" s="40">
        <v>22.536500344545527</v>
      </c>
      <c r="H9896" s="40">
        <v>164.783334</v>
      </c>
      <c r="I9896" s="40">
        <v>24.440460385893982</v>
      </c>
      <c r="L9896" s="40"/>
      <c r="M9896" s="40"/>
      <c r="N9896" s="40"/>
    </row>
    <row r="9897" spans="4:14" x14ac:dyDescent="0.25">
      <c r="D9897" s="40"/>
      <c r="F9897" s="40">
        <v>164.79999999999998</v>
      </c>
      <c r="G9897" s="40">
        <v>22.536500344545527</v>
      </c>
      <c r="H9897" s="40">
        <v>164.8</v>
      </c>
      <c r="I9897" s="40">
        <v>24.443813122037241</v>
      </c>
      <c r="L9897" s="40"/>
      <c r="M9897" s="40"/>
      <c r="N9897" s="40"/>
    </row>
    <row r="9898" spans="4:14" x14ac:dyDescent="0.25">
      <c r="D9898" s="40"/>
      <c r="F9898" s="40">
        <v>164.816667</v>
      </c>
      <c r="G9898" s="40">
        <v>22.536500344545527</v>
      </c>
      <c r="H9898" s="40">
        <v>164.816667</v>
      </c>
      <c r="I9898" s="40">
        <v>24.443813122037241</v>
      </c>
      <c r="L9898" s="40"/>
      <c r="M9898" s="40"/>
      <c r="N9898" s="40"/>
    </row>
    <row r="9899" spans="4:14" x14ac:dyDescent="0.25">
      <c r="D9899" s="40"/>
      <c r="F9899" s="40">
        <v>164.83333299999998</v>
      </c>
      <c r="G9899" s="40">
        <v>22.536500344545527</v>
      </c>
      <c r="H9899" s="40">
        <v>164.83333400000001</v>
      </c>
      <c r="I9899" s="40">
        <v>24.443813122037241</v>
      </c>
      <c r="L9899" s="40"/>
      <c r="M9899" s="40"/>
      <c r="N9899" s="40"/>
    </row>
    <row r="9900" spans="4:14" x14ac:dyDescent="0.25">
      <c r="D9900" s="40"/>
      <c r="F9900" s="40">
        <v>164.85</v>
      </c>
      <c r="G9900" s="40">
        <v>22.536500344545527</v>
      </c>
      <c r="H9900" s="40">
        <v>164.85</v>
      </c>
      <c r="I9900" s="40">
        <v>24.443813122037241</v>
      </c>
      <c r="L9900" s="40"/>
      <c r="M9900" s="40"/>
      <c r="N9900" s="40"/>
    </row>
    <row r="9901" spans="4:14" x14ac:dyDescent="0.25">
      <c r="D9901" s="40"/>
      <c r="F9901" s="40">
        <v>164.86666700000001</v>
      </c>
      <c r="G9901" s="40">
        <v>22.536500344545527</v>
      </c>
      <c r="H9901" s="40">
        <v>164.86666700000001</v>
      </c>
      <c r="I9901" s="40">
        <v>24.447165858180671</v>
      </c>
      <c r="L9901" s="40"/>
      <c r="M9901" s="40"/>
      <c r="N9901" s="40"/>
    </row>
    <row r="9902" spans="4:14" x14ac:dyDescent="0.25">
      <c r="D9902" s="40"/>
      <c r="F9902" s="40">
        <v>164.88333299999999</v>
      </c>
      <c r="G9902" s="40">
        <v>22.536500344545527</v>
      </c>
      <c r="H9902" s="40">
        <v>164.88333400000002</v>
      </c>
      <c r="I9902" s="40">
        <v>24.447165858180671</v>
      </c>
      <c r="L9902" s="40"/>
      <c r="M9902" s="40"/>
      <c r="N9902" s="40"/>
    </row>
    <row r="9903" spans="4:14" x14ac:dyDescent="0.25">
      <c r="D9903" s="40"/>
      <c r="F9903" s="40">
        <v>164.9</v>
      </c>
      <c r="G9903" s="40">
        <v>22.536500344545527</v>
      </c>
      <c r="H9903" s="40">
        <v>164.9</v>
      </c>
      <c r="I9903" s="40">
        <v>24.447165858180671</v>
      </c>
      <c r="L9903" s="40"/>
      <c r="M9903" s="40"/>
      <c r="N9903" s="40"/>
    </row>
    <row r="9904" spans="4:14" x14ac:dyDescent="0.25">
      <c r="D9904" s="40"/>
      <c r="F9904" s="40">
        <v>164.91666699999999</v>
      </c>
      <c r="G9904" s="40">
        <v>22.536500344545527</v>
      </c>
      <c r="H9904" s="40">
        <v>164.91666700000002</v>
      </c>
      <c r="I9904" s="40">
        <v>24.450419984437435</v>
      </c>
      <c r="L9904" s="40"/>
      <c r="M9904" s="40"/>
      <c r="N9904" s="40"/>
    </row>
    <row r="9905" spans="4:14" x14ac:dyDescent="0.25">
      <c r="D9905" s="40"/>
      <c r="F9905" s="40">
        <v>164.933333</v>
      </c>
      <c r="G9905" s="40">
        <v>22.536500344545527</v>
      </c>
      <c r="H9905" s="40">
        <v>164.933334</v>
      </c>
      <c r="I9905" s="40">
        <v>24.450419984437435</v>
      </c>
      <c r="L9905" s="40"/>
      <c r="M9905" s="40"/>
      <c r="N9905" s="40"/>
    </row>
    <row r="9906" spans="4:14" x14ac:dyDescent="0.25">
      <c r="D9906" s="40"/>
      <c r="F9906" s="40">
        <v>164.95</v>
      </c>
      <c r="G9906" s="40">
        <v>22.536500344545527</v>
      </c>
      <c r="H9906" s="40">
        <v>164.95000000000002</v>
      </c>
      <c r="I9906" s="40">
        <v>24.450419984437435</v>
      </c>
      <c r="L9906" s="40"/>
      <c r="M9906" s="40"/>
      <c r="N9906" s="40"/>
    </row>
    <row r="9907" spans="4:14" x14ac:dyDescent="0.25">
      <c r="D9907" s="40"/>
      <c r="F9907" s="40">
        <v>164.966667</v>
      </c>
      <c r="G9907" s="40">
        <v>22.541255588635618</v>
      </c>
      <c r="H9907" s="40">
        <v>164.966667</v>
      </c>
      <c r="I9907" s="40">
        <v>24.453772720580691</v>
      </c>
      <c r="L9907" s="40"/>
      <c r="M9907" s="40"/>
      <c r="N9907" s="40"/>
    </row>
    <row r="9908" spans="4:14" x14ac:dyDescent="0.25">
      <c r="D9908" s="40"/>
      <c r="F9908" s="40">
        <v>164.98333299999999</v>
      </c>
      <c r="G9908" s="40">
        <v>22.541255588635618</v>
      </c>
      <c r="H9908" s="40">
        <v>164.98333400000001</v>
      </c>
      <c r="I9908" s="40">
        <v>24.453772720580691</v>
      </c>
      <c r="L9908" s="40"/>
      <c r="M9908" s="40"/>
      <c r="N9908" s="40"/>
    </row>
    <row r="9909" spans="4:14" x14ac:dyDescent="0.25">
      <c r="D9909" s="40"/>
      <c r="F9909" s="40">
        <v>165</v>
      </c>
      <c r="G9909" s="40">
        <v>22.541255588635618</v>
      </c>
      <c r="H9909" s="40">
        <v>165</v>
      </c>
      <c r="I9909" s="40">
        <v>24.453772720580691</v>
      </c>
      <c r="L9909" s="40"/>
      <c r="M9909" s="40"/>
      <c r="N9909" s="40"/>
    </row>
    <row r="9910" spans="4:14" x14ac:dyDescent="0.25">
      <c r="D9910" s="40"/>
      <c r="F9910" s="40">
        <v>165.01666699999998</v>
      </c>
      <c r="G9910" s="40">
        <v>22.541255588635618</v>
      </c>
      <c r="H9910" s="40">
        <v>165.01666700000001</v>
      </c>
      <c r="I9910" s="40">
        <v>24.453772720580691</v>
      </c>
      <c r="L9910" s="40"/>
      <c r="M9910" s="40"/>
      <c r="N9910" s="40"/>
    </row>
    <row r="9911" spans="4:14" x14ac:dyDescent="0.25">
      <c r="D9911" s="40"/>
      <c r="F9911" s="40">
        <v>165.033333</v>
      </c>
      <c r="G9911" s="40">
        <v>22.541255588635618</v>
      </c>
      <c r="H9911" s="40">
        <v>165.033334</v>
      </c>
      <c r="I9911" s="40">
        <v>24.457125456723947</v>
      </c>
      <c r="L9911" s="40"/>
      <c r="M9911" s="40"/>
      <c r="N9911" s="40"/>
    </row>
    <row r="9912" spans="4:14" x14ac:dyDescent="0.25">
      <c r="D9912" s="40"/>
      <c r="F9912" s="40">
        <v>165.04999999999998</v>
      </c>
      <c r="G9912" s="40">
        <v>22.546010832725838</v>
      </c>
      <c r="H9912" s="40">
        <v>165.05</v>
      </c>
      <c r="I9912" s="40">
        <v>24.457125456723947</v>
      </c>
      <c r="L9912" s="40"/>
      <c r="M9912" s="40"/>
      <c r="N9912" s="40"/>
    </row>
    <row r="9913" spans="4:14" x14ac:dyDescent="0.25">
      <c r="D9913" s="40"/>
      <c r="F9913" s="40">
        <v>165.066667</v>
      </c>
      <c r="G9913" s="40">
        <v>22.546010832725838</v>
      </c>
      <c r="H9913" s="40">
        <v>165.066667</v>
      </c>
      <c r="I9913" s="40">
        <v>24.457125456723947</v>
      </c>
      <c r="L9913" s="40"/>
      <c r="M9913" s="40"/>
      <c r="N9913" s="40"/>
    </row>
    <row r="9914" spans="4:14" x14ac:dyDescent="0.25">
      <c r="D9914" s="40"/>
      <c r="F9914" s="40">
        <v>165.08333299999998</v>
      </c>
      <c r="G9914" s="40">
        <v>22.546010832725838</v>
      </c>
      <c r="H9914" s="40">
        <v>165.08333400000001</v>
      </c>
      <c r="I9914" s="40">
        <v>24.46037958298071</v>
      </c>
      <c r="L9914" s="40"/>
      <c r="M9914" s="40"/>
      <c r="N9914" s="40"/>
    </row>
    <row r="9915" spans="4:14" x14ac:dyDescent="0.25">
      <c r="D9915" s="40"/>
      <c r="F9915" s="40">
        <v>165.1</v>
      </c>
      <c r="G9915" s="40">
        <v>22.546010832725838</v>
      </c>
      <c r="H9915" s="40">
        <v>165.1</v>
      </c>
      <c r="I9915" s="40">
        <v>24.46037958298071</v>
      </c>
      <c r="L9915" s="40"/>
      <c r="M9915" s="40"/>
      <c r="N9915" s="40"/>
    </row>
    <row r="9916" spans="4:14" x14ac:dyDescent="0.25">
      <c r="D9916" s="40"/>
      <c r="F9916" s="40">
        <v>165.11666700000001</v>
      </c>
      <c r="G9916" s="40">
        <v>22.546010832725838</v>
      </c>
      <c r="H9916" s="40">
        <v>165.11666700000001</v>
      </c>
      <c r="I9916" s="40">
        <v>24.46037958298071</v>
      </c>
      <c r="L9916" s="40"/>
      <c r="M9916" s="40"/>
      <c r="N9916" s="40"/>
    </row>
    <row r="9917" spans="4:14" x14ac:dyDescent="0.25">
      <c r="D9917" s="40"/>
      <c r="F9917" s="40">
        <v>165.13333299999999</v>
      </c>
      <c r="G9917" s="40">
        <v>22.546010832725838</v>
      </c>
      <c r="H9917" s="40">
        <v>165.13333400000002</v>
      </c>
      <c r="I9917" s="40">
        <v>24.46373231912397</v>
      </c>
      <c r="L9917" s="40"/>
      <c r="M9917" s="40"/>
      <c r="N9917" s="40"/>
    </row>
    <row r="9918" spans="4:14" x14ac:dyDescent="0.25">
      <c r="D9918" s="40"/>
      <c r="F9918" s="40">
        <v>165.15</v>
      </c>
      <c r="G9918" s="40">
        <v>22.546010832725838</v>
      </c>
      <c r="H9918" s="40">
        <v>165.15</v>
      </c>
      <c r="I9918" s="40">
        <v>24.46373231912397</v>
      </c>
      <c r="L9918" s="40"/>
      <c r="M9918" s="40"/>
      <c r="N9918" s="40"/>
    </row>
    <row r="9919" spans="4:14" x14ac:dyDescent="0.25">
      <c r="D9919" s="40"/>
      <c r="F9919" s="40">
        <v>165.16666699999999</v>
      </c>
      <c r="G9919" s="40">
        <v>22.546010832725838</v>
      </c>
      <c r="H9919" s="40">
        <v>165.16666700000002</v>
      </c>
      <c r="I9919" s="40">
        <v>24.46373231912397</v>
      </c>
      <c r="L9919" s="40"/>
      <c r="M9919" s="40"/>
      <c r="N9919" s="40"/>
    </row>
    <row r="9920" spans="4:14" x14ac:dyDescent="0.25">
      <c r="D9920" s="40"/>
      <c r="F9920" s="40">
        <v>165.183333</v>
      </c>
      <c r="G9920" s="40">
        <v>22.546010832725838</v>
      </c>
      <c r="H9920" s="40">
        <v>165.183334</v>
      </c>
      <c r="I9920" s="40">
        <v>24.4670850552674</v>
      </c>
      <c r="L9920" s="40"/>
      <c r="M9920" s="40"/>
      <c r="N9920" s="40"/>
    </row>
    <row r="9921" spans="4:14" x14ac:dyDescent="0.25">
      <c r="D9921" s="40"/>
      <c r="F9921" s="40">
        <v>165.2</v>
      </c>
      <c r="G9921" s="40">
        <v>22.546010832725838</v>
      </c>
      <c r="H9921" s="40">
        <v>165.20000000000002</v>
      </c>
      <c r="I9921" s="40">
        <v>24.4670850552674</v>
      </c>
      <c r="L9921" s="40"/>
      <c r="M9921" s="40"/>
      <c r="N9921" s="40"/>
    </row>
    <row r="9922" spans="4:14" x14ac:dyDescent="0.25">
      <c r="D9922" s="40"/>
      <c r="F9922" s="40">
        <v>165.216667</v>
      </c>
      <c r="G9922" s="40">
        <v>22.546010832725838</v>
      </c>
      <c r="H9922" s="40">
        <v>165.216667</v>
      </c>
      <c r="I9922" s="40">
        <v>24.470437791410657</v>
      </c>
      <c r="L9922" s="40"/>
      <c r="M9922" s="40"/>
      <c r="N9922" s="40"/>
    </row>
    <row r="9923" spans="4:14" x14ac:dyDescent="0.25">
      <c r="D9923" s="40"/>
      <c r="F9923" s="40">
        <v>165.23333299999999</v>
      </c>
      <c r="G9923" s="40">
        <v>22.546010832725838</v>
      </c>
      <c r="H9923" s="40">
        <v>165.23333400000001</v>
      </c>
      <c r="I9923" s="40">
        <v>24.470437791410657</v>
      </c>
      <c r="L9923" s="40"/>
      <c r="M9923" s="40"/>
      <c r="N9923" s="40"/>
    </row>
    <row r="9924" spans="4:14" x14ac:dyDescent="0.25">
      <c r="D9924" s="40"/>
      <c r="F9924" s="40">
        <v>165.25</v>
      </c>
      <c r="G9924" s="40">
        <v>22.546010832725838</v>
      </c>
      <c r="H9924" s="40">
        <v>165.25</v>
      </c>
      <c r="I9924" s="40">
        <v>24.470437791410657</v>
      </c>
      <c r="L9924" s="40"/>
      <c r="M9924" s="40"/>
      <c r="N9924" s="40"/>
    </row>
    <row r="9925" spans="4:14" x14ac:dyDescent="0.25">
      <c r="D9925" s="40"/>
      <c r="F9925" s="40">
        <v>165.26666699999998</v>
      </c>
      <c r="G9925" s="40">
        <v>22.546010832725838</v>
      </c>
      <c r="H9925" s="40">
        <v>165.26666700000001</v>
      </c>
      <c r="I9925" s="40">
        <v>24.47369191766742</v>
      </c>
      <c r="L9925" s="40"/>
      <c r="M9925" s="40"/>
      <c r="N9925" s="40"/>
    </row>
    <row r="9926" spans="4:14" x14ac:dyDescent="0.25">
      <c r="D9926" s="40"/>
      <c r="F9926" s="40">
        <v>165.283333</v>
      </c>
      <c r="G9926" s="40">
        <v>22.546010832725838</v>
      </c>
      <c r="H9926" s="40">
        <v>165.283334</v>
      </c>
      <c r="I9926" s="40">
        <v>24.47369191766742</v>
      </c>
      <c r="L9926" s="40"/>
      <c r="M9926" s="40"/>
      <c r="N9926" s="40"/>
    </row>
    <row r="9927" spans="4:14" x14ac:dyDescent="0.25">
      <c r="D9927" s="40"/>
      <c r="F9927" s="40">
        <v>165.29999999999998</v>
      </c>
      <c r="G9927" s="40">
        <v>22.55062621669574</v>
      </c>
      <c r="H9927" s="40">
        <v>165.3</v>
      </c>
      <c r="I9927" s="40">
        <v>24.47369191766742</v>
      </c>
      <c r="L9927" s="40"/>
      <c r="M9927" s="40"/>
      <c r="N9927" s="40"/>
    </row>
    <row r="9928" spans="4:14" x14ac:dyDescent="0.25">
      <c r="D9928" s="40"/>
      <c r="F9928" s="40">
        <v>165.316667</v>
      </c>
      <c r="G9928" s="40">
        <v>22.55062621669574</v>
      </c>
      <c r="H9928" s="40">
        <v>165.316667</v>
      </c>
      <c r="I9928" s="40">
        <v>24.47369191766742</v>
      </c>
      <c r="L9928" s="40"/>
      <c r="M9928" s="40"/>
      <c r="N9928" s="40"/>
    </row>
    <row r="9929" spans="4:14" x14ac:dyDescent="0.25">
      <c r="D9929" s="40"/>
      <c r="F9929" s="40">
        <v>165.33333299999998</v>
      </c>
      <c r="G9929" s="40">
        <v>22.55062621669574</v>
      </c>
      <c r="H9929" s="40">
        <v>165.33333400000001</v>
      </c>
      <c r="I9929" s="40">
        <v>24.47704465381068</v>
      </c>
      <c r="L9929" s="40"/>
      <c r="M9929" s="40"/>
      <c r="N9929" s="40"/>
    </row>
    <row r="9930" spans="4:14" x14ac:dyDescent="0.25">
      <c r="D9930" s="40"/>
      <c r="F9930" s="40">
        <v>165.35</v>
      </c>
      <c r="G9930" s="40">
        <v>22.55062621669574</v>
      </c>
      <c r="H9930" s="40">
        <v>165.35</v>
      </c>
      <c r="I9930" s="40">
        <v>24.47704465381068</v>
      </c>
      <c r="L9930" s="40"/>
      <c r="M9930" s="40"/>
      <c r="N9930" s="40"/>
    </row>
    <row r="9931" spans="4:14" x14ac:dyDescent="0.25">
      <c r="D9931" s="40"/>
      <c r="F9931" s="40">
        <v>165.36666700000001</v>
      </c>
      <c r="G9931" s="40">
        <v>22.55062621669574</v>
      </c>
      <c r="H9931" s="40">
        <v>165.36666700000001</v>
      </c>
      <c r="I9931" s="40">
        <v>24.47704465381068</v>
      </c>
      <c r="L9931" s="40"/>
      <c r="M9931" s="40"/>
      <c r="N9931" s="40"/>
    </row>
    <row r="9932" spans="4:14" x14ac:dyDescent="0.25">
      <c r="D9932" s="40"/>
      <c r="F9932" s="40">
        <v>165.38333299999999</v>
      </c>
      <c r="G9932" s="40">
        <v>22.55062621669574</v>
      </c>
      <c r="H9932" s="40">
        <v>165.38333400000002</v>
      </c>
      <c r="I9932" s="40">
        <v>24.47704465381068</v>
      </c>
      <c r="L9932" s="40"/>
      <c r="M9932" s="40"/>
      <c r="N9932" s="40"/>
    </row>
    <row r="9933" spans="4:14" x14ac:dyDescent="0.25">
      <c r="D9933" s="40"/>
      <c r="F9933" s="40">
        <v>165.4</v>
      </c>
      <c r="G9933" s="40">
        <v>22.55062621669574</v>
      </c>
      <c r="H9933" s="40">
        <v>165.4</v>
      </c>
      <c r="I9933" s="40">
        <v>24.480397389954113</v>
      </c>
      <c r="L9933" s="40"/>
      <c r="M9933" s="40"/>
      <c r="N9933" s="40"/>
    </row>
    <row r="9934" spans="4:14" x14ac:dyDescent="0.25">
      <c r="D9934" s="40"/>
      <c r="F9934" s="40">
        <v>165.41666699999999</v>
      </c>
      <c r="G9934" s="40">
        <v>22.55062621669574</v>
      </c>
      <c r="H9934" s="40">
        <v>165.41666700000002</v>
      </c>
      <c r="I9934" s="40">
        <v>24.480397389954113</v>
      </c>
      <c r="L9934" s="40"/>
      <c r="M9934" s="40"/>
      <c r="N9934" s="40"/>
    </row>
    <row r="9935" spans="4:14" x14ac:dyDescent="0.25">
      <c r="D9935" s="40"/>
      <c r="F9935" s="40">
        <v>165.433333</v>
      </c>
      <c r="G9935" s="40">
        <v>22.55062621669574</v>
      </c>
      <c r="H9935" s="40">
        <v>165.433334</v>
      </c>
      <c r="I9935" s="40">
        <v>24.480397389954113</v>
      </c>
      <c r="L9935" s="40"/>
      <c r="M9935" s="40"/>
      <c r="N9935" s="40"/>
    </row>
    <row r="9936" spans="4:14" x14ac:dyDescent="0.25">
      <c r="D9936" s="40"/>
      <c r="F9936" s="40">
        <v>165.45</v>
      </c>
      <c r="G9936" s="40">
        <v>22.555381460785831</v>
      </c>
      <c r="H9936" s="40">
        <v>165.45000000000002</v>
      </c>
      <c r="I9936" s="40">
        <v>24.480397389954113</v>
      </c>
      <c r="L9936" s="40"/>
      <c r="M9936" s="40"/>
      <c r="N9936" s="40"/>
    </row>
    <row r="9937" spans="4:14" x14ac:dyDescent="0.25">
      <c r="D9937" s="40"/>
      <c r="F9937" s="40">
        <v>165.466667</v>
      </c>
      <c r="G9937" s="40">
        <v>22.555381460785831</v>
      </c>
      <c r="H9937" s="40">
        <v>165.466667</v>
      </c>
      <c r="I9937" s="40">
        <v>24.483651516210699</v>
      </c>
      <c r="L9937" s="40"/>
      <c r="M9937" s="40"/>
      <c r="N9937" s="40"/>
    </row>
    <row r="9938" spans="4:14" x14ac:dyDescent="0.25">
      <c r="D9938" s="40"/>
      <c r="F9938" s="40">
        <v>165.48333299999999</v>
      </c>
      <c r="G9938" s="40">
        <v>22.555381460785831</v>
      </c>
      <c r="H9938" s="40">
        <v>165.48333400000001</v>
      </c>
      <c r="I9938" s="40">
        <v>24.483651516210699</v>
      </c>
      <c r="L9938" s="40"/>
      <c r="M9938" s="40"/>
      <c r="N9938" s="40"/>
    </row>
    <row r="9939" spans="4:14" x14ac:dyDescent="0.25">
      <c r="D9939" s="40"/>
      <c r="F9939" s="40">
        <v>165.5</v>
      </c>
      <c r="G9939" s="40">
        <v>22.555381460785831</v>
      </c>
      <c r="H9939" s="40">
        <v>165.5</v>
      </c>
      <c r="I9939" s="40">
        <v>24.483651516210699</v>
      </c>
      <c r="L9939" s="40"/>
      <c r="M9939" s="40"/>
      <c r="N9939" s="40"/>
    </row>
    <row r="9940" spans="4:14" x14ac:dyDescent="0.25">
      <c r="D9940" s="40"/>
      <c r="F9940" s="40">
        <v>165.51666699999998</v>
      </c>
      <c r="G9940" s="40">
        <v>22.555381460785831</v>
      </c>
      <c r="H9940" s="40">
        <v>165.51666700000001</v>
      </c>
      <c r="I9940" s="40">
        <v>24.487004252354129</v>
      </c>
      <c r="L9940" s="40"/>
      <c r="M9940" s="40"/>
      <c r="N9940" s="40"/>
    </row>
    <row r="9941" spans="4:14" x14ac:dyDescent="0.25">
      <c r="D9941" s="40"/>
      <c r="F9941" s="40">
        <v>165.533333</v>
      </c>
      <c r="G9941" s="40">
        <v>22.555381460785831</v>
      </c>
      <c r="H9941" s="40">
        <v>165.533334</v>
      </c>
      <c r="I9941" s="40">
        <v>24.487004252354129</v>
      </c>
      <c r="L9941" s="40"/>
      <c r="M9941" s="40"/>
      <c r="N9941" s="40"/>
    </row>
    <row r="9942" spans="4:14" x14ac:dyDescent="0.25">
      <c r="D9942" s="40"/>
      <c r="F9942" s="40">
        <v>165.54999999999998</v>
      </c>
      <c r="G9942" s="40">
        <v>22.555381460785831</v>
      </c>
      <c r="H9942" s="40">
        <v>165.55</v>
      </c>
      <c r="I9942" s="40">
        <v>24.487004252354129</v>
      </c>
      <c r="L9942" s="40"/>
      <c r="M9942" s="40"/>
      <c r="N9942" s="40"/>
    </row>
    <row r="9943" spans="4:14" x14ac:dyDescent="0.25">
      <c r="D9943" s="40"/>
      <c r="F9943" s="40">
        <v>165.566667</v>
      </c>
      <c r="G9943" s="40">
        <v>22.555381460785831</v>
      </c>
      <c r="H9943" s="40">
        <v>165.566667</v>
      </c>
      <c r="I9943" s="40">
        <v>24.487004252354129</v>
      </c>
      <c r="L9943" s="40"/>
      <c r="M9943" s="40"/>
      <c r="N9943" s="40"/>
    </row>
    <row r="9944" spans="4:14" x14ac:dyDescent="0.25">
      <c r="D9944" s="40"/>
      <c r="F9944" s="40">
        <v>165.58333299999998</v>
      </c>
      <c r="G9944" s="40">
        <v>22.560136704876054</v>
      </c>
      <c r="H9944" s="40">
        <v>165.58333400000001</v>
      </c>
      <c r="I9944" s="40">
        <v>24.490356988497389</v>
      </c>
      <c r="L9944" s="40"/>
      <c r="M9944" s="40"/>
      <c r="N9944" s="40"/>
    </row>
    <row r="9945" spans="4:14" x14ac:dyDescent="0.25">
      <c r="D9945" s="40"/>
      <c r="F9945" s="40">
        <v>165.6</v>
      </c>
      <c r="G9945" s="40">
        <v>22.560136704876054</v>
      </c>
      <c r="H9945" s="40">
        <v>165.6</v>
      </c>
      <c r="I9945" s="40">
        <v>24.490356988497389</v>
      </c>
      <c r="L9945" s="40"/>
      <c r="M9945" s="40"/>
      <c r="N9945" s="40"/>
    </row>
    <row r="9946" spans="4:14" x14ac:dyDescent="0.25">
      <c r="D9946" s="40"/>
      <c r="F9946" s="40">
        <v>165.61666700000001</v>
      </c>
      <c r="G9946" s="40">
        <v>22.560136704876054</v>
      </c>
      <c r="H9946" s="40">
        <v>165.61666700000001</v>
      </c>
      <c r="I9946" s="40">
        <v>24.490356988497389</v>
      </c>
      <c r="L9946" s="40"/>
      <c r="M9946" s="40"/>
      <c r="N9946" s="40"/>
    </row>
    <row r="9947" spans="4:14" x14ac:dyDescent="0.25">
      <c r="D9947" s="40"/>
      <c r="F9947" s="40">
        <v>165.63333299999999</v>
      </c>
      <c r="G9947" s="40">
        <v>22.560136704876054</v>
      </c>
      <c r="H9947" s="40">
        <v>165.63333400000002</v>
      </c>
      <c r="I9947" s="40">
        <v>24.490356988497389</v>
      </c>
      <c r="L9947" s="40"/>
      <c r="M9947" s="40"/>
      <c r="N9947" s="40"/>
    </row>
    <row r="9948" spans="4:14" x14ac:dyDescent="0.25">
      <c r="D9948" s="40"/>
      <c r="F9948" s="40">
        <v>165.65</v>
      </c>
      <c r="G9948" s="40">
        <v>22.560136704876054</v>
      </c>
      <c r="H9948" s="40">
        <v>165.65</v>
      </c>
      <c r="I9948" s="40">
        <v>24.493611114754152</v>
      </c>
      <c r="L9948" s="40"/>
      <c r="M9948" s="40"/>
      <c r="N9948" s="40"/>
    </row>
    <row r="9949" spans="4:14" x14ac:dyDescent="0.25">
      <c r="D9949" s="40"/>
      <c r="F9949" s="40">
        <v>165.66666699999999</v>
      </c>
      <c r="G9949" s="40">
        <v>22.560136704876054</v>
      </c>
      <c r="H9949" s="40">
        <v>165.66666700000002</v>
      </c>
      <c r="I9949" s="40">
        <v>24.493611114754152</v>
      </c>
      <c r="L9949" s="40"/>
      <c r="M9949" s="40"/>
      <c r="N9949" s="40"/>
    </row>
    <row r="9950" spans="4:14" x14ac:dyDescent="0.25">
      <c r="D9950" s="40"/>
      <c r="F9950" s="40">
        <v>165.683333</v>
      </c>
      <c r="G9950" s="40">
        <v>22.560136704876054</v>
      </c>
      <c r="H9950" s="40">
        <v>165.683334</v>
      </c>
      <c r="I9950" s="40">
        <v>24.493611114754152</v>
      </c>
      <c r="L9950" s="40"/>
      <c r="M9950" s="40"/>
      <c r="N9950" s="40"/>
    </row>
    <row r="9951" spans="4:14" x14ac:dyDescent="0.25">
      <c r="D9951" s="40"/>
      <c r="F9951" s="40">
        <v>165.7</v>
      </c>
      <c r="G9951" s="40">
        <v>22.555381460785831</v>
      </c>
      <c r="H9951" s="40">
        <v>165.70000000000002</v>
      </c>
      <c r="I9951" s="40">
        <v>24.496963850897409</v>
      </c>
      <c r="L9951" s="40"/>
      <c r="M9951" s="40"/>
      <c r="N9951" s="40"/>
    </row>
    <row r="9952" spans="4:14" x14ac:dyDescent="0.25">
      <c r="D9952" s="40"/>
      <c r="F9952" s="40">
        <v>165.716667</v>
      </c>
      <c r="G9952" s="40">
        <v>22.555381460785831</v>
      </c>
      <c r="H9952" s="40">
        <v>165.716667</v>
      </c>
      <c r="I9952" s="40">
        <v>24.496963850897409</v>
      </c>
      <c r="L9952" s="40"/>
      <c r="M9952" s="40"/>
      <c r="N9952" s="40"/>
    </row>
    <row r="9953" spans="4:14" x14ac:dyDescent="0.25">
      <c r="D9953" s="40"/>
      <c r="F9953" s="40">
        <v>165.73333299999999</v>
      </c>
      <c r="G9953" s="40">
        <v>22.555381460785831</v>
      </c>
      <c r="H9953" s="40">
        <v>165.73333400000001</v>
      </c>
      <c r="I9953" s="40">
        <v>24.496963850897409</v>
      </c>
      <c r="L9953" s="40"/>
      <c r="M9953" s="40"/>
      <c r="N9953" s="40"/>
    </row>
    <row r="9954" spans="4:14" x14ac:dyDescent="0.25">
      <c r="D9954" s="40"/>
      <c r="F9954" s="40">
        <v>165.75</v>
      </c>
      <c r="G9954" s="40">
        <v>22.555381460785831</v>
      </c>
      <c r="H9954" s="40">
        <v>165.75</v>
      </c>
      <c r="I9954" s="40">
        <v>24.500316587040842</v>
      </c>
      <c r="L9954" s="40"/>
      <c r="M9954" s="40"/>
      <c r="N9954" s="40"/>
    </row>
    <row r="9955" spans="4:14" x14ac:dyDescent="0.25">
      <c r="D9955" s="40"/>
      <c r="F9955" s="40">
        <v>165.76666699999998</v>
      </c>
      <c r="G9955" s="40">
        <v>22.555381460785831</v>
      </c>
      <c r="H9955" s="40">
        <v>165.76666700000001</v>
      </c>
      <c r="I9955" s="40">
        <v>24.500316587040842</v>
      </c>
      <c r="L9955" s="40"/>
      <c r="M9955" s="40"/>
      <c r="N9955" s="40"/>
    </row>
    <row r="9956" spans="4:14" x14ac:dyDescent="0.25">
      <c r="D9956" s="40"/>
      <c r="F9956" s="40">
        <v>165.783333</v>
      </c>
      <c r="G9956" s="40">
        <v>22.555381460785831</v>
      </c>
      <c r="H9956" s="40">
        <v>165.783334</v>
      </c>
      <c r="I9956" s="40">
        <v>24.500316587040842</v>
      </c>
      <c r="L9956" s="40"/>
      <c r="M9956" s="40"/>
      <c r="N9956" s="40"/>
    </row>
    <row r="9957" spans="4:14" x14ac:dyDescent="0.25">
      <c r="D9957" s="40"/>
      <c r="F9957" s="40">
        <v>165.79999999999998</v>
      </c>
      <c r="G9957" s="40">
        <v>22.555381460785831</v>
      </c>
      <c r="H9957" s="40">
        <v>165.8</v>
      </c>
      <c r="I9957" s="40">
        <v>24.503570713297602</v>
      </c>
      <c r="L9957" s="40"/>
      <c r="M9957" s="40"/>
      <c r="N9957" s="40"/>
    </row>
    <row r="9958" spans="4:14" x14ac:dyDescent="0.25">
      <c r="D9958" s="40"/>
      <c r="F9958" s="40">
        <v>165.816667</v>
      </c>
      <c r="G9958" s="40">
        <v>22.555381460785831</v>
      </c>
      <c r="H9958" s="40">
        <v>165.816667</v>
      </c>
      <c r="I9958" s="40">
        <v>24.503570713297602</v>
      </c>
      <c r="L9958" s="40"/>
      <c r="M9958" s="40"/>
      <c r="N9958" s="40"/>
    </row>
    <row r="9959" spans="4:14" x14ac:dyDescent="0.25">
      <c r="D9959" s="40"/>
      <c r="F9959" s="40">
        <v>165.83333299999998</v>
      </c>
      <c r="G9959" s="40">
        <v>22.555381460785831</v>
      </c>
      <c r="H9959" s="40">
        <v>165.83333400000001</v>
      </c>
      <c r="I9959" s="40">
        <v>24.503570713297602</v>
      </c>
      <c r="L9959" s="40"/>
      <c r="M9959" s="40"/>
      <c r="N9959" s="40"/>
    </row>
    <row r="9960" spans="4:14" x14ac:dyDescent="0.25">
      <c r="D9960" s="40"/>
      <c r="F9960" s="40">
        <v>165.85</v>
      </c>
      <c r="G9960" s="40">
        <v>22.555381460785831</v>
      </c>
      <c r="H9960" s="40">
        <v>165.85</v>
      </c>
      <c r="I9960" s="40">
        <v>24.506923449440858</v>
      </c>
      <c r="L9960" s="40"/>
      <c r="M9960" s="40"/>
      <c r="N9960" s="40"/>
    </row>
    <row r="9961" spans="4:14" x14ac:dyDescent="0.25">
      <c r="D9961" s="40"/>
      <c r="F9961" s="40">
        <v>165.86666700000001</v>
      </c>
      <c r="G9961" s="40">
        <v>22.555381460785831</v>
      </c>
      <c r="H9961" s="40">
        <v>165.86666700000001</v>
      </c>
      <c r="I9961" s="40">
        <v>24.506923449440858</v>
      </c>
      <c r="L9961" s="40"/>
      <c r="M9961" s="40"/>
      <c r="N9961" s="40"/>
    </row>
    <row r="9962" spans="4:14" x14ac:dyDescent="0.25">
      <c r="D9962" s="40"/>
      <c r="F9962" s="40">
        <v>165.88333299999999</v>
      </c>
      <c r="G9962" s="40">
        <v>22.555381460785831</v>
      </c>
      <c r="H9962" s="40">
        <v>165.88333400000002</v>
      </c>
      <c r="I9962" s="40">
        <v>24.510276185584118</v>
      </c>
      <c r="L9962" s="40"/>
      <c r="M9962" s="40"/>
      <c r="N9962" s="40"/>
    </row>
    <row r="9963" spans="4:14" x14ac:dyDescent="0.25">
      <c r="D9963" s="40"/>
      <c r="F9963" s="40">
        <v>165.9</v>
      </c>
      <c r="G9963" s="40">
        <v>22.555381460785831</v>
      </c>
      <c r="H9963" s="40">
        <v>165.9</v>
      </c>
      <c r="I9963" s="40">
        <v>24.510276185584118</v>
      </c>
      <c r="L9963" s="40"/>
      <c r="M9963" s="40"/>
      <c r="N9963" s="40"/>
    </row>
    <row r="9964" spans="4:14" x14ac:dyDescent="0.25">
      <c r="D9964" s="40"/>
      <c r="F9964" s="40">
        <v>165.91666699999999</v>
      </c>
      <c r="G9964" s="40">
        <v>22.555381460785831</v>
      </c>
      <c r="H9964" s="40">
        <v>165.91666700000002</v>
      </c>
      <c r="I9964" s="40">
        <v>24.510276185584118</v>
      </c>
      <c r="L9964" s="40"/>
      <c r="M9964" s="40"/>
      <c r="N9964" s="40"/>
    </row>
    <row r="9965" spans="4:14" x14ac:dyDescent="0.25">
      <c r="D9965" s="40"/>
      <c r="F9965" s="40">
        <v>165.933333</v>
      </c>
      <c r="G9965" s="40">
        <v>22.555381460785831</v>
      </c>
      <c r="H9965" s="40">
        <v>165.933334</v>
      </c>
      <c r="I9965" s="40">
        <v>24.513530311840881</v>
      </c>
      <c r="L9965" s="40"/>
      <c r="M9965" s="40"/>
      <c r="N9965" s="40"/>
    </row>
    <row r="9966" spans="4:14" x14ac:dyDescent="0.25">
      <c r="D9966" s="40"/>
      <c r="F9966" s="40">
        <v>165.95</v>
      </c>
      <c r="G9966" s="40">
        <v>22.555381460785831</v>
      </c>
      <c r="H9966" s="40">
        <v>165.95000000000002</v>
      </c>
      <c r="I9966" s="40">
        <v>24.513530311840881</v>
      </c>
      <c r="L9966" s="40"/>
      <c r="M9966" s="40"/>
      <c r="N9966" s="40"/>
    </row>
    <row r="9967" spans="4:14" x14ac:dyDescent="0.25">
      <c r="D9967" s="40"/>
      <c r="F9967" s="40">
        <v>165.966667</v>
      </c>
      <c r="G9967" s="40">
        <v>22.555381460785831</v>
      </c>
      <c r="H9967" s="40">
        <v>165.966667</v>
      </c>
      <c r="I9967" s="40">
        <v>24.516883047984138</v>
      </c>
      <c r="L9967" s="40"/>
      <c r="M9967" s="40"/>
      <c r="N9967" s="40"/>
    </row>
    <row r="9968" spans="4:14" x14ac:dyDescent="0.25">
      <c r="D9968" s="40"/>
      <c r="F9968" s="40">
        <v>165.98333299999999</v>
      </c>
      <c r="G9968" s="40">
        <v>22.560136704876054</v>
      </c>
      <c r="H9968" s="40">
        <v>165.98333400000001</v>
      </c>
      <c r="I9968" s="40">
        <v>24.516883047984138</v>
      </c>
      <c r="L9968" s="40"/>
      <c r="M9968" s="40"/>
      <c r="N9968" s="40"/>
    </row>
    <row r="9969" spans="4:14" x14ac:dyDescent="0.25">
      <c r="D9969" s="40"/>
      <c r="F9969" s="40">
        <v>166</v>
      </c>
      <c r="G9969" s="40">
        <v>22.560136704876054</v>
      </c>
      <c r="H9969" s="40">
        <v>166</v>
      </c>
      <c r="I9969" s="40">
        <v>24.516883047984138</v>
      </c>
      <c r="L9969" s="40"/>
      <c r="M9969" s="40"/>
      <c r="N9969" s="40"/>
    </row>
    <row r="9970" spans="4:14" x14ac:dyDescent="0.25">
      <c r="D9970" s="40"/>
      <c r="F9970" s="40">
        <v>166.01666699999998</v>
      </c>
      <c r="G9970" s="40">
        <v>22.560136704876054</v>
      </c>
      <c r="H9970" s="40">
        <v>166.01666700000001</v>
      </c>
      <c r="I9970" s="40">
        <v>24.516883047984138</v>
      </c>
      <c r="L9970" s="40"/>
      <c r="M9970" s="40"/>
      <c r="N9970" s="40"/>
    </row>
    <row r="9971" spans="4:14" x14ac:dyDescent="0.25">
      <c r="D9971" s="40"/>
      <c r="F9971" s="40">
        <v>166.033333</v>
      </c>
      <c r="G9971" s="40">
        <v>22.560136704876054</v>
      </c>
      <c r="H9971" s="40">
        <v>166.033334</v>
      </c>
      <c r="I9971" s="40">
        <v>24.520235784127571</v>
      </c>
      <c r="L9971" s="40"/>
      <c r="M9971" s="40"/>
      <c r="N9971" s="40"/>
    </row>
    <row r="9972" spans="4:14" x14ac:dyDescent="0.25">
      <c r="D9972" s="40"/>
      <c r="F9972" s="40">
        <v>166.04999999999998</v>
      </c>
      <c r="G9972" s="40">
        <v>22.560136704876054</v>
      </c>
      <c r="H9972" s="40">
        <v>166.05</v>
      </c>
      <c r="I9972" s="40">
        <v>24.520235784127571</v>
      </c>
      <c r="L9972" s="40"/>
      <c r="M9972" s="40"/>
      <c r="N9972" s="40"/>
    </row>
    <row r="9973" spans="4:14" x14ac:dyDescent="0.25">
      <c r="D9973" s="40"/>
      <c r="F9973" s="40">
        <v>166.066667</v>
      </c>
      <c r="G9973" s="40">
        <v>22.564752088845953</v>
      </c>
      <c r="H9973" s="40">
        <v>166.066667</v>
      </c>
      <c r="I9973" s="40">
        <v>24.523489910384335</v>
      </c>
      <c r="L9973" s="40"/>
      <c r="M9973" s="40"/>
      <c r="N9973" s="40"/>
    </row>
    <row r="9974" spans="4:14" x14ac:dyDescent="0.25">
      <c r="D9974" s="40"/>
      <c r="F9974" s="40">
        <v>166.08333299999998</v>
      </c>
      <c r="G9974" s="40">
        <v>22.564752088845953</v>
      </c>
      <c r="H9974" s="40">
        <v>166.08333400000001</v>
      </c>
      <c r="I9974" s="40">
        <v>24.523489910384335</v>
      </c>
      <c r="L9974" s="40"/>
      <c r="M9974" s="40"/>
      <c r="N9974" s="40"/>
    </row>
    <row r="9975" spans="4:14" x14ac:dyDescent="0.25">
      <c r="D9975" s="40"/>
      <c r="F9975" s="40">
        <v>166.1</v>
      </c>
      <c r="G9975" s="40">
        <v>22.564752088845953</v>
      </c>
      <c r="H9975" s="40">
        <v>166.1</v>
      </c>
      <c r="I9975" s="40">
        <v>24.523489910384335</v>
      </c>
      <c r="L9975" s="40"/>
      <c r="M9975" s="40"/>
      <c r="N9975" s="40"/>
    </row>
    <row r="9976" spans="4:14" x14ac:dyDescent="0.25">
      <c r="D9976" s="40"/>
      <c r="F9976" s="40">
        <v>166.11666700000001</v>
      </c>
      <c r="G9976" s="40">
        <v>22.564752088845953</v>
      </c>
      <c r="H9976" s="40">
        <v>166.11666700000001</v>
      </c>
      <c r="I9976" s="40">
        <v>24.526842646527591</v>
      </c>
      <c r="L9976" s="40"/>
      <c r="M9976" s="40"/>
      <c r="N9976" s="40"/>
    </row>
    <row r="9977" spans="4:14" x14ac:dyDescent="0.25">
      <c r="D9977" s="40"/>
      <c r="F9977" s="40">
        <v>166.13333299999999</v>
      </c>
      <c r="G9977" s="40">
        <v>22.564752088845953</v>
      </c>
      <c r="H9977" s="40">
        <v>166.13333400000002</v>
      </c>
      <c r="I9977" s="40">
        <v>24.526842646527591</v>
      </c>
      <c r="L9977" s="40"/>
      <c r="M9977" s="40"/>
      <c r="N9977" s="40"/>
    </row>
    <row r="9978" spans="4:14" x14ac:dyDescent="0.25">
      <c r="D9978" s="40"/>
      <c r="F9978" s="40">
        <v>166.15</v>
      </c>
      <c r="G9978" s="40">
        <v>22.564752088845953</v>
      </c>
      <c r="H9978" s="40">
        <v>166.15</v>
      </c>
      <c r="I9978" s="40">
        <v>24.526842646527591</v>
      </c>
      <c r="L9978" s="40"/>
      <c r="M9978" s="40"/>
      <c r="N9978" s="40"/>
    </row>
    <row r="9979" spans="4:14" x14ac:dyDescent="0.25">
      <c r="D9979" s="40"/>
      <c r="F9979" s="40">
        <v>166.16666699999999</v>
      </c>
      <c r="G9979" s="40">
        <v>22.564752088845953</v>
      </c>
      <c r="H9979" s="40">
        <v>166.16666700000002</v>
      </c>
      <c r="I9979" s="40">
        <v>24.530195382670847</v>
      </c>
      <c r="L9979" s="40"/>
      <c r="M9979" s="40"/>
      <c r="N9979" s="40"/>
    </row>
    <row r="9980" spans="4:14" x14ac:dyDescent="0.25">
      <c r="D9980" s="40"/>
      <c r="F9980" s="40">
        <v>166.183333</v>
      </c>
      <c r="G9980" s="40">
        <v>22.564752088845953</v>
      </c>
      <c r="H9980" s="40">
        <v>166.183334</v>
      </c>
      <c r="I9980" s="40">
        <v>24.530195382670847</v>
      </c>
      <c r="L9980" s="40"/>
      <c r="M9980" s="40"/>
      <c r="N9980" s="40"/>
    </row>
    <row r="9981" spans="4:14" x14ac:dyDescent="0.25">
      <c r="D9981" s="40"/>
      <c r="F9981" s="40">
        <v>166.2</v>
      </c>
      <c r="G9981" s="40">
        <v>22.564752088845953</v>
      </c>
      <c r="H9981" s="40">
        <v>166.20000000000002</v>
      </c>
      <c r="I9981" s="40">
        <v>24.530195382670847</v>
      </c>
      <c r="L9981" s="40"/>
      <c r="M9981" s="40"/>
      <c r="N9981" s="40"/>
    </row>
    <row r="9982" spans="4:14" x14ac:dyDescent="0.25">
      <c r="D9982" s="40"/>
      <c r="F9982" s="40">
        <v>166.216667</v>
      </c>
      <c r="G9982" s="40">
        <v>22.564752088845953</v>
      </c>
      <c r="H9982" s="40">
        <v>166.216667</v>
      </c>
      <c r="I9982" s="40">
        <v>24.530195382670847</v>
      </c>
      <c r="L9982" s="40"/>
      <c r="M9982" s="40"/>
      <c r="N9982" s="40"/>
    </row>
    <row r="9983" spans="4:14" x14ac:dyDescent="0.25">
      <c r="D9983" s="40"/>
      <c r="F9983" s="40">
        <v>166.23333299999999</v>
      </c>
      <c r="G9983" s="40">
        <v>22.564752088845953</v>
      </c>
      <c r="H9983" s="40">
        <v>166.23333400000001</v>
      </c>
      <c r="I9983" s="40">
        <v>24.53344950892761</v>
      </c>
      <c r="L9983" s="40"/>
      <c r="M9983" s="40"/>
      <c r="N9983" s="40"/>
    </row>
    <row r="9984" spans="4:14" x14ac:dyDescent="0.25">
      <c r="D9984" s="40"/>
      <c r="F9984" s="40">
        <v>166.25</v>
      </c>
      <c r="G9984" s="40">
        <v>22.564752088845953</v>
      </c>
      <c r="H9984" s="40">
        <v>166.25</v>
      </c>
      <c r="I9984" s="40">
        <v>24.53344950892761</v>
      </c>
      <c r="L9984" s="40"/>
      <c r="M9984" s="40"/>
      <c r="N9984" s="40"/>
    </row>
    <row r="9985" spans="4:14" x14ac:dyDescent="0.25">
      <c r="D9985" s="40"/>
      <c r="F9985" s="40">
        <v>166.26666699999998</v>
      </c>
      <c r="G9985" s="40">
        <v>22.564752088845953</v>
      </c>
      <c r="H9985" s="40">
        <v>166.26666700000001</v>
      </c>
      <c r="I9985" s="40">
        <v>24.53344950892761</v>
      </c>
      <c r="L9985" s="40"/>
      <c r="M9985" s="40"/>
      <c r="N9985" s="40"/>
    </row>
    <row r="9986" spans="4:14" x14ac:dyDescent="0.25">
      <c r="D9986" s="40"/>
      <c r="F9986" s="40">
        <v>166.283333</v>
      </c>
      <c r="G9986" s="40">
        <v>22.564752088845953</v>
      </c>
      <c r="H9986" s="40">
        <v>166.283334</v>
      </c>
      <c r="I9986" s="40">
        <v>24.53344950892761</v>
      </c>
      <c r="L9986" s="40"/>
      <c r="M9986" s="40"/>
      <c r="N9986" s="40"/>
    </row>
    <row r="9987" spans="4:14" x14ac:dyDescent="0.25">
      <c r="D9987" s="40"/>
      <c r="F9987" s="40">
        <v>166.29999999999998</v>
      </c>
      <c r="G9987" s="40">
        <v>22.564752088845953</v>
      </c>
      <c r="H9987" s="40">
        <v>166.3</v>
      </c>
      <c r="I9987" s="40">
        <v>24.53344950892761</v>
      </c>
      <c r="L9987" s="40"/>
      <c r="M9987" s="40"/>
      <c r="N9987" s="40"/>
    </row>
    <row r="9988" spans="4:14" x14ac:dyDescent="0.25">
      <c r="D9988" s="40"/>
      <c r="F9988" s="40">
        <v>166.316667</v>
      </c>
      <c r="G9988" s="40">
        <v>22.564752088845953</v>
      </c>
      <c r="H9988" s="40">
        <v>166.316667</v>
      </c>
      <c r="I9988" s="40">
        <v>24.536802245071044</v>
      </c>
      <c r="L9988" s="40"/>
      <c r="M9988" s="40"/>
      <c r="N9988" s="40"/>
    </row>
    <row r="9989" spans="4:14" x14ac:dyDescent="0.25">
      <c r="D9989" s="40"/>
      <c r="F9989" s="40">
        <v>166.33333299999998</v>
      </c>
      <c r="G9989" s="40">
        <v>22.560136704876054</v>
      </c>
      <c r="H9989" s="40">
        <v>166.33333400000001</v>
      </c>
      <c r="I9989" s="40">
        <v>24.536802245071044</v>
      </c>
      <c r="L9989" s="40"/>
      <c r="M9989" s="40"/>
      <c r="N9989" s="40"/>
    </row>
    <row r="9990" spans="4:14" x14ac:dyDescent="0.25">
      <c r="D9990" s="40"/>
      <c r="F9990" s="40">
        <v>166.35</v>
      </c>
      <c r="G9990" s="40">
        <v>22.560136704876054</v>
      </c>
      <c r="H9990" s="40">
        <v>166.35</v>
      </c>
      <c r="I9990" s="40">
        <v>24.536802245071044</v>
      </c>
      <c r="L9990" s="40"/>
      <c r="M9990" s="40"/>
      <c r="N9990" s="40"/>
    </row>
    <row r="9991" spans="4:14" x14ac:dyDescent="0.25">
      <c r="D9991" s="40"/>
      <c r="F9991" s="40">
        <v>166.36666700000001</v>
      </c>
      <c r="G9991" s="40">
        <v>22.560136704876054</v>
      </c>
      <c r="H9991" s="40">
        <v>166.36666700000001</v>
      </c>
      <c r="I9991" s="40">
        <v>24.540154981214304</v>
      </c>
      <c r="L9991" s="40"/>
      <c r="M9991" s="40"/>
      <c r="N9991" s="40"/>
    </row>
    <row r="9992" spans="4:14" x14ac:dyDescent="0.25">
      <c r="D9992" s="40"/>
      <c r="F9992" s="40">
        <v>166.38333299999999</v>
      </c>
      <c r="G9992" s="40">
        <v>22.560136704876054</v>
      </c>
      <c r="H9992" s="40">
        <v>166.38333400000002</v>
      </c>
      <c r="I9992" s="40">
        <v>24.540154981214304</v>
      </c>
      <c r="L9992" s="40"/>
      <c r="M9992" s="40"/>
      <c r="N9992" s="40"/>
    </row>
    <row r="9993" spans="4:14" x14ac:dyDescent="0.25">
      <c r="D9993" s="40"/>
      <c r="F9993" s="40">
        <v>166.4</v>
      </c>
      <c r="G9993" s="40">
        <v>22.560136704876054</v>
      </c>
      <c r="H9993" s="40">
        <v>166.4</v>
      </c>
      <c r="I9993" s="40">
        <v>24.540154981214304</v>
      </c>
      <c r="L9993" s="40"/>
      <c r="M9993" s="40"/>
      <c r="N9993" s="40"/>
    </row>
    <row r="9994" spans="4:14" x14ac:dyDescent="0.25">
      <c r="D9994" s="40"/>
      <c r="F9994" s="40">
        <v>166.41666699999999</v>
      </c>
      <c r="G9994" s="40">
        <v>22.560136704876054</v>
      </c>
      <c r="H9994" s="40">
        <v>166.41666700000002</v>
      </c>
      <c r="I9994" s="40">
        <v>24.540154981214304</v>
      </c>
      <c r="L9994" s="40"/>
      <c r="M9994" s="40"/>
      <c r="N9994" s="40"/>
    </row>
    <row r="9995" spans="4:14" x14ac:dyDescent="0.25">
      <c r="D9995" s="40"/>
      <c r="F9995" s="40">
        <v>166.433333</v>
      </c>
      <c r="G9995" s="40">
        <v>22.560136704876054</v>
      </c>
      <c r="H9995" s="40">
        <v>166.433334</v>
      </c>
      <c r="I9995" s="40">
        <v>24.543409107471064</v>
      </c>
      <c r="L9995" s="40"/>
      <c r="M9995" s="40"/>
      <c r="N9995" s="40"/>
    </row>
    <row r="9996" spans="4:14" x14ac:dyDescent="0.25">
      <c r="D9996" s="40"/>
      <c r="F9996" s="40">
        <v>166.45</v>
      </c>
      <c r="G9996" s="40">
        <v>22.560136704876054</v>
      </c>
      <c r="H9996" s="40">
        <v>166.45000000000002</v>
      </c>
      <c r="I9996" s="40">
        <v>24.543409107471064</v>
      </c>
      <c r="L9996" s="40"/>
      <c r="M9996" s="40"/>
      <c r="N9996" s="40"/>
    </row>
    <row r="9997" spans="4:14" x14ac:dyDescent="0.25">
      <c r="D9997" s="40"/>
      <c r="F9997" s="40">
        <v>166.466667</v>
      </c>
      <c r="G9997" s="40">
        <v>22.560136704876054</v>
      </c>
      <c r="H9997" s="40">
        <v>166.466667</v>
      </c>
      <c r="I9997" s="40">
        <v>24.543409107471064</v>
      </c>
      <c r="L9997" s="40"/>
      <c r="M9997" s="40"/>
      <c r="N9997" s="40"/>
    </row>
    <row r="9998" spans="4:14" x14ac:dyDescent="0.25">
      <c r="D9998" s="40"/>
      <c r="F9998" s="40">
        <v>166.48333299999999</v>
      </c>
      <c r="G9998" s="40">
        <v>22.560136704876054</v>
      </c>
      <c r="H9998" s="40">
        <v>166.48333400000001</v>
      </c>
      <c r="I9998" s="40">
        <v>24.543409107471064</v>
      </c>
      <c r="L9998" s="40"/>
      <c r="M9998" s="40"/>
      <c r="N9998" s="40"/>
    </row>
    <row r="9999" spans="4:14" x14ac:dyDescent="0.25">
      <c r="D9999" s="40"/>
      <c r="F9999" s="40">
        <v>166.5</v>
      </c>
      <c r="G9999" s="40">
        <v>22.560136704876054</v>
      </c>
      <c r="H9999" s="40">
        <v>166.5</v>
      </c>
      <c r="I9999" s="40">
        <v>24.543409107471064</v>
      </c>
      <c r="L9999" s="40"/>
      <c r="M9999" s="40"/>
      <c r="N9999" s="40"/>
    </row>
    <row r="10000" spans="4:14" x14ac:dyDescent="0.25">
      <c r="D10000" s="40"/>
      <c r="F10000" s="40">
        <v>166.51666699999998</v>
      </c>
      <c r="G10000" s="40">
        <v>22.560136704876054</v>
      </c>
      <c r="H10000" s="40">
        <v>166.51666700000001</v>
      </c>
      <c r="I10000" s="40">
        <v>24.54676184361432</v>
      </c>
      <c r="L10000" s="40"/>
      <c r="M10000" s="40"/>
      <c r="N10000" s="40"/>
    </row>
    <row r="10001" spans="4:14" x14ac:dyDescent="0.25">
      <c r="D10001" s="40"/>
      <c r="F10001" s="40">
        <v>166.533333</v>
      </c>
      <c r="G10001" s="40">
        <v>22.560136704876054</v>
      </c>
      <c r="H10001" s="40">
        <v>166.533334</v>
      </c>
      <c r="I10001" s="40">
        <v>24.54676184361432</v>
      </c>
      <c r="L10001" s="40"/>
      <c r="M10001" s="40"/>
      <c r="N10001" s="40"/>
    </row>
    <row r="10002" spans="4:14" x14ac:dyDescent="0.25">
      <c r="D10002" s="40"/>
      <c r="F10002" s="40">
        <v>166.54999999999998</v>
      </c>
      <c r="G10002" s="40">
        <v>22.560136704876054</v>
      </c>
      <c r="H10002" s="40">
        <v>166.55</v>
      </c>
      <c r="I10002" s="40">
        <v>24.54676184361432</v>
      </c>
      <c r="L10002" s="40"/>
      <c r="M10002" s="40"/>
      <c r="N10002" s="40"/>
    </row>
    <row r="10003" spans="4:14" x14ac:dyDescent="0.25">
      <c r="D10003" s="40"/>
      <c r="F10003" s="40">
        <v>166.566667</v>
      </c>
      <c r="G10003" s="40">
        <v>22.560136704876054</v>
      </c>
      <c r="H10003" s="40">
        <v>166.566667</v>
      </c>
      <c r="I10003" s="40">
        <v>24.54676184361432</v>
      </c>
      <c r="L10003" s="40"/>
      <c r="M10003" s="40"/>
      <c r="N10003" s="40"/>
    </row>
    <row r="10004" spans="4:14" x14ac:dyDescent="0.25">
      <c r="D10004" s="40"/>
      <c r="F10004" s="40">
        <v>166.58333299999998</v>
      </c>
      <c r="G10004" s="40">
        <v>22.560136704876054</v>
      </c>
      <c r="H10004" s="40">
        <v>166.58333400000001</v>
      </c>
      <c r="I10004" s="40">
        <v>24.550114579757576</v>
      </c>
      <c r="L10004" s="40"/>
      <c r="M10004" s="40"/>
      <c r="N10004" s="40"/>
    </row>
    <row r="10005" spans="4:14" x14ac:dyDescent="0.25">
      <c r="D10005" s="40"/>
      <c r="F10005" s="40">
        <v>166.6</v>
      </c>
      <c r="G10005" s="40">
        <v>22.560136704876054</v>
      </c>
      <c r="H10005" s="40">
        <v>166.6</v>
      </c>
      <c r="I10005" s="40">
        <v>24.550114579757576</v>
      </c>
      <c r="L10005" s="40"/>
      <c r="M10005" s="40"/>
      <c r="N10005" s="40"/>
    </row>
    <row r="10006" spans="4:14" x14ac:dyDescent="0.25">
      <c r="D10006" s="40"/>
      <c r="F10006" s="40">
        <v>166.61666700000001</v>
      </c>
      <c r="G10006" s="40">
        <v>22.560136704876054</v>
      </c>
      <c r="H10006" s="40">
        <v>166.61666700000001</v>
      </c>
      <c r="I10006" s="40">
        <v>24.550114579757576</v>
      </c>
      <c r="L10006" s="40"/>
      <c r="M10006" s="40"/>
      <c r="N10006" s="40"/>
    </row>
    <row r="10007" spans="4:14" x14ac:dyDescent="0.25">
      <c r="D10007" s="40"/>
      <c r="F10007" s="40">
        <v>166.63333299999999</v>
      </c>
      <c r="G10007" s="40">
        <v>22.560136704876054</v>
      </c>
      <c r="H10007" s="40">
        <v>166.63333400000002</v>
      </c>
      <c r="I10007" s="40">
        <v>24.550114579757576</v>
      </c>
      <c r="L10007" s="40"/>
      <c r="M10007" s="40"/>
      <c r="N10007" s="40"/>
    </row>
    <row r="10008" spans="4:14" x14ac:dyDescent="0.25">
      <c r="D10008" s="40"/>
      <c r="F10008" s="40">
        <v>166.65</v>
      </c>
      <c r="G10008" s="40">
        <v>22.560136704876054</v>
      </c>
      <c r="H10008" s="40">
        <v>166.65</v>
      </c>
      <c r="I10008" s="40">
        <v>24.553368706014339</v>
      </c>
      <c r="L10008" s="40"/>
      <c r="M10008" s="40"/>
      <c r="N10008" s="40"/>
    </row>
    <row r="10009" spans="4:14" x14ac:dyDescent="0.25">
      <c r="D10009" s="40"/>
      <c r="F10009" s="40">
        <v>166.66666699999999</v>
      </c>
      <c r="G10009" s="40">
        <v>22.560136704876054</v>
      </c>
      <c r="H10009" s="40">
        <v>166.66666700000002</v>
      </c>
      <c r="I10009" s="40">
        <v>24.553368706014339</v>
      </c>
      <c r="L10009" s="40"/>
      <c r="M10009" s="40"/>
      <c r="N10009" s="40"/>
    </row>
    <row r="10010" spans="4:14" x14ac:dyDescent="0.25">
      <c r="D10010" s="40"/>
      <c r="F10010" s="40">
        <v>166.683333</v>
      </c>
      <c r="G10010" s="40">
        <v>22.560136704876054</v>
      </c>
      <c r="H10010" s="40">
        <v>166.683334</v>
      </c>
      <c r="I10010" s="40">
        <v>24.553368706014339</v>
      </c>
      <c r="L10010" s="40"/>
      <c r="M10010" s="40"/>
      <c r="N10010" s="40"/>
    </row>
    <row r="10011" spans="4:14" x14ac:dyDescent="0.25">
      <c r="D10011" s="40"/>
      <c r="F10011" s="40">
        <v>166.7</v>
      </c>
      <c r="G10011" s="40">
        <v>22.560136704876054</v>
      </c>
      <c r="H10011" s="40">
        <v>166.70000000000002</v>
      </c>
      <c r="I10011" s="40">
        <v>24.553368706014339</v>
      </c>
      <c r="L10011" s="40"/>
      <c r="M10011" s="40"/>
      <c r="N10011" s="40"/>
    </row>
    <row r="10012" spans="4:14" x14ac:dyDescent="0.25">
      <c r="D10012" s="40"/>
      <c r="F10012" s="40">
        <v>166.716667</v>
      </c>
      <c r="G10012" s="40">
        <v>22.560136704876054</v>
      </c>
      <c r="H10012" s="40">
        <v>166.716667</v>
      </c>
      <c r="I10012" s="40">
        <v>24.556721442157773</v>
      </c>
      <c r="L10012" s="40"/>
      <c r="M10012" s="40"/>
      <c r="N10012" s="40"/>
    </row>
    <row r="10013" spans="4:14" x14ac:dyDescent="0.25">
      <c r="D10013" s="40"/>
      <c r="F10013" s="40">
        <v>166.73333299999999</v>
      </c>
      <c r="G10013" s="40">
        <v>22.560136704876054</v>
      </c>
      <c r="H10013" s="40">
        <v>166.73333400000001</v>
      </c>
      <c r="I10013" s="40">
        <v>24.556721442157773</v>
      </c>
      <c r="L10013" s="40"/>
      <c r="M10013" s="40"/>
      <c r="N10013" s="40"/>
    </row>
    <row r="10014" spans="4:14" x14ac:dyDescent="0.25">
      <c r="D10014" s="40"/>
      <c r="F10014" s="40">
        <v>166.75</v>
      </c>
      <c r="G10014" s="40">
        <v>22.560136704876054</v>
      </c>
      <c r="H10014" s="40">
        <v>166.75</v>
      </c>
      <c r="I10014" s="40">
        <v>24.556721442157773</v>
      </c>
      <c r="L10014" s="40"/>
      <c r="M10014" s="40"/>
      <c r="N10014" s="40"/>
    </row>
    <row r="10015" spans="4:14" x14ac:dyDescent="0.25">
      <c r="D10015" s="40"/>
      <c r="F10015" s="40">
        <v>166.76666699999998</v>
      </c>
      <c r="G10015" s="40">
        <v>22.555381460785831</v>
      </c>
      <c r="H10015" s="40">
        <v>166.76666700000001</v>
      </c>
      <c r="I10015" s="40">
        <v>24.560074178301033</v>
      </c>
      <c r="L10015" s="40"/>
      <c r="M10015" s="40"/>
      <c r="N10015" s="40"/>
    </row>
    <row r="10016" spans="4:14" x14ac:dyDescent="0.25">
      <c r="D10016" s="40"/>
      <c r="F10016" s="40">
        <v>166.783333</v>
      </c>
      <c r="G10016" s="40">
        <v>22.555381460785831</v>
      </c>
      <c r="H10016" s="40">
        <v>166.783334</v>
      </c>
      <c r="I10016" s="40">
        <v>24.560074178301033</v>
      </c>
      <c r="L10016" s="40"/>
      <c r="M10016" s="40"/>
      <c r="N10016" s="40"/>
    </row>
    <row r="10017" spans="4:14" x14ac:dyDescent="0.25">
      <c r="D10017" s="40"/>
      <c r="F10017" s="40">
        <v>166.79999999999998</v>
      </c>
      <c r="G10017" s="40">
        <v>22.560136704876054</v>
      </c>
      <c r="H10017" s="40">
        <v>166.8</v>
      </c>
      <c r="I10017" s="40">
        <v>24.560074178301033</v>
      </c>
      <c r="L10017" s="40"/>
      <c r="M10017" s="40"/>
      <c r="N10017" s="40"/>
    </row>
    <row r="10018" spans="4:14" x14ac:dyDescent="0.25">
      <c r="D10018" s="40"/>
      <c r="F10018" s="40">
        <v>166.816667</v>
      </c>
      <c r="G10018" s="40">
        <v>22.560136704876054</v>
      </c>
      <c r="H10018" s="40">
        <v>166.816667</v>
      </c>
      <c r="I10018" s="40">
        <v>24.560074178301033</v>
      </c>
      <c r="L10018" s="40"/>
      <c r="M10018" s="40"/>
      <c r="N10018" s="40"/>
    </row>
    <row r="10019" spans="4:14" x14ac:dyDescent="0.25">
      <c r="D10019" s="40"/>
      <c r="F10019" s="40">
        <v>166.83333299999998</v>
      </c>
      <c r="G10019" s="40">
        <v>22.560136704876054</v>
      </c>
      <c r="H10019" s="40">
        <v>166.83333400000001</v>
      </c>
      <c r="I10019" s="40">
        <v>24.563328304557796</v>
      </c>
      <c r="L10019" s="40"/>
      <c r="M10019" s="40"/>
      <c r="N10019" s="40"/>
    </row>
    <row r="10020" spans="4:14" x14ac:dyDescent="0.25">
      <c r="D10020" s="40"/>
      <c r="F10020" s="40">
        <v>166.85</v>
      </c>
      <c r="G10020" s="40">
        <v>22.555381460785831</v>
      </c>
      <c r="H10020" s="40">
        <v>166.85</v>
      </c>
      <c r="I10020" s="40">
        <v>24.563328304557796</v>
      </c>
      <c r="L10020" s="40"/>
      <c r="M10020" s="40"/>
      <c r="N10020" s="40"/>
    </row>
    <row r="10021" spans="4:14" x14ac:dyDescent="0.25">
      <c r="D10021" s="40"/>
      <c r="F10021" s="40">
        <v>166.86666700000001</v>
      </c>
      <c r="G10021" s="40">
        <v>22.555381460785831</v>
      </c>
      <c r="H10021" s="40">
        <v>166.86666700000001</v>
      </c>
      <c r="I10021" s="40">
        <v>24.566681040701049</v>
      </c>
      <c r="L10021" s="40"/>
      <c r="M10021" s="40"/>
      <c r="N10021" s="40"/>
    </row>
    <row r="10022" spans="4:14" x14ac:dyDescent="0.25">
      <c r="D10022" s="40"/>
      <c r="F10022" s="40">
        <v>166.88333299999999</v>
      </c>
      <c r="G10022" s="40">
        <v>22.555381460785831</v>
      </c>
      <c r="H10022" s="40">
        <v>166.88333400000002</v>
      </c>
      <c r="I10022" s="40">
        <v>24.566681040701049</v>
      </c>
      <c r="L10022" s="40"/>
      <c r="M10022" s="40"/>
      <c r="N10022" s="40"/>
    </row>
    <row r="10023" spans="4:14" x14ac:dyDescent="0.25">
      <c r="D10023" s="40"/>
      <c r="F10023" s="40">
        <v>166.9</v>
      </c>
      <c r="G10023" s="40">
        <v>22.555381460785831</v>
      </c>
      <c r="H10023" s="40">
        <v>166.9</v>
      </c>
      <c r="I10023" s="40">
        <v>24.566681040701049</v>
      </c>
      <c r="L10023" s="40"/>
      <c r="M10023" s="40"/>
      <c r="N10023" s="40"/>
    </row>
    <row r="10024" spans="4:14" x14ac:dyDescent="0.25">
      <c r="D10024" s="40"/>
      <c r="F10024" s="40">
        <v>166.91666699999999</v>
      </c>
      <c r="G10024" s="40">
        <v>22.555381460785831</v>
      </c>
      <c r="H10024" s="40">
        <v>166.91666700000002</v>
      </c>
      <c r="I10024" s="40">
        <v>24.570033776844483</v>
      </c>
      <c r="L10024" s="40"/>
      <c r="M10024" s="40"/>
      <c r="N10024" s="40"/>
    </row>
    <row r="10025" spans="4:14" x14ac:dyDescent="0.25">
      <c r="D10025" s="40"/>
      <c r="F10025" s="40">
        <v>166.933333</v>
      </c>
      <c r="G10025" s="40">
        <v>22.555381460785831</v>
      </c>
      <c r="H10025" s="40">
        <v>166.933334</v>
      </c>
      <c r="I10025" s="40">
        <v>24.570033776844483</v>
      </c>
      <c r="L10025" s="40"/>
      <c r="M10025" s="40"/>
      <c r="N10025" s="40"/>
    </row>
    <row r="10026" spans="4:14" x14ac:dyDescent="0.25">
      <c r="D10026" s="40"/>
      <c r="F10026" s="40">
        <v>166.95</v>
      </c>
      <c r="G10026" s="40">
        <v>22.555381460785831</v>
      </c>
      <c r="H10026" s="40">
        <v>166.95000000000002</v>
      </c>
      <c r="I10026" s="40">
        <v>24.570033776844483</v>
      </c>
      <c r="L10026" s="40"/>
      <c r="M10026" s="40"/>
      <c r="N10026" s="40"/>
    </row>
    <row r="10027" spans="4:14" x14ac:dyDescent="0.25">
      <c r="D10027" s="40"/>
      <c r="F10027" s="40">
        <v>166.966667</v>
      </c>
      <c r="G10027" s="40">
        <v>22.555381460785831</v>
      </c>
      <c r="H10027" s="40">
        <v>166.966667</v>
      </c>
      <c r="I10027" s="40">
        <v>24.573287903101072</v>
      </c>
      <c r="L10027" s="40"/>
      <c r="M10027" s="40"/>
      <c r="N10027" s="40"/>
    </row>
    <row r="10028" spans="4:14" x14ac:dyDescent="0.25">
      <c r="D10028" s="40"/>
      <c r="F10028" s="40">
        <v>166.98333299999999</v>
      </c>
      <c r="G10028" s="40">
        <v>22.555381460785831</v>
      </c>
      <c r="H10028" s="40">
        <v>166.98333400000001</v>
      </c>
      <c r="I10028" s="40">
        <v>24.573287903101072</v>
      </c>
      <c r="L10028" s="40"/>
      <c r="M10028" s="40"/>
      <c r="N10028" s="40"/>
    </row>
    <row r="10029" spans="4:14" x14ac:dyDescent="0.25">
      <c r="D10029" s="40"/>
      <c r="F10029" s="40">
        <v>167</v>
      </c>
      <c r="G10029" s="40">
        <v>22.560136704876054</v>
      </c>
      <c r="H10029" s="40">
        <v>167</v>
      </c>
      <c r="I10029" s="40">
        <v>24.576640639244506</v>
      </c>
      <c r="L10029" s="40"/>
      <c r="M10029" s="40"/>
      <c r="N10029" s="40"/>
    </row>
    <row r="10030" spans="4:14" x14ac:dyDescent="0.25">
      <c r="D10030" s="40"/>
      <c r="F10030" s="40">
        <v>167.01666699999998</v>
      </c>
      <c r="G10030" s="40">
        <v>22.560136704876054</v>
      </c>
      <c r="H10030" s="40">
        <v>167.01666700000001</v>
      </c>
      <c r="I10030" s="40">
        <v>24.576640639244506</v>
      </c>
      <c r="L10030" s="40"/>
      <c r="M10030" s="40"/>
      <c r="N10030" s="40"/>
    </row>
    <row r="10031" spans="4:14" x14ac:dyDescent="0.25">
      <c r="D10031" s="40"/>
      <c r="F10031" s="40">
        <v>167.033333</v>
      </c>
      <c r="G10031" s="40">
        <v>22.560136704876054</v>
      </c>
      <c r="H10031" s="40">
        <v>167.033334</v>
      </c>
      <c r="I10031" s="40">
        <v>24.576640639244506</v>
      </c>
      <c r="L10031" s="40"/>
      <c r="M10031" s="40"/>
      <c r="N10031" s="40"/>
    </row>
    <row r="10032" spans="4:14" x14ac:dyDescent="0.25">
      <c r="D10032" s="40"/>
      <c r="F10032" s="40">
        <v>167.04999999999998</v>
      </c>
      <c r="G10032" s="40">
        <v>22.560136704876054</v>
      </c>
      <c r="H10032" s="40">
        <v>167.05</v>
      </c>
      <c r="I10032" s="40">
        <v>24.579993375387762</v>
      </c>
      <c r="L10032" s="40"/>
      <c r="M10032" s="40"/>
      <c r="N10032" s="40"/>
    </row>
    <row r="10033" spans="4:14" x14ac:dyDescent="0.25">
      <c r="D10033" s="40"/>
      <c r="F10033" s="40">
        <v>167.066667</v>
      </c>
      <c r="G10033" s="40">
        <v>22.560136704876054</v>
      </c>
      <c r="H10033" s="40">
        <v>167.066667</v>
      </c>
      <c r="I10033" s="40">
        <v>24.579993375387762</v>
      </c>
      <c r="L10033" s="40"/>
      <c r="M10033" s="40"/>
      <c r="N10033" s="40"/>
    </row>
    <row r="10034" spans="4:14" x14ac:dyDescent="0.25">
      <c r="D10034" s="40"/>
      <c r="F10034" s="40">
        <v>167.08333299999998</v>
      </c>
      <c r="G10034" s="40">
        <v>22.560136704876054</v>
      </c>
      <c r="H10034" s="40">
        <v>167.08333400000001</v>
      </c>
      <c r="I10034" s="40">
        <v>24.579993375387762</v>
      </c>
      <c r="L10034" s="40"/>
      <c r="M10034" s="40"/>
      <c r="N10034" s="40"/>
    </row>
    <row r="10035" spans="4:14" x14ac:dyDescent="0.25">
      <c r="D10035" s="40"/>
      <c r="F10035" s="40">
        <v>167.1</v>
      </c>
      <c r="G10035" s="40">
        <v>22.564752088845953</v>
      </c>
      <c r="H10035" s="40">
        <v>167.1</v>
      </c>
      <c r="I10035" s="40">
        <v>24.583247501644525</v>
      </c>
      <c r="L10035" s="40"/>
      <c r="M10035" s="40"/>
      <c r="N10035" s="40"/>
    </row>
    <row r="10036" spans="4:14" x14ac:dyDescent="0.25">
      <c r="D10036" s="40"/>
      <c r="F10036" s="40">
        <v>167.11666700000001</v>
      </c>
      <c r="G10036" s="40">
        <v>22.564752088845953</v>
      </c>
      <c r="H10036" s="40">
        <v>167.11666700000001</v>
      </c>
      <c r="I10036" s="40">
        <v>24.583247501644525</v>
      </c>
      <c r="L10036" s="40"/>
      <c r="M10036" s="40"/>
      <c r="N10036" s="40"/>
    </row>
    <row r="10037" spans="4:14" x14ac:dyDescent="0.25">
      <c r="D10037" s="40"/>
      <c r="F10037" s="40">
        <v>167.13333299999999</v>
      </c>
      <c r="G10037" s="40">
        <v>22.564752088845953</v>
      </c>
      <c r="H10037" s="40">
        <v>167.13333400000002</v>
      </c>
      <c r="I10037" s="40">
        <v>24.583247501644525</v>
      </c>
      <c r="L10037" s="40"/>
      <c r="M10037" s="40"/>
      <c r="N10037" s="40"/>
    </row>
    <row r="10038" spans="4:14" x14ac:dyDescent="0.25">
      <c r="D10038" s="40"/>
      <c r="F10038" s="40">
        <v>167.15</v>
      </c>
      <c r="G10038" s="40">
        <v>22.564752088845953</v>
      </c>
      <c r="H10038" s="40">
        <v>167.15</v>
      </c>
      <c r="I10038" s="40">
        <v>24.586600237787778</v>
      </c>
      <c r="L10038" s="40"/>
      <c r="M10038" s="40"/>
      <c r="N10038" s="40"/>
    </row>
    <row r="10039" spans="4:14" x14ac:dyDescent="0.25">
      <c r="D10039" s="40"/>
      <c r="F10039" s="40">
        <v>167.16666699999999</v>
      </c>
      <c r="G10039" s="40">
        <v>22.564752088845953</v>
      </c>
      <c r="H10039" s="40">
        <v>167.16666700000002</v>
      </c>
      <c r="I10039" s="40">
        <v>24.586600237787778</v>
      </c>
      <c r="L10039" s="40"/>
      <c r="M10039" s="40"/>
      <c r="N10039" s="40"/>
    </row>
    <row r="10040" spans="4:14" x14ac:dyDescent="0.25">
      <c r="D10040" s="40"/>
      <c r="F10040" s="40">
        <v>167.183333</v>
      </c>
      <c r="G10040" s="40">
        <v>22.564752088845953</v>
      </c>
      <c r="H10040" s="40">
        <v>167.183334</v>
      </c>
      <c r="I10040" s="40">
        <v>24.586600237787778</v>
      </c>
      <c r="L10040" s="40"/>
      <c r="M10040" s="40"/>
      <c r="N10040" s="40"/>
    </row>
    <row r="10041" spans="4:14" x14ac:dyDescent="0.25">
      <c r="D10041" s="40"/>
      <c r="F10041" s="40">
        <v>167.2</v>
      </c>
      <c r="G10041" s="40">
        <v>22.564752088845953</v>
      </c>
      <c r="H10041" s="40">
        <v>167.20000000000002</v>
      </c>
      <c r="I10041" s="40">
        <v>24.589952973931211</v>
      </c>
      <c r="L10041" s="40"/>
      <c r="M10041" s="40"/>
      <c r="N10041" s="40"/>
    </row>
    <row r="10042" spans="4:14" x14ac:dyDescent="0.25">
      <c r="D10042" s="40"/>
      <c r="F10042" s="40">
        <v>167.216667</v>
      </c>
      <c r="G10042" s="40">
        <v>22.564752088845953</v>
      </c>
      <c r="H10042" s="40">
        <v>167.216667</v>
      </c>
      <c r="I10042" s="40">
        <v>24.589952973931211</v>
      </c>
      <c r="L10042" s="40"/>
      <c r="M10042" s="40"/>
      <c r="N10042" s="40"/>
    </row>
    <row r="10043" spans="4:14" x14ac:dyDescent="0.25">
      <c r="D10043" s="40"/>
      <c r="F10043" s="40">
        <v>167.23333299999999</v>
      </c>
      <c r="G10043" s="40">
        <v>22.564752088845953</v>
      </c>
      <c r="H10043" s="40">
        <v>167.23333400000001</v>
      </c>
      <c r="I10043" s="40">
        <v>24.589952973931211</v>
      </c>
      <c r="L10043" s="40"/>
      <c r="M10043" s="40"/>
      <c r="N10043" s="40"/>
    </row>
    <row r="10044" spans="4:14" x14ac:dyDescent="0.25">
      <c r="D10044" s="40"/>
      <c r="F10044" s="40">
        <v>167.25</v>
      </c>
      <c r="G10044" s="40">
        <v>22.564752088845953</v>
      </c>
      <c r="H10044" s="40">
        <v>167.25</v>
      </c>
      <c r="I10044" s="40">
        <v>24.589952973931211</v>
      </c>
      <c r="L10044" s="40"/>
      <c r="M10044" s="40"/>
      <c r="N10044" s="40"/>
    </row>
    <row r="10045" spans="4:14" x14ac:dyDescent="0.25">
      <c r="D10045" s="40"/>
      <c r="F10045" s="40">
        <v>167.26666699999998</v>
      </c>
      <c r="G10045" s="40">
        <v>22.564752088845953</v>
      </c>
      <c r="H10045" s="40">
        <v>167.26666700000001</v>
      </c>
      <c r="I10045" s="40">
        <v>24.593207100187975</v>
      </c>
      <c r="L10045" s="40"/>
      <c r="M10045" s="40"/>
      <c r="N10045" s="40"/>
    </row>
    <row r="10046" spans="4:14" x14ac:dyDescent="0.25">
      <c r="D10046" s="40"/>
      <c r="F10046" s="40">
        <v>167.283333</v>
      </c>
      <c r="G10046" s="40">
        <v>22.569507332936048</v>
      </c>
      <c r="H10046" s="40">
        <v>167.283334</v>
      </c>
      <c r="I10046" s="40">
        <v>24.593207100187975</v>
      </c>
      <c r="L10046" s="40"/>
      <c r="M10046" s="40"/>
      <c r="N10046" s="40"/>
    </row>
    <row r="10047" spans="4:14" x14ac:dyDescent="0.25">
      <c r="D10047" s="40"/>
      <c r="F10047" s="40">
        <v>167.29999999999998</v>
      </c>
      <c r="G10047" s="40">
        <v>22.569507332936048</v>
      </c>
      <c r="H10047" s="40">
        <v>167.3</v>
      </c>
      <c r="I10047" s="40">
        <v>24.593207100187975</v>
      </c>
      <c r="L10047" s="40"/>
      <c r="M10047" s="40"/>
      <c r="N10047" s="40"/>
    </row>
    <row r="10048" spans="4:14" x14ac:dyDescent="0.25">
      <c r="D10048" s="40"/>
      <c r="F10048" s="40">
        <v>167.316667</v>
      </c>
      <c r="G10048" s="40">
        <v>22.569507332936048</v>
      </c>
      <c r="H10048" s="40">
        <v>167.316667</v>
      </c>
      <c r="I10048" s="40">
        <v>24.596559836331235</v>
      </c>
      <c r="L10048" s="40"/>
      <c r="M10048" s="40"/>
      <c r="N10048" s="40"/>
    </row>
    <row r="10049" spans="4:14" x14ac:dyDescent="0.25">
      <c r="D10049" s="40"/>
      <c r="F10049" s="40">
        <v>167.33333299999998</v>
      </c>
      <c r="G10049" s="40">
        <v>22.569507332936048</v>
      </c>
      <c r="H10049" s="40">
        <v>167.33333400000001</v>
      </c>
      <c r="I10049" s="40">
        <v>24.596559836331235</v>
      </c>
      <c r="L10049" s="40"/>
      <c r="M10049" s="40"/>
      <c r="N10049" s="40"/>
    </row>
    <row r="10050" spans="4:14" x14ac:dyDescent="0.25">
      <c r="D10050" s="40"/>
      <c r="F10050" s="40">
        <v>167.35</v>
      </c>
      <c r="G10050" s="40">
        <v>22.569507332936048</v>
      </c>
      <c r="H10050" s="40">
        <v>167.35</v>
      </c>
      <c r="I10050" s="40">
        <v>24.596559836331235</v>
      </c>
      <c r="L10050" s="40"/>
      <c r="M10050" s="40"/>
      <c r="N10050" s="40"/>
    </row>
    <row r="10051" spans="4:14" x14ac:dyDescent="0.25">
      <c r="D10051" s="40"/>
      <c r="F10051" s="40">
        <v>167.36666700000001</v>
      </c>
      <c r="G10051" s="40">
        <v>22.569507332936048</v>
      </c>
      <c r="H10051" s="40">
        <v>167.36666700000001</v>
      </c>
      <c r="I10051" s="40">
        <v>24.599912572474491</v>
      </c>
      <c r="L10051" s="40"/>
      <c r="M10051" s="40"/>
      <c r="N10051" s="40"/>
    </row>
    <row r="10052" spans="4:14" x14ac:dyDescent="0.25">
      <c r="D10052" s="40"/>
      <c r="F10052" s="40">
        <v>167.38333299999999</v>
      </c>
      <c r="G10052" s="40">
        <v>22.574262577026268</v>
      </c>
      <c r="H10052" s="40">
        <v>167.38333400000002</v>
      </c>
      <c r="I10052" s="40">
        <v>24.599912572474491</v>
      </c>
      <c r="L10052" s="40"/>
      <c r="M10052" s="40"/>
      <c r="N10052" s="40"/>
    </row>
    <row r="10053" spans="4:14" x14ac:dyDescent="0.25">
      <c r="D10053" s="40"/>
      <c r="F10053" s="40">
        <v>167.4</v>
      </c>
      <c r="G10053" s="40">
        <v>22.574262577026268</v>
      </c>
      <c r="H10053" s="40">
        <v>167.4</v>
      </c>
      <c r="I10053" s="40">
        <v>24.599912572474491</v>
      </c>
      <c r="L10053" s="40"/>
      <c r="M10053" s="40"/>
      <c r="N10053" s="40"/>
    </row>
    <row r="10054" spans="4:14" x14ac:dyDescent="0.25">
      <c r="D10054" s="40"/>
      <c r="F10054" s="40">
        <v>167.41666699999999</v>
      </c>
      <c r="G10054" s="40">
        <v>22.574262577026268</v>
      </c>
      <c r="H10054" s="40">
        <v>167.41666700000002</v>
      </c>
      <c r="I10054" s="40">
        <v>24.603265308617921</v>
      </c>
      <c r="L10054" s="40"/>
      <c r="M10054" s="40"/>
      <c r="N10054" s="40"/>
    </row>
    <row r="10055" spans="4:14" x14ac:dyDescent="0.25">
      <c r="D10055" s="40"/>
      <c r="F10055" s="40">
        <v>167.433333</v>
      </c>
      <c r="G10055" s="40">
        <v>22.574262577026268</v>
      </c>
      <c r="H10055" s="40">
        <v>167.433334</v>
      </c>
      <c r="I10055" s="40">
        <v>24.603265308617921</v>
      </c>
      <c r="L10055" s="40"/>
      <c r="M10055" s="40"/>
      <c r="N10055" s="40"/>
    </row>
    <row r="10056" spans="4:14" x14ac:dyDescent="0.25">
      <c r="D10056" s="40"/>
      <c r="F10056" s="40">
        <v>167.45</v>
      </c>
      <c r="G10056" s="40">
        <v>22.574262577026268</v>
      </c>
      <c r="H10056" s="40">
        <v>167.45000000000002</v>
      </c>
      <c r="I10056" s="40">
        <v>24.603265308617921</v>
      </c>
      <c r="L10056" s="40"/>
      <c r="M10056" s="40"/>
      <c r="N10056" s="40"/>
    </row>
    <row r="10057" spans="4:14" x14ac:dyDescent="0.25">
      <c r="D10057" s="40"/>
      <c r="F10057" s="40">
        <v>167.466667</v>
      </c>
      <c r="G10057" s="40">
        <v>22.574262577026268</v>
      </c>
      <c r="H10057" s="40">
        <v>167.466667</v>
      </c>
      <c r="I10057" s="40">
        <v>24.603265308617921</v>
      </c>
      <c r="L10057" s="40"/>
      <c r="M10057" s="40"/>
      <c r="N10057" s="40"/>
    </row>
    <row r="10058" spans="4:14" x14ac:dyDescent="0.25">
      <c r="D10058" s="40"/>
      <c r="F10058" s="40">
        <v>167.48333299999999</v>
      </c>
      <c r="G10058" s="40">
        <v>22.574262577026268</v>
      </c>
      <c r="H10058" s="40">
        <v>167.48333400000001</v>
      </c>
      <c r="I10058" s="40">
        <v>24.60651943487451</v>
      </c>
      <c r="L10058" s="40"/>
      <c r="M10058" s="40"/>
      <c r="N10058" s="40"/>
    </row>
    <row r="10059" spans="4:14" x14ac:dyDescent="0.25">
      <c r="D10059" s="40"/>
      <c r="F10059" s="40">
        <v>167.5</v>
      </c>
      <c r="G10059" s="40">
        <v>22.574262577026268</v>
      </c>
      <c r="H10059" s="40">
        <v>167.5</v>
      </c>
      <c r="I10059" s="40">
        <v>24.60651943487451</v>
      </c>
      <c r="L10059" s="40"/>
      <c r="M10059" s="40"/>
      <c r="N10059" s="40"/>
    </row>
    <row r="10060" spans="4:14" x14ac:dyDescent="0.25">
      <c r="D10060" s="40"/>
      <c r="F10060" s="40">
        <v>167.51666699999998</v>
      </c>
      <c r="G10060" s="40">
        <v>22.574262577026268</v>
      </c>
      <c r="H10060" s="40">
        <v>167.51666700000001</v>
      </c>
      <c r="I10060" s="40">
        <v>24.609872171017944</v>
      </c>
      <c r="L10060" s="40"/>
      <c r="M10060" s="40"/>
      <c r="N10060" s="40"/>
    </row>
    <row r="10061" spans="4:14" x14ac:dyDescent="0.25">
      <c r="D10061" s="40"/>
      <c r="F10061" s="40">
        <v>167.533333</v>
      </c>
      <c r="G10061" s="40">
        <v>22.574262577026268</v>
      </c>
      <c r="H10061" s="40">
        <v>167.533334</v>
      </c>
      <c r="I10061" s="40">
        <v>24.609872171017944</v>
      </c>
      <c r="L10061" s="40"/>
      <c r="M10061" s="40"/>
      <c r="N10061" s="40"/>
    </row>
    <row r="10062" spans="4:14" x14ac:dyDescent="0.25">
      <c r="D10062" s="40"/>
      <c r="F10062" s="40">
        <v>167.54999999999998</v>
      </c>
      <c r="G10062" s="40">
        <v>22.574262577026268</v>
      </c>
      <c r="H10062" s="40">
        <v>167.55</v>
      </c>
      <c r="I10062" s="40">
        <v>24.609872171017944</v>
      </c>
      <c r="L10062" s="40"/>
      <c r="M10062" s="40"/>
      <c r="N10062" s="40"/>
    </row>
    <row r="10063" spans="4:14" x14ac:dyDescent="0.25">
      <c r="D10063" s="40"/>
      <c r="F10063" s="40">
        <v>167.566667</v>
      </c>
      <c r="G10063" s="40">
        <v>22.574262577026268</v>
      </c>
      <c r="H10063" s="40">
        <v>167.566667</v>
      </c>
      <c r="I10063" s="40">
        <v>24.6132249071612</v>
      </c>
      <c r="L10063" s="40"/>
      <c r="M10063" s="40"/>
      <c r="N10063" s="40"/>
    </row>
    <row r="10064" spans="4:14" x14ac:dyDescent="0.25">
      <c r="D10064" s="40"/>
      <c r="F10064" s="40">
        <v>167.58333299999998</v>
      </c>
      <c r="G10064" s="40">
        <v>22.574262577026268</v>
      </c>
      <c r="H10064" s="40">
        <v>167.58333400000001</v>
      </c>
      <c r="I10064" s="40">
        <v>24.6132249071612</v>
      </c>
      <c r="L10064" s="40"/>
      <c r="M10064" s="40"/>
      <c r="N10064" s="40"/>
    </row>
    <row r="10065" spans="4:14" x14ac:dyDescent="0.25">
      <c r="D10065" s="40"/>
      <c r="F10065" s="40">
        <v>167.6</v>
      </c>
      <c r="G10065" s="40">
        <v>22.574262577026268</v>
      </c>
      <c r="H10065" s="40">
        <v>167.6</v>
      </c>
      <c r="I10065" s="40">
        <v>24.616479033417964</v>
      </c>
      <c r="L10065" s="40"/>
      <c r="M10065" s="40"/>
      <c r="N10065" s="40"/>
    </row>
    <row r="10066" spans="4:14" x14ac:dyDescent="0.25">
      <c r="D10066" s="40"/>
      <c r="F10066" s="40">
        <v>167.61666700000001</v>
      </c>
      <c r="G10066" s="40">
        <v>22.574262577026268</v>
      </c>
      <c r="H10066" s="40">
        <v>167.61666700000001</v>
      </c>
      <c r="I10066" s="40">
        <v>24.616479033417964</v>
      </c>
      <c r="L10066" s="40"/>
      <c r="M10066" s="40"/>
      <c r="N10066" s="40"/>
    </row>
    <row r="10067" spans="4:14" x14ac:dyDescent="0.25">
      <c r="D10067" s="40"/>
      <c r="F10067" s="40">
        <v>167.63333299999999</v>
      </c>
      <c r="G10067" s="40">
        <v>22.574262577026268</v>
      </c>
      <c r="H10067" s="40">
        <v>167.63333400000002</v>
      </c>
      <c r="I10067" s="40">
        <v>24.616479033417964</v>
      </c>
      <c r="L10067" s="40"/>
      <c r="M10067" s="40"/>
      <c r="N10067" s="40"/>
    </row>
    <row r="10068" spans="4:14" x14ac:dyDescent="0.25">
      <c r="D10068" s="40"/>
      <c r="F10068" s="40">
        <v>167.65</v>
      </c>
      <c r="G10068" s="40">
        <v>22.574262577026268</v>
      </c>
      <c r="H10068" s="40">
        <v>167.65</v>
      </c>
      <c r="I10068" s="40">
        <v>24.619831769561223</v>
      </c>
      <c r="L10068" s="40"/>
      <c r="M10068" s="40"/>
      <c r="N10068" s="40"/>
    </row>
    <row r="10069" spans="4:14" x14ac:dyDescent="0.25">
      <c r="D10069" s="40"/>
      <c r="F10069" s="40">
        <v>167.66666699999999</v>
      </c>
      <c r="G10069" s="40">
        <v>22.574262577026268</v>
      </c>
      <c r="H10069" s="40">
        <v>167.66666700000002</v>
      </c>
      <c r="I10069" s="40">
        <v>24.619831769561223</v>
      </c>
      <c r="L10069" s="40"/>
      <c r="M10069" s="40"/>
      <c r="N10069" s="40"/>
    </row>
    <row r="10070" spans="4:14" x14ac:dyDescent="0.25">
      <c r="D10070" s="40"/>
      <c r="F10070" s="40">
        <v>167.683333</v>
      </c>
      <c r="G10070" s="40">
        <v>22.574262577026268</v>
      </c>
      <c r="H10070" s="40">
        <v>167.683334</v>
      </c>
      <c r="I10070" s="40">
        <v>24.623184505704653</v>
      </c>
      <c r="L10070" s="40"/>
      <c r="M10070" s="40"/>
      <c r="N10070" s="40"/>
    </row>
    <row r="10071" spans="4:14" x14ac:dyDescent="0.25">
      <c r="D10071" s="40"/>
      <c r="F10071" s="40">
        <v>167.7</v>
      </c>
      <c r="G10071" s="40">
        <v>22.574262577026268</v>
      </c>
      <c r="H10071" s="40">
        <v>167.70000000000002</v>
      </c>
      <c r="I10071" s="40">
        <v>24.623184505704653</v>
      </c>
      <c r="L10071" s="40"/>
      <c r="M10071" s="40"/>
      <c r="N10071" s="40"/>
    </row>
    <row r="10072" spans="4:14" x14ac:dyDescent="0.25">
      <c r="D10072" s="40"/>
      <c r="F10072" s="40">
        <v>167.716667</v>
      </c>
      <c r="G10072" s="40">
        <v>22.574262577026268</v>
      </c>
      <c r="H10072" s="40">
        <v>167.716667</v>
      </c>
      <c r="I10072" s="40">
        <v>24.623184505704653</v>
      </c>
      <c r="L10072" s="40"/>
      <c r="M10072" s="40"/>
      <c r="N10072" s="40"/>
    </row>
    <row r="10073" spans="4:14" x14ac:dyDescent="0.25">
      <c r="D10073" s="40"/>
      <c r="F10073" s="40">
        <v>167.73333299999999</v>
      </c>
      <c r="G10073" s="40">
        <v>22.57887796099617</v>
      </c>
      <c r="H10073" s="40">
        <v>167.73333400000001</v>
      </c>
      <c r="I10073" s="40">
        <v>24.626438631961413</v>
      </c>
      <c r="L10073" s="40"/>
      <c r="M10073" s="40"/>
      <c r="N10073" s="40"/>
    </row>
    <row r="10074" spans="4:14" x14ac:dyDescent="0.25">
      <c r="D10074" s="40"/>
      <c r="F10074" s="40">
        <v>167.75</v>
      </c>
      <c r="G10074" s="40">
        <v>22.574262577026268</v>
      </c>
      <c r="H10074" s="40">
        <v>167.75</v>
      </c>
      <c r="I10074" s="40">
        <v>24.626438631961413</v>
      </c>
      <c r="L10074" s="40"/>
      <c r="M10074" s="40"/>
      <c r="N10074" s="40"/>
    </row>
    <row r="10075" spans="4:14" x14ac:dyDescent="0.25">
      <c r="D10075" s="40"/>
      <c r="F10075" s="40">
        <v>167.76666699999998</v>
      </c>
      <c r="G10075" s="40">
        <v>22.574262577026268</v>
      </c>
      <c r="H10075" s="40">
        <v>167.76666700000001</v>
      </c>
      <c r="I10075" s="40">
        <v>24.629791368104673</v>
      </c>
      <c r="L10075" s="40"/>
      <c r="M10075" s="40"/>
      <c r="N10075" s="40"/>
    </row>
    <row r="10076" spans="4:14" x14ac:dyDescent="0.25">
      <c r="D10076" s="40"/>
      <c r="F10076" s="40">
        <v>167.783333</v>
      </c>
      <c r="G10076" s="40">
        <v>22.574262577026268</v>
      </c>
      <c r="H10076" s="40">
        <v>167.783334</v>
      </c>
      <c r="I10076" s="40">
        <v>24.629791368104673</v>
      </c>
      <c r="L10076" s="40"/>
      <c r="M10076" s="40"/>
      <c r="N10076" s="40"/>
    </row>
    <row r="10077" spans="4:14" x14ac:dyDescent="0.25">
      <c r="D10077" s="40"/>
      <c r="F10077" s="40">
        <v>167.79999999999998</v>
      </c>
      <c r="G10077" s="40">
        <v>22.574262577026268</v>
      </c>
      <c r="H10077" s="40">
        <v>167.8</v>
      </c>
      <c r="I10077" s="40">
        <v>24.629791368104673</v>
      </c>
      <c r="L10077" s="40"/>
      <c r="M10077" s="40"/>
      <c r="N10077" s="40"/>
    </row>
    <row r="10078" spans="4:14" x14ac:dyDescent="0.25">
      <c r="D10078" s="40"/>
      <c r="F10078" s="40">
        <v>167.816667</v>
      </c>
      <c r="G10078" s="40">
        <v>22.574262577026268</v>
      </c>
      <c r="H10078" s="40">
        <v>167.816667</v>
      </c>
      <c r="I10078" s="40">
        <v>24.629791368104673</v>
      </c>
      <c r="L10078" s="40"/>
      <c r="M10078" s="40"/>
      <c r="N10078" s="40"/>
    </row>
    <row r="10079" spans="4:14" x14ac:dyDescent="0.25">
      <c r="D10079" s="40"/>
      <c r="F10079" s="40">
        <v>167.83333299999998</v>
      </c>
      <c r="G10079" s="40">
        <v>22.574262577026268</v>
      </c>
      <c r="H10079" s="40">
        <v>167.83333400000001</v>
      </c>
      <c r="I10079" s="40">
        <v>24.633144104247929</v>
      </c>
      <c r="L10079" s="40"/>
      <c r="M10079" s="40"/>
      <c r="N10079" s="40"/>
    </row>
    <row r="10080" spans="4:14" x14ac:dyDescent="0.25">
      <c r="D10080" s="40"/>
      <c r="F10080" s="40">
        <v>167.85</v>
      </c>
      <c r="G10080" s="40">
        <v>22.574262577026268</v>
      </c>
      <c r="H10080" s="40">
        <v>167.85</v>
      </c>
      <c r="I10080" s="40">
        <v>24.633144104247929</v>
      </c>
      <c r="L10080" s="40"/>
      <c r="M10080" s="40"/>
      <c r="N10080" s="40"/>
    </row>
    <row r="10081" spans="4:14" x14ac:dyDescent="0.25">
      <c r="D10081" s="40"/>
      <c r="F10081" s="40">
        <v>167.86666700000001</v>
      </c>
      <c r="G10081" s="40">
        <v>22.574262577026268</v>
      </c>
      <c r="H10081" s="40">
        <v>167.86666700000001</v>
      </c>
      <c r="I10081" s="40">
        <v>24.636398230504692</v>
      </c>
      <c r="L10081" s="40"/>
      <c r="M10081" s="40"/>
      <c r="N10081" s="40"/>
    </row>
    <row r="10082" spans="4:14" x14ac:dyDescent="0.25">
      <c r="D10082" s="40"/>
      <c r="F10082" s="40">
        <v>167.88333299999999</v>
      </c>
      <c r="G10082" s="40">
        <v>22.574262577026268</v>
      </c>
      <c r="H10082" s="40">
        <v>167.88333400000002</v>
      </c>
      <c r="I10082" s="40">
        <v>24.636398230504692</v>
      </c>
      <c r="L10082" s="40"/>
      <c r="M10082" s="40"/>
      <c r="N10082" s="40"/>
    </row>
    <row r="10083" spans="4:14" x14ac:dyDescent="0.25">
      <c r="D10083" s="40"/>
      <c r="F10083" s="40">
        <v>167.9</v>
      </c>
      <c r="G10083" s="40">
        <v>22.574262577026268</v>
      </c>
      <c r="H10083" s="40">
        <v>167.9</v>
      </c>
      <c r="I10083" s="40">
        <v>24.636398230504692</v>
      </c>
      <c r="L10083" s="40"/>
      <c r="M10083" s="40"/>
      <c r="N10083" s="40"/>
    </row>
    <row r="10084" spans="4:14" x14ac:dyDescent="0.25">
      <c r="D10084" s="40"/>
      <c r="F10084" s="40">
        <v>167.91666699999999</v>
      </c>
      <c r="G10084" s="40">
        <v>22.574262577026268</v>
      </c>
      <c r="H10084" s="40">
        <v>167.91666700000002</v>
      </c>
      <c r="I10084" s="40">
        <v>24.639750966647952</v>
      </c>
      <c r="L10084" s="40"/>
      <c r="M10084" s="40"/>
      <c r="N10084" s="40"/>
    </row>
    <row r="10085" spans="4:14" x14ac:dyDescent="0.25">
      <c r="D10085" s="40"/>
      <c r="F10085" s="40">
        <v>167.933333</v>
      </c>
      <c r="G10085" s="40">
        <v>22.574262577026268</v>
      </c>
      <c r="H10085" s="40">
        <v>167.933334</v>
      </c>
      <c r="I10085" s="40">
        <v>24.639750966647952</v>
      </c>
      <c r="L10085" s="40"/>
      <c r="M10085" s="40"/>
      <c r="N10085" s="40"/>
    </row>
    <row r="10086" spans="4:14" x14ac:dyDescent="0.25">
      <c r="D10086" s="40"/>
      <c r="F10086" s="40">
        <v>167.95</v>
      </c>
      <c r="G10086" s="40">
        <v>22.574262577026268</v>
      </c>
      <c r="H10086" s="40">
        <v>167.95000000000002</v>
      </c>
      <c r="I10086" s="40">
        <v>24.643103702791382</v>
      </c>
      <c r="L10086" s="40"/>
      <c r="M10086" s="40"/>
      <c r="N10086" s="40"/>
    </row>
    <row r="10087" spans="4:14" x14ac:dyDescent="0.25">
      <c r="D10087" s="40"/>
      <c r="F10087" s="40">
        <v>167.966667</v>
      </c>
      <c r="G10087" s="40">
        <v>22.574262577026268</v>
      </c>
      <c r="H10087" s="40">
        <v>167.966667</v>
      </c>
      <c r="I10087" s="40">
        <v>24.643103702791382</v>
      </c>
      <c r="L10087" s="40"/>
      <c r="M10087" s="40"/>
      <c r="N10087" s="40"/>
    </row>
    <row r="10088" spans="4:14" x14ac:dyDescent="0.25">
      <c r="D10088" s="40"/>
      <c r="F10088" s="40">
        <v>167.98333299999999</v>
      </c>
      <c r="G10088" s="40">
        <v>22.574262577026268</v>
      </c>
      <c r="H10088" s="40">
        <v>167.98333400000001</v>
      </c>
      <c r="I10088" s="40">
        <v>24.643103702791382</v>
      </c>
      <c r="L10088" s="40"/>
      <c r="M10088" s="40"/>
      <c r="N10088" s="40"/>
    </row>
    <row r="10089" spans="4:14" x14ac:dyDescent="0.25">
      <c r="D10089" s="40"/>
      <c r="F10089" s="40">
        <v>168</v>
      </c>
      <c r="G10089" s="40">
        <v>22.574262577026268</v>
      </c>
      <c r="H10089" s="40">
        <v>168</v>
      </c>
      <c r="I10089" s="40">
        <v>24.646357829048146</v>
      </c>
      <c r="L10089" s="40"/>
      <c r="M10089" s="40"/>
      <c r="N10089" s="40"/>
    </row>
    <row r="10090" spans="4:14" x14ac:dyDescent="0.25">
      <c r="D10090" s="40"/>
      <c r="F10090" s="40">
        <v>168.01666699999998</v>
      </c>
      <c r="G10090" s="40">
        <v>22.574262577026268</v>
      </c>
      <c r="H10090" s="40">
        <v>168.01666700000001</v>
      </c>
      <c r="I10090" s="40">
        <v>24.646357829048146</v>
      </c>
      <c r="L10090" s="40"/>
      <c r="M10090" s="40"/>
      <c r="N10090" s="40"/>
    </row>
    <row r="10091" spans="4:14" x14ac:dyDescent="0.25">
      <c r="D10091" s="40"/>
      <c r="F10091" s="40">
        <v>168.033333</v>
      </c>
      <c r="G10091" s="40">
        <v>22.574262577026268</v>
      </c>
      <c r="H10091" s="40">
        <v>168.033334</v>
      </c>
      <c r="I10091" s="40">
        <v>24.649710565191402</v>
      </c>
      <c r="L10091" s="40"/>
      <c r="M10091" s="40"/>
      <c r="N10091" s="40"/>
    </row>
    <row r="10092" spans="4:14" x14ac:dyDescent="0.25">
      <c r="D10092" s="40"/>
      <c r="F10092" s="40">
        <v>168.04999999999998</v>
      </c>
      <c r="G10092" s="40">
        <v>22.57887796099617</v>
      </c>
      <c r="H10092" s="40">
        <v>168.05</v>
      </c>
      <c r="I10092" s="40">
        <v>24.649710565191402</v>
      </c>
      <c r="L10092" s="40"/>
      <c r="M10092" s="40"/>
      <c r="N10092" s="40"/>
    </row>
    <row r="10093" spans="4:14" x14ac:dyDescent="0.25">
      <c r="D10093" s="40"/>
      <c r="F10093" s="40">
        <v>168.066667</v>
      </c>
      <c r="G10093" s="40">
        <v>22.57887796099617</v>
      </c>
      <c r="H10093" s="40">
        <v>168.066667</v>
      </c>
      <c r="I10093" s="40">
        <v>24.653063301334662</v>
      </c>
      <c r="L10093" s="40"/>
      <c r="M10093" s="40"/>
      <c r="N10093" s="40"/>
    </row>
    <row r="10094" spans="4:14" x14ac:dyDescent="0.25">
      <c r="D10094" s="40"/>
      <c r="F10094" s="40">
        <v>168.08333299999998</v>
      </c>
      <c r="G10094" s="40">
        <v>22.57887796099617</v>
      </c>
      <c r="H10094" s="40">
        <v>168.08333400000001</v>
      </c>
      <c r="I10094" s="40">
        <v>24.653063301334662</v>
      </c>
      <c r="L10094" s="40"/>
      <c r="M10094" s="40"/>
      <c r="N10094" s="40"/>
    </row>
    <row r="10095" spans="4:14" x14ac:dyDescent="0.25">
      <c r="D10095" s="40"/>
      <c r="F10095" s="40">
        <v>168.1</v>
      </c>
      <c r="G10095" s="40">
        <v>22.57887796099617</v>
      </c>
      <c r="H10095" s="40">
        <v>168.1</v>
      </c>
      <c r="I10095" s="40">
        <v>24.653063301334662</v>
      </c>
      <c r="L10095" s="40"/>
      <c r="M10095" s="40"/>
      <c r="N10095" s="40"/>
    </row>
    <row r="10096" spans="4:14" x14ac:dyDescent="0.25">
      <c r="D10096" s="40"/>
      <c r="F10096" s="40">
        <v>168.11666700000001</v>
      </c>
      <c r="G10096" s="40">
        <v>22.57887796099617</v>
      </c>
      <c r="H10096" s="40">
        <v>168.11666700000001</v>
      </c>
      <c r="I10096" s="40">
        <v>24.656317427591425</v>
      </c>
      <c r="L10096" s="40"/>
      <c r="M10096" s="40"/>
      <c r="N10096" s="40"/>
    </row>
    <row r="10097" spans="4:14" x14ac:dyDescent="0.25">
      <c r="D10097" s="40"/>
      <c r="F10097" s="40">
        <v>168.13333299999999</v>
      </c>
      <c r="G10097" s="40">
        <v>22.57887796099617</v>
      </c>
      <c r="H10097" s="40">
        <v>168.13333400000002</v>
      </c>
      <c r="I10097" s="40">
        <v>24.656317427591425</v>
      </c>
      <c r="L10097" s="40"/>
      <c r="M10097" s="40"/>
      <c r="N10097" s="40"/>
    </row>
    <row r="10098" spans="4:14" x14ac:dyDescent="0.25">
      <c r="D10098" s="40"/>
      <c r="F10098" s="40">
        <v>168.15</v>
      </c>
      <c r="G10098" s="40">
        <v>22.57887796099617</v>
      </c>
      <c r="H10098" s="40">
        <v>168.15</v>
      </c>
      <c r="I10098" s="40">
        <v>24.659670163734859</v>
      </c>
      <c r="L10098" s="40"/>
      <c r="M10098" s="40"/>
      <c r="N10098" s="40"/>
    </row>
    <row r="10099" spans="4:14" x14ac:dyDescent="0.25">
      <c r="D10099" s="40"/>
      <c r="F10099" s="40">
        <v>168.16666699999999</v>
      </c>
      <c r="G10099" s="40">
        <v>22.57887796099617</v>
      </c>
      <c r="H10099" s="40">
        <v>168.16666700000002</v>
      </c>
      <c r="I10099" s="40">
        <v>24.659670163734859</v>
      </c>
      <c r="L10099" s="40"/>
      <c r="M10099" s="40"/>
      <c r="N10099" s="40"/>
    </row>
    <row r="10100" spans="4:14" x14ac:dyDescent="0.25">
      <c r="D10100" s="40"/>
      <c r="F10100" s="40">
        <v>168.183333</v>
      </c>
      <c r="G10100" s="40">
        <v>22.57887796099617</v>
      </c>
      <c r="H10100" s="40">
        <v>168.183334</v>
      </c>
      <c r="I10100" s="40">
        <v>24.663022899878111</v>
      </c>
      <c r="L10100" s="40"/>
      <c r="M10100" s="40"/>
      <c r="N10100" s="40"/>
    </row>
    <row r="10101" spans="4:14" x14ac:dyDescent="0.25">
      <c r="D10101" s="40"/>
      <c r="F10101" s="40">
        <v>168.2</v>
      </c>
      <c r="G10101" s="40">
        <v>22.57887796099617</v>
      </c>
      <c r="H10101" s="40">
        <v>168.20000000000002</v>
      </c>
      <c r="I10101" s="40">
        <v>24.663022899878111</v>
      </c>
      <c r="L10101" s="40"/>
      <c r="M10101" s="40"/>
      <c r="N10101" s="40"/>
    </row>
    <row r="10102" spans="4:14" x14ac:dyDescent="0.25">
      <c r="D10102" s="40"/>
      <c r="F10102" s="40">
        <v>168.216667</v>
      </c>
      <c r="G10102" s="40">
        <v>22.583633205086262</v>
      </c>
      <c r="H10102" s="40">
        <v>168.216667</v>
      </c>
      <c r="I10102" s="40">
        <v>24.663022899878111</v>
      </c>
      <c r="L10102" s="40"/>
      <c r="M10102" s="40"/>
      <c r="N10102" s="40"/>
    </row>
    <row r="10103" spans="4:14" x14ac:dyDescent="0.25">
      <c r="D10103" s="40"/>
      <c r="F10103" s="40">
        <v>168.23333299999999</v>
      </c>
      <c r="G10103" s="40">
        <v>22.583633205086262</v>
      </c>
      <c r="H10103" s="40">
        <v>168.23333400000001</v>
      </c>
      <c r="I10103" s="40">
        <v>24.666277026134875</v>
      </c>
      <c r="L10103" s="40"/>
      <c r="M10103" s="40"/>
      <c r="N10103" s="40"/>
    </row>
    <row r="10104" spans="4:14" x14ac:dyDescent="0.25">
      <c r="D10104" s="40"/>
      <c r="F10104" s="40">
        <v>168.25</v>
      </c>
      <c r="G10104" s="40">
        <v>22.583633205086262</v>
      </c>
      <c r="H10104" s="40">
        <v>168.25</v>
      </c>
      <c r="I10104" s="40">
        <v>24.666277026134875</v>
      </c>
      <c r="L10104" s="40"/>
      <c r="M10104" s="40"/>
      <c r="N10104" s="40"/>
    </row>
    <row r="10105" spans="4:14" x14ac:dyDescent="0.25">
      <c r="D10105" s="40"/>
      <c r="F10105" s="40">
        <v>168.26666699999998</v>
      </c>
      <c r="G10105" s="40">
        <v>22.583633205086262</v>
      </c>
      <c r="H10105" s="40">
        <v>168.26666700000001</v>
      </c>
      <c r="I10105" s="40">
        <v>24.666277026134875</v>
      </c>
      <c r="L10105" s="40"/>
      <c r="M10105" s="40"/>
      <c r="N10105" s="40"/>
    </row>
    <row r="10106" spans="4:14" x14ac:dyDescent="0.25">
      <c r="D10106" s="40"/>
      <c r="F10106" s="40">
        <v>168.283333</v>
      </c>
      <c r="G10106" s="40">
        <v>22.583633205086262</v>
      </c>
      <c r="H10106" s="40">
        <v>168.283334</v>
      </c>
      <c r="I10106" s="40">
        <v>24.669629762278131</v>
      </c>
      <c r="L10106" s="40"/>
      <c r="M10106" s="40"/>
      <c r="N10106" s="40"/>
    </row>
    <row r="10107" spans="4:14" x14ac:dyDescent="0.25">
      <c r="D10107" s="40"/>
      <c r="F10107" s="40">
        <v>168.29999999999998</v>
      </c>
      <c r="G10107" s="40">
        <v>22.583633205086262</v>
      </c>
      <c r="H10107" s="40">
        <v>168.3</v>
      </c>
      <c r="I10107" s="40">
        <v>24.669629762278131</v>
      </c>
      <c r="L10107" s="40"/>
      <c r="M10107" s="40"/>
      <c r="N10107" s="40"/>
    </row>
    <row r="10108" spans="4:14" x14ac:dyDescent="0.25">
      <c r="D10108" s="40"/>
      <c r="F10108" s="40">
        <v>168.316667</v>
      </c>
      <c r="G10108" s="40">
        <v>22.583633205086262</v>
      </c>
      <c r="H10108" s="40">
        <v>168.316667</v>
      </c>
      <c r="I10108" s="40">
        <v>24.672982498421391</v>
      </c>
      <c r="L10108" s="40"/>
      <c r="M10108" s="40"/>
      <c r="N10108" s="40"/>
    </row>
    <row r="10109" spans="4:14" x14ac:dyDescent="0.25">
      <c r="D10109" s="40"/>
      <c r="F10109" s="40">
        <v>168.33333299999998</v>
      </c>
      <c r="G10109" s="40">
        <v>22.57887796099617</v>
      </c>
      <c r="H10109" s="40">
        <v>168.33333400000001</v>
      </c>
      <c r="I10109" s="40">
        <v>24.672982498421391</v>
      </c>
      <c r="L10109" s="40"/>
      <c r="M10109" s="40"/>
      <c r="N10109" s="40"/>
    </row>
    <row r="10110" spans="4:14" x14ac:dyDescent="0.25">
      <c r="D10110" s="40"/>
      <c r="F10110" s="40">
        <v>168.35</v>
      </c>
      <c r="G10110" s="40">
        <v>22.583633205086262</v>
      </c>
      <c r="H10110" s="40">
        <v>168.35</v>
      </c>
      <c r="I10110" s="40">
        <v>24.672982498421391</v>
      </c>
      <c r="L10110" s="40"/>
      <c r="M10110" s="40"/>
      <c r="N10110" s="40"/>
    </row>
    <row r="10111" spans="4:14" x14ac:dyDescent="0.25">
      <c r="D10111" s="40"/>
      <c r="F10111" s="40">
        <v>168.36666700000001</v>
      </c>
      <c r="G10111" s="40">
        <v>22.583633205086262</v>
      </c>
      <c r="H10111" s="40">
        <v>168.36666700000001</v>
      </c>
      <c r="I10111" s="40">
        <v>24.676236624678154</v>
      </c>
      <c r="L10111" s="40"/>
      <c r="M10111" s="40"/>
      <c r="N10111" s="40"/>
    </row>
    <row r="10112" spans="4:14" x14ac:dyDescent="0.25">
      <c r="D10112" s="40"/>
      <c r="F10112" s="40">
        <v>168.38333299999999</v>
      </c>
      <c r="G10112" s="40">
        <v>22.583633205086262</v>
      </c>
      <c r="H10112" s="40">
        <v>168.38333400000002</v>
      </c>
      <c r="I10112" s="40">
        <v>24.676236624678154</v>
      </c>
      <c r="L10112" s="40"/>
      <c r="M10112" s="40"/>
      <c r="N10112" s="40"/>
    </row>
    <row r="10113" spans="4:14" x14ac:dyDescent="0.25">
      <c r="D10113" s="40"/>
      <c r="F10113" s="40">
        <v>168.4</v>
      </c>
      <c r="G10113" s="40">
        <v>22.57887796099617</v>
      </c>
      <c r="H10113" s="40">
        <v>168.4</v>
      </c>
      <c r="I10113" s="40">
        <v>24.676236624678154</v>
      </c>
      <c r="L10113" s="40"/>
      <c r="M10113" s="40"/>
      <c r="N10113" s="40"/>
    </row>
    <row r="10114" spans="4:14" x14ac:dyDescent="0.25">
      <c r="D10114" s="40"/>
      <c r="F10114" s="40">
        <v>168.41666699999999</v>
      </c>
      <c r="G10114" s="40">
        <v>22.57887796099617</v>
      </c>
      <c r="H10114" s="40">
        <v>168.41666700000002</v>
      </c>
      <c r="I10114" s="40">
        <v>24.679589360821588</v>
      </c>
      <c r="L10114" s="40"/>
      <c r="M10114" s="40"/>
      <c r="N10114" s="40"/>
    </row>
    <row r="10115" spans="4:14" x14ac:dyDescent="0.25">
      <c r="D10115" s="40"/>
      <c r="F10115" s="40">
        <v>168.433333</v>
      </c>
      <c r="G10115" s="40">
        <v>22.57887796099617</v>
      </c>
      <c r="H10115" s="40">
        <v>168.433334</v>
      </c>
      <c r="I10115" s="40">
        <v>24.679589360821588</v>
      </c>
      <c r="L10115" s="40"/>
      <c r="M10115" s="40"/>
      <c r="N10115" s="40"/>
    </row>
    <row r="10116" spans="4:14" x14ac:dyDescent="0.25">
      <c r="D10116" s="40"/>
      <c r="F10116" s="40">
        <v>168.45</v>
      </c>
      <c r="G10116" s="40">
        <v>22.57887796099617</v>
      </c>
      <c r="H10116" s="40">
        <v>168.45000000000002</v>
      </c>
      <c r="I10116" s="40">
        <v>24.679589360821588</v>
      </c>
      <c r="L10116" s="40"/>
      <c r="M10116" s="40"/>
      <c r="N10116" s="40"/>
    </row>
    <row r="10117" spans="4:14" x14ac:dyDescent="0.25">
      <c r="D10117" s="40"/>
      <c r="F10117" s="40">
        <v>168.466667</v>
      </c>
      <c r="G10117" s="40">
        <v>22.57887796099617</v>
      </c>
      <c r="H10117" s="40">
        <v>168.466667</v>
      </c>
      <c r="I10117" s="40">
        <v>24.68294209696484</v>
      </c>
      <c r="L10117" s="40"/>
      <c r="M10117" s="40"/>
      <c r="N10117" s="40"/>
    </row>
    <row r="10118" spans="4:14" x14ac:dyDescent="0.25">
      <c r="D10118" s="40"/>
      <c r="F10118" s="40">
        <v>168.48333299999999</v>
      </c>
      <c r="G10118" s="40">
        <v>22.57887796099617</v>
      </c>
      <c r="H10118" s="40">
        <v>168.48333400000001</v>
      </c>
      <c r="I10118" s="40">
        <v>24.68294209696484</v>
      </c>
      <c r="L10118" s="40"/>
      <c r="M10118" s="40"/>
      <c r="N10118" s="40"/>
    </row>
    <row r="10119" spans="4:14" x14ac:dyDescent="0.25">
      <c r="D10119" s="40"/>
      <c r="F10119" s="40">
        <v>168.5</v>
      </c>
      <c r="G10119" s="40">
        <v>22.583633205086262</v>
      </c>
      <c r="H10119" s="40">
        <v>168.5</v>
      </c>
      <c r="I10119" s="40">
        <v>24.68294209696484</v>
      </c>
      <c r="L10119" s="40"/>
      <c r="M10119" s="40"/>
      <c r="N10119" s="40"/>
    </row>
    <row r="10120" spans="4:14" x14ac:dyDescent="0.25">
      <c r="D10120" s="40"/>
      <c r="F10120" s="40">
        <v>168.51666699999998</v>
      </c>
      <c r="G10120" s="40">
        <v>22.583633205086262</v>
      </c>
      <c r="H10120" s="40">
        <v>168.51666700000001</v>
      </c>
      <c r="I10120" s="40">
        <v>24.686196223221604</v>
      </c>
      <c r="L10120" s="40"/>
      <c r="M10120" s="40"/>
      <c r="N10120" s="40"/>
    </row>
    <row r="10121" spans="4:14" x14ac:dyDescent="0.25">
      <c r="D10121" s="40"/>
      <c r="F10121" s="40">
        <v>168.533333</v>
      </c>
      <c r="G10121" s="40">
        <v>22.583633205086262</v>
      </c>
      <c r="H10121" s="40">
        <v>168.533334</v>
      </c>
      <c r="I10121" s="40">
        <v>24.686196223221604</v>
      </c>
      <c r="L10121" s="40"/>
      <c r="M10121" s="40"/>
      <c r="N10121" s="40"/>
    </row>
    <row r="10122" spans="4:14" x14ac:dyDescent="0.25">
      <c r="D10122" s="40"/>
      <c r="F10122" s="40">
        <v>168.54999999999998</v>
      </c>
      <c r="G10122" s="40">
        <v>22.583633205086262</v>
      </c>
      <c r="H10122" s="40">
        <v>168.55</v>
      </c>
      <c r="I10122" s="40">
        <v>24.686196223221604</v>
      </c>
      <c r="L10122" s="40"/>
      <c r="M10122" s="40"/>
      <c r="N10122" s="40"/>
    </row>
    <row r="10123" spans="4:14" x14ac:dyDescent="0.25">
      <c r="D10123" s="40"/>
      <c r="F10123" s="40">
        <v>168.566667</v>
      </c>
      <c r="G10123" s="40">
        <v>22.57887796099617</v>
      </c>
      <c r="H10123" s="40">
        <v>168.566667</v>
      </c>
      <c r="I10123" s="40">
        <v>24.686196223221604</v>
      </c>
      <c r="L10123" s="40"/>
      <c r="M10123" s="40"/>
      <c r="N10123" s="40"/>
    </row>
    <row r="10124" spans="4:14" x14ac:dyDescent="0.25">
      <c r="D10124" s="40"/>
      <c r="F10124" s="40">
        <v>168.58333299999998</v>
      </c>
      <c r="G10124" s="40">
        <v>22.57887796099617</v>
      </c>
      <c r="H10124" s="40">
        <v>168.58333400000001</v>
      </c>
      <c r="I10124" s="40">
        <v>24.686196223221604</v>
      </c>
      <c r="L10124" s="40"/>
      <c r="M10124" s="40"/>
      <c r="N10124" s="40"/>
    </row>
    <row r="10125" spans="4:14" x14ac:dyDescent="0.25">
      <c r="D10125" s="40"/>
      <c r="F10125" s="40">
        <v>168.6</v>
      </c>
      <c r="G10125" s="40">
        <v>22.57887796099617</v>
      </c>
      <c r="H10125" s="40">
        <v>168.6</v>
      </c>
      <c r="I10125" s="40">
        <v>24.689548959364863</v>
      </c>
      <c r="L10125" s="40"/>
      <c r="M10125" s="40"/>
      <c r="N10125" s="40"/>
    </row>
    <row r="10126" spans="4:14" x14ac:dyDescent="0.25">
      <c r="D10126" s="40"/>
      <c r="F10126" s="40">
        <v>168.61666700000001</v>
      </c>
      <c r="G10126" s="40">
        <v>22.57887796099617</v>
      </c>
      <c r="H10126" s="40">
        <v>168.61666700000001</v>
      </c>
      <c r="I10126" s="40">
        <v>24.689548959364863</v>
      </c>
      <c r="L10126" s="40"/>
      <c r="M10126" s="40"/>
      <c r="N10126" s="40"/>
    </row>
    <row r="10127" spans="4:14" x14ac:dyDescent="0.25">
      <c r="D10127" s="40"/>
      <c r="F10127" s="40">
        <v>168.63333299999999</v>
      </c>
      <c r="G10127" s="40">
        <v>22.57887796099617</v>
      </c>
      <c r="H10127" s="40">
        <v>168.63333400000002</v>
      </c>
      <c r="I10127" s="40">
        <v>24.692901695508297</v>
      </c>
      <c r="L10127" s="40"/>
      <c r="M10127" s="40"/>
      <c r="N10127" s="40"/>
    </row>
    <row r="10128" spans="4:14" x14ac:dyDescent="0.25">
      <c r="D10128" s="40"/>
      <c r="F10128" s="40">
        <v>168.65</v>
      </c>
      <c r="G10128" s="40">
        <v>22.57887796099617</v>
      </c>
      <c r="H10128" s="40">
        <v>168.65</v>
      </c>
      <c r="I10128" s="40">
        <v>24.692901695508297</v>
      </c>
      <c r="L10128" s="40"/>
      <c r="M10128" s="40"/>
      <c r="N10128" s="40"/>
    </row>
    <row r="10129" spans="4:14" x14ac:dyDescent="0.25">
      <c r="D10129" s="40"/>
      <c r="F10129" s="40">
        <v>168.66666699999999</v>
      </c>
      <c r="G10129" s="40">
        <v>22.57887796099617</v>
      </c>
      <c r="H10129" s="40">
        <v>168.66666700000002</v>
      </c>
      <c r="I10129" s="40">
        <v>24.692901695508297</v>
      </c>
      <c r="L10129" s="40"/>
      <c r="M10129" s="40"/>
      <c r="N10129" s="40"/>
    </row>
    <row r="10130" spans="4:14" x14ac:dyDescent="0.25">
      <c r="D10130" s="40"/>
      <c r="F10130" s="40">
        <v>168.683333</v>
      </c>
      <c r="G10130" s="40">
        <v>22.57887796099617</v>
      </c>
      <c r="H10130" s="40">
        <v>168.683334</v>
      </c>
      <c r="I10130" s="40">
        <v>24.692901695508297</v>
      </c>
      <c r="L10130" s="40"/>
      <c r="M10130" s="40"/>
      <c r="N10130" s="40"/>
    </row>
    <row r="10131" spans="4:14" x14ac:dyDescent="0.25">
      <c r="D10131" s="40"/>
      <c r="F10131" s="40">
        <v>168.7</v>
      </c>
      <c r="G10131" s="40">
        <v>22.57887796099617</v>
      </c>
      <c r="H10131" s="40">
        <v>168.70000000000002</v>
      </c>
      <c r="I10131" s="40">
        <v>24.696155821764883</v>
      </c>
      <c r="L10131" s="40"/>
      <c r="M10131" s="40"/>
      <c r="N10131" s="40"/>
    </row>
    <row r="10132" spans="4:14" x14ac:dyDescent="0.25">
      <c r="D10132" s="40"/>
      <c r="F10132" s="40">
        <v>168.716667</v>
      </c>
      <c r="G10132" s="40">
        <v>22.57887796099617</v>
      </c>
      <c r="H10132" s="40">
        <v>168.716667</v>
      </c>
      <c r="I10132" s="40">
        <v>24.696155821764883</v>
      </c>
      <c r="L10132" s="40"/>
      <c r="M10132" s="40"/>
      <c r="N10132" s="40"/>
    </row>
    <row r="10133" spans="4:14" x14ac:dyDescent="0.25">
      <c r="D10133" s="40"/>
      <c r="F10133" s="40">
        <v>168.73333299999999</v>
      </c>
      <c r="G10133" s="40">
        <v>22.57887796099617</v>
      </c>
      <c r="H10133" s="40">
        <v>168.73333400000001</v>
      </c>
      <c r="I10133" s="40">
        <v>24.696155821764883</v>
      </c>
      <c r="L10133" s="40"/>
      <c r="M10133" s="40"/>
      <c r="N10133" s="40"/>
    </row>
    <row r="10134" spans="4:14" x14ac:dyDescent="0.25">
      <c r="D10134" s="40"/>
      <c r="F10134" s="40">
        <v>168.75</v>
      </c>
      <c r="G10134" s="40">
        <v>22.57887796099617</v>
      </c>
      <c r="H10134" s="40">
        <v>168.75</v>
      </c>
      <c r="I10134" s="40">
        <v>24.696155821764883</v>
      </c>
      <c r="L10134" s="40"/>
      <c r="M10134" s="40"/>
      <c r="N10134" s="40"/>
    </row>
    <row r="10135" spans="4:14" x14ac:dyDescent="0.25">
      <c r="D10135" s="40"/>
      <c r="F10135" s="40">
        <v>168.76666699999998</v>
      </c>
      <c r="G10135" s="40">
        <v>22.57887796099617</v>
      </c>
      <c r="H10135" s="40">
        <v>168.76666700000001</v>
      </c>
      <c r="I10135" s="40">
        <v>24.699508557908317</v>
      </c>
      <c r="L10135" s="40"/>
      <c r="M10135" s="40"/>
      <c r="N10135" s="40"/>
    </row>
    <row r="10136" spans="4:14" x14ac:dyDescent="0.25">
      <c r="D10136" s="40"/>
      <c r="F10136" s="40">
        <v>168.783333</v>
      </c>
      <c r="G10136" s="40">
        <v>22.57887796099617</v>
      </c>
      <c r="H10136" s="40">
        <v>168.783334</v>
      </c>
      <c r="I10136" s="40">
        <v>24.699508557908317</v>
      </c>
      <c r="L10136" s="40"/>
      <c r="M10136" s="40"/>
      <c r="N10136" s="40"/>
    </row>
    <row r="10137" spans="4:14" x14ac:dyDescent="0.25">
      <c r="D10137" s="40"/>
      <c r="F10137" s="40">
        <v>168.79999999999998</v>
      </c>
      <c r="G10137" s="40">
        <v>22.57887796099617</v>
      </c>
      <c r="H10137" s="40">
        <v>168.8</v>
      </c>
      <c r="I10137" s="40">
        <v>24.699508557908317</v>
      </c>
      <c r="L10137" s="40"/>
      <c r="M10137" s="40"/>
      <c r="N10137" s="40"/>
    </row>
    <row r="10138" spans="4:14" x14ac:dyDescent="0.25">
      <c r="D10138" s="40"/>
      <c r="F10138" s="40">
        <v>168.816667</v>
      </c>
      <c r="G10138" s="40">
        <v>22.583633205086262</v>
      </c>
      <c r="H10138" s="40">
        <v>168.816667</v>
      </c>
      <c r="I10138" s="40">
        <v>24.702861294051573</v>
      </c>
      <c r="L10138" s="40"/>
      <c r="M10138" s="40"/>
      <c r="N10138" s="40"/>
    </row>
    <row r="10139" spans="4:14" x14ac:dyDescent="0.25">
      <c r="D10139" s="40"/>
      <c r="F10139" s="40">
        <v>168.83333299999998</v>
      </c>
      <c r="G10139" s="40">
        <v>22.583633205086262</v>
      </c>
      <c r="H10139" s="40">
        <v>168.83333400000001</v>
      </c>
      <c r="I10139" s="40">
        <v>24.702861294051573</v>
      </c>
      <c r="L10139" s="40"/>
      <c r="M10139" s="40"/>
      <c r="N10139" s="40"/>
    </row>
    <row r="10140" spans="4:14" x14ac:dyDescent="0.25">
      <c r="D10140" s="40"/>
      <c r="F10140" s="40">
        <v>168.85</v>
      </c>
      <c r="G10140" s="40">
        <v>22.583633205086262</v>
      </c>
      <c r="H10140" s="40">
        <v>168.85</v>
      </c>
      <c r="I10140" s="40">
        <v>24.702861294051573</v>
      </c>
      <c r="L10140" s="40"/>
      <c r="M10140" s="40"/>
      <c r="N10140" s="40"/>
    </row>
    <row r="10141" spans="4:14" x14ac:dyDescent="0.25">
      <c r="D10141" s="40"/>
      <c r="F10141" s="40">
        <v>168.86666700000001</v>
      </c>
      <c r="G10141" s="40">
        <v>22.583633205086262</v>
      </c>
      <c r="H10141" s="40">
        <v>168.86666700000001</v>
      </c>
      <c r="I10141" s="40">
        <v>24.702861294051573</v>
      </c>
      <c r="L10141" s="40"/>
      <c r="M10141" s="40"/>
      <c r="N10141" s="40"/>
    </row>
    <row r="10142" spans="4:14" x14ac:dyDescent="0.25">
      <c r="D10142" s="40"/>
      <c r="F10142" s="40">
        <v>168.88333299999999</v>
      </c>
      <c r="G10142" s="40">
        <v>22.583633205086262</v>
      </c>
      <c r="H10142" s="40">
        <v>168.88333400000002</v>
      </c>
      <c r="I10142" s="40">
        <v>24.706115420308336</v>
      </c>
      <c r="L10142" s="40"/>
      <c r="M10142" s="40"/>
      <c r="N10142" s="40"/>
    </row>
    <row r="10143" spans="4:14" x14ac:dyDescent="0.25">
      <c r="D10143" s="40"/>
      <c r="F10143" s="40">
        <v>168.9</v>
      </c>
      <c r="G10143" s="40">
        <v>22.583633205086262</v>
      </c>
      <c r="H10143" s="40">
        <v>168.9</v>
      </c>
      <c r="I10143" s="40">
        <v>24.706115420308336</v>
      </c>
      <c r="L10143" s="40"/>
      <c r="M10143" s="40"/>
      <c r="N10143" s="40"/>
    </row>
    <row r="10144" spans="4:14" x14ac:dyDescent="0.25">
      <c r="D10144" s="40"/>
      <c r="F10144" s="40">
        <v>168.91666699999999</v>
      </c>
      <c r="G10144" s="40">
        <v>22.583633205086262</v>
      </c>
      <c r="H10144" s="40">
        <v>168.91666700000002</v>
      </c>
      <c r="I10144" s="40">
        <v>24.706115420308336</v>
      </c>
      <c r="L10144" s="40"/>
      <c r="M10144" s="40"/>
      <c r="N10144" s="40"/>
    </row>
    <row r="10145" spans="4:14" x14ac:dyDescent="0.25">
      <c r="D10145" s="40"/>
      <c r="F10145" s="40">
        <v>168.933333</v>
      </c>
      <c r="G10145" s="40">
        <v>22.583633205086262</v>
      </c>
      <c r="H10145" s="40">
        <v>168.933334</v>
      </c>
      <c r="I10145" s="40">
        <v>24.706115420308336</v>
      </c>
      <c r="L10145" s="40"/>
      <c r="M10145" s="40"/>
      <c r="N10145" s="40"/>
    </row>
    <row r="10146" spans="4:14" x14ac:dyDescent="0.25">
      <c r="D10146" s="40"/>
      <c r="F10146" s="40">
        <v>168.95</v>
      </c>
      <c r="G10146" s="40">
        <v>22.583633205086262</v>
      </c>
      <c r="H10146" s="40">
        <v>168.95000000000002</v>
      </c>
      <c r="I10146" s="40">
        <v>24.709468156451592</v>
      </c>
      <c r="L10146" s="40"/>
      <c r="M10146" s="40"/>
      <c r="N10146" s="40"/>
    </row>
    <row r="10147" spans="4:14" x14ac:dyDescent="0.25">
      <c r="D10147" s="40"/>
      <c r="F10147" s="40">
        <v>168.966667</v>
      </c>
      <c r="G10147" s="40">
        <v>22.583633205086262</v>
      </c>
      <c r="H10147" s="40">
        <v>168.966667</v>
      </c>
      <c r="I10147" s="40">
        <v>24.709468156451592</v>
      </c>
      <c r="L10147" s="40"/>
      <c r="M10147" s="40"/>
      <c r="N10147" s="40"/>
    </row>
    <row r="10148" spans="4:14" x14ac:dyDescent="0.25">
      <c r="D10148" s="40"/>
      <c r="F10148" s="40">
        <v>168.98333299999999</v>
      </c>
      <c r="G10148" s="40">
        <v>22.588388449176481</v>
      </c>
      <c r="H10148" s="40">
        <v>168.98333400000001</v>
      </c>
      <c r="I10148" s="40">
        <v>24.709468156451592</v>
      </c>
      <c r="L10148" s="40"/>
      <c r="M10148" s="40"/>
      <c r="N10148" s="40"/>
    </row>
    <row r="10149" spans="4:14" x14ac:dyDescent="0.25">
      <c r="D10149" s="40"/>
      <c r="F10149" s="40">
        <v>169</v>
      </c>
      <c r="G10149" s="40">
        <v>22.588388449176481</v>
      </c>
      <c r="H10149" s="40">
        <v>169</v>
      </c>
      <c r="I10149" s="40">
        <v>24.709468156451592</v>
      </c>
      <c r="L10149" s="40"/>
      <c r="M10149" s="40"/>
      <c r="N10149" s="40"/>
    </row>
    <row r="10150" spans="4:14" x14ac:dyDescent="0.25">
      <c r="D10150" s="40"/>
      <c r="F10150" s="40">
        <v>169.01666699999998</v>
      </c>
      <c r="G10150" s="40">
        <v>22.588388449176481</v>
      </c>
      <c r="H10150" s="40">
        <v>169.01666700000001</v>
      </c>
      <c r="I10150" s="40">
        <v>24.712820892595026</v>
      </c>
      <c r="L10150" s="40"/>
      <c r="M10150" s="40"/>
      <c r="N10150" s="40"/>
    </row>
    <row r="10151" spans="4:14" x14ac:dyDescent="0.25">
      <c r="D10151" s="40"/>
      <c r="F10151" s="40">
        <v>169.033333</v>
      </c>
      <c r="G10151" s="40">
        <v>22.588388449176481</v>
      </c>
      <c r="H10151" s="40">
        <v>169.033334</v>
      </c>
      <c r="I10151" s="40">
        <v>24.712820892595026</v>
      </c>
      <c r="L10151" s="40"/>
      <c r="M10151" s="40"/>
      <c r="N10151" s="40"/>
    </row>
    <row r="10152" spans="4:14" x14ac:dyDescent="0.25">
      <c r="D10152" s="40"/>
      <c r="F10152" s="40">
        <v>169.04999999999998</v>
      </c>
      <c r="G10152" s="40">
        <v>22.588388449176481</v>
      </c>
      <c r="H10152" s="40">
        <v>169.05</v>
      </c>
      <c r="I10152" s="40">
        <v>24.716075018851789</v>
      </c>
      <c r="L10152" s="40"/>
      <c r="M10152" s="40"/>
      <c r="N10152" s="40"/>
    </row>
    <row r="10153" spans="4:14" x14ac:dyDescent="0.25">
      <c r="D10153" s="40"/>
      <c r="F10153" s="40">
        <v>169.066667</v>
      </c>
      <c r="G10153" s="40">
        <v>22.588388449176481</v>
      </c>
      <c r="H10153" s="40">
        <v>169.066667</v>
      </c>
      <c r="I10153" s="40">
        <v>24.716075018851789</v>
      </c>
      <c r="L10153" s="40"/>
      <c r="M10153" s="40"/>
      <c r="N10153" s="40"/>
    </row>
    <row r="10154" spans="4:14" x14ac:dyDescent="0.25">
      <c r="D10154" s="40"/>
      <c r="F10154" s="40">
        <v>169.08333299999998</v>
      </c>
      <c r="G10154" s="40">
        <v>22.588388449176481</v>
      </c>
      <c r="H10154" s="40">
        <v>169.08333400000001</v>
      </c>
      <c r="I10154" s="40">
        <v>24.719427754995046</v>
      </c>
      <c r="L10154" s="40"/>
      <c r="M10154" s="40"/>
      <c r="N10154" s="40"/>
    </row>
    <row r="10155" spans="4:14" x14ac:dyDescent="0.25">
      <c r="D10155" s="40"/>
      <c r="F10155" s="40">
        <v>169.1</v>
      </c>
      <c r="G10155" s="40">
        <v>22.593003833146383</v>
      </c>
      <c r="H10155" s="40">
        <v>169.1</v>
      </c>
      <c r="I10155" s="40">
        <v>24.719427754995046</v>
      </c>
      <c r="L10155" s="40"/>
      <c r="M10155" s="40"/>
      <c r="N10155" s="40"/>
    </row>
    <row r="10156" spans="4:14" x14ac:dyDescent="0.25">
      <c r="D10156" s="40"/>
      <c r="F10156" s="40">
        <v>169.11666700000001</v>
      </c>
      <c r="G10156" s="40">
        <v>22.593003833146383</v>
      </c>
      <c r="H10156" s="40">
        <v>169.11666700000001</v>
      </c>
      <c r="I10156" s="40">
        <v>24.719427754995046</v>
      </c>
      <c r="L10156" s="40"/>
      <c r="M10156" s="40"/>
      <c r="N10156" s="40"/>
    </row>
    <row r="10157" spans="4:14" x14ac:dyDescent="0.25">
      <c r="D10157" s="40"/>
      <c r="F10157" s="40">
        <v>169.13333299999999</v>
      </c>
      <c r="G10157" s="40">
        <v>22.593003833146383</v>
      </c>
      <c r="H10157" s="40">
        <v>169.13333400000002</v>
      </c>
      <c r="I10157" s="40">
        <v>24.722780491138302</v>
      </c>
      <c r="L10157" s="40"/>
      <c r="M10157" s="40"/>
      <c r="N10157" s="40"/>
    </row>
    <row r="10158" spans="4:14" x14ac:dyDescent="0.25">
      <c r="D10158" s="40"/>
      <c r="F10158" s="40">
        <v>169.15</v>
      </c>
      <c r="G10158" s="40">
        <v>22.597759077236603</v>
      </c>
      <c r="H10158" s="40">
        <v>169.15</v>
      </c>
      <c r="I10158" s="40">
        <v>24.722780491138302</v>
      </c>
      <c r="L10158" s="40"/>
      <c r="M10158" s="40"/>
      <c r="N10158" s="40"/>
    </row>
    <row r="10159" spans="4:14" x14ac:dyDescent="0.25">
      <c r="D10159" s="40"/>
      <c r="F10159" s="40">
        <v>169.16666699999999</v>
      </c>
      <c r="G10159" s="40">
        <v>22.597759077236603</v>
      </c>
      <c r="H10159" s="40">
        <v>169.16666700000002</v>
      </c>
      <c r="I10159" s="40">
        <v>24.722780491138302</v>
      </c>
      <c r="L10159" s="40"/>
      <c r="M10159" s="40"/>
      <c r="N10159" s="40"/>
    </row>
    <row r="10160" spans="4:14" x14ac:dyDescent="0.25">
      <c r="D10160" s="40"/>
      <c r="F10160" s="40">
        <v>169.183333</v>
      </c>
      <c r="G10160" s="40">
        <v>22.597759077236603</v>
      </c>
      <c r="H10160" s="40">
        <v>169.183334</v>
      </c>
      <c r="I10160" s="40">
        <v>24.726034617395065</v>
      </c>
      <c r="L10160" s="40"/>
      <c r="M10160" s="40"/>
      <c r="N10160" s="40"/>
    </row>
    <row r="10161" spans="4:14" x14ac:dyDescent="0.25">
      <c r="D10161" s="40"/>
      <c r="F10161" s="40">
        <v>169.2</v>
      </c>
      <c r="G10161" s="40">
        <v>22.597759077236603</v>
      </c>
      <c r="H10161" s="40">
        <v>169.20000000000002</v>
      </c>
      <c r="I10161" s="40">
        <v>24.726034617395065</v>
      </c>
      <c r="L10161" s="40"/>
      <c r="M10161" s="40"/>
      <c r="N10161" s="40"/>
    </row>
    <row r="10162" spans="4:14" x14ac:dyDescent="0.25">
      <c r="D10162" s="40"/>
      <c r="F10162" s="40">
        <v>169.216667</v>
      </c>
      <c r="G10162" s="40">
        <v>22.602514321326698</v>
      </c>
      <c r="H10162" s="40">
        <v>169.216667</v>
      </c>
      <c r="I10162" s="40">
        <v>24.729387353538321</v>
      </c>
      <c r="L10162" s="40"/>
      <c r="M10162" s="40"/>
      <c r="N10162" s="40"/>
    </row>
    <row r="10163" spans="4:14" x14ac:dyDescent="0.25">
      <c r="D10163" s="40"/>
      <c r="F10163" s="40">
        <v>169.23333299999999</v>
      </c>
      <c r="G10163" s="40">
        <v>22.602514321326698</v>
      </c>
      <c r="H10163" s="40">
        <v>169.23333400000001</v>
      </c>
      <c r="I10163" s="40">
        <v>24.729387353538321</v>
      </c>
      <c r="L10163" s="40"/>
      <c r="M10163" s="40"/>
      <c r="N10163" s="40"/>
    </row>
    <row r="10164" spans="4:14" x14ac:dyDescent="0.25">
      <c r="D10164" s="40"/>
      <c r="F10164" s="40">
        <v>169.25</v>
      </c>
      <c r="G10164" s="40">
        <v>22.602514321326698</v>
      </c>
      <c r="H10164" s="40">
        <v>169.25</v>
      </c>
      <c r="I10164" s="40">
        <v>24.732740089681755</v>
      </c>
      <c r="L10164" s="40"/>
      <c r="M10164" s="40"/>
      <c r="N10164" s="40"/>
    </row>
    <row r="10165" spans="4:14" x14ac:dyDescent="0.25">
      <c r="D10165" s="40"/>
      <c r="F10165" s="40">
        <v>169.26666699999998</v>
      </c>
      <c r="G10165" s="40">
        <v>22.602514321326698</v>
      </c>
      <c r="H10165" s="40">
        <v>169.26666700000001</v>
      </c>
      <c r="I10165" s="40">
        <v>24.732740089681755</v>
      </c>
      <c r="L10165" s="40"/>
      <c r="M10165" s="40"/>
      <c r="N10165" s="40"/>
    </row>
    <row r="10166" spans="4:14" x14ac:dyDescent="0.25">
      <c r="D10166" s="40"/>
      <c r="F10166" s="40">
        <v>169.283333</v>
      </c>
      <c r="G10166" s="40">
        <v>22.602514321326698</v>
      </c>
      <c r="H10166" s="40">
        <v>169.283334</v>
      </c>
      <c r="I10166" s="40">
        <v>24.732740089681755</v>
      </c>
      <c r="L10166" s="40"/>
      <c r="M10166" s="40"/>
      <c r="N10166" s="40"/>
    </row>
    <row r="10167" spans="4:14" x14ac:dyDescent="0.25">
      <c r="D10167" s="40"/>
      <c r="F10167" s="40">
        <v>169.29999999999998</v>
      </c>
      <c r="G10167" s="40">
        <v>22.602514321326698</v>
      </c>
      <c r="H10167" s="40">
        <v>169.3</v>
      </c>
      <c r="I10167" s="40">
        <v>24.736092825825015</v>
      </c>
      <c r="L10167" s="40"/>
      <c r="M10167" s="40"/>
      <c r="N10167" s="40"/>
    </row>
    <row r="10168" spans="4:14" x14ac:dyDescent="0.25">
      <c r="D10168" s="40"/>
      <c r="F10168" s="40">
        <v>169.316667</v>
      </c>
      <c r="G10168" s="40">
        <v>22.602514321326698</v>
      </c>
      <c r="H10168" s="40">
        <v>169.316667</v>
      </c>
      <c r="I10168" s="40">
        <v>24.736092825825015</v>
      </c>
      <c r="L10168" s="40"/>
      <c r="M10168" s="40"/>
      <c r="N10168" s="40"/>
    </row>
    <row r="10169" spans="4:14" x14ac:dyDescent="0.25">
      <c r="D10169" s="40"/>
      <c r="F10169" s="40">
        <v>169.33333299999998</v>
      </c>
      <c r="G10169" s="40">
        <v>22.602514321326698</v>
      </c>
      <c r="H10169" s="40">
        <v>169.33333400000001</v>
      </c>
      <c r="I10169" s="40">
        <v>24.739346952081778</v>
      </c>
      <c r="L10169" s="40"/>
      <c r="M10169" s="40"/>
      <c r="N10169" s="40"/>
    </row>
    <row r="10170" spans="4:14" x14ac:dyDescent="0.25">
      <c r="D10170" s="40"/>
      <c r="F10170" s="40">
        <v>169.35</v>
      </c>
      <c r="G10170" s="40">
        <v>22.6071297052966</v>
      </c>
      <c r="H10170" s="40">
        <v>169.35</v>
      </c>
      <c r="I10170" s="40">
        <v>24.739346952081778</v>
      </c>
      <c r="L10170" s="40"/>
      <c r="M10170" s="40"/>
      <c r="N10170" s="40"/>
    </row>
    <row r="10171" spans="4:14" x14ac:dyDescent="0.25">
      <c r="D10171" s="40"/>
      <c r="F10171" s="40">
        <v>169.36666700000001</v>
      </c>
      <c r="G10171" s="40">
        <v>22.6071297052966</v>
      </c>
      <c r="H10171" s="40">
        <v>169.36666700000001</v>
      </c>
      <c r="I10171" s="40">
        <v>24.742699688225031</v>
      </c>
      <c r="L10171" s="40"/>
      <c r="M10171" s="40"/>
      <c r="N10171" s="40"/>
    </row>
    <row r="10172" spans="4:14" x14ac:dyDescent="0.25">
      <c r="D10172" s="40"/>
      <c r="F10172" s="40">
        <v>169.38333299999999</v>
      </c>
      <c r="G10172" s="40">
        <v>22.6071297052966</v>
      </c>
      <c r="H10172" s="40">
        <v>169.38333400000002</v>
      </c>
      <c r="I10172" s="40">
        <v>24.742699688225031</v>
      </c>
      <c r="L10172" s="40"/>
      <c r="M10172" s="40"/>
      <c r="N10172" s="40"/>
    </row>
    <row r="10173" spans="4:14" x14ac:dyDescent="0.25">
      <c r="D10173" s="40"/>
      <c r="F10173" s="40">
        <v>169.4</v>
      </c>
      <c r="G10173" s="40">
        <v>22.602514321326698</v>
      </c>
      <c r="H10173" s="40">
        <v>169.4</v>
      </c>
      <c r="I10173" s="40">
        <v>24.746052424368465</v>
      </c>
      <c r="L10173" s="40"/>
      <c r="M10173" s="40"/>
      <c r="N10173" s="40"/>
    </row>
    <row r="10174" spans="4:14" x14ac:dyDescent="0.25">
      <c r="D10174" s="40"/>
      <c r="F10174" s="40">
        <v>169.41666699999999</v>
      </c>
      <c r="G10174" s="40">
        <v>22.602514321326698</v>
      </c>
      <c r="H10174" s="40">
        <v>169.41666700000002</v>
      </c>
      <c r="I10174" s="40">
        <v>24.746052424368465</v>
      </c>
      <c r="L10174" s="40"/>
      <c r="M10174" s="40"/>
      <c r="N10174" s="40"/>
    </row>
    <row r="10175" spans="4:14" x14ac:dyDescent="0.25">
      <c r="D10175" s="40"/>
      <c r="F10175" s="40">
        <v>169.433333</v>
      </c>
      <c r="G10175" s="40">
        <v>22.6071297052966</v>
      </c>
      <c r="H10175" s="40">
        <v>169.433334</v>
      </c>
      <c r="I10175" s="40">
        <v>24.746052424368465</v>
      </c>
      <c r="L10175" s="40"/>
      <c r="M10175" s="40"/>
      <c r="N10175" s="40"/>
    </row>
    <row r="10176" spans="4:14" x14ac:dyDescent="0.25">
      <c r="D10176" s="40"/>
      <c r="F10176" s="40">
        <v>169.45</v>
      </c>
      <c r="G10176" s="40">
        <v>22.6071297052966</v>
      </c>
      <c r="H10176" s="40">
        <v>169.45000000000002</v>
      </c>
      <c r="I10176" s="40">
        <v>24.749306550625228</v>
      </c>
      <c r="L10176" s="40"/>
      <c r="M10176" s="40"/>
      <c r="N10176" s="40"/>
    </row>
    <row r="10177" spans="4:14" x14ac:dyDescent="0.25">
      <c r="D10177" s="40"/>
      <c r="F10177" s="40">
        <v>169.466667</v>
      </c>
      <c r="G10177" s="40">
        <v>22.6071297052966</v>
      </c>
      <c r="H10177" s="40">
        <v>169.466667</v>
      </c>
      <c r="I10177" s="40">
        <v>24.749306550625228</v>
      </c>
      <c r="L10177" s="40"/>
      <c r="M10177" s="40"/>
      <c r="N10177" s="40"/>
    </row>
    <row r="10178" spans="4:14" x14ac:dyDescent="0.25">
      <c r="D10178" s="40"/>
      <c r="F10178" s="40">
        <v>169.48333299999999</v>
      </c>
      <c r="G10178" s="40">
        <v>22.6071297052966</v>
      </c>
      <c r="H10178" s="40">
        <v>169.48333400000001</v>
      </c>
      <c r="I10178" s="40">
        <v>24.752659286768488</v>
      </c>
      <c r="L10178" s="40"/>
      <c r="M10178" s="40"/>
      <c r="N10178" s="40"/>
    </row>
    <row r="10179" spans="4:14" x14ac:dyDescent="0.25">
      <c r="D10179" s="40"/>
      <c r="F10179" s="40">
        <v>169.5</v>
      </c>
      <c r="G10179" s="40">
        <v>22.6071297052966</v>
      </c>
      <c r="H10179" s="40">
        <v>169.5</v>
      </c>
      <c r="I10179" s="40">
        <v>24.752659286768488</v>
      </c>
      <c r="L10179" s="40"/>
      <c r="M10179" s="40"/>
      <c r="N10179" s="40"/>
    </row>
    <row r="10180" spans="4:14" x14ac:dyDescent="0.25">
      <c r="D10180" s="40"/>
      <c r="F10180" s="40">
        <v>169.51666699999998</v>
      </c>
      <c r="G10180" s="40">
        <v>22.6071297052966</v>
      </c>
      <c r="H10180" s="40">
        <v>169.51666700000001</v>
      </c>
      <c r="I10180" s="40">
        <v>24.752659286768488</v>
      </c>
      <c r="L10180" s="40"/>
      <c r="M10180" s="40"/>
      <c r="N10180" s="40"/>
    </row>
    <row r="10181" spans="4:14" x14ac:dyDescent="0.25">
      <c r="D10181" s="40"/>
      <c r="F10181" s="40">
        <v>169.533333</v>
      </c>
      <c r="G10181" s="40">
        <v>22.6071297052966</v>
      </c>
      <c r="H10181" s="40">
        <v>169.533334</v>
      </c>
      <c r="I10181" s="40">
        <v>24.756012022911744</v>
      </c>
      <c r="L10181" s="40"/>
      <c r="M10181" s="40"/>
      <c r="N10181" s="40"/>
    </row>
    <row r="10182" spans="4:14" x14ac:dyDescent="0.25">
      <c r="D10182" s="40"/>
      <c r="F10182" s="40">
        <v>169.54999999999998</v>
      </c>
      <c r="G10182" s="40">
        <v>22.602514321326698</v>
      </c>
      <c r="H10182" s="40">
        <v>169.55</v>
      </c>
      <c r="I10182" s="40">
        <v>24.756012022911744</v>
      </c>
      <c r="L10182" s="40"/>
      <c r="M10182" s="40"/>
      <c r="N10182" s="40"/>
    </row>
    <row r="10183" spans="4:14" x14ac:dyDescent="0.25">
      <c r="D10183" s="40"/>
      <c r="F10183" s="40">
        <v>169.566667</v>
      </c>
      <c r="G10183" s="40">
        <v>22.602514321326698</v>
      </c>
      <c r="H10183" s="40">
        <v>169.566667</v>
      </c>
      <c r="I10183" s="40">
        <v>24.759266149168507</v>
      </c>
      <c r="L10183" s="40"/>
      <c r="M10183" s="40"/>
      <c r="N10183" s="40"/>
    </row>
    <row r="10184" spans="4:14" x14ac:dyDescent="0.25">
      <c r="D10184" s="40"/>
      <c r="F10184" s="40">
        <v>169.58333299999998</v>
      </c>
      <c r="G10184" s="40">
        <v>22.602514321326698</v>
      </c>
      <c r="H10184" s="40">
        <v>169.58333400000001</v>
      </c>
      <c r="I10184" s="40">
        <v>24.759266149168507</v>
      </c>
      <c r="L10184" s="40"/>
      <c r="M10184" s="40"/>
      <c r="N10184" s="40"/>
    </row>
    <row r="10185" spans="4:14" x14ac:dyDescent="0.25">
      <c r="D10185" s="40"/>
      <c r="F10185" s="40">
        <v>169.6</v>
      </c>
      <c r="G10185" s="40">
        <v>22.602514321326698</v>
      </c>
      <c r="H10185" s="40">
        <v>169.6</v>
      </c>
      <c r="I10185" s="40">
        <v>24.759266149168507</v>
      </c>
      <c r="L10185" s="40"/>
      <c r="M10185" s="40"/>
      <c r="N10185" s="40"/>
    </row>
    <row r="10186" spans="4:14" x14ac:dyDescent="0.25">
      <c r="D10186" s="40"/>
      <c r="F10186" s="40">
        <v>169.61666700000001</v>
      </c>
      <c r="G10186" s="40">
        <v>22.602514321326698</v>
      </c>
      <c r="H10186" s="40">
        <v>169.61666700000001</v>
      </c>
      <c r="I10186" s="40">
        <v>24.762618885311763</v>
      </c>
      <c r="L10186" s="40"/>
      <c r="M10186" s="40"/>
      <c r="N10186" s="40"/>
    </row>
    <row r="10187" spans="4:14" x14ac:dyDescent="0.25">
      <c r="D10187" s="40"/>
      <c r="F10187" s="40">
        <v>169.63333299999999</v>
      </c>
      <c r="G10187" s="40">
        <v>22.602514321326698</v>
      </c>
      <c r="H10187" s="40">
        <v>169.63333400000002</v>
      </c>
      <c r="I10187" s="40">
        <v>24.762618885311763</v>
      </c>
      <c r="L10187" s="40"/>
      <c r="M10187" s="40"/>
      <c r="N10187" s="40"/>
    </row>
    <row r="10188" spans="4:14" x14ac:dyDescent="0.25">
      <c r="D10188" s="40"/>
      <c r="F10188" s="40">
        <v>169.65</v>
      </c>
      <c r="G10188" s="40">
        <v>22.602514321326698</v>
      </c>
      <c r="H10188" s="40">
        <v>169.65</v>
      </c>
      <c r="I10188" s="40">
        <v>24.762618885311763</v>
      </c>
      <c r="L10188" s="40"/>
      <c r="M10188" s="40"/>
      <c r="N10188" s="40"/>
    </row>
    <row r="10189" spans="4:14" x14ac:dyDescent="0.25">
      <c r="D10189" s="40"/>
      <c r="F10189" s="40">
        <v>169.66666699999999</v>
      </c>
      <c r="G10189" s="40">
        <v>22.602514321326698</v>
      </c>
      <c r="H10189" s="40">
        <v>169.66666700000002</v>
      </c>
      <c r="I10189" s="40">
        <v>24.765971621455193</v>
      </c>
      <c r="L10189" s="40"/>
      <c r="M10189" s="40"/>
      <c r="N10189" s="40"/>
    </row>
    <row r="10190" spans="4:14" x14ac:dyDescent="0.25">
      <c r="D10190" s="40"/>
      <c r="F10190" s="40">
        <v>169.683333</v>
      </c>
      <c r="G10190" s="40">
        <v>22.602514321326698</v>
      </c>
      <c r="H10190" s="40">
        <v>169.683334</v>
      </c>
      <c r="I10190" s="40">
        <v>24.765971621455193</v>
      </c>
      <c r="L10190" s="40"/>
      <c r="M10190" s="40"/>
      <c r="N10190" s="40"/>
    </row>
    <row r="10191" spans="4:14" x14ac:dyDescent="0.25">
      <c r="D10191" s="40"/>
      <c r="F10191" s="40">
        <v>169.7</v>
      </c>
      <c r="G10191" s="40">
        <v>22.602514321326698</v>
      </c>
      <c r="H10191" s="40">
        <v>169.70000000000002</v>
      </c>
      <c r="I10191" s="40">
        <v>24.765971621455193</v>
      </c>
      <c r="L10191" s="40"/>
      <c r="M10191" s="40"/>
      <c r="N10191" s="40"/>
    </row>
    <row r="10192" spans="4:14" x14ac:dyDescent="0.25">
      <c r="D10192" s="40"/>
      <c r="F10192" s="40">
        <v>169.716667</v>
      </c>
      <c r="G10192" s="40">
        <v>22.602514321326698</v>
      </c>
      <c r="H10192" s="40">
        <v>169.716667</v>
      </c>
      <c r="I10192" s="40">
        <v>24.769225747711957</v>
      </c>
      <c r="L10192" s="40"/>
      <c r="M10192" s="40"/>
      <c r="N10192" s="40"/>
    </row>
    <row r="10193" spans="4:14" x14ac:dyDescent="0.25">
      <c r="D10193" s="40"/>
      <c r="F10193" s="40">
        <v>169.73333299999999</v>
      </c>
      <c r="G10193" s="40">
        <v>22.602514321326698</v>
      </c>
      <c r="H10193" s="40">
        <v>169.73333400000001</v>
      </c>
      <c r="I10193" s="40">
        <v>24.769225747711957</v>
      </c>
      <c r="L10193" s="40"/>
      <c r="M10193" s="40"/>
      <c r="N10193" s="40"/>
    </row>
    <row r="10194" spans="4:14" x14ac:dyDescent="0.25">
      <c r="D10194" s="40"/>
      <c r="F10194" s="40">
        <v>169.75</v>
      </c>
      <c r="G10194" s="40">
        <v>22.602514321326698</v>
      </c>
      <c r="H10194" s="40">
        <v>169.75</v>
      </c>
      <c r="I10194" s="40">
        <v>24.769225747711957</v>
      </c>
      <c r="L10194" s="40"/>
      <c r="M10194" s="40"/>
      <c r="N10194" s="40"/>
    </row>
    <row r="10195" spans="4:14" x14ac:dyDescent="0.25">
      <c r="D10195" s="40"/>
      <c r="F10195" s="40">
        <v>169.76666699999998</v>
      </c>
      <c r="G10195" s="40">
        <v>22.602514321326698</v>
      </c>
      <c r="H10195" s="40">
        <v>169.76666700000001</v>
      </c>
      <c r="I10195" s="40">
        <v>24.772578483855217</v>
      </c>
      <c r="L10195" s="40"/>
      <c r="M10195" s="40"/>
      <c r="N10195" s="40"/>
    </row>
    <row r="10196" spans="4:14" x14ac:dyDescent="0.25">
      <c r="D10196" s="40"/>
      <c r="F10196" s="40">
        <v>169.783333</v>
      </c>
      <c r="G10196" s="40">
        <v>22.602514321326698</v>
      </c>
      <c r="H10196" s="40">
        <v>169.783334</v>
      </c>
      <c r="I10196" s="40">
        <v>24.772578483855217</v>
      </c>
      <c r="L10196" s="40"/>
      <c r="M10196" s="40"/>
      <c r="N10196" s="40"/>
    </row>
    <row r="10197" spans="4:14" x14ac:dyDescent="0.25">
      <c r="D10197" s="40"/>
      <c r="F10197" s="40">
        <v>169.79999999999998</v>
      </c>
      <c r="G10197" s="40">
        <v>22.602514321326698</v>
      </c>
      <c r="H10197" s="40">
        <v>169.8</v>
      </c>
      <c r="I10197" s="40">
        <v>24.775931219998473</v>
      </c>
      <c r="L10197" s="40"/>
      <c r="M10197" s="40"/>
      <c r="N10197" s="40"/>
    </row>
    <row r="10198" spans="4:14" x14ac:dyDescent="0.25">
      <c r="D10198" s="40"/>
      <c r="F10198" s="40">
        <v>169.816667</v>
      </c>
      <c r="G10198" s="40">
        <v>22.6071297052966</v>
      </c>
      <c r="H10198" s="40">
        <v>169.816667</v>
      </c>
      <c r="I10198" s="40">
        <v>24.775931219998473</v>
      </c>
      <c r="L10198" s="40"/>
      <c r="M10198" s="40"/>
      <c r="N10198" s="40"/>
    </row>
    <row r="10199" spans="4:14" x14ac:dyDescent="0.25">
      <c r="D10199" s="40"/>
      <c r="F10199" s="40">
        <v>169.83333299999998</v>
      </c>
      <c r="G10199" s="40">
        <v>22.6071297052966</v>
      </c>
      <c r="H10199" s="40">
        <v>169.83333400000001</v>
      </c>
      <c r="I10199" s="40">
        <v>24.775931219998473</v>
      </c>
      <c r="L10199" s="40"/>
      <c r="M10199" s="40"/>
      <c r="N10199" s="40"/>
    </row>
    <row r="10200" spans="4:14" x14ac:dyDescent="0.25">
      <c r="D10200" s="40"/>
      <c r="F10200" s="40">
        <v>169.85</v>
      </c>
      <c r="G10200" s="40">
        <v>22.6071297052966</v>
      </c>
      <c r="H10200" s="40">
        <v>169.85</v>
      </c>
      <c r="I10200" s="40">
        <v>24.775931219998473</v>
      </c>
      <c r="L10200" s="40"/>
      <c r="M10200" s="40"/>
      <c r="N10200" s="40"/>
    </row>
    <row r="10201" spans="4:14" x14ac:dyDescent="0.25">
      <c r="D10201" s="40"/>
      <c r="F10201" s="40">
        <v>169.86666700000001</v>
      </c>
      <c r="G10201" s="40">
        <v>22.6071297052966</v>
      </c>
      <c r="H10201" s="40">
        <v>169.86666700000001</v>
      </c>
      <c r="I10201" s="40">
        <v>24.779185346255236</v>
      </c>
      <c r="L10201" s="40"/>
      <c r="M10201" s="40"/>
      <c r="N10201" s="40"/>
    </row>
    <row r="10202" spans="4:14" x14ac:dyDescent="0.25">
      <c r="D10202" s="40"/>
      <c r="F10202" s="40">
        <v>169.88333299999999</v>
      </c>
      <c r="G10202" s="40">
        <v>22.61188494938682</v>
      </c>
      <c r="H10202" s="40">
        <v>169.88333400000002</v>
      </c>
      <c r="I10202" s="40">
        <v>24.779185346255236</v>
      </c>
      <c r="L10202" s="40"/>
      <c r="M10202" s="40"/>
      <c r="N10202" s="40"/>
    </row>
    <row r="10203" spans="4:14" x14ac:dyDescent="0.25">
      <c r="D10203" s="40"/>
      <c r="F10203" s="40">
        <v>169.9</v>
      </c>
      <c r="G10203" s="40">
        <v>22.61188494938682</v>
      </c>
      <c r="H10203" s="40">
        <v>169.9</v>
      </c>
      <c r="I10203" s="40">
        <v>24.779185346255236</v>
      </c>
      <c r="L10203" s="40"/>
      <c r="M10203" s="40"/>
      <c r="N10203" s="40"/>
    </row>
    <row r="10204" spans="4:14" x14ac:dyDescent="0.25">
      <c r="D10204" s="40"/>
      <c r="F10204" s="40">
        <v>169.91666699999999</v>
      </c>
      <c r="G10204" s="40">
        <v>22.61188494938682</v>
      </c>
      <c r="H10204" s="40">
        <v>169.91666700000002</v>
      </c>
      <c r="I10204" s="40">
        <v>24.779185346255236</v>
      </c>
      <c r="L10204" s="40"/>
      <c r="M10204" s="40"/>
      <c r="N10204" s="40"/>
    </row>
    <row r="10205" spans="4:14" x14ac:dyDescent="0.25">
      <c r="D10205" s="40"/>
      <c r="F10205" s="40">
        <v>169.933333</v>
      </c>
      <c r="G10205" s="40">
        <v>22.61188494938682</v>
      </c>
      <c r="H10205" s="40">
        <v>169.933334</v>
      </c>
      <c r="I10205" s="40">
        <v>24.782538082398496</v>
      </c>
      <c r="L10205" s="40"/>
      <c r="M10205" s="40"/>
      <c r="N10205" s="40"/>
    </row>
    <row r="10206" spans="4:14" x14ac:dyDescent="0.25">
      <c r="D10206" s="40"/>
      <c r="F10206" s="40">
        <v>169.95</v>
      </c>
      <c r="G10206" s="40">
        <v>22.61188494938682</v>
      </c>
      <c r="H10206" s="40">
        <v>169.95000000000002</v>
      </c>
      <c r="I10206" s="40">
        <v>24.782538082398496</v>
      </c>
      <c r="L10206" s="40"/>
      <c r="M10206" s="40"/>
      <c r="N10206" s="40"/>
    </row>
    <row r="10207" spans="4:14" x14ac:dyDescent="0.25">
      <c r="D10207" s="40"/>
      <c r="F10207" s="40">
        <v>169.966667</v>
      </c>
      <c r="G10207" s="40">
        <v>22.61188494938682</v>
      </c>
      <c r="H10207" s="40">
        <v>169.966667</v>
      </c>
      <c r="I10207" s="40">
        <v>24.782538082398496</v>
      </c>
      <c r="L10207" s="40"/>
      <c r="M10207" s="40"/>
      <c r="N10207" s="40"/>
    </row>
    <row r="10208" spans="4:14" x14ac:dyDescent="0.25">
      <c r="D10208" s="40"/>
      <c r="F10208" s="40">
        <v>169.98333299999999</v>
      </c>
      <c r="G10208" s="40">
        <v>22.61188494938682</v>
      </c>
      <c r="H10208" s="40">
        <v>169.98333400000001</v>
      </c>
      <c r="I10208" s="40">
        <v>24.785890818541926</v>
      </c>
      <c r="L10208" s="40"/>
      <c r="M10208" s="40"/>
      <c r="N10208" s="40"/>
    </row>
    <row r="10209" spans="4:14" x14ac:dyDescent="0.25">
      <c r="D10209" s="40"/>
      <c r="F10209" s="40">
        <v>170</v>
      </c>
      <c r="G10209" s="40">
        <v>22.61188494938682</v>
      </c>
      <c r="H10209" s="40">
        <v>170</v>
      </c>
      <c r="I10209" s="40">
        <v>24.785890818541926</v>
      </c>
      <c r="L10209" s="40"/>
      <c r="M10209" s="40"/>
      <c r="N10209" s="40"/>
    </row>
    <row r="10210" spans="4:14" x14ac:dyDescent="0.25">
      <c r="D10210" s="40"/>
      <c r="F10210" s="40">
        <v>170.01666699999998</v>
      </c>
      <c r="G10210" s="40">
        <v>22.61188494938682</v>
      </c>
      <c r="H10210" s="40">
        <v>170.01666700000001</v>
      </c>
      <c r="I10210" s="40">
        <v>24.785890818541926</v>
      </c>
      <c r="L10210" s="40"/>
      <c r="M10210" s="40"/>
      <c r="N10210" s="40"/>
    </row>
    <row r="10211" spans="4:14" x14ac:dyDescent="0.25">
      <c r="D10211" s="40"/>
      <c r="F10211" s="40">
        <v>170.033333</v>
      </c>
      <c r="G10211" s="40">
        <v>22.61188494938682</v>
      </c>
      <c r="H10211" s="40">
        <v>170.033334</v>
      </c>
      <c r="I10211" s="40">
        <v>24.785890818541926</v>
      </c>
      <c r="L10211" s="40"/>
      <c r="M10211" s="40"/>
      <c r="N10211" s="40"/>
    </row>
    <row r="10212" spans="4:14" x14ac:dyDescent="0.25">
      <c r="D10212" s="40"/>
      <c r="F10212" s="40">
        <v>170.04999999999998</v>
      </c>
      <c r="G10212" s="40">
        <v>22.61188494938682</v>
      </c>
      <c r="H10212" s="40">
        <v>170.05</v>
      </c>
      <c r="I10212" s="40">
        <v>24.785890818541926</v>
      </c>
      <c r="L10212" s="40"/>
      <c r="M10212" s="40"/>
      <c r="N10212" s="40"/>
    </row>
    <row r="10213" spans="4:14" x14ac:dyDescent="0.25">
      <c r="D10213" s="40"/>
      <c r="F10213" s="40">
        <v>170.066667</v>
      </c>
      <c r="G10213" s="40">
        <v>22.61188494938682</v>
      </c>
      <c r="H10213" s="40">
        <v>170.066667</v>
      </c>
      <c r="I10213" s="40">
        <v>24.789144944798689</v>
      </c>
      <c r="L10213" s="40"/>
      <c r="M10213" s="40"/>
      <c r="N10213" s="40"/>
    </row>
    <row r="10214" spans="4:14" x14ac:dyDescent="0.25">
      <c r="D10214" s="40"/>
      <c r="F10214" s="40">
        <v>170.08333299999998</v>
      </c>
      <c r="G10214" s="40">
        <v>22.61188494938682</v>
      </c>
      <c r="H10214" s="40">
        <v>170.08333400000001</v>
      </c>
      <c r="I10214" s="40">
        <v>24.789144944798689</v>
      </c>
      <c r="L10214" s="40"/>
      <c r="M10214" s="40"/>
      <c r="N10214" s="40"/>
    </row>
    <row r="10215" spans="4:14" x14ac:dyDescent="0.25">
      <c r="D10215" s="40"/>
      <c r="F10215" s="40">
        <v>170.1</v>
      </c>
      <c r="G10215" s="40">
        <v>22.61188494938682</v>
      </c>
      <c r="H10215" s="40">
        <v>170.1</v>
      </c>
      <c r="I10215" s="40">
        <v>24.789144944798689</v>
      </c>
      <c r="L10215" s="40"/>
      <c r="M10215" s="40"/>
      <c r="N10215" s="40"/>
    </row>
    <row r="10216" spans="4:14" x14ac:dyDescent="0.25">
      <c r="D10216" s="40"/>
      <c r="F10216" s="40">
        <v>170.11666700000001</v>
      </c>
      <c r="G10216" s="40">
        <v>22.61188494938682</v>
      </c>
      <c r="H10216" s="40">
        <v>170.11666700000001</v>
      </c>
      <c r="I10216" s="40">
        <v>24.792497680941946</v>
      </c>
      <c r="L10216" s="40"/>
      <c r="M10216" s="40"/>
      <c r="N10216" s="40"/>
    </row>
    <row r="10217" spans="4:14" x14ac:dyDescent="0.25">
      <c r="D10217" s="40"/>
      <c r="F10217" s="40">
        <v>170.13333299999999</v>
      </c>
      <c r="G10217" s="40">
        <v>22.616640193476911</v>
      </c>
      <c r="H10217" s="40">
        <v>170.13333399999999</v>
      </c>
      <c r="I10217" s="40">
        <v>24.792497680941946</v>
      </c>
      <c r="L10217" s="40"/>
      <c r="M10217" s="40"/>
      <c r="N10217" s="40"/>
    </row>
    <row r="10218" spans="4:14" x14ac:dyDescent="0.25">
      <c r="D10218" s="40"/>
      <c r="F10218" s="40">
        <v>170.15</v>
      </c>
      <c r="G10218" s="40">
        <v>22.616640193476911</v>
      </c>
      <c r="H10218" s="40">
        <v>170.15000000000003</v>
      </c>
      <c r="I10218" s="40">
        <v>24.792497680941946</v>
      </c>
      <c r="L10218" s="40"/>
      <c r="M10218" s="40"/>
      <c r="N10218" s="40"/>
    </row>
    <row r="10219" spans="4:14" x14ac:dyDescent="0.25">
      <c r="D10219" s="40"/>
      <c r="F10219" s="40">
        <v>170.16666699999999</v>
      </c>
      <c r="G10219" s="40">
        <v>22.616640193476911</v>
      </c>
      <c r="H10219" s="40">
        <v>170.16666700000002</v>
      </c>
      <c r="I10219" s="40">
        <v>24.792497680941946</v>
      </c>
      <c r="L10219" s="40"/>
      <c r="M10219" s="40"/>
      <c r="N10219" s="40"/>
    </row>
    <row r="10220" spans="4:14" x14ac:dyDescent="0.25">
      <c r="D10220" s="40"/>
      <c r="F10220" s="40">
        <v>170.183333</v>
      </c>
      <c r="G10220" s="40">
        <v>22.616640193476911</v>
      </c>
      <c r="H10220" s="40">
        <v>170.183334</v>
      </c>
      <c r="I10220" s="40">
        <v>24.795850417085205</v>
      </c>
      <c r="L10220" s="40"/>
      <c r="M10220" s="40"/>
      <c r="N10220" s="40"/>
    </row>
    <row r="10221" spans="4:14" x14ac:dyDescent="0.25">
      <c r="D10221" s="40"/>
      <c r="F10221" s="40">
        <v>170.2</v>
      </c>
      <c r="G10221" s="40">
        <v>22.616640193476911</v>
      </c>
      <c r="H10221" s="40">
        <v>170.2</v>
      </c>
      <c r="I10221" s="40">
        <v>24.795850417085205</v>
      </c>
      <c r="L10221" s="40"/>
      <c r="M10221" s="40"/>
      <c r="N10221" s="40"/>
    </row>
    <row r="10222" spans="4:14" x14ac:dyDescent="0.25">
      <c r="D10222" s="40"/>
      <c r="F10222" s="40">
        <v>170.216667</v>
      </c>
      <c r="G10222" s="40">
        <v>22.616640193476911</v>
      </c>
      <c r="H10222" s="40">
        <v>170.21666700000003</v>
      </c>
      <c r="I10222" s="40">
        <v>24.795850417085205</v>
      </c>
      <c r="L10222" s="40"/>
      <c r="M10222" s="40"/>
      <c r="N10222" s="40"/>
    </row>
    <row r="10223" spans="4:14" x14ac:dyDescent="0.25">
      <c r="D10223" s="40"/>
      <c r="F10223" s="40">
        <v>170.23333299999999</v>
      </c>
      <c r="G10223" s="40">
        <v>22.616640193476911</v>
      </c>
      <c r="H10223" s="40">
        <v>170.23333400000001</v>
      </c>
      <c r="I10223" s="40">
        <v>24.795850417085205</v>
      </c>
      <c r="L10223" s="40"/>
      <c r="M10223" s="40"/>
      <c r="N10223" s="40"/>
    </row>
    <row r="10224" spans="4:14" x14ac:dyDescent="0.25">
      <c r="D10224" s="40"/>
      <c r="F10224" s="40">
        <v>170.25</v>
      </c>
      <c r="G10224" s="40">
        <v>22.616640193476911</v>
      </c>
      <c r="H10224" s="40">
        <v>170.25</v>
      </c>
      <c r="I10224" s="40">
        <v>24.799104543341965</v>
      </c>
      <c r="L10224" s="40"/>
      <c r="M10224" s="40"/>
      <c r="N10224" s="40"/>
    </row>
    <row r="10225" spans="4:14" x14ac:dyDescent="0.25">
      <c r="D10225" s="40"/>
      <c r="F10225" s="40">
        <v>170.26666699999998</v>
      </c>
      <c r="G10225" s="40">
        <v>22.616640193476911</v>
      </c>
      <c r="H10225" s="40">
        <v>170.26666699999998</v>
      </c>
      <c r="I10225" s="40">
        <v>24.799104543341965</v>
      </c>
      <c r="L10225" s="40"/>
      <c r="M10225" s="40"/>
      <c r="N10225" s="40"/>
    </row>
    <row r="10226" spans="4:14" x14ac:dyDescent="0.25">
      <c r="D10226" s="40"/>
      <c r="F10226" s="40">
        <v>170.283333</v>
      </c>
      <c r="G10226" s="40">
        <v>22.616640193476911</v>
      </c>
      <c r="H10226" s="40">
        <v>170.28333400000002</v>
      </c>
      <c r="I10226" s="40">
        <v>24.799104543341965</v>
      </c>
      <c r="L10226" s="40"/>
      <c r="M10226" s="40"/>
      <c r="N10226" s="40"/>
    </row>
    <row r="10227" spans="4:14" x14ac:dyDescent="0.25">
      <c r="D10227" s="40"/>
      <c r="F10227" s="40">
        <v>170.29999999999998</v>
      </c>
      <c r="G10227" s="40">
        <v>22.616640193476911</v>
      </c>
      <c r="H10227" s="40">
        <v>170.3</v>
      </c>
      <c r="I10227" s="40">
        <v>24.802457279485395</v>
      </c>
      <c r="L10227" s="40"/>
      <c r="M10227" s="40"/>
      <c r="N10227" s="40"/>
    </row>
    <row r="10228" spans="4:14" x14ac:dyDescent="0.25">
      <c r="D10228" s="40"/>
      <c r="F10228" s="40">
        <v>170.316667</v>
      </c>
      <c r="G10228" s="40">
        <v>22.616640193476911</v>
      </c>
      <c r="H10228" s="40">
        <v>170.316667</v>
      </c>
      <c r="I10228" s="40">
        <v>24.802457279485395</v>
      </c>
      <c r="L10228" s="40"/>
      <c r="M10228" s="40"/>
      <c r="N10228" s="40"/>
    </row>
    <row r="10229" spans="4:14" x14ac:dyDescent="0.25">
      <c r="D10229" s="40"/>
      <c r="F10229" s="40">
        <v>170.33333299999998</v>
      </c>
      <c r="G10229" s="40">
        <v>22.616640193476911</v>
      </c>
      <c r="H10229" s="40">
        <v>170.33333399999998</v>
      </c>
      <c r="I10229" s="40">
        <v>24.802457279485395</v>
      </c>
      <c r="L10229" s="40"/>
      <c r="M10229" s="40"/>
      <c r="N10229" s="40"/>
    </row>
    <row r="10230" spans="4:14" x14ac:dyDescent="0.25">
      <c r="D10230" s="40"/>
      <c r="F10230" s="40">
        <v>170.35</v>
      </c>
      <c r="G10230" s="40">
        <v>22.616640193476911</v>
      </c>
      <c r="H10230" s="40">
        <v>170.35000000000002</v>
      </c>
      <c r="I10230" s="40">
        <v>24.802457279485395</v>
      </c>
      <c r="L10230" s="40"/>
      <c r="M10230" s="40"/>
      <c r="N10230" s="40"/>
    </row>
    <row r="10231" spans="4:14" x14ac:dyDescent="0.25">
      <c r="D10231" s="40"/>
      <c r="F10231" s="40">
        <v>170.36666700000001</v>
      </c>
      <c r="G10231" s="40">
        <v>22.621255577446814</v>
      </c>
      <c r="H10231" s="40">
        <v>170.36666700000001</v>
      </c>
      <c r="I10231" s="40">
        <v>24.805810015628655</v>
      </c>
      <c r="L10231" s="40"/>
      <c r="M10231" s="40"/>
      <c r="N10231" s="40"/>
    </row>
    <row r="10232" spans="4:14" x14ac:dyDescent="0.25">
      <c r="D10232" s="40"/>
      <c r="F10232" s="40">
        <v>170.38333299999999</v>
      </c>
      <c r="G10232" s="40">
        <v>22.621255577446814</v>
      </c>
      <c r="H10232" s="40">
        <v>170.38333399999999</v>
      </c>
      <c r="I10232" s="40">
        <v>24.805810015628655</v>
      </c>
      <c r="L10232" s="40"/>
      <c r="M10232" s="40"/>
      <c r="N10232" s="40"/>
    </row>
    <row r="10233" spans="4:14" x14ac:dyDescent="0.25">
      <c r="D10233" s="40"/>
      <c r="F10233" s="40">
        <v>170.4</v>
      </c>
      <c r="G10233" s="40">
        <v>22.621255577446814</v>
      </c>
      <c r="H10233" s="40">
        <v>170.40000000000003</v>
      </c>
      <c r="I10233" s="40">
        <v>24.805810015628655</v>
      </c>
      <c r="L10233" s="40"/>
      <c r="M10233" s="40"/>
      <c r="N10233" s="40"/>
    </row>
    <row r="10234" spans="4:14" x14ac:dyDescent="0.25">
      <c r="D10234" s="40"/>
      <c r="F10234" s="40">
        <v>170.41666699999999</v>
      </c>
      <c r="G10234" s="40">
        <v>22.621255577446814</v>
      </c>
      <c r="H10234" s="40">
        <v>170.41666700000002</v>
      </c>
      <c r="I10234" s="40">
        <v>24.809064141885418</v>
      </c>
      <c r="L10234" s="40"/>
      <c r="M10234" s="40"/>
      <c r="N10234" s="40"/>
    </row>
    <row r="10235" spans="4:14" x14ac:dyDescent="0.25">
      <c r="D10235" s="40"/>
      <c r="F10235" s="40">
        <v>170.433333</v>
      </c>
      <c r="G10235" s="40">
        <v>22.621255577446814</v>
      </c>
      <c r="H10235" s="40">
        <v>170.433334</v>
      </c>
      <c r="I10235" s="40">
        <v>24.809064141885418</v>
      </c>
      <c r="L10235" s="40"/>
      <c r="M10235" s="40"/>
      <c r="N10235" s="40"/>
    </row>
    <row r="10236" spans="4:14" x14ac:dyDescent="0.25">
      <c r="D10236" s="40"/>
      <c r="F10236" s="40">
        <v>170.45</v>
      </c>
      <c r="G10236" s="40">
        <v>22.621255577446814</v>
      </c>
      <c r="H10236" s="40">
        <v>170.45</v>
      </c>
      <c r="I10236" s="40">
        <v>24.809064141885418</v>
      </c>
      <c r="L10236" s="40"/>
      <c r="M10236" s="40"/>
      <c r="N10236" s="40"/>
    </row>
    <row r="10237" spans="4:14" x14ac:dyDescent="0.25">
      <c r="D10237" s="40"/>
      <c r="F10237" s="40">
        <v>170.466667</v>
      </c>
      <c r="G10237" s="40">
        <v>22.626010821537033</v>
      </c>
      <c r="H10237" s="40">
        <v>170.46666700000003</v>
      </c>
      <c r="I10237" s="40">
        <v>24.812416878028674</v>
      </c>
      <c r="L10237" s="40"/>
      <c r="M10237" s="40"/>
      <c r="N10237" s="40"/>
    </row>
    <row r="10238" spans="4:14" x14ac:dyDescent="0.25">
      <c r="D10238" s="40"/>
      <c r="F10238" s="40">
        <v>170.48333299999999</v>
      </c>
      <c r="G10238" s="40">
        <v>22.626010821537033</v>
      </c>
      <c r="H10238" s="40">
        <v>170.48333400000001</v>
      </c>
      <c r="I10238" s="40">
        <v>24.812416878028674</v>
      </c>
      <c r="L10238" s="40"/>
      <c r="M10238" s="40"/>
      <c r="N10238" s="40"/>
    </row>
    <row r="10239" spans="4:14" x14ac:dyDescent="0.25">
      <c r="D10239" s="40"/>
      <c r="F10239" s="40">
        <v>170.5</v>
      </c>
      <c r="G10239" s="40">
        <v>22.626010821537033</v>
      </c>
      <c r="H10239" s="40">
        <v>170.5</v>
      </c>
      <c r="I10239" s="40">
        <v>24.812416878028674</v>
      </c>
      <c r="L10239" s="40"/>
      <c r="M10239" s="40"/>
      <c r="N10239" s="40"/>
    </row>
    <row r="10240" spans="4:14" x14ac:dyDescent="0.25">
      <c r="D10240" s="40"/>
      <c r="F10240" s="40">
        <v>170.51666699999998</v>
      </c>
      <c r="G10240" s="40">
        <v>22.626010821537033</v>
      </c>
      <c r="H10240" s="40">
        <v>170.51666699999998</v>
      </c>
      <c r="I10240" s="40">
        <v>24.815769614171934</v>
      </c>
      <c r="L10240" s="40"/>
      <c r="M10240" s="40"/>
      <c r="N10240" s="40"/>
    </row>
    <row r="10241" spans="4:14" x14ac:dyDescent="0.25">
      <c r="D10241" s="40"/>
      <c r="F10241" s="40">
        <v>170.533333</v>
      </c>
      <c r="G10241" s="40">
        <v>22.626010821537033</v>
      </c>
      <c r="H10241" s="40">
        <v>170.53333400000002</v>
      </c>
      <c r="I10241" s="40">
        <v>24.815769614171934</v>
      </c>
      <c r="L10241" s="40"/>
      <c r="M10241" s="40"/>
      <c r="N10241" s="40"/>
    </row>
    <row r="10242" spans="4:14" x14ac:dyDescent="0.25">
      <c r="D10242" s="40"/>
      <c r="F10242" s="40">
        <v>170.54999999999998</v>
      </c>
      <c r="G10242" s="40">
        <v>22.616640193476911</v>
      </c>
      <c r="H10242" s="40">
        <v>170.55</v>
      </c>
      <c r="I10242" s="40">
        <v>24.815769614171934</v>
      </c>
      <c r="L10242" s="40"/>
      <c r="M10242" s="40"/>
      <c r="N10242" s="40"/>
    </row>
    <row r="10243" spans="4:14" x14ac:dyDescent="0.25">
      <c r="D10243" s="40"/>
      <c r="F10243" s="40">
        <v>170.566667</v>
      </c>
      <c r="G10243" s="40">
        <v>22.616640193476911</v>
      </c>
      <c r="H10243" s="40">
        <v>170.566667</v>
      </c>
      <c r="I10243" s="40">
        <v>24.819023740428698</v>
      </c>
      <c r="L10243" s="40"/>
      <c r="M10243" s="40"/>
      <c r="N10243" s="40"/>
    </row>
    <row r="10244" spans="4:14" x14ac:dyDescent="0.25">
      <c r="D10244" s="40"/>
      <c r="F10244" s="40">
        <v>170.58333299999998</v>
      </c>
      <c r="G10244" s="40">
        <v>22.616640193476911</v>
      </c>
      <c r="H10244" s="40">
        <v>170.58333399999998</v>
      </c>
      <c r="I10244" s="40">
        <v>24.819023740428698</v>
      </c>
      <c r="L10244" s="40"/>
      <c r="M10244" s="40"/>
      <c r="N10244" s="40"/>
    </row>
    <row r="10245" spans="4:14" x14ac:dyDescent="0.25">
      <c r="D10245" s="40"/>
      <c r="F10245" s="40">
        <v>170.6</v>
      </c>
      <c r="G10245" s="40">
        <v>22.621255577446814</v>
      </c>
      <c r="H10245" s="40">
        <v>170.60000000000002</v>
      </c>
      <c r="I10245" s="40">
        <v>24.822376476572128</v>
      </c>
      <c r="L10245" s="40"/>
      <c r="M10245" s="40"/>
      <c r="N10245" s="40"/>
    </row>
    <row r="10246" spans="4:14" x14ac:dyDescent="0.25">
      <c r="D10246" s="40"/>
      <c r="F10246" s="40">
        <v>170.61666700000001</v>
      </c>
      <c r="G10246" s="40">
        <v>22.630766065627125</v>
      </c>
      <c r="H10246" s="40">
        <v>170.61666700000001</v>
      </c>
      <c r="I10246" s="40">
        <v>24.822376476572128</v>
      </c>
      <c r="L10246" s="40"/>
      <c r="M10246" s="40"/>
      <c r="N10246" s="40"/>
    </row>
    <row r="10247" spans="4:14" x14ac:dyDescent="0.25">
      <c r="D10247" s="40"/>
      <c r="F10247" s="40">
        <v>170.63333299999999</v>
      </c>
      <c r="G10247" s="40">
        <v>22.630766065627125</v>
      </c>
      <c r="H10247" s="40">
        <v>170.63333399999999</v>
      </c>
      <c r="I10247" s="40">
        <v>24.822376476572128</v>
      </c>
      <c r="L10247" s="40"/>
      <c r="M10247" s="40"/>
      <c r="N10247" s="40"/>
    </row>
    <row r="10248" spans="4:14" x14ac:dyDescent="0.25">
      <c r="D10248" s="40"/>
      <c r="F10248" s="40">
        <v>170.65</v>
      </c>
      <c r="G10248" s="40">
        <v>22.626010821537033</v>
      </c>
      <c r="H10248" s="40">
        <v>170.65000000000003</v>
      </c>
      <c r="I10248" s="40">
        <v>24.825729212715384</v>
      </c>
      <c r="L10248" s="40"/>
      <c r="M10248" s="40"/>
      <c r="N10248" s="40"/>
    </row>
    <row r="10249" spans="4:14" x14ac:dyDescent="0.25">
      <c r="D10249" s="40"/>
      <c r="F10249" s="40">
        <v>170.66666699999999</v>
      </c>
      <c r="G10249" s="40">
        <v>22.626010821537033</v>
      </c>
      <c r="H10249" s="40">
        <v>170.66666700000002</v>
      </c>
      <c r="I10249" s="40">
        <v>24.825729212715384</v>
      </c>
      <c r="L10249" s="40"/>
      <c r="M10249" s="40"/>
      <c r="N10249" s="40"/>
    </row>
    <row r="10250" spans="4:14" x14ac:dyDescent="0.25">
      <c r="D10250" s="40"/>
      <c r="F10250" s="40">
        <v>170.683333</v>
      </c>
      <c r="G10250" s="40">
        <v>22.626010821537033</v>
      </c>
      <c r="H10250" s="40">
        <v>170.683334</v>
      </c>
      <c r="I10250" s="40">
        <v>24.825729212715384</v>
      </c>
      <c r="L10250" s="40"/>
      <c r="M10250" s="40"/>
      <c r="N10250" s="40"/>
    </row>
    <row r="10251" spans="4:14" x14ac:dyDescent="0.25">
      <c r="D10251" s="40"/>
      <c r="F10251" s="40">
        <v>170.7</v>
      </c>
      <c r="G10251" s="40">
        <v>22.621255577446814</v>
      </c>
      <c r="H10251" s="40">
        <v>170.7</v>
      </c>
      <c r="I10251" s="40">
        <v>24.828983338972147</v>
      </c>
      <c r="L10251" s="40"/>
      <c r="M10251" s="40"/>
      <c r="N10251" s="40"/>
    </row>
    <row r="10252" spans="4:14" x14ac:dyDescent="0.25">
      <c r="D10252" s="40"/>
      <c r="F10252" s="40">
        <v>170.716667</v>
      </c>
      <c r="G10252" s="40">
        <v>22.621255577446814</v>
      </c>
      <c r="H10252" s="40">
        <v>170.71666700000003</v>
      </c>
      <c r="I10252" s="40">
        <v>24.828983338972147</v>
      </c>
      <c r="L10252" s="40"/>
      <c r="M10252" s="40"/>
      <c r="N10252" s="40"/>
    </row>
    <row r="10253" spans="4:14" x14ac:dyDescent="0.25">
      <c r="D10253" s="40"/>
      <c r="F10253" s="40">
        <v>170.73333299999999</v>
      </c>
      <c r="G10253" s="40">
        <v>22.621255577446814</v>
      </c>
      <c r="H10253" s="40">
        <v>170.73333400000001</v>
      </c>
      <c r="I10253" s="40">
        <v>24.828983338972147</v>
      </c>
      <c r="L10253" s="40"/>
      <c r="M10253" s="40"/>
      <c r="N10253" s="40"/>
    </row>
    <row r="10254" spans="4:14" x14ac:dyDescent="0.25">
      <c r="D10254" s="40"/>
      <c r="F10254" s="40">
        <v>170.75</v>
      </c>
      <c r="G10254" s="40">
        <v>22.621255577446814</v>
      </c>
      <c r="H10254" s="40">
        <v>170.75</v>
      </c>
      <c r="I10254" s="40">
        <v>24.832336075115407</v>
      </c>
      <c r="L10254" s="40"/>
      <c r="M10254" s="40"/>
      <c r="N10254" s="40"/>
    </row>
    <row r="10255" spans="4:14" x14ac:dyDescent="0.25">
      <c r="D10255" s="40"/>
      <c r="F10255" s="40">
        <v>170.76666699999998</v>
      </c>
      <c r="G10255" s="40">
        <v>22.621255577446814</v>
      </c>
      <c r="H10255" s="40">
        <v>170.76666699999998</v>
      </c>
      <c r="I10255" s="40">
        <v>24.832336075115407</v>
      </c>
      <c r="L10255" s="40"/>
      <c r="M10255" s="40"/>
      <c r="N10255" s="40"/>
    </row>
    <row r="10256" spans="4:14" x14ac:dyDescent="0.25">
      <c r="D10256" s="40"/>
      <c r="F10256" s="40">
        <v>170.783333</v>
      </c>
      <c r="G10256" s="40">
        <v>22.621255577446814</v>
      </c>
      <c r="H10256" s="40">
        <v>170.78333400000002</v>
      </c>
      <c r="I10256" s="40">
        <v>24.835688811258841</v>
      </c>
      <c r="L10256" s="40"/>
      <c r="M10256" s="40"/>
      <c r="N10256" s="40"/>
    </row>
    <row r="10257" spans="4:14" x14ac:dyDescent="0.25">
      <c r="D10257" s="40"/>
      <c r="F10257" s="40">
        <v>170.79999999999998</v>
      </c>
      <c r="G10257" s="40">
        <v>22.621255577446814</v>
      </c>
      <c r="H10257" s="40">
        <v>170.8</v>
      </c>
      <c r="I10257" s="40">
        <v>24.835688811258841</v>
      </c>
      <c r="L10257" s="40"/>
      <c r="M10257" s="40"/>
      <c r="N10257" s="40"/>
    </row>
    <row r="10258" spans="4:14" x14ac:dyDescent="0.25">
      <c r="D10258" s="40"/>
      <c r="F10258" s="40">
        <v>170.816667</v>
      </c>
      <c r="G10258" s="40">
        <v>22.621255577446814</v>
      </c>
      <c r="H10258" s="40">
        <v>170.816667</v>
      </c>
      <c r="I10258" s="40">
        <v>24.835688811258841</v>
      </c>
      <c r="L10258" s="40"/>
      <c r="M10258" s="40"/>
      <c r="N10258" s="40"/>
    </row>
    <row r="10259" spans="4:14" x14ac:dyDescent="0.25">
      <c r="D10259" s="40"/>
      <c r="F10259" s="40">
        <v>170.83333299999998</v>
      </c>
      <c r="G10259" s="40">
        <v>22.621255577446814</v>
      </c>
      <c r="H10259" s="40">
        <v>170.83333399999998</v>
      </c>
      <c r="I10259" s="40">
        <v>24.838942937515426</v>
      </c>
      <c r="L10259" s="40"/>
      <c r="M10259" s="40"/>
      <c r="N10259" s="40"/>
    </row>
    <row r="10260" spans="4:14" x14ac:dyDescent="0.25">
      <c r="D10260" s="40"/>
      <c r="F10260" s="40">
        <v>170.85</v>
      </c>
      <c r="G10260" s="40">
        <v>22.621255577446814</v>
      </c>
      <c r="H10260" s="40">
        <v>170.85000000000002</v>
      </c>
      <c r="I10260" s="40">
        <v>24.838942937515426</v>
      </c>
      <c r="L10260" s="40"/>
      <c r="M10260" s="40"/>
      <c r="N10260" s="40"/>
    </row>
    <row r="10261" spans="4:14" x14ac:dyDescent="0.25">
      <c r="D10261" s="40"/>
      <c r="F10261" s="40">
        <v>170.86666700000001</v>
      </c>
      <c r="G10261" s="40">
        <v>22.621255577446814</v>
      </c>
      <c r="H10261" s="40">
        <v>170.86666700000001</v>
      </c>
      <c r="I10261" s="40">
        <v>24.838942937515426</v>
      </c>
      <c r="L10261" s="40"/>
      <c r="M10261" s="40"/>
      <c r="N10261" s="40"/>
    </row>
    <row r="10262" spans="4:14" x14ac:dyDescent="0.25">
      <c r="D10262" s="40"/>
      <c r="F10262" s="40">
        <v>170.88333299999999</v>
      </c>
      <c r="G10262" s="40">
        <v>22.626010821537033</v>
      </c>
      <c r="H10262" s="40">
        <v>170.88333399999999</v>
      </c>
      <c r="I10262" s="40">
        <v>24.842295673658857</v>
      </c>
      <c r="L10262" s="40"/>
      <c r="M10262" s="40"/>
      <c r="N10262" s="40"/>
    </row>
    <row r="10263" spans="4:14" x14ac:dyDescent="0.25">
      <c r="D10263" s="40"/>
      <c r="F10263" s="40">
        <v>170.9</v>
      </c>
      <c r="G10263" s="40">
        <v>22.626010821537033</v>
      </c>
      <c r="H10263" s="40">
        <v>170.90000000000003</v>
      </c>
      <c r="I10263" s="40">
        <v>24.842295673658857</v>
      </c>
      <c r="L10263" s="40"/>
      <c r="M10263" s="40"/>
      <c r="N10263" s="40"/>
    </row>
    <row r="10264" spans="4:14" x14ac:dyDescent="0.25">
      <c r="D10264" s="40"/>
      <c r="F10264" s="40">
        <v>170.91666699999999</v>
      </c>
      <c r="G10264" s="40">
        <v>22.626010821537033</v>
      </c>
      <c r="H10264" s="40">
        <v>170.91666700000002</v>
      </c>
      <c r="I10264" s="40">
        <v>24.842295673658857</v>
      </c>
      <c r="L10264" s="40"/>
      <c r="M10264" s="40"/>
      <c r="N10264" s="40"/>
    </row>
    <row r="10265" spans="4:14" x14ac:dyDescent="0.25">
      <c r="D10265" s="40"/>
      <c r="F10265" s="40">
        <v>170.933333</v>
      </c>
      <c r="G10265" s="40">
        <v>22.626010821537033</v>
      </c>
      <c r="H10265" s="40">
        <v>170.933334</v>
      </c>
      <c r="I10265" s="40">
        <v>24.842295673658857</v>
      </c>
      <c r="L10265" s="40"/>
      <c r="M10265" s="40"/>
      <c r="N10265" s="40"/>
    </row>
    <row r="10266" spans="4:14" x14ac:dyDescent="0.25">
      <c r="D10266" s="40"/>
      <c r="F10266" s="40">
        <v>170.95</v>
      </c>
      <c r="G10266" s="40">
        <v>22.626010821537033</v>
      </c>
      <c r="H10266" s="40">
        <v>170.95</v>
      </c>
      <c r="I10266" s="40">
        <v>24.845648409802113</v>
      </c>
      <c r="L10266" s="40"/>
      <c r="M10266" s="40"/>
      <c r="N10266" s="40"/>
    </row>
    <row r="10267" spans="4:14" x14ac:dyDescent="0.25">
      <c r="D10267" s="40"/>
      <c r="F10267" s="40">
        <v>170.966667</v>
      </c>
      <c r="G10267" s="40">
        <v>22.635381449597027</v>
      </c>
      <c r="H10267" s="40">
        <v>170.96666700000003</v>
      </c>
      <c r="I10267" s="40">
        <v>24.845648409802113</v>
      </c>
      <c r="L10267" s="40"/>
      <c r="M10267" s="40"/>
      <c r="N10267" s="40"/>
    </row>
    <row r="10268" spans="4:14" x14ac:dyDescent="0.25">
      <c r="D10268" s="40"/>
      <c r="F10268" s="40">
        <v>170.98333299999999</v>
      </c>
      <c r="G10268" s="40">
        <v>22.635381449597027</v>
      </c>
      <c r="H10268" s="40">
        <v>170.98333400000001</v>
      </c>
      <c r="I10268" s="40">
        <v>24.845648409802113</v>
      </c>
      <c r="L10268" s="40"/>
      <c r="M10268" s="40"/>
      <c r="N10268" s="40"/>
    </row>
    <row r="10269" spans="4:14" x14ac:dyDescent="0.25">
      <c r="D10269" s="40"/>
      <c r="F10269" s="40">
        <v>171</v>
      </c>
      <c r="G10269" s="40">
        <v>22.635381449597027</v>
      </c>
      <c r="H10269" s="40">
        <v>171</v>
      </c>
      <c r="I10269" s="40">
        <v>24.845648409802113</v>
      </c>
      <c r="L10269" s="40"/>
      <c r="M10269" s="40"/>
      <c r="N10269" s="40"/>
    </row>
    <row r="10270" spans="4:14" x14ac:dyDescent="0.25">
      <c r="D10270" s="40"/>
      <c r="F10270" s="40">
        <v>171.01666699999998</v>
      </c>
      <c r="G10270" s="40">
        <v>22.635381449597027</v>
      </c>
      <c r="H10270" s="40">
        <v>171.01666699999998</v>
      </c>
      <c r="I10270" s="40">
        <v>24.845648409802113</v>
      </c>
      <c r="L10270" s="40"/>
      <c r="M10270" s="40"/>
      <c r="N10270" s="40"/>
    </row>
    <row r="10271" spans="4:14" x14ac:dyDescent="0.25">
      <c r="D10271" s="40"/>
      <c r="F10271" s="40">
        <v>171.033333</v>
      </c>
      <c r="G10271" s="40">
        <v>22.626010821537033</v>
      </c>
      <c r="H10271" s="40">
        <v>171.03333400000002</v>
      </c>
      <c r="I10271" s="40">
        <v>24.848902536058876</v>
      </c>
      <c r="L10271" s="40"/>
      <c r="M10271" s="40"/>
      <c r="N10271" s="40"/>
    </row>
    <row r="10272" spans="4:14" x14ac:dyDescent="0.25">
      <c r="D10272" s="40"/>
      <c r="F10272" s="40">
        <v>171.04999999999998</v>
      </c>
      <c r="G10272" s="40">
        <v>22.626010821537033</v>
      </c>
      <c r="H10272" s="40">
        <v>171.05</v>
      </c>
      <c r="I10272" s="40">
        <v>24.848902536058876</v>
      </c>
      <c r="L10272" s="40"/>
      <c r="M10272" s="40"/>
      <c r="N10272" s="40"/>
    </row>
    <row r="10273" spans="4:14" x14ac:dyDescent="0.25">
      <c r="D10273" s="40"/>
      <c r="F10273" s="40">
        <v>171.066667</v>
      </c>
      <c r="G10273" s="40">
        <v>22.630766065627125</v>
      </c>
      <c r="H10273" s="40">
        <v>171.066667</v>
      </c>
      <c r="I10273" s="40">
        <v>24.848902536058876</v>
      </c>
      <c r="L10273" s="40"/>
      <c r="M10273" s="40"/>
      <c r="N10273" s="40"/>
    </row>
    <row r="10274" spans="4:14" x14ac:dyDescent="0.25">
      <c r="D10274" s="40"/>
      <c r="F10274" s="40">
        <v>171.08333299999998</v>
      </c>
      <c r="G10274" s="40">
        <v>22.630766065627125</v>
      </c>
      <c r="H10274" s="40">
        <v>171.08333399999998</v>
      </c>
      <c r="I10274" s="40">
        <v>24.848902536058876</v>
      </c>
      <c r="L10274" s="40"/>
      <c r="M10274" s="40"/>
      <c r="N10274" s="40"/>
    </row>
    <row r="10275" spans="4:14" x14ac:dyDescent="0.25">
      <c r="D10275" s="40"/>
      <c r="F10275" s="40">
        <v>171.1</v>
      </c>
      <c r="G10275" s="40">
        <v>22.630766065627125</v>
      </c>
      <c r="H10275" s="40">
        <v>171.10000000000002</v>
      </c>
      <c r="I10275" s="40">
        <v>24.852255272202136</v>
      </c>
      <c r="L10275" s="40"/>
      <c r="M10275" s="40"/>
      <c r="N10275" s="40"/>
    </row>
    <row r="10276" spans="4:14" x14ac:dyDescent="0.25">
      <c r="D10276" s="40"/>
      <c r="F10276" s="40">
        <v>171.11666700000001</v>
      </c>
      <c r="G10276" s="40">
        <v>22.635381449597027</v>
      </c>
      <c r="H10276" s="40">
        <v>171.11666700000001</v>
      </c>
      <c r="I10276" s="40">
        <v>24.852255272202136</v>
      </c>
      <c r="L10276" s="40"/>
      <c r="M10276" s="40"/>
      <c r="N10276" s="40"/>
    </row>
    <row r="10277" spans="4:14" x14ac:dyDescent="0.25">
      <c r="D10277" s="40"/>
      <c r="F10277" s="40">
        <v>171.13333299999999</v>
      </c>
      <c r="G10277" s="40">
        <v>22.635381449597027</v>
      </c>
      <c r="H10277" s="40">
        <v>171.13333399999999</v>
      </c>
      <c r="I10277" s="40">
        <v>24.852255272202136</v>
      </c>
      <c r="L10277" s="40"/>
      <c r="M10277" s="40"/>
      <c r="N10277" s="40"/>
    </row>
    <row r="10278" spans="4:14" x14ac:dyDescent="0.25">
      <c r="D10278" s="40"/>
      <c r="F10278" s="40">
        <v>171.15</v>
      </c>
      <c r="G10278" s="40">
        <v>22.635381449597027</v>
      </c>
      <c r="H10278" s="40">
        <v>171.15000000000003</v>
      </c>
      <c r="I10278" s="40">
        <v>24.852255272202136</v>
      </c>
      <c r="L10278" s="40"/>
      <c r="M10278" s="40"/>
      <c r="N10278" s="40"/>
    </row>
    <row r="10279" spans="4:14" x14ac:dyDescent="0.25">
      <c r="D10279" s="40"/>
      <c r="F10279" s="40">
        <v>171.16666699999999</v>
      </c>
      <c r="G10279" s="40">
        <v>22.635381449597027</v>
      </c>
      <c r="H10279" s="40">
        <v>171.16666700000002</v>
      </c>
      <c r="I10279" s="40">
        <v>24.85560800834557</v>
      </c>
      <c r="L10279" s="40"/>
      <c r="M10279" s="40"/>
      <c r="N10279" s="40"/>
    </row>
    <row r="10280" spans="4:14" x14ac:dyDescent="0.25">
      <c r="D10280" s="40"/>
      <c r="F10280" s="40">
        <v>171.183333</v>
      </c>
      <c r="G10280" s="40">
        <v>22.635381449597027</v>
      </c>
      <c r="H10280" s="40">
        <v>171.183334</v>
      </c>
      <c r="I10280" s="40">
        <v>24.85560800834557</v>
      </c>
      <c r="L10280" s="40"/>
      <c r="M10280" s="40"/>
      <c r="N10280" s="40"/>
    </row>
    <row r="10281" spans="4:14" x14ac:dyDescent="0.25">
      <c r="D10281" s="40"/>
      <c r="F10281" s="40">
        <v>171.2</v>
      </c>
      <c r="G10281" s="40">
        <v>22.635381449597027</v>
      </c>
      <c r="H10281" s="40">
        <v>171.2</v>
      </c>
      <c r="I10281" s="40">
        <v>24.85560800834557</v>
      </c>
      <c r="L10281" s="40"/>
      <c r="M10281" s="40"/>
      <c r="N10281" s="40"/>
    </row>
    <row r="10282" spans="4:14" x14ac:dyDescent="0.25">
      <c r="D10282" s="40"/>
      <c r="F10282" s="40">
        <v>171.216667</v>
      </c>
      <c r="G10282" s="40">
        <v>22.635381449597027</v>
      </c>
      <c r="H10282" s="40">
        <v>171.21666700000003</v>
      </c>
      <c r="I10282" s="40">
        <v>24.85560800834557</v>
      </c>
      <c r="L10282" s="40"/>
      <c r="M10282" s="40"/>
      <c r="N10282" s="40"/>
    </row>
    <row r="10283" spans="4:14" x14ac:dyDescent="0.25">
      <c r="D10283" s="40"/>
      <c r="F10283" s="40">
        <v>171.23333299999999</v>
      </c>
      <c r="G10283" s="40">
        <v>22.635381449597027</v>
      </c>
      <c r="H10283" s="40">
        <v>171.23333400000001</v>
      </c>
      <c r="I10283" s="40">
        <v>24.85560800834557</v>
      </c>
      <c r="L10283" s="40"/>
      <c r="M10283" s="40"/>
      <c r="N10283" s="40"/>
    </row>
    <row r="10284" spans="4:14" x14ac:dyDescent="0.25">
      <c r="D10284" s="40"/>
      <c r="F10284" s="40">
        <v>171.25</v>
      </c>
      <c r="G10284" s="40">
        <v>22.635381449597027</v>
      </c>
      <c r="H10284" s="40">
        <v>171.25</v>
      </c>
      <c r="I10284" s="40">
        <v>24.858960744488826</v>
      </c>
      <c r="L10284" s="40"/>
      <c r="M10284" s="40"/>
      <c r="N10284" s="40"/>
    </row>
    <row r="10285" spans="4:14" x14ac:dyDescent="0.25">
      <c r="D10285" s="40"/>
      <c r="F10285" s="40">
        <v>171.26666699999998</v>
      </c>
      <c r="G10285" s="40">
        <v>22.635381449597027</v>
      </c>
      <c r="H10285" s="40">
        <v>171.26666699999998</v>
      </c>
      <c r="I10285" s="40">
        <v>24.858960744488826</v>
      </c>
      <c r="L10285" s="40"/>
      <c r="M10285" s="40"/>
      <c r="N10285" s="40"/>
    </row>
    <row r="10286" spans="4:14" x14ac:dyDescent="0.25">
      <c r="D10286" s="40"/>
      <c r="F10286" s="40">
        <v>171.283333</v>
      </c>
      <c r="G10286" s="40">
        <v>22.635381449597027</v>
      </c>
      <c r="H10286" s="40">
        <v>171.28333400000002</v>
      </c>
      <c r="I10286" s="40">
        <v>24.858960744488826</v>
      </c>
      <c r="L10286" s="40"/>
      <c r="M10286" s="40"/>
      <c r="N10286" s="40"/>
    </row>
    <row r="10287" spans="4:14" x14ac:dyDescent="0.25">
      <c r="D10287" s="40"/>
      <c r="F10287" s="40">
        <v>171.29999999999998</v>
      </c>
      <c r="G10287" s="40">
        <v>22.635381449597027</v>
      </c>
      <c r="H10287" s="40">
        <v>171.3</v>
      </c>
      <c r="I10287" s="40">
        <v>24.862214870745586</v>
      </c>
      <c r="L10287" s="40"/>
      <c r="M10287" s="40"/>
      <c r="N10287" s="40"/>
    </row>
    <row r="10288" spans="4:14" x14ac:dyDescent="0.25">
      <c r="D10288" s="40"/>
      <c r="F10288" s="40">
        <v>171.316667</v>
      </c>
      <c r="G10288" s="40">
        <v>22.635381449597027</v>
      </c>
      <c r="H10288" s="40">
        <v>171.316667</v>
      </c>
      <c r="I10288" s="40">
        <v>24.862214870745586</v>
      </c>
      <c r="L10288" s="40"/>
      <c r="M10288" s="40"/>
      <c r="N10288" s="40"/>
    </row>
    <row r="10289" spans="4:14" x14ac:dyDescent="0.25">
      <c r="D10289" s="40"/>
      <c r="F10289" s="40">
        <v>171.33333299999998</v>
      </c>
      <c r="G10289" s="40">
        <v>22.630766065627125</v>
      </c>
      <c r="H10289" s="40">
        <v>171.33333399999998</v>
      </c>
      <c r="I10289" s="40">
        <v>24.862214870745586</v>
      </c>
      <c r="L10289" s="40"/>
      <c r="M10289" s="40"/>
      <c r="N10289" s="40"/>
    </row>
    <row r="10290" spans="4:14" x14ac:dyDescent="0.25">
      <c r="D10290" s="40"/>
      <c r="F10290" s="40">
        <v>171.35</v>
      </c>
      <c r="G10290" s="40">
        <v>22.630766065627125</v>
      </c>
      <c r="H10290" s="40">
        <v>171.35000000000002</v>
      </c>
      <c r="I10290" s="40">
        <v>24.865567606888845</v>
      </c>
      <c r="L10290" s="40"/>
      <c r="M10290" s="40"/>
      <c r="N10290" s="40"/>
    </row>
    <row r="10291" spans="4:14" x14ac:dyDescent="0.25">
      <c r="D10291" s="40"/>
      <c r="F10291" s="40">
        <v>171.36666700000001</v>
      </c>
      <c r="G10291" s="40">
        <v>22.630766065627125</v>
      </c>
      <c r="H10291" s="40">
        <v>171.36666700000001</v>
      </c>
      <c r="I10291" s="40">
        <v>24.865567606888845</v>
      </c>
      <c r="L10291" s="40"/>
      <c r="M10291" s="40"/>
      <c r="N10291" s="40"/>
    </row>
    <row r="10292" spans="4:14" x14ac:dyDescent="0.25">
      <c r="D10292" s="40"/>
      <c r="F10292" s="40">
        <v>171.38333299999999</v>
      </c>
      <c r="G10292" s="40">
        <v>22.630766065627125</v>
      </c>
      <c r="H10292" s="40">
        <v>171.38333399999999</v>
      </c>
      <c r="I10292" s="40">
        <v>24.868920343032279</v>
      </c>
      <c r="L10292" s="40"/>
      <c r="M10292" s="40"/>
      <c r="N10292" s="40"/>
    </row>
    <row r="10293" spans="4:14" x14ac:dyDescent="0.25">
      <c r="D10293" s="40"/>
      <c r="F10293" s="40">
        <v>171.4</v>
      </c>
      <c r="G10293" s="40">
        <v>22.630766065627125</v>
      </c>
      <c r="H10293" s="40">
        <v>171.40000000000003</v>
      </c>
      <c r="I10293" s="40">
        <v>24.868920343032279</v>
      </c>
      <c r="L10293" s="40"/>
      <c r="M10293" s="40"/>
      <c r="N10293" s="40"/>
    </row>
    <row r="10294" spans="4:14" x14ac:dyDescent="0.25">
      <c r="D10294" s="40"/>
      <c r="F10294" s="40">
        <v>171.41666699999999</v>
      </c>
      <c r="G10294" s="40">
        <v>22.630766065627125</v>
      </c>
      <c r="H10294" s="40">
        <v>171.41666700000002</v>
      </c>
      <c r="I10294" s="40">
        <v>24.868920343032279</v>
      </c>
      <c r="L10294" s="40"/>
      <c r="M10294" s="40"/>
      <c r="N10294" s="40"/>
    </row>
    <row r="10295" spans="4:14" x14ac:dyDescent="0.25">
      <c r="D10295" s="40"/>
      <c r="F10295" s="40">
        <v>171.433333</v>
      </c>
      <c r="G10295" s="40">
        <v>22.630766065627125</v>
      </c>
      <c r="H10295" s="40">
        <v>171.433334</v>
      </c>
      <c r="I10295" s="40">
        <v>24.872174469288865</v>
      </c>
      <c r="L10295" s="40"/>
      <c r="M10295" s="40"/>
      <c r="N10295" s="40"/>
    </row>
    <row r="10296" spans="4:14" x14ac:dyDescent="0.25">
      <c r="D10296" s="40"/>
      <c r="F10296" s="40">
        <v>171.45</v>
      </c>
      <c r="G10296" s="40">
        <v>22.630766065627125</v>
      </c>
      <c r="H10296" s="40">
        <v>171.45</v>
      </c>
      <c r="I10296" s="40">
        <v>24.872174469288865</v>
      </c>
      <c r="L10296" s="40"/>
      <c r="M10296" s="40"/>
      <c r="N10296" s="40"/>
    </row>
    <row r="10297" spans="4:14" x14ac:dyDescent="0.25">
      <c r="D10297" s="40"/>
      <c r="F10297" s="40">
        <v>171.466667</v>
      </c>
      <c r="G10297" s="40">
        <v>22.630766065627125</v>
      </c>
      <c r="H10297" s="40">
        <v>171.46666700000003</v>
      </c>
      <c r="I10297" s="40">
        <v>24.875527205432299</v>
      </c>
      <c r="L10297" s="40"/>
      <c r="M10297" s="40"/>
      <c r="N10297" s="40"/>
    </row>
    <row r="10298" spans="4:14" x14ac:dyDescent="0.25">
      <c r="D10298" s="40"/>
      <c r="F10298" s="40">
        <v>171.48333299999999</v>
      </c>
      <c r="G10298" s="40">
        <v>22.630766065627125</v>
      </c>
      <c r="H10298" s="40">
        <v>171.48333400000001</v>
      </c>
      <c r="I10298" s="40">
        <v>24.875527205432299</v>
      </c>
      <c r="L10298" s="40"/>
      <c r="M10298" s="40"/>
      <c r="N10298" s="40"/>
    </row>
    <row r="10299" spans="4:14" x14ac:dyDescent="0.25">
      <c r="D10299" s="40"/>
      <c r="F10299" s="40">
        <v>171.5</v>
      </c>
      <c r="G10299" s="40">
        <v>22.630766065627125</v>
      </c>
      <c r="H10299" s="40">
        <v>171.5</v>
      </c>
      <c r="I10299" s="40">
        <v>24.875527205432299</v>
      </c>
      <c r="L10299" s="40"/>
      <c r="M10299" s="40"/>
      <c r="N10299" s="40"/>
    </row>
    <row r="10300" spans="4:14" x14ac:dyDescent="0.25">
      <c r="D10300" s="40"/>
      <c r="F10300" s="40">
        <v>171.51666699999998</v>
      </c>
      <c r="G10300" s="40">
        <v>22.635381449597027</v>
      </c>
      <c r="H10300" s="40">
        <v>171.51666699999998</v>
      </c>
      <c r="I10300" s="40">
        <v>24.878879941575558</v>
      </c>
      <c r="L10300" s="40"/>
      <c r="M10300" s="40"/>
      <c r="N10300" s="40"/>
    </row>
    <row r="10301" spans="4:14" x14ac:dyDescent="0.25">
      <c r="D10301" s="40"/>
      <c r="F10301" s="40">
        <v>171.533333</v>
      </c>
      <c r="G10301" s="40">
        <v>22.635381449597027</v>
      </c>
      <c r="H10301" s="40">
        <v>171.53333400000002</v>
      </c>
      <c r="I10301" s="40">
        <v>24.878879941575558</v>
      </c>
      <c r="L10301" s="40"/>
      <c r="M10301" s="40"/>
      <c r="N10301" s="40"/>
    </row>
    <row r="10302" spans="4:14" x14ac:dyDescent="0.25">
      <c r="D10302" s="40"/>
      <c r="F10302" s="40">
        <v>171.54999999999998</v>
      </c>
      <c r="G10302" s="40">
        <v>22.635381449597027</v>
      </c>
      <c r="H10302" s="40">
        <v>171.55</v>
      </c>
      <c r="I10302" s="40">
        <v>24.882134067832318</v>
      </c>
      <c r="L10302" s="40"/>
      <c r="M10302" s="40"/>
      <c r="N10302" s="40"/>
    </row>
    <row r="10303" spans="4:14" x14ac:dyDescent="0.25">
      <c r="D10303" s="40"/>
      <c r="F10303" s="40">
        <v>171.566667</v>
      </c>
      <c r="G10303" s="40">
        <v>22.635381449597027</v>
      </c>
      <c r="H10303" s="40">
        <v>171.566667</v>
      </c>
      <c r="I10303" s="40">
        <v>24.882134067832318</v>
      </c>
      <c r="L10303" s="40"/>
      <c r="M10303" s="40"/>
      <c r="N10303" s="40"/>
    </row>
    <row r="10304" spans="4:14" x14ac:dyDescent="0.25">
      <c r="D10304" s="40"/>
      <c r="F10304" s="40">
        <v>171.58333299999998</v>
      </c>
      <c r="G10304" s="40">
        <v>22.635381449597027</v>
      </c>
      <c r="H10304" s="40">
        <v>171.58333399999998</v>
      </c>
      <c r="I10304" s="40">
        <v>24.882134067832318</v>
      </c>
      <c r="L10304" s="40"/>
      <c r="M10304" s="40"/>
      <c r="N10304" s="40"/>
    </row>
    <row r="10305" spans="4:14" x14ac:dyDescent="0.25">
      <c r="D10305" s="40"/>
      <c r="F10305" s="40">
        <v>171.6</v>
      </c>
      <c r="G10305" s="40">
        <v>22.635381449597027</v>
      </c>
      <c r="H10305" s="40">
        <v>171.60000000000002</v>
      </c>
      <c r="I10305" s="40">
        <v>24.885486803975574</v>
      </c>
      <c r="L10305" s="40"/>
      <c r="M10305" s="40"/>
      <c r="N10305" s="40"/>
    </row>
    <row r="10306" spans="4:14" x14ac:dyDescent="0.25">
      <c r="D10306" s="40"/>
      <c r="F10306" s="40">
        <v>171.61666700000001</v>
      </c>
      <c r="G10306" s="40">
        <v>22.640136693687246</v>
      </c>
      <c r="H10306" s="40">
        <v>171.61666700000001</v>
      </c>
      <c r="I10306" s="40">
        <v>24.885486803975574</v>
      </c>
      <c r="L10306" s="40"/>
      <c r="M10306" s="40"/>
      <c r="N10306" s="40"/>
    </row>
    <row r="10307" spans="4:14" x14ac:dyDescent="0.25">
      <c r="D10307" s="40"/>
      <c r="F10307" s="40">
        <v>171.63333299999999</v>
      </c>
      <c r="G10307" s="40">
        <v>22.640136693687246</v>
      </c>
      <c r="H10307" s="40">
        <v>171.63333399999999</v>
      </c>
      <c r="I10307" s="40">
        <v>24.885486803975574</v>
      </c>
      <c r="L10307" s="40"/>
      <c r="M10307" s="40"/>
      <c r="N10307" s="40"/>
    </row>
    <row r="10308" spans="4:14" x14ac:dyDescent="0.25">
      <c r="D10308" s="40"/>
      <c r="F10308" s="40">
        <v>171.65</v>
      </c>
      <c r="G10308" s="40">
        <v>22.640136693687246</v>
      </c>
      <c r="H10308" s="40">
        <v>171.65000000000003</v>
      </c>
      <c r="I10308" s="40">
        <v>24.888839540119008</v>
      </c>
      <c r="L10308" s="40"/>
      <c r="M10308" s="40"/>
      <c r="N10308" s="40"/>
    </row>
    <row r="10309" spans="4:14" x14ac:dyDescent="0.25">
      <c r="D10309" s="40"/>
      <c r="F10309" s="40">
        <v>171.66666699999999</v>
      </c>
      <c r="G10309" s="40">
        <v>22.640136693687246</v>
      </c>
      <c r="H10309" s="40">
        <v>171.66666700000002</v>
      </c>
      <c r="I10309" s="40">
        <v>24.888839540119008</v>
      </c>
      <c r="L10309" s="40"/>
      <c r="M10309" s="40"/>
      <c r="N10309" s="40"/>
    </row>
    <row r="10310" spans="4:14" x14ac:dyDescent="0.25">
      <c r="D10310" s="40"/>
      <c r="F10310" s="40">
        <v>171.683333</v>
      </c>
      <c r="G10310" s="40">
        <v>22.640136693687246</v>
      </c>
      <c r="H10310" s="40">
        <v>171.683334</v>
      </c>
      <c r="I10310" s="40">
        <v>24.892093666375771</v>
      </c>
      <c r="L10310" s="40"/>
      <c r="M10310" s="40"/>
      <c r="N10310" s="40"/>
    </row>
    <row r="10311" spans="4:14" x14ac:dyDescent="0.25">
      <c r="D10311" s="40"/>
      <c r="F10311" s="40">
        <v>171.7</v>
      </c>
      <c r="G10311" s="40">
        <v>22.640136693687246</v>
      </c>
      <c r="H10311" s="40">
        <v>171.7</v>
      </c>
      <c r="I10311" s="40">
        <v>24.892093666375771</v>
      </c>
      <c r="L10311" s="40"/>
      <c r="M10311" s="40"/>
      <c r="N10311" s="40"/>
    </row>
    <row r="10312" spans="4:14" x14ac:dyDescent="0.25">
      <c r="D10312" s="40"/>
      <c r="F10312" s="40">
        <v>171.716667</v>
      </c>
      <c r="G10312" s="40">
        <v>22.640136693687246</v>
      </c>
      <c r="H10312" s="40">
        <v>171.71666700000003</v>
      </c>
      <c r="I10312" s="40">
        <v>24.892093666375771</v>
      </c>
      <c r="L10312" s="40"/>
      <c r="M10312" s="40"/>
      <c r="N10312" s="40"/>
    </row>
    <row r="10313" spans="4:14" x14ac:dyDescent="0.25">
      <c r="D10313" s="40"/>
      <c r="F10313" s="40">
        <v>171.73333299999999</v>
      </c>
      <c r="G10313" s="40">
        <v>22.644891937777462</v>
      </c>
      <c r="H10313" s="40">
        <v>171.73333400000001</v>
      </c>
      <c r="I10313" s="40">
        <v>24.892093666375771</v>
      </c>
      <c r="L10313" s="40"/>
      <c r="M10313" s="40"/>
      <c r="N10313" s="40"/>
    </row>
    <row r="10314" spans="4:14" x14ac:dyDescent="0.25">
      <c r="D10314" s="40"/>
      <c r="F10314" s="40">
        <v>171.75</v>
      </c>
      <c r="G10314" s="40">
        <v>22.644891937777462</v>
      </c>
      <c r="H10314" s="40">
        <v>171.75</v>
      </c>
      <c r="I10314" s="40">
        <v>24.895446402519028</v>
      </c>
      <c r="L10314" s="40"/>
      <c r="M10314" s="40"/>
      <c r="N10314" s="40"/>
    </row>
    <row r="10315" spans="4:14" x14ac:dyDescent="0.25">
      <c r="D10315" s="40"/>
      <c r="F10315" s="40">
        <v>171.76666699999998</v>
      </c>
      <c r="G10315" s="40">
        <v>22.644891937777462</v>
      </c>
      <c r="H10315" s="40">
        <v>171.76666699999998</v>
      </c>
      <c r="I10315" s="40">
        <v>24.895446402519028</v>
      </c>
      <c r="L10315" s="40"/>
      <c r="M10315" s="40"/>
      <c r="N10315" s="40"/>
    </row>
    <row r="10316" spans="4:14" x14ac:dyDescent="0.25">
      <c r="D10316" s="40"/>
      <c r="F10316" s="40">
        <v>171.783333</v>
      </c>
      <c r="G10316" s="40">
        <v>22.644891937777462</v>
      </c>
      <c r="H10316" s="40">
        <v>171.78333400000002</v>
      </c>
      <c r="I10316" s="40">
        <v>24.895446402519028</v>
      </c>
      <c r="L10316" s="40"/>
      <c r="M10316" s="40"/>
      <c r="N10316" s="40"/>
    </row>
    <row r="10317" spans="4:14" x14ac:dyDescent="0.25">
      <c r="D10317" s="40"/>
      <c r="F10317" s="40">
        <v>171.79999999999998</v>
      </c>
      <c r="G10317" s="40">
        <v>22.644891937777462</v>
      </c>
      <c r="H10317" s="40">
        <v>171.8</v>
      </c>
      <c r="I10317" s="40">
        <v>24.895446402519028</v>
      </c>
      <c r="L10317" s="40"/>
      <c r="M10317" s="40"/>
      <c r="N10317" s="40"/>
    </row>
    <row r="10318" spans="4:14" x14ac:dyDescent="0.25">
      <c r="D10318" s="40"/>
      <c r="F10318" s="40">
        <v>171.816667</v>
      </c>
      <c r="G10318" s="40">
        <v>22.644891937777462</v>
      </c>
      <c r="H10318" s="40">
        <v>171.816667</v>
      </c>
      <c r="I10318" s="40">
        <v>24.898799138662287</v>
      </c>
      <c r="L10318" s="40"/>
      <c r="M10318" s="40"/>
      <c r="N10318" s="40"/>
    </row>
    <row r="10319" spans="4:14" x14ac:dyDescent="0.25">
      <c r="D10319" s="40"/>
      <c r="F10319" s="40">
        <v>171.83333299999998</v>
      </c>
      <c r="G10319" s="40">
        <v>22.644891937777462</v>
      </c>
      <c r="H10319" s="40">
        <v>171.83333399999998</v>
      </c>
      <c r="I10319" s="40">
        <v>24.898799138662287</v>
      </c>
      <c r="L10319" s="40"/>
      <c r="M10319" s="40"/>
      <c r="N10319" s="40"/>
    </row>
    <row r="10320" spans="4:14" x14ac:dyDescent="0.25">
      <c r="D10320" s="40"/>
      <c r="F10320" s="40">
        <v>171.85</v>
      </c>
      <c r="G10320" s="40">
        <v>22.644891937777462</v>
      </c>
      <c r="H10320" s="40">
        <v>171.85000000000002</v>
      </c>
      <c r="I10320" s="40">
        <v>24.898799138662287</v>
      </c>
      <c r="L10320" s="40"/>
      <c r="M10320" s="40"/>
      <c r="N10320" s="40"/>
    </row>
    <row r="10321" spans="4:14" x14ac:dyDescent="0.25">
      <c r="D10321" s="40"/>
      <c r="F10321" s="40">
        <v>171.86666700000001</v>
      </c>
      <c r="G10321" s="40">
        <v>22.644891937777462</v>
      </c>
      <c r="H10321" s="40">
        <v>171.86666700000001</v>
      </c>
      <c r="I10321" s="40">
        <v>24.902053264919047</v>
      </c>
      <c r="L10321" s="40"/>
      <c r="M10321" s="40"/>
      <c r="N10321" s="40"/>
    </row>
    <row r="10322" spans="4:14" x14ac:dyDescent="0.25">
      <c r="D10322" s="40"/>
      <c r="F10322" s="40">
        <v>171.88333299999999</v>
      </c>
      <c r="G10322" s="40">
        <v>22.649507321747244</v>
      </c>
      <c r="H10322" s="40">
        <v>171.88333399999999</v>
      </c>
      <c r="I10322" s="40">
        <v>24.902053264919047</v>
      </c>
      <c r="L10322" s="40"/>
      <c r="M10322" s="40"/>
      <c r="N10322" s="40"/>
    </row>
    <row r="10323" spans="4:14" x14ac:dyDescent="0.25">
      <c r="D10323" s="40"/>
      <c r="F10323" s="40">
        <v>171.9</v>
      </c>
      <c r="G10323" s="40">
        <v>22.649507321747244</v>
      </c>
      <c r="H10323" s="40">
        <v>171.90000000000003</v>
      </c>
      <c r="I10323" s="40">
        <v>24.902053264919047</v>
      </c>
      <c r="L10323" s="40"/>
      <c r="M10323" s="40"/>
      <c r="N10323" s="40"/>
    </row>
    <row r="10324" spans="4:14" x14ac:dyDescent="0.25">
      <c r="D10324" s="40"/>
      <c r="F10324" s="40">
        <v>171.91666699999999</v>
      </c>
      <c r="G10324" s="40">
        <v>22.649507321747244</v>
      </c>
      <c r="H10324" s="40">
        <v>171.91666700000002</v>
      </c>
      <c r="I10324" s="40">
        <v>24.905406001062303</v>
      </c>
      <c r="L10324" s="40"/>
      <c r="M10324" s="40"/>
      <c r="N10324" s="40"/>
    </row>
    <row r="10325" spans="4:14" x14ac:dyDescent="0.25">
      <c r="D10325" s="40"/>
      <c r="F10325" s="40">
        <v>171.933333</v>
      </c>
      <c r="G10325" s="40">
        <v>22.649507321747244</v>
      </c>
      <c r="H10325" s="40">
        <v>171.933334</v>
      </c>
      <c r="I10325" s="40">
        <v>24.905406001062303</v>
      </c>
      <c r="L10325" s="40"/>
      <c r="M10325" s="40"/>
      <c r="N10325" s="40"/>
    </row>
    <row r="10326" spans="4:14" x14ac:dyDescent="0.25">
      <c r="D10326" s="40"/>
      <c r="F10326" s="40">
        <v>171.95</v>
      </c>
      <c r="G10326" s="40">
        <v>22.649507321747244</v>
      </c>
      <c r="H10326" s="40">
        <v>171.95</v>
      </c>
      <c r="I10326" s="40">
        <v>24.905406001062303</v>
      </c>
      <c r="L10326" s="40"/>
      <c r="M10326" s="40"/>
      <c r="N10326" s="40"/>
    </row>
    <row r="10327" spans="4:14" x14ac:dyDescent="0.25">
      <c r="D10327" s="40"/>
      <c r="F10327" s="40">
        <v>171.966667</v>
      </c>
      <c r="G10327" s="40">
        <v>22.649507321747244</v>
      </c>
      <c r="H10327" s="40">
        <v>171.96666700000003</v>
      </c>
      <c r="I10327" s="40">
        <v>24.908758737205737</v>
      </c>
      <c r="L10327" s="40"/>
      <c r="M10327" s="40"/>
      <c r="N10327" s="40"/>
    </row>
    <row r="10328" spans="4:14" x14ac:dyDescent="0.25">
      <c r="D10328" s="40"/>
      <c r="F10328" s="40">
        <v>171.98333299999999</v>
      </c>
      <c r="G10328" s="40">
        <v>22.649507321747244</v>
      </c>
      <c r="H10328" s="40">
        <v>171.98333400000001</v>
      </c>
      <c r="I10328" s="40">
        <v>24.908758737205737</v>
      </c>
      <c r="L10328" s="40"/>
      <c r="M10328" s="40"/>
      <c r="N10328" s="40"/>
    </row>
    <row r="10329" spans="4:14" x14ac:dyDescent="0.25">
      <c r="D10329" s="40"/>
      <c r="F10329" s="40">
        <v>172</v>
      </c>
      <c r="G10329" s="40">
        <v>22.649507321747244</v>
      </c>
      <c r="H10329" s="40">
        <v>172</v>
      </c>
      <c r="I10329" s="40">
        <v>24.908758737205737</v>
      </c>
      <c r="L10329" s="40"/>
      <c r="M10329" s="40"/>
      <c r="N10329" s="40"/>
    </row>
    <row r="10330" spans="4:14" x14ac:dyDescent="0.25">
      <c r="D10330" s="40"/>
      <c r="F10330" s="40">
        <v>172.01666699999998</v>
      </c>
      <c r="G10330" s="40">
        <v>22.649507321747244</v>
      </c>
      <c r="H10330" s="40">
        <v>172.01666699999998</v>
      </c>
      <c r="I10330" s="40">
        <v>24.908758737205737</v>
      </c>
      <c r="L10330" s="40"/>
      <c r="M10330" s="40"/>
      <c r="N10330" s="40"/>
    </row>
    <row r="10331" spans="4:14" x14ac:dyDescent="0.25">
      <c r="D10331" s="40"/>
      <c r="F10331" s="40">
        <v>172.033333</v>
      </c>
      <c r="G10331" s="40">
        <v>22.649507321747244</v>
      </c>
      <c r="H10331" s="40">
        <v>172.03333400000002</v>
      </c>
      <c r="I10331" s="40">
        <v>24.9120128634625</v>
      </c>
      <c r="L10331" s="40"/>
      <c r="M10331" s="40"/>
      <c r="N10331" s="40"/>
    </row>
    <row r="10332" spans="4:14" x14ac:dyDescent="0.25">
      <c r="D10332" s="40"/>
      <c r="F10332" s="40">
        <v>172.04999999999998</v>
      </c>
      <c r="G10332" s="40">
        <v>22.649507321747244</v>
      </c>
      <c r="H10332" s="40">
        <v>172.05</v>
      </c>
      <c r="I10332" s="40">
        <v>24.9120128634625</v>
      </c>
      <c r="L10332" s="40"/>
      <c r="M10332" s="40"/>
      <c r="N10332" s="40"/>
    </row>
    <row r="10333" spans="4:14" x14ac:dyDescent="0.25">
      <c r="D10333" s="40"/>
      <c r="F10333" s="40">
        <v>172.066667</v>
      </c>
      <c r="G10333" s="40">
        <v>22.649507321747244</v>
      </c>
      <c r="H10333" s="40">
        <v>172.066667</v>
      </c>
      <c r="I10333" s="40">
        <v>24.9120128634625</v>
      </c>
      <c r="L10333" s="40"/>
      <c r="M10333" s="40"/>
      <c r="N10333" s="40"/>
    </row>
    <row r="10334" spans="4:14" x14ac:dyDescent="0.25">
      <c r="D10334" s="40"/>
      <c r="F10334" s="40">
        <v>172.08333299999998</v>
      </c>
      <c r="G10334" s="40">
        <v>22.649507321747244</v>
      </c>
      <c r="H10334" s="40">
        <v>172.08333399999998</v>
      </c>
      <c r="I10334" s="40">
        <v>24.9120128634625</v>
      </c>
      <c r="L10334" s="40"/>
      <c r="M10334" s="40"/>
      <c r="N10334" s="40"/>
    </row>
    <row r="10335" spans="4:14" x14ac:dyDescent="0.25">
      <c r="D10335" s="40"/>
      <c r="F10335" s="40">
        <v>172.1</v>
      </c>
      <c r="G10335" s="40">
        <v>22.649507321747244</v>
      </c>
      <c r="H10335" s="40">
        <v>172.10000000000002</v>
      </c>
      <c r="I10335" s="40">
        <v>24.91536559960576</v>
      </c>
      <c r="L10335" s="40"/>
      <c r="M10335" s="40"/>
      <c r="N10335" s="40"/>
    </row>
    <row r="10336" spans="4:14" x14ac:dyDescent="0.25">
      <c r="D10336" s="40"/>
      <c r="F10336" s="40">
        <v>172.11666700000001</v>
      </c>
      <c r="G10336" s="40">
        <v>22.649507321747244</v>
      </c>
      <c r="H10336" s="40">
        <v>172.11666700000001</v>
      </c>
      <c r="I10336" s="40">
        <v>24.91536559960576</v>
      </c>
      <c r="L10336" s="40"/>
      <c r="M10336" s="40"/>
      <c r="N10336" s="40"/>
    </row>
    <row r="10337" spans="4:14" x14ac:dyDescent="0.25">
      <c r="D10337" s="40"/>
      <c r="F10337" s="40">
        <v>172.13333299999999</v>
      </c>
      <c r="G10337" s="40">
        <v>22.649507321747244</v>
      </c>
      <c r="H10337" s="40">
        <v>172.13333399999999</v>
      </c>
      <c r="I10337" s="40">
        <v>24.91536559960576</v>
      </c>
      <c r="L10337" s="40"/>
      <c r="M10337" s="40"/>
      <c r="N10337" s="40"/>
    </row>
    <row r="10338" spans="4:14" x14ac:dyDescent="0.25">
      <c r="D10338" s="40"/>
      <c r="F10338" s="40">
        <v>172.15</v>
      </c>
      <c r="G10338" s="40">
        <v>22.649507321747244</v>
      </c>
      <c r="H10338" s="40">
        <v>172.15000000000003</v>
      </c>
      <c r="I10338" s="40">
        <v>24.91536559960576</v>
      </c>
      <c r="L10338" s="40"/>
      <c r="M10338" s="40"/>
      <c r="N10338" s="40"/>
    </row>
    <row r="10339" spans="4:14" x14ac:dyDescent="0.25">
      <c r="D10339" s="40"/>
      <c r="F10339" s="40">
        <v>172.16666699999999</v>
      </c>
      <c r="G10339" s="40">
        <v>22.649507321747244</v>
      </c>
      <c r="H10339" s="40">
        <v>172.16666700000002</v>
      </c>
      <c r="I10339" s="40">
        <v>24.918718335749016</v>
      </c>
      <c r="L10339" s="40"/>
      <c r="M10339" s="40"/>
      <c r="N10339" s="40"/>
    </row>
    <row r="10340" spans="4:14" x14ac:dyDescent="0.25">
      <c r="D10340" s="40"/>
      <c r="F10340" s="40">
        <v>172.183333</v>
      </c>
      <c r="G10340" s="40">
        <v>22.654262565837463</v>
      </c>
      <c r="H10340" s="40">
        <v>172.183334</v>
      </c>
      <c r="I10340" s="40">
        <v>24.918718335749016</v>
      </c>
      <c r="L10340" s="40"/>
      <c r="M10340" s="40"/>
      <c r="N10340" s="40"/>
    </row>
    <row r="10341" spans="4:14" x14ac:dyDescent="0.25">
      <c r="D10341" s="40"/>
      <c r="F10341" s="40">
        <v>172.2</v>
      </c>
      <c r="G10341" s="40">
        <v>22.654262565837463</v>
      </c>
      <c r="H10341" s="40">
        <v>172.2</v>
      </c>
      <c r="I10341" s="40">
        <v>24.918718335749016</v>
      </c>
      <c r="L10341" s="40"/>
      <c r="M10341" s="40"/>
      <c r="N10341" s="40"/>
    </row>
    <row r="10342" spans="4:14" x14ac:dyDescent="0.25">
      <c r="D10342" s="40"/>
      <c r="F10342" s="40">
        <v>172.216667</v>
      </c>
      <c r="G10342" s="40">
        <v>22.654262565837463</v>
      </c>
      <c r="H10342" s="40">
        <v>172.21666700000003</v>
      </c>
      <c r="I10342" s="40">
        <v>24.92197246200578</v>
      </c>
      <c r="L10342" s="40"/>
      <c r="M10342" s="40"/>
      <c r="N10342" s="40"/>
    </row>
    <row r="10343" spans="4:14" x14ac:dyDescent="0.25">
      <c r="D10343" s="40"/>
      <c r="F10343" s="40">
        <v>172.23333299999999</v>
      </c>
      <c r="G10343" s="40">
        <v>22.659017809927679</v>
      </c>
      <c r="H10343" s="40">
        <v>172.23333400000001</v>
      </c>
      <c r="I10343" s="40">
        <v>24.92197246200578</v>
      </c>
      <c r="L10343" s="40"/>
      <c r="M10343" s="40"/>
      <c r="N10343" s="40"/>
    </row>
    <row r="10344" spans="4:14" x14ac:dyDescent="0.25">
      <c r="D10344" s="40"/>
      <c r="F10344" s="40">
        <v>172.25</v>
      </c>
      <c r="G10344" s="40">
        <v>22.659017809927679</v>
      </c>
      <c r="H10344" s="40">
        <v>172.25</v>
      </c>
      <c r="I10344" s="40">
        <v>24.92197246200578</v>
      </c>
      <c r="L10344" s="40"/>
      <c r="M10344" s="40"/>
      <c r="N10344" s="40"/>
    </row>
    <row r="10345" spans="4:14" x14ac:dyDescent="0.25">
      <c r="D10345" s="40"/>
      <c r="F10345" s="40">
        <v>172.26666699999998</v>
      </c>
      <c r="G10345" s="40">
        <v>22.659017809927679</v>
      </c>
      <c r="H10345" s="40">
        <v>172.26666699999998</v>
      </c>
      <c r="I10345" s="40">
        <v>24.92532519814921</v>
      </c>
      <c r="L10345" s="40"/>
      <c r="M10345" s="40"/>
      <c r="N10345" s="40"/>
    </row>
    <row r="10346" spans="4:14" x14ac:dyDescent="0.25">
      <c r="D10346" s="40"/>
      <c r="F10346" s="40">
        <v>172.283333</v>
      </c>
      <c r="G10346" s="40">
        <v>22.659017809927679</v>
      </c>
      <c r="H10346" s="40">
        <v>172.28333400000002</v>
      </c>
      <c r="I10346" s="40">
        <v>24.92532519814921</v>
      </c>
      <c r="L10346" s="40"/>
      <c r="M10346" s="40"/>
      <c r="N10346" s="40"/>
    </row>
    <row r="10347" spans="4:14" x14ac:dyDescent="0.25">
      <c r="D10347" s="40"/>
      <c r="F10347" s="40">
        <v>172.29999999999998</v>
      </c>
      <c r="G10347" s="40">
        <v>22.659017809927679</v>
      </c>
      <c r="H10347" s="40">
        <v>172.3</v>
      </c>
      <c r="I10347" s="40">
        <v>24.92532519814921</v>
      </c>
      <c r="L10347" s="40"/>
      <c r="M10347" s="40"/>
      <c r="N10347" s="40"/>
    </row>
    <row r="10348" spans="4:14" x14ac:dyDescent="0.25">
      <c r="D10348" s="40"/>
      <c r="F10348" s="40">
        <v>172.316667</v>
      </c>
      <c r="G10348" s="40">
        <v>22.659017809927679</v>
      </c>
      <c r="H10348" s="40">
        <v>172.316667</v>
      </c>
      <c r="I10348" s="40">
        <v>24.92532519814921</v>
      </c>
      <c r="L10348" s="40"/>
      <c r="M10348" s="40"/>
      <c r="N10348" s="40"/>
    </row>
    <row r="10349" spans="4:14" x14ac:dyDescent="0.25">
      <c r="D10349" s="40"/>
      <c r="F10349" s="40">
        <v>172.33333299999998</v>
      </c>
      <c r="G10349" s="40">
        <v>22.659017809927679</v>
      </c>
      <c r="H10349" s="40">
        <v>172.33333399999998</v>
      </c>
      <c r="I10349" s="40">
        <v>24.928677934292466</v>
      </c>
      <c r="L10349" s="40"/>
      <c r="M10349" s="40"/>
      <c r="N10349" s="40"/>
    </row>
    <row r="10350" spans="4:14" x14ac:dyDescent="0.25">
      <c r="D10350" s="40"/>
      <c r="F10350" s="40">
        <v>172.35</v>
      </c>
      <c r="G10350" s="40">
        <v>22.659017809927679</v>
      </c>
      <c r="H10350" s="40">
        <v>172.35000000000002</v>
      </c>
      <c r="I10350" s="40">
        <v>24.928677934292466</v>
      </c>
      <c r="L10350" s="40"/>
      <c r="M10350" s="40"/>
      <c r="N10350" s="40"/>
    </row>
    <row r="10351" spans="4:14" x14ac:dyDescent="0.25">
      <c r="D10351" s="40"/>
      <c r="F10351" s="40">
        <v>172.36666700000001</v>
      </c>
      <c r="G10351" s="40">
        <v>22.659017809927679</v>
      </c>
      <c r="H10351" s="40">
        <v>172.36666700000001</v>
      </c>
      <c r="I10351" s="40">
        <v>24.928677934292466</v>
      </c>
      <c r="L10351" s="40"/>
      <c r="M10351" s="40"/>
      <c r="N10351" s="40"/>
    </row>
    <row r="10352" spans="4:14" x14ac:dyDescent="0.25">
      <c r="D10352" s="40"/>
      <c r="F10352" s="40">
        <v>172.38333299999999</v>
      </c>
      <c r="G10352" s="40">
        <v>22.659017809927679</v>
      </c>
      <c r="H10352" s="40">
        <v>172.38333399999999</v>
      </c>
      <c r="I10352" s="40">
        <v>24.928677934292466</v>
      </c>
      <c r="L10352" s="40"/>
      <c r="M10352" s="40"/>
      <c r="N10352" s="40"/>
    </row>
    <row r="10353" spans="4:14" x14ac:dyDescent="0.25">
      <c r="D10353" s="40"/>
      <c r="F10353" s="40">
        <v>172.4</v>
      </c>
      <c r="G10353" s="40">
        <v>22.659017809927679</v>
      </c>
      <c r="H10353" s="40">
        <v>172.40000000000003</v>
      </c>
      <c r="I10353" s="40">
        <v>24.931932060549229</v>
      </c>
      <c r="L10353" s="40"/>
      <c r="M10353" s="40"/>
      <c r="N10353" s="40"/>
    </row>
    <row r="10354" spans="4:14" x14ac:dyDescent="0.25">
      <c r="D10354" s="40"/>
      <c r="F10354" s="40">
        <v>172.41666699999999</v>
      </c>
      <c r="G10354" s="40">
        <v>22.659017809927679</v>
      </c>
      <c r="H10354" s="40">
        <v>172.41666700000002</v>
      </c>
      <c r="I10354" s="40">
        <v>24.931932060549229</v>
      </c>
      <c r="L10354" s="40"/>
      <c r="M10354" s="40"/>
      <c r="N10354" s="40"/>
    </row>
    <row r="10355" spans="4:14" x14ac:dyDescent="0.25">
      <c r="D10355" s="40"/>
      <c r="F10355" s="40">
        <v>172.433333</v>
      </c>
      <c r="G10355" s="40">
        <v>22.659017809927679</v>
      </c>
      <c r="H10355" s="40">
        <v>172.433334</v>
      </c>
      <c r="I10355" s="40">
        <v>24.931932060549229</v>
      </c>
      <c r="L10355" s="40"/>
      <c r="M10355" s="40"/>
      <c r="N10355" s="40"/>
    </row>
    <row r="10356" spans="4:14" x14ac:dyDescent="0.25">
      <c r="D10356" s="40"/>
      <c r="F10356" s="40">
        <v>172.45</v>
      </c>
      <c r="G10356" s="40">
        <v>22.659017809927679</v>
      </c>
      <c r="H10356" s="40">
        <v>172.45</v>
      </c>
      <c r="I10356" s="40">
        <v>24.931932060549229</v>
      </c>
      <c r="L10356" s="40"/>
      <c r="M10356" s="40"/>
      <c r="N10356" s="40"/>
    </row>
    <row r="10357" spans="4:14" x14ac:dyDescent="0.25">
      <c r="D10357" s="40"/>
      <c r="F10357" s="40">
        <v>172.466667</v>
      </c>
      <c r="G10357" s="40">
        <v>22.663773054017774</v>
      </c>
      <c r="H10357" s="40">
        <v>172.46666700000003</v>
      </c>
      <c r="I10357" s="40">
        <v>24.931932060549229</v>
      </c>
      <c r="L10357" s="40"/>
      <c r="M10357" s="40"/>
      <c r="N10357" s="40"/>
    </row>
    <row r="10358" spans="4:14" x14ac:dyDescent="0.25">
      <c r="D10358" s="40"/>
      <c r="F10358" s="40">
        <v>172.48333299999999</v>
      </c>
      <c r="G10358" s="40">
        <v>22.663773054017774</v>
      </c>
      <c r="H10358" s="40">
        <v>172.48333400000001</v>
      </c>
      <c r="I10358" s="40">
        <v>24.935284796692489</v>
      </c>
      <c r="L10358" s="40"/>
      <c r="M10358" s="40"/>
      <c r="N10358" s="40"/>
    </row>
    <row r="10359" spans="4:14" x14ac:dyDescent="0.25">
      <c r="D10359" s="40"/>
      <c r="F10359" s="40">
        <v>172.5</v>
      </c>
      <c r="G10359" s="40">
        <v>22.668388437987677</v>
      </c>
      <c r="H10359" s="40">
        <v>172.5</v>
      </c>
      <c r="I10359" s="40">
        <v>24.935284796692489</v>
      </c>
      <c r="L10359" s="40"/>
      <c r="M10359" s="40"/>
      <c r="N10359" s="40"/>
    </row>
    <row r="10360" spans="4:14" x14ac:dyDescent="0.25">
      <c r="D10360" s="40"/>
      <c r="F10360" s="40">
        <v>172.51666699999998</v>
      </c>
      <c r="G10360" s="40">
        <v>22.68251431013789</v>
      </c>
      <c r="H10360" s="40">
        <v>172.51666699999998</v>
      </c>
      <c r="I10360" s="40">
        <v>24.935284796692489</v>
      </c>
      <c r="L10360" s="40"/>
      <c r="M10360" s="40"/>
      <c r="N10360" s="40"/>
    </row>
    <row r="10361" spans="4:14" x14ac:dyDescent="0.25">
      <c r="D10361" s="40"/>
      <c r="F10361" s="40">
        <v>172.533333</v>
      </c>
      <c r="G10361" s="40">
        <v>22.677898926167988</v>
      </c>
      <c r="H10361" s="40">
        <v>172.53333400000002</v>
      </c>
      <c r="I10361" s="40">
        <v>24.935284796692489</v>
      </c>
      <c r="L10361" s="40"/>
      <c r="M10361" s="40"/>
      <c r="N10361" s="40"/>
    </row>
    <row r="10362" spans="4:14" x14ac:dyDescent="0.25">
      <c r="D10362" s="40"/>
      <c r="F10362" s="40">
        <v>172.54999999999998</v>
      </c>
      <c r="G10362" s="40">
        <v>22.677898926167988</v>
      </c>
      <c r="H10362" s="40">
        <v>172.55</v>
      </c>
      <c r="I10362" s="40">
        <v>24.938637532835745</v>
      </c>
      <c r="L10362" s="40"/>
      <c r="M10362" s="40"/>
      <c r="N10362" s="40"/>
    </row>
    <row r="10363" spans="4:14" x14ac:dyDescent="0.25">
      <c r="D10363" s="40"/>
      <c r="F10363" s="40">
        <v>172.566667</v>
      </c>
      <c r="G10363" s="40">
        <v>22.673143682077892</v>
      </c>
      <c r="H10363" s="40">
        <v>172.566667</v>
      </c>
      <c r="I10363" s="40">
        <v>24.938637532835745</v>
      </c>
      <c r="L10363" s="40"/>
      <c r="M10363" s="40"/>
      <c r="N10363" s="40"/>
    </row>
    <row r="10364" spans="4:14" x14ac:dyDescent="0.25">
      <c r="D10364" s="40"/>
      <c r="F10364" s="40">
        <v>172.58333299999998</v>
      </c>
      <c r="G10364" s="40">
        <v>22.673143682077892</v>
      </c>
      <c r="H10364" s="40">
        <v>172.58333399999998</v>
      </c>
      <c r="I10364" s="40">
        <v>24.938637532835745</v>
      </c>
      <c r="L10364" s="40"/>
      <c r="M10364" s="40"/>
      <c r="N10364" s="40"/>
    </row>
    <row r="10365" spans="4:14" x14ac:dyDescent="0.25">
      <c r="D10365" s="40"/>
      <c r="F10365" s="40">
        <v>172.6</v>
      </c>
      <c r="G10365" s="40">
        <v>22.673143682077892</v>
      </c>
      <c r="H10365" s="40">
        <v>172.60000000000002</v>
      </c>
      <c r="I10365" s="40">
        <v>24.938637532835745</v>
      </c>
      <c r="L10365" s="40"/>
      <c r="M10365" s="40"/>
      <c r="N10365" s="40"/>
    </row>
    <row r="10366" spans="4:14" x14ac:dyDescent="0.25">
      <c r="D10366" s="40"/>
      <c r="F10366" s="40">
        <v>172.61666700000001</v>
      </c>
      <c r="G10366" s="40">
        <v>22.668388437987677</v>
      </c>
      <c r="H10366" s="40">
        <v>172.61666700000001</v>
      </c>
      <c r="I10366" s="40">
        <v>24.938637532835745</v>
      </c>
      <c r="L10366" s="40"/>
      <c r="M10366" s="40"/>
      <c r="N10366" s="40"/>
    </row>
    <row r="10367" spans="4:14" x14ac:dyDescent="0.25">
      <c r="D10367" s="40"/>
      <c r="F10367" s="40">
        <v>172.63333299999999</v>
      </c>
      <c r="G10367" s="40">
        <v>22.668388437987677</v>
      </c>
      <c r="H10367" s="40">
        <v>172.63333399999999</v>
      </c>
      <c r="I10367" s="40">
        <v>24.941891659092509</v>
      </c>
      <c r="L10367" s="40"/>
      <c r="M10367" s="40"/>
      <c r="N10367" s="40"/>
    </row>
    <row r="10368" spans="4:14" x14ac:dyDescent="0.25">
      <c r="D10368" s="40"/>
      <c r="F10368" s="40">
        <v>172.65</v>
      </c>
      <c r="G10368" s="40">
        <v>22.668388437987677</v>
      </c>
      <c r="H10368" s="40">
        <v>172.65000000000003</v>
      </c>
      <c r="I10368" s="40">
        <v>24.941891659092509</v>
      </c>
      <c r="L10368" s="40"/>
      <c r="M10368" s="40"/>
      <c r="N10368" s="40"/>
    </row>
    <row r="10369" spans="4:14" x14ac:dyDescent="0.25">
      <c r="D10369" s="40"/>
      <c r="F10369" s="40">
        <v>172.66666699999999</v>
      </c>
      <c r="G10369" s="40">
        <v>22.668388437987677</v>
      </c>
      <c r="H10369" s="40">
        <v>172.66666700000002</v>
      </c>
      <c r="I10369" s="40">
        <v>24.941891659092509</v>
      </c>
      <c r="L10369" s="40"/>
      <c r="M10369" s="40"/>
      <c r="N10369" s="40"/>
    </row>
    <row r="10370" spans="4:14" x14ac:dyDescent="0.25">
      <c r="D10370" s="40"/>
      <c r="F10370" s="40">
        <v>172.683333</v>
      </c>
      <c r="G10370" s="40">
        <v>22.668388437987677</v>
      </c>
      <c r="H10370" s="40">
        <v>172.683334</v>
      </c>
      <c r="I10370" s="40">
        <v>24.941891659092509</v>
      </c>
      <c r="L10370" s="40"/>
      <c r="M10370" s="40"/>
      <c r="N10370" s="40"/>
    </row>
    <row r="10371" spans="4:14" x14ac:dyDescent="0.25">
      <c r="D10371" s="40"/>
      <c r="F10371" s="40">
        <v>172.7</v>
      </c>
      <c r="G10371" s="40">
        <v>22.668388437987677</v>
      </c>
      <c r="H10371" s="40">
        <v>172.7</v>
      </c>
      <c r="I10371" s="40">
        <v>24.945244395235939</v>
      </c>
      <c r="L10371" s="40"/>
      <c r="M10371" s="40"/>
      <c r="N10371" s="40"/>
    </row>
    <row r="10372" spans="4:14" x14ac:dyDescent="0.25">
      <c r="D10372" s="40"/>
      <c r="F10372" s="40">
        <v>172.716667</v>
      </c>
      <c r="G10372" s="40">
        <v>22.673143682077892</v>
      </c>
      <c r="H10372" s="40">
        <v>172.71666700000003</v>
      </c>
      <c r="I10372" s="40">
        <v>24.945244395235939</v>
      </c>
      <c r="L10372" s="40"/>
      <c r="M10372" s="40"/>
      <c r="N10372" s="40"/>
    </row>
    <row r="10373" spans="4:14" x14ac:dyDescent="0.25">
      <c r="D10373" s="40"/>
      <c r="F10373" s="40">
        <v>172.73333299999999</v>
      </c>
      <c r="G10373" s="40">
        <v>22.673143682077892</v>
      </c>
      <c r="H10373" s="40">
        <v>172.73333400000001</v>
      </c>
      <c r="I10373" s="40">
        <v>24.945244395235939</v>
      </c>
      <c r="L10373" s="40"/>
      <c r="M10373" s="40"/>
      <c r="N10373" s="40"/>
    </row>
    <row r="10374" spans="4:14" x14ac:dyDescent="0.25">
      <c r="D10374" s="40"/>
      <c r="F10374" s="40">
        <v>172.75</v>
      </c>
      <c r="G10374" s="40">
        <v>22.673143682077892</v>
      </c>
      <c r="H10374" s="40">
        <v>172.75</v>
      </c>
      <c r="I10374" s="40">
        <v>24.945244395235939</v>
      </c>
      <c r="L10374" s="40"/>
      <c r="M10374" s="40"/>
      <c r="N10374" s="40"/>
    </row>
    <row r="10375" spans="4:14" x14ac:dyDescent="0.25">
      <c r="D10375" s="40"/>
      <c r="F10375" s="40">
        <v>172.76666699999998</v>
      </c>
      <c r="G10375" s="40">
        <v>22.677898926167988</v>
      </c>
      <c r="H10375" s="40">
        <v>172.76666699999998</v>
      </c>
      <c r="I10375" s="40">
        <v>24.945244395235939</v>
      </c>
      <c r="L10375" s="40"/>
      <c r="M10375" s="40"/>
      <c r="N10375" s="40"/>
    </row>
    <row r="10376" spans="4:14" x14ac:dyDescent="0.25">
      <c r="D10376" s="40"/>
      <c r="F10376" s="40">
        <v>172.783333</v>
      </c>
      <c r="G10376" s="40">
        <v>22.677898926167988</v>
      </c>
      <c r="H10376" s="40">
        <v>172.78333400000002</v>
      </c>
      <c r="I10376" s="40">
        <v>24.948597131379199</v>
      </c>
      <c r="L10376" s="40"/>
      <c r="M10376" s="40"/>
      <c r="N10376" s="40"/>
    </row>
    <row r="10377" spans="4:14" x14ac:dyDescent="0.25">
      <c r="D10377" s="40"/>
      <c r="F10377" s="40">
        <v>172.79999999999998</v>
      </c>
      <c r="G10377" s="40">
        <v>22.677898926167988</v>
      </c>
      <c r="H10377" s="40">
        <v>172.8</v>
      </c>
      <c r="I10377" s="40">
        <v>24.948597131379199</v>
      </c>
      <c r="L10377" s="40"/>
      <c r="M10377" s="40"/>
      <c r="N10377" s="40"/>
    </row>
    <row r="10378" spans="4:14" x14ac:dyDescent="0.25">
      <c r="D10378" s="40"/>
      <c r="F10378" s="40">
        <v>172.816667</v>
      </c>
      <c r="G10378" s="40">
        <v>22.68251431013789</v>
      </c>
      <c r="H10378" s="40">
        <v>172.816667</v>
      </c>
      <c r="I10378" s="40">
        <v>24.948597131379199</v>
      </c>
      <c r="L10378" s="40"/>
      <c r="M10378" s="40"/>
      <c r="N10378" s="40"/>
    </row>
    <row r="10379" spans="4:14" x14ac:dyDescent="0.25">
      <c r="D10379" s="40"/>
      <c r="F10379" s="40">
        <v>172.83333299999998</v>
      </c>
      <c r="G10379" s="40">
        <v>22.68251431013789</v>
      </c>
      <c r="H10379" s="40">
        <v>172.83333399999998</v>
      </c>
      <c r="I10379" s="40">
        <v>24.948597131379199</v>
      </c>
      <c r="L10379" s="40"/>
      <c r="M10379" s="40"/>
      <c r="N10379" s="40"/>
    </row>
    <row r="10380" spans="4:14" x14ac:dyDescent="0.25">
      <c r="D10380" s="40"/>
      <c r="F10380" s="40">
        <v>172.85</v>
      </c>
      <c r="G10380" s="40">
        <v>22.687269554228106</v>
      </c>
      <c r="H10380" s="40">
        <v>172.85000000000002</v>
      </c>
      <c r="I10380" s="40">
        <v>24.951851257635962</v>
      </c>
      <c r="L10380" s="40"/>
      <c r="M10380" s="40"/>
      <c r="N10380" s="40"/>
    </row>
    <row r="10381" spans="4:14" x14ac:dyDescent="0.25">
      <c r="D10381" s="40"/>
      <c r="F10381" s="40">
        <v>172.86666700000001</v>
      </c>
      <c r="G10381" s="40">
        <v>22.687269554228106</v>
      </c>
      <c r="H10381" s="40">
        <v>172.86666700000001</v>
      </c>
      <c r="I10381" s="40">
        <v>24.951851257635962</v>
      </c>
      <c r="L10381" s="40"/>
      <c r="M10381" s="40"/>
      <c r="N10381" s="40"/>
    </row>
    <row r="10382" spans="4:14" x14ac:dyDescent="0.25">
      <c r="D10382" s="40"/>
      <c r="F10382" s="40">
        <v>172.88333299999999</v>
      </c>
      <c r="G10382" s="40">
        <v>22.687269554228106</v>
      </c>
      <c r="H10382" s="40">
        <v>172.88333399999999</v>
      </c>
      <c r="I10382" s="40">
        <v>24.951851257635962</v>
      </c>
      <c r="L10382" s="40"/>
      <c r="M10382" s="40"/>
      <c r="N10382" s="40"/>
    </row>
    <row r="10383" spans="4:14" x14ac:dyDescent="0.25">
      <c r="D10383" s="40"/>
      <c r="F10383" s="40">
        <v>172.9</v>
      </c>
      <c r="G10383" s="40">
        <v>22.68251431013789</v>
      </c>
      <c r="H10383" s="40">
        <v>172.90000000000003</v>
      </c>
      <c r="I10383" s="40">
        <v>24.951851257635962</v>
      </c>
      <c r="L10383" s="40"/>
      <c r="M10383" s="40"/>
      <c r="N10383" s="40"/>
    </row>
    <row r="10384" spans="4:14" x14ac:dyDescent="0.25">
      <c r="D10384" s="40"/>
      <c r="F10384" s="40">
        <v>172.91666699999999</v>
      </c>
      <c r="G10384" s="40">
        <v>22.68251431013789</v>
      </c>
      <c r="H10384" s="40">
        <v>172.91666700000002</v>
      </c>
      <c r="I10384" s="40">
        <v>24.955203993779218</v>
      </c>
      <c r="L10384" s="40"/>
      <c r="M10384" s="40"/>
      <c r="N10384" s="40"/>
    </row>
    <row r="10385" spans="4:14" x14ac:dyDescent="0.25">
      <c r="D10385" s="40"/>
      <c r="F10385" s="40">
        <v>172.933333</v>
      </c>
      <c r="G10385" s="40">
        <v>22.668388437987677</v>
      </c>
      <c r="H10385" s="40">
        <v>172.933334</v>
      </c>
      <c r="I10385" s="40">
        <v>24.955203993779218</v>
      </c>
      <c r="L10385" s="40"/>
      <c r="M10385" s="40"/>
      <c r="N10385" s="40"/>
    </row>
    <row r="10386" spans="4:14" x14ac:dyDescent="0.25">
      <c r="D10386" s="40"/>
      <c r="F10386" s="40">
        <v>172.95</v>
      </c>
      <c r="G10386" s="40">
        <v>22.673143682077892</v>
      </c>
      <c r="H10386" s="40">
        <v>172.95</v>
      </c>
      <c r="I10386" s="40">
        <v>24.955203993779218</v>
      </c>
      <c r="L10386" s="40"/>
      <c r="M10386" s="40"/>
      <c r="N10386" s="40"/>
    </row>
    <row r="10387" spans="4:14" x14ac:dyDescent="0.25">
      <c r="D10387" s="40"/>
      <c r="F10387" s="40">
        <v>172.966667</v>
      </c>
      <c r="G10387" s="40">
        <v>22.677898926167988</v>
      </c>
      <c r="H10387" s="40">
        <v>172.96666700000003</v>
      </c>
      <c r="I10387" s="40">
        <v>24.955203993779218</v>
      </c>
      <c r="L10387" s="40"/>
      <c r="M10387" s="40"/>
      <c r="N10387" s="40"/>
    </row>
    <row r="10388" spans="4:14" x14ac:dyDescent="0.25">
      <c r="D10388" s="40"/>
      <c r="F10388" s="40">
        <v>172.98333299999999</v>
      </c>
      <c r="G10388" s="40">
        <v>22.677898926167988</v>
      </c>
      <c r="H10388" s="40">
        <v>172.98333400000001</v>
      </c>
      <c r="I10388" s="40">
        <v>24.958556729922648</v>
      </c>
      <c r="L10388" s="40"/>
      <c r="M10388" s="40"/>
      <c r="N10388" s="40"/>
    </row>
    <row r="10389" spans="4:14" x14ac:dyDescent="0.25">
      <c r="D10389" s="40"/>
      <c r="F10389" s="40">
        <v>173</v>
      </c>
      <c r="G10389" s="40">
        <v>22.68251431013789</v>
      </c>
      <c r="H10389" s="40">
        <v>173</v>
      </c>
      <c r="I10389" s="40">
        <v>24.958556729922648</v>
      </c>
      <c r="L10389" s="40"/>
      <c r="M10389" s="40"/>
      <c r="N10389" s="40"/>
    </row>
    <row r="10390" spans="4:14" x14ac:dyDescent="0.25">
      <c r="D10390" s="40"/>
      <c r="F10390" s="40">
        <v>173.01666699999998</v>
      </c>
      <c r="G10390" s="40">
        <v>22.68251431013789</v>
      </c>
      <c r="H10390" s="40">
        <v>173.01666699999998</v>
      </c>
      <c r="I10390" s="40">
        <v>24.958556729922648</v>
      </c>
      <c r="L10390" s="40"/>
      <c r="M10390" s="40"/>
      <c r="N10390" s="40"/>
    </row>
    <row r="10391" spans="4:14" x14ac:dyDescent="0.25">
      <c r="D10391" s="40"/>
      <c r="F10391" s="40">
        <v>173.033333</v>
      </c>
      <c r="G10391" s="40">
        <v>22.687269554228106</v>
      </c>
      <c r="H10391" s="40">
        <v>173.03333400000002</v>
      </c>
      <c r="I10391" s="40">
        <v>24.958556729922648</v>
      </c>
      <c r="L10391" s="40"/>
      <c r="M10391" s="40"/>
      <c r="N10391" s="40"/>
    </row>
    <row r="10392" spans="4:14" x14ac:dyDescent="0.25">
      <c r="D10392" s="40"/>
      <c r="F10392" s="40">
        <v>173.04999999999998</v>
      </c>
      <c r="G10392" s="40">
        <v>22.687269554228106</v>
      </c>
      <c r="H10392" s="40">
        <v>173.05</v>
      </c>
      <c r="I10392" s="40">
        <v>24.961810856179241</v>
      </c>
      <c r="L10392" s="40"/>
      <c r="M10392" s="40"/>
      <c r="N10392" s="40"/>
    </row>
    <row r="10393" spans="4:14" x14ac:dyDescent="0.25">
      <c r="D10393" s="40"/>
      <c r="F10393" s="40">
        <v>173.066667</v>
      </c>
      <c r="G10393" s="40">
        <v>22.68251431013789</v>
      </c>
      <c r="H10393" s="40">
        <v>173.066667</v>
      </c>
      <c r="I10393" s="40">
        <v>24.961810856179241</v>
      </c>
      <c r="L10393" s="40"/>
      <c r="M10393" s="40"/>
      <c r="N10393" s="40"/>
    </row>
    <row r="10394" spans="4:14" x14ac:dyDescent="0.25">
      <c r="D10394" s="40"/>
      <c r="F10394" s="40">
        <v>173.08333299999998</v>
      </c>
      <c r="G10394" s="40">
        <v>22.68251431013789</v>
      </c>
      <c r="H10394" s="40">
        <v>173.08333399999998</v>
      </c>
      <c r="I10394" s="40">
        <v>24.961810856179241</v>
      </c>
      <c r="L10394" s="40"/>
      <c r="M10394" s="40"/>
      <c r="N10394" s="40"/>
    </row>
    <row r="10395" spans="4:14" x14ac:dyDescent="0.25">
      <c r="D10395" s="40"/>
      <c r="F10395" s="40">
        <v>173.1</v>
      </c>
      <c r="G10395" s="40">
        <v>22.68251431013789</v>
      </c>
      <c r="H10395" s="40">
        <v>173.10000000000002</v>
      </c>
      <c r="I10395" s="40">
        <v>24.961810856179241</v>
      </c>
      <c r="L10395" s="40"/>
      <c r="M10395" s="40"/>
      <c r="N10395" s="40"/>
    </row>
    <row r="10396" spans="4:14" x14ac:dyDescent="0.25">
      <c r="D10396" s="40"/>
      <c r="F10396" s="40">
        <v>173.11666700000001</v>
      </c>
      <c r="G10396" s="40">
        <v>22.68251431013789</v>
      </c>
      <c r="H10396" s="40">
        <v>173.11666700000001</v>
      </c>
      <c r="I10396" s="40">
        <v>24.965163592322671</v>
      </c>
      <c r="L10396" s="40"/>
      <c r="M10396" s="40"/>
      <c r="N10396" s="40"/>
    </row>
    <row r="10397" spans="4:14" x14ac:dyDescent="0.25">
      <c r="D10397" s="40"/>
      <c r="F10397" s="40">
        <v>173.13333299999999</v>
      </c>
      <c r="G10397" s="40">
        <v>22.68251431013789</v>
      </c>
      <c r="H10397" s="40">
        <v>173.13333399999999</v>
      </c>
      <c r="I10397" s="40">
        <v>24.965163592322671</v>
      </c>
      <c r="L10397" s="40"/>
      <c r="M10397" s="40"/>
      <c r="N10397" s="40"/>
    </row>
    <row r="10398" spans="4:14" x14ac:dyDescent="0.25">
      <c r="D10398" s="40"/>
      <c r="F10398" s="40">
        <v>173.15</v>
      </c>
      <c r="G10398" s="40">
        <v>22.677898926167988</v>
      </c>
      <c r="H10398" s="40">
        <v>173.15000000000003</v>
      </c>
      <c r="I10398" s="40">
        <v>24.965163592322671</v>
      </c>
      <c r="L10398" s="40"/>
      <c r="M10398" s="40"/>
      <c r="N10398" s="40"/>
    </row>
    <row r="10399" spans="4:14" x14ac:dyDescent="0.25">
      <c r="D10399" s="40"/>
      <c r="F10399" s="40">
        <v>173.16666699999999</v>
      </c>
      <c r="G10399" s="40">
        <v>22.677898926167988</v>
      </c>
      <c r="H10399" s="40">
        <v>173.16666700000002</v>
      </c>
      <c r="I10399" s="40">
        <v>24.968516328465928</v>
      </c>
      <c r="L10399" s="40"/>
      <c r="M10399" s="40"/>
      <c r="N10399" s="40"/>
    </row>
    <row r="10400" spans="4:14" x14ac:dyDescent="0.25">
      <c r="D10400" s="40"/>
      <c r="F10400" s="40">
        <v>173.183333</v>
      </c>
      <c r="G10400" s="40">
        <v>22.677898926167988</v>
      </c>
      <c r="H10400" s="40">
        <v>173.183334</v>
      </c>
      <c r="I10400" s="40">
        <v>24.968516328465928</v>
      </c>
      <c r="L10400" s="40"/>
      <c r="M10400" s="40"/>
      <c r="N10400" s="40"/>
    </row>
    <row r="10401" spans="4:14" x14ac:dyDescent="0.25">
      <c r="D10401" s="40"/>
      <c r="F10401" s="40">
        <v>173.2</v>
      </c>
      <c r="G10401" s="40">
        <v>22.677898926167988</v>
      </c>
      <c r="H10401" s="40">
        <v>173.2</v>
      </c>
      <c r="I10401" s="40">
        <v>24.968516328465928</v>
      </c>
      <c r="L10401" s="40"/>
      <c r="M10401" s="40"/>
      <c r="N10401" s="40"/>
    </row>
    <row r="10402" spans="4:14" x14ac:dyDescent="0.25">
      <c r="D10402" s="40"/>
      <c r="F10402" s="40">
        <v>173.216667</v>
      </c>
      <c r="G10402" s="40">
        <v>22.673143682077892</v>
      </c>
      <c r="H10402" s="40">
        <v>173.21666700000003</v>
      </c>
      <c r="I10402" s="40">
        <v>24.971770454722691</v>
      </c>
      <c r="L10402" s="40"/>
      <c r="M10402" s="40"/>
      <c r="N10402" s="40"/>
    </row>
    <row r="10403" spans="4:14" x14ac:dyDescent="0.25">
      <c r="D10403" s="40"/>
      <c r="F10403" s="40">
        <v>173.23333299999999</v>
      </c>
      <c r="G10403" s="40">
        <v>22.673143682077892</v>
      </c>
      <c r="H10403" s="40">
        <v>173.23333400000001</v>
      </c>
      <c r="I10403" s="40">
        <v>24.971770454722691</v>
      </c>
      <c r="L10403" s="40"/>
      <c r="M10403" s="40"/>
      <c r="N10403" s="40"/>
    </row>
    <row r="10404" spans="4:14" x14ac:dyDescent="0.25">
      <c r="D10404" s="40"/>
      <c r="F10404" s="40">
        <v>173.25</v>
      </c>
      <c r="G10404" s="40">
        <v>22.673143682077892</v>
      </c>
      <c r="H10404" s="40">
        <v>173.25</v>
      </c>
      <c r="I10404" s="40">
        <v>24.975123190865947</v>
      </c>
      <c r="L10404" s="40"/>
      <c r="M10404" s="40"/>
      <c r="N10404" s="40"/>
    </row>
    <row r="10405" spans="4:14" x14ac:dyDescent="0.25">
      <c r="D10405" s="40"/>
      <c r="F10405" s="40">
        <v>173.26666699999998</v>
      </c>
      <c r="G10405" s="40">
        <v>22.673143682077892</v>
      </c>
      <c r="H10405" s="40">
        <v>173.26666699999998</v>
      </c>
      <c r="I10405" s="40">
        <v>24.975123190865947</v>
      </c>
      <c r="L10405" s="40"/>
      <c r="M10405" s="40"/>
      <c r="N10405" s="40"/>
    </row>
    <row r="10406" spans="4:14" x14ac:dyDescent="0.25">
      <c r="D10406" s="40"/>
      <c r="F10406" s="40">
        <v>173.283333</v>
      </c>
      <c r="G10406" s="40">
        <v>22.673143682077892</v>
      </c>
      <c r="H10406" s="40">
        <v>173.28333400000002</v>
      </c>
      <c r="I10406" s="40">
        <v>24.978475927009377</v>
      </c>
      <c r="L10406" s="40"/>
      <c r="M10406" s="40"/>
      <c r="N10406" s="40"/>
    </row>
    <row r="10407" spans="4:14" x14ac:dyDescent="0.25">
      <c r="D10407" s="40"/>
      <c r="F10407" s="40">
        <v>173.29999999999998</v>
      </c>
      <c r="G10407" s="40">
        <v>22.668388437987677</v>
      </c>
      <c r="H10407" s="40">
        <v>173.3</v>
      </c>
      <c r="I10407" s="40">
        <v>24.978475927009377</v>
      </c>
      <c r="L10407" s="40"/>
      <c r="M10407" s="40"/>
      <c r="N10407" s="40"/>
    </row>
    <row r="10408" spans="4:14" x14ac:dyDescent="0.25">
      <c r="D10408" s="40"/>
      <c r="F10408" s="40">
        <v>173.316667</v>
      </c>
      <c r="G10408" s="40">
        <v>22.668388437987677</v>
      </c>
      <c r="H10408" s="40">
        <v>173.316667</v>
      </c>
      <c r="I10408" s="40">
        <v>24.978475927009377</v>
      </c>
      <c r="L10408" s="40"/>
      <c r="M10408" s="40"/>
      <c r="N10408" s="40"/>
    </row>
    <row r="10409" spans="4:14" x14ac:dyDescent="0.25">
      <c r="D10409" s="40"/>
      <c r="F10409" s="40">
        <v>173.33333299999998</v>
      </c>
      <c r="G10409" s="40">
        <v>22.668388437987677</v>
      </c>
      <c r="H10409" s="40">
        <v>173.33333399999998</v>
      </c>
      <c r="I10409" s="40">
        <v>24.981730053266141</v>
      </c>
      <c r="L10409" s="40"/>
      <c r="M10409" s="40"/>
      <c r="N10409" s="40"/>
    </row>
    <row r="10410" spans="4:14" x14ac:dyDescent="0.25">
      <c r="D10410" s="40"/>
      <c r="F10410" s="40">
        <v>173.35</v>
      </c>
      <c r="G10410" s="40">
        <v>22.668388437987677</v>
      </c>
      <c r="H10410" s="40">
        <v>173.35000000000002</v>
      </c>
      <c r="I10410" s="40">
        <v>24.981730053266141</v>
      </c>
      <c r="L10410" s="40"/>
      <c r="M10410" s="40"/>
      <c r="N10410" s="40"/>
    </row>
    <row r="10411" spans="4:14" x14ac:dyDescent="0.25">
      <c r="D10411" s="40"/>
      <c r="F10411" s="40">
        <v>173.36666700000001</v>
      </c>
      <c r="G10411" s="40">
        <v>22.668388437987677</v>
      </c>
      <c r="H10411" s="40">
        <v>173.36666700000001</v>
      </c>
      <c r="I10411" s="40">
        <v>24.981730053266141</v>
      </c>
      <c r="L10411" s="40"/>
      <c r="M10411" s="40"/>
      <c r="N10411" s="40"/>
    </row>
    <row r="10412" spans="4:14" x14ac:dyDescent="0.25">
      <c r="D10412" s="40"/>
      <c r="F10412" s="40">
        <v>173.38333299999999</v>
      </c>
      <c r="G10412" s="40">
        <v>22.668388437987677</v>
      </c>
      <c r="H10412" s="40">
        <v>173.38333399999999</v>
      </c>
      <c r="I10412" s="40">
        <v>24.9850827894094</v>
      </c>
      <c r="L10412" s="40"/>
      <c r="M10412" s="40"/>
      <c r="N10412" s="40"/>
    </row>
    <row r="10413" spans="4:14" x14ac:dyDescent="0.25">
      <c r="D10413" s="40"/>
      <c r="F10413" s="40">
        <v>173.4</v>
      </c>
      <c r="G10413" s="40">
        <v>22.668388437987677</v>
      </c>
      <c r="H10413" s="40">
        <v>173.40000000000003</v>
      </c>
      <c r="I10413" s="40">
        <v>24.9850827894094</v>
      </c>
      <c r="L10413" s="40"/>
      <c r="M10413" s="40"/>
      <c r="N10413" s="40"/>
    </row>
    <row r="10414" spans="4:14" x14ac:dyDescent="0.25">
      <c r="D10414" s="40"/>
      <c r="F10414" s="40">
        <v>173.41666699999999</v>
      </c>
      <c r="G10414" s="40">
        <v>22.668388437987677</v>
      </c>
      <c r="H10414" s="40">
        <v>173.41666700000002</v>
      </c>
      <c r="I10414" s="40">
        <v>24.9850827894094</v>
      </c>
      <c r="L10414" s="40"/>
      <c r="M10414" s="40"/>
      <c r="N10414" s="40"/>
    </row>
    <row r="10415" spans="4:14" x14ac:dyDescent="0.25">
      <c r="D10415" s="40"/>
      <c r="F10415" s="40">
        <v>173.433333</v>
      </c>
      <c r="G10415" s="40">
        <v>22.663773054017774</v>
      </c>
      <c r="H10415" s="40">
        <v>173.433334</v>
      </c>
      <c r="I10415" s="40">
        <v>24.988435525552656</v>
      </c>
      <c r="L10415" s="40"/>
      <c r="M10415" s="40"/>
      <c r="N10415" s="40"/>
    </row>
    <row r="10416" spans="4:14" x14ac:dyDescent="0.25">
      <c r="D10416" s="40"/>
      <c r="F10416" s="40">
        <v>173.45</v>
      </c>
      <c r="G10416" s="40">
        <v>22.663773054017774</v>
      </c>
      <c r="H10416" s="40">
        <v>173.45</v>
      </c>
      <c r="I10416" s="40">
        <v>24.988435525552656</v>
      </c>
      <c r="L10416" s="40"/>
      <c r="M10416" s="40"/>
      <c r="N10416" s="40"/>
    </row>
    <row r="10417" spans="4:14" x14ac:dyDescent="0.25">
      <c r="D10417" s="40"/>
      <c r="F10417" s="40">
        <v>173.466667</v>
      </c>
      <c r="G10417" s="40">
        <v>22.663773054017774</v>
      </c>
      <c r="H10417" s="40">
        <v>173.46666700000003</v>
      </c>
      <c r="I10417" s="40">
        <v>24.988435525552656</v>
      </c>
      <c r="L10417" s="40"/>
      <c r="M10417" s="40"/>
      <c r="N10417" s="40"/>
    </row>
    <row r="10418" spans="4:14" x14ac:dyDescent="0.25">
      <c r="D10418" s="40"/>
      <c r="F10418" s="40">
        <v>173.48333299999999</v>
      </c>
      <c r="G10418" s="40">
        <v>22.668388437987677</v>
      </c>
      <c r="H10418" s="40">
        <v>173.48333400000001</v>
      </c>
      <c r="I10418" s="40">
        <v>24.988435525552656</v>
      </c>
      <c r="L10418" s="40"/>
      <c r="M10418" s="40"/>
      <c r="N10418" s="40"/>
    </row>
    <row r="10419" spans="4:14" x14ac:dyDescent="0.25">
      <c r="D10419" s="40"/>
      <c r="F10419" s="40">
        <v>173.5</v>
      </c>
      <c r="G10419" s="40">
        <v>22.668388437987677</v>
      </c>
      <c r="H10419" s="40">
        <v>173.5</v>
      </c>
      <c r="I10419" s="40">
        <v>24.99178826169609</v>
      </c>
      <c r="L10419" s="40"/>
      <c r="M10419" s="40"/>
      <c r="N10419" s="40"/>
    </row>
    <row r="10420" spans="4:14" x14ac:dyDescent="0.25">
      <c r="D10420" s="40"/>
      <c r="F10420" s="40">
        <v>173.51666699999998</v>
      </c>
      <c r="G10420" s="40">
        <v>22.663773054017774</v>
      </c>
      <c r="H10420" s="40">
        <v>173.51666699999998</v>
      </c>
      <c r="I10420" s="40">
        <v>24.99178826169609</v>
      </c>
      <c r="L10420" s="40"/>
      <c r="M10420" s="40"/>
      <c r="N10420" s="40"/>
    </row>
    <row r="10421" spans="4:14" x14ac:dyDescent="0.25">
      <c r="D10421" s="40"/>
      <c r="F10421" s="40">
        <v>173.533333</v>
      </c>
      <c r="G10421" s="40">
        <v>22.663773054017774</v>
      </c>
      <c r="H10421" s="40">
        <v>173.53333400000002</v>
      </c>
      <c r="I10421" s="40">
        <v>24.99178826169609</v>
      </c>
      <c r="L10421" s="40"/>
      <c r="M10421" s="40"/>
      <c r="N10421" s="40"/>
    </row>
    <row r="10422" spans="4:14" x14ac:dyDescent="0.25">
      <c r="D10422" s="40"/>
      <c r="F10422" s="40">
        <v>173.54999999999998</v>
      </c>
      <c r="G10422" s="40">
        <v>22.663773054017774</v>
      </c>
      <c r="H10422" s="40">
        <v>173.55</v>
      </c>
      <c r="I10422" s="40">
        <v>24.99504238795268</v>
      </c>
      <c r="L10422" s="40"/>
      <c r="M10422" s="40"/>
      <c r="N10422" s="40"/>
    </row>
    <row r="10423" spans="4:14" x14ac:dyDescent="0.25">
      <c r="D10423" s="40"/>
      <c r="F10423" s="40">
        <v>173.566667</v>
      </c>
      <c r="G10423" s="40">
        <v>22.663773054017774</v>
      </c>
      <c r="H10423" s="40">
        <v>173.566667</v>
      </c>
      <c r="I10423" s="40">
        <v>24.99504238795268</v>
      </c>
      <c r="L10423" s="40"/>
      <c r="M10423" s="40"/>
      <c r="N10423" s="40"/>
    </row>
    <row r="10424" spans="4:14" x14ac:dyDescent="0.25">
      <c r="D10424" s="40"/>
      <c r="F10424" s="40">
        <v>173.58333299999998</v>
      </c>
      <c r="G10424" s="40">
        <v>22.663773054017774</v>
      </c>
      <c r="H10424" s="40">
        <v>173.58333399999998</v>
      </c>
      <c r="I10424" s="40">
        <v>24.99504238795268</v>
      </c>
      <c r="L10424" s="40"/>
      <c r="M10424" s="40"/>
      <c r="N10424" s="40"/>
    </row>
    <row r="10425" spans="4:14" x14ac:dyDescent="0.25">
      <c r="D10425" s="40"/>
      <c r="F10425" s="40">
        <v>173.6</v>
      </c>
      <c r="G10425" s="40">
        <v>22.663773054017774</v>
      </c>
      <c r="H10425" s="40">
        <v>173.60000000000002</v>
      </c>
      <c r="I10425" s="40">
        <v>24.99839512409611</v>
      </c>
      <c r="L10425" s="40"/>
      <c r="M10425" s="40"/>
      <c r="N10425" s="40"/>
    </row>
    <row r="10426" spans="4:14" x14ac:dyDescent="0.25">
      <c r="D10426" s="40"/>
      <c r="F10426" s="40">
        <v>173.61666700000001</v>
      </c>
      <c r="G10426" s="40">
        <v>22.663773054017774</v>
      </c>
      <c r="H10426" s="40">
        <v>173.61666700000001</v>
      </c>
      <c r="I10426" s="40">
        <v>24.99839512409611</v>
      </c>
      <c r="L10426" s="40"/>
      <c r="M10426" s="40"/>
      <c r="N10426" s="40"/>
    </row>
    <row r="10427" spans="4:14" x14ac:dyDescent="0.25">
      <c r="D10427" s="40"/>
      <c r="F10427" s="40">
        <v>173.63333299999999</v>
      </c>
      <c r="G10427" s="40">
        <v>22.663773054017774</v>
      </c>
      <c r="H10427" s="40">
        <v>173.63333399999999</v>
      </c>
      <c r="I10427" s="40">
        <v>24.99839512409611</v>
      </c>
      <c r="L10427" s="40"/>
      <c r="M10427" s="40"/>
      <c r="N10427" s="40"/>
    </row>
    <row r="10428" spans="4:14" x14ac:dyDescent="0.25">
      <c r="D10428" s="40"/>
      <c r="F10428" s="40">
        <v>173.65</v>
      </c>
      <c r="G10428" s="40">
        <v>22.663773054017774</v>
      </c>
      <c r="H10428" s="40">
        <v>173.65000000000003</v>
      </c>
      <c r="I10428" s="40">
        <v>24.99839512409611</v>
      </c>
      <c r="L10428" s="40"/>
      <c r="M10428" s="40"/>
      <c r="N10428" s="40"/>
    </row>
    <row r="10429" spans="4:14" x14ac:dyDescent="0.25">
      <c r="D10429" s="40"/>
      <c r="F10429" s="40">
        <v>173.66666699999999</v>
      </c>
      <c r="G10429" s="40">
        <v>22.659017809927679</v>
      </c>
      <c r="H10429" s="40">
        <v>173.66666700000002</v>
      </c>
      <c r="I10429" s="40">
        <v>25.001747860239366</v>
      </c>
      <c r="L10429" s="40"/>
      <c r="M10429" s="40"/>
      <c r="N10429" s="40"/>
    </row>
    <row r="10430" spans="4:14" x14ac:dyDescent="0.25">
      <c r="D10430" s="40"/>
      <c r="F10430" s="40">
        <v>173.683333</v>
      </c>
      <c r="G10430" s="40">
        <v>22.663773054017774</v>
      </c>
      <c r="H10430" s="40">
        <v>173.683334</v>
      </c>
      <c r="I10430" s="40">
        <v>25.001747860239366</v>
      </c>
      <c r="L10430" s="40"/>
      <c r="M10430" s="40"/>
      <c r="N10430" s="40"/>
    </row>
    <row r="10431" spans="4:14" x14ac:dyDescent="0.25">
      <c r="D10431" s="40"/>
      <c r="F10431" s="40">
        <v>173.7</v>
      </c>
      <c r="G10431" s="40">
        <v>22.663773054017774</v>
      </c>
      <c r="H10431" s="40">
        <v>173.7</v>
      </c>
      <c r="I10431" s="40">
        <v>25.001747860239366</v>
      </c>
      <c r="L10431" s="40"/>
      <c r="M10431" s="40"/>
      <c r="N10431" s="40"/>
    </row>
    <row r="10432" spans="4:14" x14ac:dyDescent="0.25">
      <c r="D10432" s="40"/>
      <c r="F10432" s="40">
        <v>173.716667</v>
      </c>
      <c r="G10432" s="40">
        <v>22.663773054017774</v>
      </c>
      <c r="H10432" s="40">
        <v>173.71666700000003</v>
      </c>
      <c r="I10432" s="40">
        <v>25.001747860239366</v>
      </c>
      <c r="L10432" s="40"/>
      <c r="M10432" s="40"/>
      <c r="N10432" s="40"/>
    </row>
    <row r="10433" spans="4:14" x14ac:dyDescent="0.25">
      <c r="D10433" s="40"/>
      <c r="F10433" s="40">
        <v>173.73333299999999</v>
      </c>
      <c r="G10433" s="40">
        <v>22.663773054017774</v>
      </c>
      <c r="H10433" s="40">
        <v>173.73333400000001</v>
      </c>
      <c r="I10433" s="40">
        <v>25.005001986496129</v>
      </c>
      <c r="L10433" s="40"/>
      <c r="M10433" s="40"/>
      <c r="N10433" s="40"/>
    </row>
    <row r="10434" spans="4:14" x14ac:dyDescent="0.25">
      <c r="D10434" s="40"/>
      <c r="F10434" s="40">
        <v>173.75</v>
      </c>
      <c r="G10434" s="40">
        <v>22.663773054017774</v>
      </c>
      <c r="H10434" s="40">
        <v>173.75</v>
      </c>
      <c r="I10434" s="40">
        <v>25.005001986496129</v>
      </c>
      <c r="L10434" s="40"/>
      <c r="M10434" s="40"/>
      <c r="N10434" s="40"/>
    </row>
    <row r="10435" spans="4:14" x14ac:dyDescent="0.25">
      <c r="D10435" s="40"/>
      <c r="F10435" s="40">
        <v>173.76666699999998</v>
      </c>
      <c r="G10435" s="40">
        <v>22.663773054017774</v>
      </c>
      <c r="H10435" s="40">
        <v>173.76666699999998</v>
      </c>
      <c r="I10435" s="40">
        <v>25.005001986496129</v>
      </c>
      <c r="L10435" s="40"/>
      <c r="M10435" s="40"/>
      <c r="N10435" s="40"/>
    </row>
    <row r="10436" spans="4:14" x14ac:dyDescent="0.25">
      <c r="D10436" s="40"/>
      <c r="F10436" s="40">
        <v>173.783333</v>
      </c>
      <c r="G10436" s="40">
        <v>22.663773054017774</v>
      </c>
      <c r="H10436" s="40">
        <v>173.78333400000002</v>
      </c>
      <c r="I10436" s="40">
        <v>25.008354722639389</v>
      </c>
      <c r="L10436" s="40"/>
      <c r="M10436" s="40"/>
      <c r="N10436" s="40"/>
    </row>
    <row r="10437" spans="4:14" x14ac:dyDescent="0.25">
      <c r="D10437" s="40"/>
      <c r="F10437" s="40">
        <v>173.79999999999998</v>
      </c>
      <c r="G10437" s="40">
        <v>22.663773054017774</v>
      </c>
      <c r="H10437" s="40">
        <v>173.8</v>
      </c>
      <c r="I10437" s="40">
        <v>25.008354722639389</v>
      </c>
      <c r="L10437" s="40"/>
      <c r="M10437" s="40"/>
      <c r="N10437" s="40"/>
    </row>
    <row r="10438" spans="4:14" x14ac:dyDescent="0.25">
      <c r="D10438" s="40"/>
      <c r="F10438" s="40">
        <v>173.816667</v>
      </c>
      <c r="G10438" s="40">
        <v>22.663773054017774</v>
      </c>
      <c r="H10438" s="40">
        <v>173.816667</v>
      </c>
      <c r="I10438" s="40">
        <v>25.008354722639389</v>
      </c>
      <c r="L10438" s="40"/>
      <c r="M10438" s="40"/>
      <c r="N10438" s="40"/>
    </row>
    <row r="10439" spans="4:14" x14ac:dyDescent="0.25">
      <c r="D10439" s="40"/>
      <c r="F10439" s="40">
        <v>173.83333299999998</v>
      </c>
      <c r="G10439" s="40">
        <v>22.663773054017774</v>
      </c>
      <c r="H10439" s="40">
        <v>173.83333399999998</v>
      </c>
      <c r="I10439" s="40">
        <v>25.011707458782823</v>
      </c>
      <c r="L10439" s="40"/>
      <c r="M10439" s="40"/>
      <c r="N10439" s="40"/>
    </row>
    <row r="10440" spans="4:14" x14ac:dyDescent="0.25">
      <c r="D10440" s="40"/>
      <c r="F10440" s="40">
        <v>173.85</v>
      </c>
      <c r="G10440" s="40">
        <v>22.668388437987677</v>
      </c>
      <c r="H10440" s="40">
        <v>173.85000000000002</v>
      </c>
      <c r="I10440" s="40">
        <v>25.011707458782823</v>
      </c>
      <c r="L10440" s="40"/>
      <c r="M10440" s="40"/>
      <c r="N10440" s="40"/>
    </row>
    <row r="10441" spans="4:14" x14ac:dyDescent="0.25">
      <c r="D10441" s="40"/>
      <c r="F10441" s="40">
        <v>173.86666700000001</v>
      </c>
      <c r="G10441" s="40">
        <v>22.668388437987677</v>
      </c>
      <c r="H10441" s="40">
        <v>173.86666700000001</v>
      </c>
      <c r="I10441" s="40">
        <v>25.014961585039583</v>
      </c>
      <c r="L10441" s="40"/>
      <c r="M10441" s="40"/>
      <c r="N10441" s="40"/>
    </row>
    <row r="10442" spans="4:14" x14ac:dyDescent="0.25">
      <c r="D10442" s="40"/>
      <c r="F10442" s="40">
        <v>173.88333299999999</v>
      </c>
      <c r="G10442" s="40">
        <v>22.668388437987677</v>
      </c>
      <c r="H10442" s="40">
        <v>173.88333399999999</v>
      </c>
      <c r="I10442" s="40">
        <v>25.014961585039583</v>
      </c>
      <c r="L10442" s="40"/>
      <c r="M10442" s="40"/>
      <c r="N10442" s="40"/>
    </row>
    <row r="10443" spans="4:14" x14ac:dyDescent="0.25">
      <c r="D10443" s="40"/>
      <c r="F10443" s="40">
        <v>173.9</v>
      </c>
      <c r="G10443" s="40">
        <v>22.668388437987677</v>
      </c>
      <c r="H10443" s="40">
        <v>173.90000000000003</v>
      </c>
      <c r="I10443" s="40">
        <v>25.014961585039583</v>
      </c>
      <c r="L10443" s="40"/>
      <c r="M10443" s="40"/>
      <c r="N10443" s="40"/>
    </row>
    <row r="10444" spans="4:14" x14ac:dyDescent="0.25">
      <c r="D10444" s="40"/>
      <c r="F10444" s="40">
        <v>173.91666699999999</v>
      </c>
      <c r="G10444" s="40">
        <v>22.673143682077892</v>
      </c>
      <c r="H10444" s="40">
        <v>173.91666700000002</v>
      </c>
      <c r="I10444" s="40">
        <v>25.018314321182842</v>
      </c>
      <c r="L10444" s="40"/>
      <c r="M10444" s="40"/>
      <c r="N10444" s="40"/>
    </row>
    <row r="10445" spans="4:14" x14ac:dyDescent="0.25">
      <c r="D10445" s="40"/>
      <c r="F10445" s="40">
        <v>173.933333</v>
      </c>
      <c r="G10445" s="40">
        <v>22.673143682077892</v>
      </c>
      <c r="H10445" s="40">
        <v>173.933334</v>
      </c>
      <c r="I10445" s="40">
        <v>25.018314321182842</v>
      </c>
      <c r="L10445" s="40"/>
      <c r="M10445" s="40"/>
      <c r="N10445" s="40"/>
    </row>
    <row r="10446" spans="4:14" x14ac:dyDescent="0.25">
      <c r="D10446" s="40"/>
      <c r="F10446" s="40">
        <v>173.95</v>
      </c>
      <c r="G10446" s="40">
        <v>22.673143682077892</v>
      </c>
      <c r="H10446" s="40">
        <v>173.95</v>
      </c>
      <c r="I10446" s="40">
        <v>25.018314321182842</v>
      </c>
      <c r="L10446" s="40"/>
      <c r="M10446" s="40"/>
      <c r="N10446" s="40"/>
    </row>
    <row r="10447" spans="4:14" x14ac:dyDescent="0.25">
      <c r="D10447" s="40"/>
      <c r="F10447" s="40">
        <v>173.966667</v>
      </c>
      <c r="G10447" s="40">
        <v>22.673143682077892</v>
      </c>
      <c r="H10447" s="40">
        <v>173.96666700000003</v>
      </c>
      <c r="I10447" s="40">
        <v>25.021667057326095</v>
      </c>
      <c r="L10447" s="40"/>
      <c r="M10447" s="40"/>
      <c r="N10447" s="40"/>
    </row>
    <row r="10448" spans="4:14" x14ac:dyDescent="0.25">
      <c r="D10448" s="40"/>
      <c r="F10448" s="40">
        <v>173.98333299999999</v>
      </c>
      <c r="G10448" s="40">
        <v>22.677898926167988</v>
      </c>
      <c r="H10448" s="40">
        <v>173.98333400000001</v>
      </c>
      <c r="I10448" s="40">
        <v>25.021667057326095</v>
      </c>
      <c r="L10448" s="40"/>
      <c r="M10448" s="40"/>
      <c r="N10448" s="40"/>
    </row>
    <row r="10449" spans="4:14" x14ac:dyDescent="0.25">
      <c r="D10449" s="40"/>
      <c r="F10449" s="40">
        <v>174</v>
      </c>
      <c r="G10449" s="40">
        <v>22.677898926167988</v>
      </c>
      <c r="H10449" s="40">
        <v>174</v>
      </c>
      <c r="I10449" s="40">
        <v>25.021667057326095</v>
      </c>
      <c r="L10449" s="40"/>
      <c r="M10449" s="40"/>
      <c r="N10449" s="40"/>
    </row>
    <row r="10450" spans="4:14" x14ac:dyDescent="0.25">
      <c r="D10450" s="40"/>
      <c r="F10450" s="40">
        <v>174.01666699999998</v>
      </c>
      <c r="G10450" s="40">
        <v>22.68251431013789</v>
      </c>
      <c r="H10450" s="40">
        <v>174.01666699999998</v>
      </c>
      <c r="I10450" s="40">
        <v>25.021667057326095</v>
      </c>
      <c r="L10450" s="40"/>
      <c r="M10450" s="40"/>
      <c r="N10450" s="40"/>
    </row>
    <row r="10451" spans="4:14" x14ac:dyDescent="0.25">
      <c r="D10451" s="40"/>
      <c r="F10451" s="40">
        <v>174.033333</v>
      </c>
      <c r="G10451" s="40">
        <v>22.68251431013789</v>
      </c>
      <c r="H10451" s="40">
        <v>174.03333400000002</v>
      </c>
      <c r="I10451" s="40">
        <v>25.024921183582858</v>
      </c>
      <c r="L10451" s="40"/>
      <c r="M10451" s="40"/>
      <c r="N10451" s="40"/>
    </row>
    <row r="10452" spans="4:14" x14ac:dyDescent="0.25">
      <c r="D10452" s="40"/>
      <c r="F10452" s="40">
        <v>174.04999999999998</v>
      </c>
      <c r="G10452" s="40">
        <v>22.68251431013789</v>
      </c>
      <c r="H10452" s="40">
        <v>174.05</v>
      </c>
      <c r="I10452" s="40">
        <v>25.024921183582858</v>
      </c>
      <c r="L10452" s="40"/>
      <c r="M10452" s="40"/>
      <c r="N10452" s="40"/>
    </row>
    <row r="10453" spans="4:14" x14ac:dyDescent="0.25">
      <c r="D10453" s="40"/>
      <c r="F10453" s="40">
        <v>174.066667</v>
      </c>
      <c r="G10453" s="40">
        <v>22.687269554228106</v>
      </c>
      <c r="H10453" s="40">
        <v>174.066667</v>
      </c>
      <c r="I10453" s="40">
        <v>25.024921183582858</v>
      </c>
      <c r="L10453" s="40"/>
      <c r="M10453" s="40"/>
      <c r="N10453" s="40"/>
    </row>
    <row r="10454" spans="4:14" x14ac:dyDescent="0.25">
      <c r="D10454" s="40"/>
      <c r="F10454" s="40">
        <v>174.08333299999998</v>
      </c>
      <c r="G10454" s="40">
        <v>22.687269554228106</v>
      </c>
      <c r="H10454" s="40">
        <v>174.08333399999998</v>
      </c>
      <c r="I10454" s="40">
        <v>25.028273919726118</v>
      </c>
      <c r="L10454" s="40"/>
      <c r="M10454" s="40"/>
      <c r="N10454" s="40"/>
    </row>
    <row r="10455" spans="4:14" x14ac:dyDescent="0.25">
      <c r="D10455" s="40"/>
      <c r="F10455" s="40">
        <v>174.1</v>
      </c>
      <c r="G10455" s="40">
        <v>22.687269554228106</v>
      </c>
      <c r="H10455" s="40">
        <v>174.10000000000002</v>
      </c>
      <c r="I10455" s="40">
        <v>25.028273919726118</v>
      </c>
      <c r="L10455" s="40"/>
      <c r="M10455" s="40"/>
      <c r="N10455" s="40"/>
    </row>
    <row r="10456" spans="4:14" x14ac:dyDescent="0.25">
      <c r="D10456" s="40"/>
      <c r="F10456" s="40">
        <v>174.11666700000001</v>
      </c>
      <c r="G10456" s="40">
        <v>22.687269554228106</v>
      </c>
      <c r="H10456" s="40">
        <v>174.11666700000001</v>
      </c>
      <c r="I10456" s="40">
        <v>25.028273919726118</v>
      </c>
      <c r="L10456" s="40"/>
      <c r="M10456" s="40"/>
      <c r="N10456" s="40"/>
    </row>
    <row r="10457" spans="4:14" x14ac:dyDescent="0.25">
      <c r="D10457" s="40"/>
      <c r="F10457" s="40">
        <v>174.13333299999999</v>
      </c>
      <c r="G10457" s="40">
        <v>22.687269554228106</v>
      </c>
      <c r="H10457" s="40">
        <v>174.13333399999999</v>
      </c>
      <c r="I10457" s="40">
        <v>25.028273919726118</v>
      </c>
      <c r="L10457" s="40"/>
      <c r="M10457" s="40"/>
      <c r="N10457" s="40"/>
    </row>
    <row r="10458" spans="4:14" x14ac:dyDescent="0.25">
      <c r="D10458" s="40"/>
      <c r="F10458" s="40">
        <v>174.15</v>
      </c>
      <c r="G10458" s="40">
        <v>22.687269554228106</v>
      </c>
      <c r="H10458" s="40">
        <v>174.15000000000003</v>
      </c>
      <c r="I10458" s="40">
        <v>25.031626655869552</v>
      </c>
      <c r="L10458" s="40"/>
      <c r="M10458" s="40"/>
      <c r="N10458" s="40"/>
    </row>
    <row r="10459" spans="4:14" x14ac:dyDescent="0.25">
      <c r="D10459" s="40"/>
      <c r="F10459" s="40">
        <v>174.16666699999999</v>
      </c>
      <c r="G10459" s="40">
        <v>22.687269554228106</v>
      </c>
      <c r="H10459" s="40">
        <v>174.16666700000002</v>
      </c>
      <c r="I10459" s="40">
        <v>25.031626655869552</v>
      </c>
      <c r="L10459" s="40"/>
      <c r="M10459" s="40"/>
      <c r="N10459" s="40"/>
    </row>
    <row r="10460" spans="4:14" x14ac:dyDescent="0.25">
      <c r="D10460" s="40"/>
      <c r="F10460" s="40">
        <v>174.183333</v>
      </c>
      <c r="G10460" s="40">
        <v>22.687269554228106</v>
      </c>
      <c r="H10460" s="40">
        <v>174.183334</v>
      </c>
      <c r="I10460" s="40">
        <v>25.031626655869552</v>
      </c>
      <c r="L10460" s="40"/>
      <c r="M10460" s="40"/>
      <c r="N10460" s="40"/>
    </row>
    <row r="10461" spans="4:14" x14ac:dyDescent="0.25">
      <c r="D10461" s="40"/>
      <c r="F10461" s="40">
        <v>174.2</v>
      </c>
      <c r="G10461" s="40">
        <v>22.687269554228106</v>
      </c>
      <c r="H10461" s="40">
        <v>174.2</v>
      </c>
      <c r="I10461" s="40">
        <v>25.034880782126315</v>
      </c>
      <c r="L10461" s="40"/>
      <c r="M10461" s="40"/>
      <c r="N10461" s="40"/>
    </row>
    <row r="10462" spans="4:14" x14ac:dyDescent="0.25">
      <c r="D10462" s="40"/>
      <c r="F10462" s="40">
        <v>174.216667</v>
      </c>
      <c r="G10462" s="40">
        <v>22.687269554228106</v>
      </c>
      <c r="H10462" s="40">
        <v>174.21666700000003</v>
      </c>
      <c r="I10462" s="40">
        <v>25.034880782126315</v>
      </c>
      <c r="L10462" s="40"/>
      <c r="M10462" s="40"/>
      <c r="N10462" s="40"/>
    </row>
    <row r="10463" spans="4:14" x14ac:dyDescent="0.25">
      <c r="D10463" s="40"/>
      <c r="F10463" s="40">
        <v>174.23333299999999</v>
      </c>
      <c r="G10463" s="40">
        <v>22.687269554228106</v>
      </c>
      <c r="H10463" s="40">
        <v>174.23333400000001</v>
      </c>
      <c r="I10463" s="40">
        <v>25.034880782126315</v>
      </c>
      <c r="L10463" s="40"/>
      <c r="M10463" s="40"/>
      <c r="N10463" s="40"/>
    </row>
    <row r="10464" spans="4:14" x14ac:dyDescent="0.25">
      <c r="D10464" s="40"/>
      <c r="F10464" s="40">
        <v>174.25</v>
      </c>
      <c r="G10464" s="40">
        <v>22.687269554228106</v>
      </c>
      <c r="H10464" s="40">
        <v>174.25</v>
      </c>
      <c r="I10464" s="40">
        <v>25.034880782126315</v>
      </c>
      <c r="L10464" s="40"/>
      <c r="M10464" s="40"/>
      <c r="N10464" s="40"/>
    </row>
    <row r="10465" spans="4:14" x14ac:dyDescent="0.25">
      <c r="D10465" s="40"/>
      <c r="F10465" s="40">
        <v>174.26666699999998</v>
      </c>
      <c r="G10465" s="40">
        <v>22.687269554228106</v>
      </c>
      <c r="H10465" s="40">
        <v>174.26666699999998</v>
      </c>
      <c r="I10465" s="40">
        <v>25.038233518269571</v>
      </c>
      <c r="L10465" s="40"/>
      <c r="M10465" s="40"/>
      <c r="N10465" s="40"/>
    </row>
    <row r="10466" spans="4:14" x14ac:dyDescent="0.25">
      <c r="D10466" s="40"/>
      <c r="F10466" s="40">
        <v>174.283333</v>
      </c>
      <c r="G10466" s="40">
        <v>22.687269554228106</v>
      </c>
      <c r="H10466" s="40">
        <v>174.28333400000002</v>
      </c>
      <c r="I10466" s="40">
        <v>25.038233518269571</v>
      </c>
      <c r="L10466" s="40"/>
      <c r="M10466" s="40"/>
      <c r="N10466" s="40"/>
    </row>
    <row r="10467" spans="4:14" x14ac:dyDescent="0.25">
      <c r="D10467" s="40"/>
      <c r="F10467" s="40">
        <v>174.29999999999998</v>
      </c>
      <c r="G10467" s="40">
        <v>22.687269554228106</v>
      </c>
      <c r="H10467" s="40">
        <v>174.3</v>
      </c>
      <c r="I10467" s="40">
        <v>25.038233518269571</v>
      </c>
      <c r="L10467" s="40"/>
      <c r="M10467" s="40"/>
      <c r="N10467" s="40"/>
    </row>
    <row r="10468" spans="4:14" x14ac:dyDescent="0.25">
      <c r="D10468" s="40"/>
      <c r="F10468" s="40">
        <v>174.316667</v>
      </c>
      <c r="G10468" s="40">
        <v>22.687269554228106</v>
      </c>
      <c r="H10468" s="40">
        <v>174.316667</v>
      </c>
      <c r="I10468" s="40">
        <v>25.041586254412827</v>
      </c>
      <c r="L10468" s="40"/>
      <c r="M10468" s="40"/>
      <c r="N10468" s="40"/>
    </row>
    <row r="10469" spans="4:14" x14ac:dyDescent="0.25">
      <c r="D10469" s="40"/>
      <c r="F10469" s="40">
        <v>174.33333299999998</v>
      </c>
      <c r="G10469" s="40">
        <v>22.687269554228106</v>
      </c>
      <c r="H10469" s="40">
        <v>174.33333399999998</v>
      </c>
      <c r="I10469" s="40">
        <v>25.041586254412827</v>
      </c>
      <c r="L10469" s="40"/>
      <c r="M10469" s="40"/>
      <c r="N10469" s="40"/>
    </row>
    <row r="10470" spans="4:14" x14ac:dyDescent="0.25">
      <c r="D10470" s="40"/>
      <c r="F10470" s="40">
        <v>174.35</v>
      </c>
      <c r="G10470" s="40">
        <v>22.687269554228106</v>
      </c>
      <c r="H10470" s="40">
        <v>174.35000000000002</v>
      </c>
      <c r="I10470" s="40">
        <v>25.041586254412827</v>
      </c>
      <c r="L10470" s="40"/>
      <c r="M10470" s="40"/>
      <c r="N10470" s="40"/>
    </row>
    <row r="10471" spans="4:14" x14ac:dyDescent="0.25">
      <c r="D10471" s="40"/>
      <c r="F10471" s="40">
        <v>174.36666700000001</v>
      </c>
      <c r="G10471" s="40">
        <v>22.687269554228106</v>
      </c>
      <c r="H10471" s="40">
        <v>174.36666700000001</v>
      </c>
      <c r="I10471" s="40">
        <v>25.044840380669591</v>
      </c>
      <c r="L10471" s="40"/>
      <c r="M10471" s="40"/>
      <c r="N10471" s="40"/>
    </row>
    <row r="10472" spans="4:14" x14ac:dyDescent="0.25">
      <c r="D10472" s="40"/>
      <c r="F10472" s="40">
        <v>174.38333299999999</v>
      </c>
      <c r="G10472" s="40">
        <v>22.68251431013789</v>
      </c>
      <c r="H10472" s="40">
        <v>174.38333399999999</v>
      </c>
      <c r="I10472" s="40">
        <v>25.044840380669591</v>
      </c>
      <c r="L10472" s="40"/>
      <c r="M10472" s="40"/>
      <c r="N10472" s="40"/>
    </row>
    <row r="10473" spans="4:14" x14ac:dyDescent="0.25">
      <c r="D10473" s="40"/>
      <c r="F10473" s="40">
        <v>174.4</v>
      </c>
      <c r="G10473" s="40">
        <v>22.68251431013789</v>
      </c>
      <c r="H10473" s="40">
        <v>174.40000000000003</v>
      </c>
      <c r="I10473" s="40">
        <v>25.044840380669591</v>
      </c>
      <c r="L10473" s="40"/>
      <c r="M10473" s="40"/>
      <c r="N10473" s="40"/>
    </row>
    <row r="10474" spans="4:14" x14ac:dyDescent="0.25">
      <c r="D10474" s="40"/>
      <c r="F10474" s="40">
        <v>174.41666699999999</v>
      </c>
      <c r="G10474" s="40">
        <v>22.68251431013789</v>
      </c>
      <c r="H10474" s="40">
        <v>174.41666700000002</v>
      </c>
      <c r="I10474" s="40">
        <v>25.048193116812847</v>
      </c>
      <c r="L10474" s="40"/>
      <c r="M10474" s="40"/>
      <c r="N10474" s="40"/>
    </row>
    <row r="10475" spans="4:14" x14ac:dyDescent="0.25">
      <c r="D10475" s="40"/>
      <c r="F10475" s="40">
        <v>174.433333</v>
      </c>
      <c r="G10475" s="40">
        <v>22.68251431013789</v>
      </c>
      <c r="H10475" s="40">
        <v>174.433334</v>
      </c>
      <c r="I10475" s="40">
        <v>25.048193116812847</v>
      </c>
      <c r="L10475" s="40"/>
      <c r="M10475" s="40"/>
      <c r="N10475" s="40"/>
    </row>
    <row r="10476" spans="4:14" x14ac:dyDescent="0.25">
      <c r="D10476" s="40"/>
      <c r="F10476" s="40">
        <v>174.45</v>
      </c>
      <c r="G10476" s="40">
        <v>22.68251431013789</v>
      </c>
      <c r="H10476" s="40">
        <v>174.45</v>
      </c>
      <c r="I10476" s="40">
        <v>25.048193116812847</v>
      </c>
      <c r="L10476" s="40"/>
      <c r="M10476" s="40"/>
      <c r="N10476" s="40"/>
    </row>
    <row r="10477" spans="4:14" x14ac:dyDescent="0.25">
      <c r="D10477" s="40"/>
      <c r="F10477" s="40">
        <v>174.466667</v>
      </c>
      <c r="G10477" s="40">
        <v>22.677898926167988</v>
      </c>
      <c r="H10477" s="40">
        <v>174.46666700000003</v>
      </c>
      <c r="I10477" s="40">
        <v>25.051545852956281</v>
      </c>
      <c r="L10477" s="40"/>
      <c r="M10477" s="40"/>
      <c r="N10477" s="40"/>
    </row>
    <row r="10478" spans="4:14" x14ac:dyDescent="0.25">
      <c r="D10478" s="40"/>
      <c r="F10478" s="40">
        <v>174.48333299999999</v>
      </c>
      <c r="G10478" s="40">
        <v>22.677898926167988</v>
      </c>
      <c r="H10478" s="40">
        <v>174.48333400000001</v>
      </c>
      <c r="I10478" s="40">
        <v>25.051545852956281</v>
      </c>
      <c r="L10478" s="40"/>
      <c r="M10478" s="40"/>
      <c r="N10478" s="40"/>
    </row>
    <row r="10479" spans="4:14" x14ac:dyDescent="0.25">
      <c r="D10479" s="40"/>
      <c r="F10479" s="40">
        <v>174.5</v>
      </c>
      <c r="G10479" s="40">
        <v>22.677898926167988</v>
      </c>
      <c r="H10479" s="40">
        <v>174.5</v>
      </c>
      <c r="I10479" s="40">
        <v>25.054799979213044</v>
      </c>
      <c r="L10479" s="40"/>
      <c r="M10479" s="40"/>
      <c r="N10479" s="40"/>
    </row>
    <row r="10480" spans="4:14" x14ac:dyDescent="0.25">
      <c r="D10480" s="40"/>
      <c r="F10480" s="40">
        <v>174.51666699999998</v>
      </c>
      <c r="G10480" s="40">
        <v>22.677898926167988</v>
      </c>
      <c r="H10480" s="40">
        <v>174.51666699999998</v>
      </c>
      <c r="I10480" s="40">
        <v>25.054799979213044</v>
      </c>
      <c r="L10480" s="40"/>
      <c r="M10480" s="40"/>
      <c r="N10480" s="40"/>
    </row>
    <row r="10481" spans="4:14" x14ac:dyDescent="0.25">
      <c r="D10481" s="40"/>
      <c r="F10481" s="40">
        <v>174.533333</v>
      </c>
      <c r="G10481" s="40">
        <v>22.677898926167988</v>
      </c>
      <c r="H10481" s="40">
        <v>174.53333400000002</v>
      </c>
      <c r="I10481" s="40">
        <v>25.054799979213044</v>
      </c>
      <c r="L10481" s="40"/>
      <c r="M10481" s="40"/>
      <c r="N10481" s="40"/>
    </row>
    <row r="10482" spans="4:14" x14ac:dyDescent="0.25">
      <c r="D10482" s="40"/>
      <c r="F10482" s="40">
        <v>174.54999999999998</v>
      </c>
      <c r="G10482" s="40">
        <v>22.677898926167988</v>
      </c>
      <c r="H10482" s="40">
        <v>174.55</v>
      </c>
      <c r="I10482" s="40">
        <v>25.0581527153563</v>
      </c>
      <c r="L10482" s="40"/>
      <c r="M10482" s="40"/>
      <c r="N10482" s="40"/>
    </row>
    <row r="10483" spans="4:14" x14ac:dyDescent="0.25">
      <c r="D10483" s="40"/>
      <c r="F10483" s="40">
        <v>174.566667</v>
      </c>
      <c r="G10483" s="40">
        <v>22.677898926167988</v>
      </c>
      <c r="H10483" s="40">
        <v>174.566667</v>
      </c>
      <c r="I10483" s="40">
        <v>25.0581527153563</v>
      </c>
      <c r="L10483" s="40"/>
      <c r="M10483" s="40"/>
      <c r="N10483" s="40"/>
    </row>
    <row r="10484" spans="4:14" x14ac:dyDescent="0.25">
      <c r="D10484" s="40"/>
      <c r="F10484" s="40">
        <v>174.58333299999998</v>
      </c>
      <c r="G10484" s="40">
        <v>22.677898926167988</v>
      </c>
      <c r="H10484" s="40">
        <v>174.58333399999998</v>
      </c>
      <c r="I10484" s="40">
        <v>25.0581527153563</v>
      </c>
      <c r="L10484" s="40"/>
      <c r="M10484" s="40"/>
      <c r="N10484" s="40"/>
    </row>
    <row r="10485" spans="4:14" x14ac:dyDescent="0.25">
      <c r="D10485" s="40"/>
      <c r="F10485" s="40">
        <v>174.6</v>
      </c>
      <c r="G10485" s="40">
        <v>22.677898926167988</v>
      </c>
      <c r="H10485" s="40">
        <v>174.60000000000002</v>
      </c>
      <c r="I10485" s="40">
        <v>25.0581527153563</v>
      </c>
      <c r="L10485" s="40"/>
      <c r="M10485" s="40"/>
      <c r="N10485" s="40"/>
    </row>
    <row r="10486" spans="4:14" x14ac:dyDescent="0.25">
      <c r="D10486" s="40"/>
      <c r="F10486" s="40">
        <v>174.61666700000001</v>
      </c>
      <c r="G10486" s="40">
        <v>22.677898926167988</v>
      </c>
      <c r="H10486" s="40">
        <v>174.61666700000001</v>
      </c>
      <c r="I10486" s="40">
        <v>25.061505451499556</v>
      </c>
      <c r="L10486" s="40"/>
      <c r="M10486" s="40"/>
      <c r="N10486" s="40"/>
    </row>
    <row r="10487" spans="4:14" x14ac:dyDescent="0.25">
      <c r="D10487" s="40"/>
      <c r="F10487" s="40">
        <v>174.63333299999999</v>
      </c>
      <c r="G10487" s="40">
        <v>22.68251431013789</v>
      </c>
      <c r="H10487" s="40">
        <v>174.63333399999999</v>
      </c>
      <c r="I10487" s="40">
        <v>25.061505451499556</v>
      </c>
      <c r="L10487" s="40"/>
      <c r="M10487" s="40"/>
      <c r="N10487" s="40"/>
    </row>
    <row r="10488" spans="4:14" x14ac:dyDescent="0.25">
      <c r="D10488" s="40"/>
      <c r="F10488" s="40">
        <v>174.65</v>
      </c>
      <c r="G10488" s="40">
        <v>22.68251431013789</v>
      </c>
      <c r="H10488" s="40">
        <v>174.65000000000003</v>
      </c>
      <c r="I10488" s="40">
        <v>25.061505451499556</v>
      </c>
      <c r="L10488" s="40"/>
      <c r="M10488" s="40"/>
      <c r="N10488" s="40"/>
    </row>
    <row r="10489" spans="4:14" x14ac:dyDescent="0.25">
      <c r="D10489" s="40"/>
      <c r="F10489" s="40">
        <v>174.66666699999999</v>
      </c>
      <c r="G10489" s="40">
        <v>22.68251431013789</v>
      </c>
      <c r="H10489" s="40">
        <v>174.66666700000002</v>
      </c>
      <c r="I10489" s="40">
        <v>25.06475957775632</v>
      </c>
      <c r="L10489" s="40"/>
      <c r="M10489" s="40"/>
      <c r="N10489" s="40"/>
    </row>
    <row r="10490" spans="4:14" x14ac:dyDescent="0.25">
      <c r="D10490" s="40"/>
      <c r="F10490" s="40">
        <v>174.683333</v>
      </c>
      <c r="G10490" s="40">
        <v>22.68251431013789</v>
      </c>
      <c r="H10490" s="40">
        <v>174.683334</v>
      </c>
      <c r="I10490" s="40">
        <v>25.06475957775632</v>
      </c>
      <c r="L10490" s="40"/>
      <c r="M10490" s="40"/>
      <c r="N10490" s="40"/>
    </row>
    <row r="10491" spans="4:14" x14ac:dyDescent="0.25">
      <c r="D10491" s="40"/>
      <c r="F10491" s="40">
        <v>174.7</v>
      </c>
      <c r="G10491" s="40">
        <v>22.68251431013789</v>
      </c>
      <c r="H10491" s="40">
        <v>174.7</v>
      </c>
      <c r="I10491" s="40">
        <v>25.06475957775632</v>
      </c>
      <c r="L10491" s="40"/>
      <c r="M10491" s="40"/>
      <c r="N10491" s="40"/>
    </row>
    <row r="10492" spans="4:14" x14ac:dyDescent="0.25">
      <c r="D10492" s="40"/>
      <c r="F10492" s="40">
        <v>174.716667</v>
      </c>
      <c r="G10492" s="40">
        <v>22.68251431013789</v>
      </c>
      <c r="H10492" s="40">
        <v>174.71666700000003</v>
      </c>
      <c r="I10492" s="40">
        <v>25.068112313899753</v>
      </c>
      <c r="L10492" s="40"/>
      <c r="M10492" s="40"/>
      <c r="N10492" s="40"/>
    </row>
    <row r="10493" spans="4:14" x14ac:dyDescent="0.25">
      <c r="D10493" s="40"/>
      <c r="F10493" s="40">
        <v>174.73333299999999</v>
      </c>
      <c r="G10493" s="40">
        <v>22.68251431013789</v>
      </c>
      <c r="H10493" s="40">
        <v>174.73333400000001</v>
      </c>
      <c r="I10493" s="40">
        <v>25.068112313899753</v>
      </c>
      <c r="L10493" s="40"/>
      <c r="M10493" s="40"/>
      <c r="N10493" s="40"/>
    </row>
    <row r="10494" spans="4:14" x14ac:dyDescent="0.25">
      <c r="D10494" s="40"/>
      <c r="F10494" s="40">
        <v>174.75</v>
      </c>
      <c r="G10494" s="40">
        <v>22.68251431013789</v>
      </c>
      <c r="H10494" s="40">
        <v>174.75</v>
      </c>
      <c r="I10494" s="40">
        <v>25.068112313899753</v>
      </c>
      <c r="L10494" s="40"/>
      <c r="M10494" s="40"/>
      <c r="N10494" s="40"/>
    </row>
    <row r="10495" spans="4:14" x14ac:dyDescent="0.25">
      <c r="D10495" s="40"/>
      <c r="F10495" s="40">
        <v>174.76666699999998</v>
      </c>
      <c r="G10495" s="40">
        <v>22.68251431013789</v>
      </c>
      <c r="H10495" s="40">
        <v>174.76666699999998</v>
      </c>
      <c r="I10495" s="40">
        <v>25.07146505004301</v>
      </c>
      <c r="L10495" s="40"/>
      <c r="M10495" s="40"/>
      <c r="N10495" s="40"/>
    </row>
    <row r="10496" spans="4:14" x14ac:dyDescent="0.25">
      <c r="D10496" s="40"/>
      <c r="F10496" s="40">
        <v>174.783333</v>
      </c>
      <c r="G10496" s="40">
        <v>22.68251431013789</v>
      </c>
      <c r="H10496" s="40">
        <v>174.78333400000002</v>
      </c>
      <c r="I10496" s="40">
        <v>25.07146505004301</v>
      </c>
      <c r="L10496" s="40"/>
      <c r="M10496" s="40"/>
      <c r="N10496" s="40"/>
    </row>
    <row r="10497" spans="4:14" x14ac:dyDescent="0.25">
      <c r="D10497" s="40"/>
      <c r="F10497" s="40">
        <v>174.79999999999998</v>
      </c>
      <c r="G10497" s="40">
        <v>22.68251431013789</v>
      </c>
      <c r="H10497" s="40">
        <v>174.8</v>
      </c>
      <c r="I10497" s="40">
        <v>25.07146505004301</v>
      </c>
      <c r="L10497" s="40"/>
      <c r="M10497" s="40"/>
      <c r="N10497" s="40"/>
    </row>
    <row r="10498" spans="4:14" x14ac:dyDescent="0.25">
      <c r="D10498" s="40"/>
      <c r="F10498" s="40">
        <v>174.816667</v>
      </c>
      <c r="G10498" s="40">
        <v>22.687269554228106</v>
      </c>
      <c r="H10498" s="40">
        <v>174.816667</v>
      </c>
      <c r="I10498" s="40">
        <v>25.074719176299773</v>
      </c>
      <c r="L10498" s="40"/>
      <c r="M10498" s="40"/>
      <c r="N10498" s="40"/>
    </row>
    <row r="10499" spans="4:14" x14ac:dyDescent="0.25">
      <c r="D10499" s="40"/>
      <c r="F10499" s="40">
        <v>174.83333299999998</v>
      </c>
      <c r="G10499" s="40">
        <v>22.687269554228106</v>
      </c>
      <c r="H10499" s="40">
        <v>174.83333399999998</v>
      </c>
      <c r="I10499" s="40">
        <v>25.074719176299773</v>
      </c>
      <c r="L10499" s="40"/>
      <c r="M10499" s="40"/>
      <c r="N10499" s="40"/>
    </row>
    <row r="10500" spans="4:14" x14ac:dyDescent="0.25">
      <c r="D10500" s="40"/>
      <c r="F10500" s="40">
        <v>174.85</v>
      </c>
      <c r="G10500" s="40">
        <v>22.687269554228106</v>
      </c>
      <c r="H10500" s="40">
        <v>174.85000000000002</v>
      </c>
      <c r="I10500" s="40">
        <v>25.074719176299773</v>
      </c>
      <c r="L10500" s="40"/>
      <c r="M10500" s="40"/>
      <c r="N10500" s="40"/>
    </row>
    <row r="10501" spans="4:14" x14ac:dyDescent="0.25">
      <c r="D10501" s="40"/>
      <c r="F10501" s="40">
        <v>174.86666700000001</v>
      </c>
      <c r="G10501" s="40">
        <v>22.687269554228106</v>
      </c>
      <c r="H10501" s="40">
        <v>174.86666700000001</v>
      </c>
      <c r="I10501" s="40">
        <v>25.074719176299773</v>
      </c>
      <c r="L10501" s="40"/>
      <c r="M10501" s="40"/>
      <c r="N10501" s="40"/>
    </row>
    <row r="10502" spans="4:14" x14ac:dyDescent="0.25">
      <c r="D10502" s="40"/>
      <c r="F10502" s="40">
        <v>174.88333299999999</v>
      </c>
      <c r="G10502" s="40">
        <v>22.687269554228106</v>
      </c>
      <c r="H10502" s="40">
        <v>174.88333399999999</v>
      </c>
      <c r="I10502" s="40">
        <v>25.078071912443033</v>
      </c>
      <c r="L10502" s="40"/>
      <c r="M10502" s="40"/>
      <c r="N10502" s="40"/>
    </row>
    <row r="10503" spans="4:14" x14ac:dyDescent="0.25">
      <c r="D10503" s="40"/>
      <c r="F10503" s="40">
        <v>174.9</v>
      </c>
      <c r="G10503" s="40">
        <v>22.687269554228106</v>
      </c>
      <c r="H10503" s="40">
        <v>174.90000000000003</v>
      </c>
      <c r="I10503" s="40">
        <v>25.078071912443033</v>
      </c>
      <c r="L10503" s="40"/>
      <c r="M10503" s="40"/>
      <c r="N10503" s="40"/>
    </row>
    <row r="10504" spans="4:14" x14ac:dyDescent="0.25">
      <c r="D10504" s="40"/>
      <c r="F10504" s="40">
        <v>174.91666699999999</v>
      </c>
      <c r="G10504" s="40">
        <v>22.687269554228106</v>
      </c>
      <c r="H10504" s="40">
        <v>174.91666700000002</v>
      </c>
      <c r="I10504" s="40">
        <v>25.078071912443033</v>
      </c>
      <c r="L10504" s="40"/>
      <c r="M10504" s="40"/>
      <c r="N10504" s="40"/>
    </row>
    <row r="10505" spans="4:14" x14ac:dyDescent="0.25">
      <c r="D10505" s="40"/>
      <c r="F10505" s="40">
        <v>174.933333</v>
      </c>
      <c r="G10505" s="40">
        <v>22.687269554228106</v>
      </c>
      <c r="H10505" s="40">
        <v>174.933334</v>
      </c>
      <c r="I10505" s="40">
        <v>25.078071912443033</v>
      </c>
      <c r="L10505" s="40"/>
      <c r="M10505" s="40"/>
      <c r="N10505" s="40"/>
    </row>
    <row r="10506" spans="4:14" x14ac:dyDescent="0.25">
      <c r="D10506" s="40"/>
      <c r="F10506" s="40">
        <v>174.95</v>
      </c>
      <c r="G10506" s="40">
        <v>22.687269554228106</v>
      </c>
      <c r="H10506" s="40">
        <v>174.95</v>
      </c>
      <c r="I10506" s="40">
        <v>25.081424648586285</v>
      </c>
      <c r="L10506" s="40"/>
      <c r="M10506" s="40"/>
      <c r="N10506" s="40"/>
    </row>
    <row r="10507" spans="4:14" x14ac:dyDescent="0.25">
      <c r="D10507" s="40"/>
      <c r="F10507" s="40">
        <v>174.966667</v>
      </c>
      <c r="G10507" s="40">
        <v>22.687269554228106</v>
      </c>
      <c r="H10507" s="40">
        <v>174.96666700000003</v>
      </c>
      <c r="I10507" s="40">
        <v>25.081424648586285</v>
      </c>
      <c r="L10507" s="40"/>
      <c r="M10507" s="40"/>
      <c r="N10507" s="40"/>
    </row>
    <row r="10508" spans="4:14" x14ac:dyDescent="0.25">
      <c r="D10508" s="40"/>
      <c r="F10508" s="40">
        <v>174.98333299999999</v>
      </c>
      <c r="G10508" s="40">
        <v>22.687269554228106</v>
      </c>
      <c r="H10508" s="40">
        <v>174.98333400000001</v>
      </c>
      <c r="I10508" s="40">
        <v>25.081424648586285</v>
      </c>
      <c r="L10508" s="40"/>
      <c r="M10508" s="40"/>
      <c r="N10508" s="40"/>
    </row>
    <row r="10509" spans="4:14" x14ac:dyDescent="0.25">
      <c r="D10509" s="40"/>
      <c r="F10509" s="40">
        <v>175</v>
      </c>
      <c r="G10509" s="40">
        <v>22.687269554228106</v>
      </c>
      <c r="H10509" s="40">
        <v>175</v>
      </c>
      <c r="I10509" s="40">
        <v>25.081424648586285</v>
      </c>
      <c r="L10509" s="40"/>
      <c r="M10509" s="40"/>
      <c r="N10509" s="40"/>
    </row>
    <row r="10510" spans="4:14" x14ac:dyDescent="0.25">
      <c r="D10510" s="40"/>
      <c r="F10510" s="40">
        <v>175.01666699999998</v>
      </c>
      <c r="G10510" s="40">
        <v>22.687269554228106</v>
      </c>
      <c r="H10510" s="40">
        <v>175.01666699999998</v>
      </c>
      <c r="I10510" s="40">
        <v>25.084678774843049</v>
      </c>
      <c r="L10510" s="40"/>
      <c r="M10510" s="40"/>
      <c r="N10510" s="40"/>
    </row>
    <row r="10511" spans="4:14" x14ac:dyDescent="0.25">
      <c r="D10511" s="40"/>
      <c r="F10511" s="40">
        <v>175.033333</v>
      </c>
      <c r="G10511" s="40">
        <v>22.687269554228106</v>
      </c>
      <c r="H10511" s="40">
        <v>175.03333400000002</v>
      </c>
      <c r="I10511" s="40">
        <v>25.084678774843049</v>
      </c>
      <c r="L10511" s="40"/>
      <c r="M10511" s="40"/>
      <c r="N10511" s="40"/>
    </row>
    <row r="10512" spans="4:14" x14ac:dyDescent="0.25">
      <c r="D10512" s="40"/>
      <c r="F10512" s="40">
        <v>175.04999999999998</v>
      </c>
      <c r="G10512" s="40">
        <v>22.68251431013789</v>
      </c>
      <c r="H10512" s="40">
        <v>175.05</v>
      </c>
      <c r="I10512" s="40">
        <v>25.084678774843049</v>
      </c>
      <c r="L10512" s="40"/>
      <c r="M10512" s="40"/>
      <c r="N10512" s="40"/>
    </row>
    <row r="10513" spans="4:14" x14ac:dyDescent="0.25">
      <c r="D10513" s="40"/>
      <c r="F10513" s="40">
        <v>175.066667</v>
      </c>
      <c r="G10513" s="40">
        <v>22.68251431013789</v>
      </c>
      <c r="H10513" s="40">
        <v>175.066667</v>
      </c>
      <c r="I10513" s="40">
        <v>25.088031510986482</v>
      </c>
      <c r="L10513" s="40"/>
      <c r="M10513" s="40"/>
      <c r="N10513" s="40"/>
    </row>
    <row r="10514" spans="4:14" x14ac:dyDescent="0.25">
      <c r="D10514" s="40"/>
      <c r="F10514" s="40">
        <v>175.08333299999998</v>
      </c>
      <c r="G10514" s="40">
        <v>22.68251431013789</v>
      </c>
      <c r="H10514" s="40">
        <v>175.08333399999998</v>
      </c>
      <c r="I10514" s="40">
        <v>25.088031510986482</v>
      </c>
      <c r="L10514" s="40"/>
      <c r="M10514" s="40"/>
      <c r="N10514" s="40"/>
    </row>
    <row r="10515" spans="4:14" x14ac:dyDescent="0.25">
      <c r="D10515" s="40"/>
      <c r="F10515" s="40">
        <v>175.1</v>
      </c>
      <c r="G10515" s="40">
        <v>22.68251431013789</v>
      </c>
      <c r="H10515" s="40">
        <v>175.10000000000002</v>
      </c>
      <c r="I10515" s="40">
        <v>25.088031510986482</v>
      </c>
      <c r="L10515" s="40"/>
      <c r="M10515" s="40"/>
      <c r="N10515" s="40"/>
    </row>
    <row r="10516" spans="4:14" x14ac:dyDescent="0.25">
      <c r="D10516" s="40"/>
      <c r="F10516" s="40">
        <v>175.11666700000001</v>
      </c>
      <c r="G10516" s="40">
        <v>22.68251431013789</v>
      </c>
      <c r="H10516" s="40">
        <v>175.11666700000001</v>
      </c>
      <c r="I10516" s="40">
        <v>25.088031510986482</v>
      </c>
      <c r="L10516" s="40"/>
      <c r="M10516" s="40"/>
      <c r="N10516" s="40"/>
    </row>
    <row r="10517" spans="4:14" x14ac:dyDescent="0.25">
      <c r="D10517" s="40"/>
      <c r="F10517" s="40">
        <v>175.13333299999999</v>
      </c>
      <c r="G10517" s="40">
        <v>22.68251431013789</v>
      </c>
      <c r="H10517" s="40">
        <v>175.13333399999999</v>
      </c>
      <c r="I10517" s="40">
        <v>25.091384247129742</v>
      </c>
      <c r="L10517" s="40"/>
      <c r="M10517" s="40"/>
      <c r="N10517" s="40"/>
    </row>
    <row r="10518" spans="4:14" x14ac:dyDescent="0.25">
      <c r="D10518" s="40"/>
      <c r="F10518" s="40">
        <v>175.15</v>
      </c>
      <c r="G10518" s="40">
        <v>22.68251431013789</v>
      </c>
      <c r="H10518" s="40">
        <v>175.15000000000003</v>
      </c>
      <c r="I10518" s="40">
        <v>25.091384247129742</v>
      </c>
      <c r="L10518" s="40"/>
      <c r="M10518" s="40"/>
      <c r="N10518" s="40"/>
    </row>
    <row r="10519" spans="4:14" x14ac:dyDescent="0.25">
      <c r="D10519" s="40"/>
      <c r="F10519" s="40">
        <v>175.16666699999999</v>
      </c>
      <c r="G10519" s="40">
        <v>22.68251431013789</v>
      </c>
      <c r="H10519" s="40">
        <v>175.16666700000002</v>
      </c>
      <c r="I10519" s="40">
        <v>25.091384247129742</v>
      </c>
      <c r="L10519" s="40"/>
      <c r="M10519" s="40"/>
      <c r="N10519" s="40"/>
    </row>
    <row r="10520" spans="4:14" x14ac:dyDescent="0.25">
      <c r="D10520" s="40"/>
      <c r="F10520" s="40">
        <v>175.183333</v>
      </c>
      <c r="G10520" s="40">
        <v>22.68251431013789</v>
      </c>
      <c r="H10520" s="40">
        <v>175.183334</v>
      </c>
      <c r="I10520" s="40">
        <v>25.091384247129742</v>
      </c>
      <c r="L10520" s="40"/>
      <c r="M10520" s="40"/>
      <c r="N10520" s="40"/>
    </row>
    <row r="10521" spans="4:14" x14ac:dyDescent="0.25">
      <c r="D10521" s="40"/>
      <c r="F10521" s="40">
        <v>175.2</v>
      </c>
      <c r="G10521" s="40">
        <v>22.687269554228106</v>
      </c>
      <c r="H10521" s="40">
        <v>175.2</v>
      </c>
      <c r="I10521" s="40">
        <v>25.091384247129742</v>
      </c>
      <c r="L10521" s="40"/>
      <c r="M10521" s="40"/>
      <c r="N10521" s="40"/>
    </row>
    <row r="10522" spans="4:14" x14ac:dyDescent="0.25">
      <c r="D10522" s="40"/>
      <c r="F10522" s="40">
        <v>175.216667</v>
      </c>
      <c r="G10522" s="40">
        <v>22.687269554228106</v>
      </c>
      <c r="H10522" s="40">
        <v>175.21666700000003</v>
      </c>
      <c r="I10522" s="40">
        <v>25.094638373386505</v>
      </c>
      <c r="L10522" s="40"/>
      <c r="M10522" s="40"/>
      <c r="N10522" s="40"/>
    </row>
    <row r="10523" spans="4:14" x14ac:dyDescent="0.25">
      <c r="D10523" s="40"/>
      <c r="F10523" s="40">
        <v>175.23333299999999</v>
      </c>
      <c r="G10523" s="40">
        <v>22.687269554228106</v>
      </c>
      <c r="H10523" s="40">
        <v>175.23333400000001</v>
      </c>
      <c r="I10523" s="40">
        <v>25.094638373386505</v>
      </c>
      <c r="L10523" s="40"/>
      <c r="M10523" s="40"/>
      <c r="N10523" s="40"/>
    </row>
    <row r="10524" spans="4:14" x14ac:dyDescent="0.25">
      <c r="D10524" s="40"/>
      <c r="F10524" s="40">
        <v>175.25</v>
      </c>
      <c r="G10524" s="40">
        <v>22.687269554228106</v>
      </c>
      <c r="H10524" s="40">
        <v>175.25</v>
      </c>
      <c r="I10524" s="40">
        <v>25.094638373386505</v>
      </c>
      <c r="L10524" s="40"/>
      <c r="M10524" s="40"/>
      <c r="N10524" s="40"/>
    </row>
    <row r="10525" spans="4:14" x14ac:dyDescent="0.25">
      <c r="D10525" s="40"/>
      <c r="F10525" s="40">
        <v>175.26666699999998</v>
      </c>
      <c r="G10525" s="40">
        <v>22.687269554228106</v>
      </c>
      <c r="H10525" s="40">
        <v>175.26666699999998</v>
      </c>
      <c r="I10525" s="40">
        <v>25.094638373386505</v>
      </c>
      <c r="L10525" s="40"/>
      <c r="M10525" s="40"/>
      <c r="N10525" s="40"/>
    </row>
    <row r="10526" spans="4:14" x14ac:dyDescent="0.25">
      <c r="D10526" s="40"/>
      <c r="F10526" s="40">
        <v>175.283333</v>
      </c>
      <c r="G10526" s="40">
        <v>22.687269554228106</v>
      </c>
      <c r="H10526" s="40">
        <v>175.28333400000002</v>
      </c>
      <c r="I10526" s="40">
        <v>25.094638373386505</v>
      </c>
      <c r="L10526" s="40"/>
      <c r="M10526" s="40"/>
      <c r="N10526" s="40"/>
    </row>
    <row r="10527" spans="4:14" x14ac:dyDescent="0.25">
      <c r="D10527" s="40"/>
      <c r="F10527" s="40">
        <v>175.29999999999998</v>
      </c>
      <c r="G10527" s="40">
        <v>22.687269554228106</v>
      </c>
      <c r="H10527" s="40">
        <v>175.3</v>
      </c>
      <c r="I10527" s="40">
        <v>25.097991109529762</v>
      </c>
      <c r="L10527" s="40"/>
      <c r="M10527" s="40"/>
      <c r="N10527" s="40"/>
    </row>
    <row r="10528" spans="4:14" x14ac:dyDescent="0.25">
      <c r="D10528" s="40"/>
      <c r="F10528" s="40">
        <v>175.316667</v>
      </c>
      <c r="G10528" s="40">
        <v>22.687269554228106</v>
      </c>
      <c r="H10528" s="40">
        <v>175.316667</v>
      </c>
      <c r="I10528" s="40">
        <v>25.097991109529762</v>
      </c>
      <c r="L10528" s="40"/>
      <c r="M10528" s="40"/>
      <c r="N10528" s="40"/>
    </row>
    <row r="10529" spans="4:14" x14ac:dyDescent="0.25">
      <c r="D10529" s="40"/>
      <c r="F10529" s="40">
        <v>175.33333299999998</v>
      </c>
      <c r="G10529" s="40">
        <v>22.692024798318329</v>
      </c>
      <c r="H10529" s="40">
        <v>175.33333399999998</v>
      </c>
      <c r="I10529" s="40">
        <v>25.097991109529762</v>
      </c>
      <c r="L10529" s="40"/>
      <c r="M10529" s="40"/>
      <c r="N10529" s="40"/>
    </row>
    <row r="10530" spans="4:14" x14ac:dyDescent="0.25">
      <c r="D10530" s="40"/>
      <c r="F10530" s="40">
        <v>175.35</v>
      </c>
      <c r="G10530" s="40">
        <v>22.692024798318329</v>
      </c>
      <c r="H10530" s="40">
        <v>175.35000000000002</v>
      </c>
      <c r="I10530" s="40">
        <v>25.101343845673192</v>
      </c>
      <c r="L10530" s="40"/>
      <c r="M10530" s="40"/>
      <c r="N10530" s="40"/>
    </row>
    <row r="10531" spans="4:14" x14ac:dyDescent="0.25">
      <c r="D10531" s="40"/>
      <c r="F10531" s="40">
        <v>175.36666700000001</v>
      </c>
      <c r="G10531" s="40">
        <v>22.692024798318329</v>
      </c>
      <c r="H10531" s="40">
        <v>175.36666700000001</v>
      </c>
      <c r="I10531" s="40">
        <v>25.101343845673192</v>
      </c>
      <c r="L10531" s="40"/>
      <c r="M10531" s="40"/>
      <c r="N10531" s="40"/>
    </row>
    <row r="10532" spans="4:14" x14ac:dyDescent="0.25">
      <c r="D10532" s="40"/>
      <c r="F10532" s="40">
        <v>175.38333299999999</v>
      </c>
      <c r="G10532" s="40">
        <v>22.692024798318329</v>
      </c>
      <c r="H10532" s="40">
        <v>175.38333399999999</v>
      </c>
      <c r="I10532" s="40">
        <v>25.101343845673192</v>
      </c>
      <c r="L10532" s="40"/>
      <c r="M10532" s="40"/>
      <c r="N10532" s="40"/>
    </row>
    <row r="10533" spans="4:14" x14ac:dyDescent="0.25">
      <c r="D10533" s="40"/>
      <c r="F10533" s="40">
        <v>175.4</v>
      </c>
      <c r="G10533" s="40">
        <v>22.692024798318329</v>
      </c>
      <c r="H10533" s="40">
        <v>175.40000000000003</v>
      </c>
      <c r="I10533" s="40">
        <v>25.104597971929778</v>
      </c>
      <c r="L10533" s="40"/>
      <c r="M10533" s="40"/>
      <c r="N10533" s="40"/>
    </row>
    <row r="10534" spans="4:14" x14ac:dyDescent="0.25">
      <c r="D10534" s="40"/>
      <c r="F10534" s="40">
        <v>175.41666699999999</v>
      </c>
      <c r="G10534" s="40">
        <v>22.692024798318329</v>
      </c>
      <c r="H10534" s="40">
        <v>175.41666700000002</v>
      </c>
      <c r="I10534" s="40">
        <v>25.104597971929778</v>
      </c>
      <c r="L10534" s="40"/>
      <c r="M10534" s="40"/>
      <c r="N10534" s="40"/>
    </row>
    <row r="10535" spans="4:14" x14ac:dyDescent="0.25">
      <c r="D10535" s="40"/>
      <c r="F10535" s="40">
        <v>175.433333</v>
      </c>
      <c r="G10535" s="40">
        <v>22.692024798318329</v>
      </c>
      <c r="H10535" s="40">
        <v>175.433334</v>
      </c>
      <c r="I10535" s="40">
        <v>25.104597971929778</v>
      </c>
      <c r="L10535" s="40"/>
      <c r="M10535" s="40"/>
      <c r="N10535" s="40"/>
    </row>
    <row r="10536" spans="4:14" x14ac:dyDescent="0.25">
      <c r="D10536" s="40"/>
      <c r="F10536" s="40">
        <v>175.45</v>
      </c>
      <c r="G10536" s="40">
        <v>22.692024798318329</v>
      </c>
      <c r="H10536" s="40">
        <v>175.45</v>
      </c>
      <c r="I10536" s="40">
        <v>25.104597971929778</v>
      </c>
      <c r="L10536" s="40"/>
      <c r="M10536" s="40"/>
      <c r="N10536" s="40"/>
    </row>
    <row r="10537" spans="4:14" x14ac:dyDescent="0.25">
      <c r="D10537" s="40"/>
      <c r="F10537" s="40">
        <v>175.466667</v>
      </c>
      <c r="G10537" s="40">
        <v>22.692024798318329</v>
      </c>
      <c r="H10537" s="40">
        <v>175.46666700000003</v>
      </c>
      <c r="I10537" s="40">
        <v>25.107950708073211</v>
      </c>
      <c r="L10537" s="40"/>
      <c r="M10537" s="40"/>
      <c r="N10537" s="40"/>
    </row>
    <row r="10538" spans="4:14" x14ac:dyDescent="0.25">
      <c r="D10538" s="40"/>
      <c r="F10538" s="40">
        <v>175.48333299999999</v>
      </c>
      <c r="G10538" s="40">
        <v>22.692024798318329</v>
      </c>
      <c r="H10538" s="40">
        <v>175.48333400000001</v>
      </c>
      <c r="I10538" s="40">
        <v>25.107950708073211</v>
      </c>
      <c r="L10538" s="40"/>
      <c r="M10538" s="40"/>
      <c r="N10538" s="40"/>
    </row>
    <row r="10539" spans="4:14" x14ac:dyDescent="0.25">
      <c r="D10539" s="40"/>
      <c r="F10539" s="40">
        <v>175.5</v>
      </c>
      <c r="G10539" s="40">
        <v>22.696640182288107</v>
      </c>
      <c r="H10539" s="40">
        <v>175.5</v>
      </c>
      <c r="I10539" s="40">
        <v>25.107950708073211</v>
      </c>
      <c r="L10539" s="40"/>
      <c r="M10539" s="40"/>
      <c r="N10539" s="40"/>
    </row>
    <row r="10540" spans="4:14" x14ac:dyDescent="0.25">
      <c r="D10540" s="40"/>
      <c r="F10540" s="40">
        <v>175.51666699999998</v>
      </c>
      <c r="G10540" s="40">
        <v>22.696640182288107</v>
      </c>
      <c r="H10540" s="40">
        <v>175.51666699999998</v>
      </c>
      <c r="I10540" s="40">
        <v>25.107950708073211</v>
      </c>
      <c r="L10540" s="40"/>
      <c r="M10540" s="40"/>
      <c r="N10540" s="40"/>
    </row>
    <row r="10541" spans="4:14" x14ac:dyDescent="0.25">
      <c r="D10541" s="40"/>
      <c r="F10541" s="40">
        <v>175.533333</v>
      </c>
      <c r="G10541" s="40">
        <v>22.696640182288107</v>
      </c>
      <c r="H10541" s="40">
        <v>175.53333400000002</v>
      </c>
      <c r="I10541" s="40">
        <v>25.111303444216471</v>
      </c>
      <c r="L10541" s="40"/>
      <c r="M10541" s="40"/>
      <c r="N10541" s="40"/>
    </row>
    <row r="10542" spans="4:14" x14ac:dyDescent="0.25">
      <c r="D10542" s="40"/>
      <c r="F10542" s="40">
        <v>175.54999999999998</v>
      </c>
      <c r="G10542" s="40">
        <v>22.696640182288107</v>
      </c>
      <c r="H10542" s="40">
        <v>175.55</v>
      </c>
      <c r="I10542" s="40">
        <v>25.111303444216471</v>
      </c>
      <c r="L10542" s="40"/>
      <c r="M10542" s="40"/>
      <c r="N10542" s="40"/>
    </row>
    <row r="10543" spans="4:14" x14ac:dyDescent="0.25">
      <c r="D10543" s="40"/>
      <c r="F10543" s="40">
        <v>175.566667</v>
      </c>
      <c r="G10543" s="40">
        <v>22.696640182288107</v>
      </c>
      <c r="H10543" s="40">
        <v>175.566667</v>
      </c>
      <c r="I10543" s="40">
        <v>25.111303444216471</v>
      </c>
      <c r="L10543" s="40"/>
      <c r="M10543" s="40"/>
      <c r="N10543" s="40"/>
    </row>
    <row r="10544" spans="4:14" x14ac:dyDescent="0.25">
      <c r="D10544" s="40"/>
      <c r="F10544" s="40">
        <v>175.58333299999998</v>
      </c>
      <c r="G10544" s="40">
        <v>22.696640182288107</v>
      </c>
      <c r="H10544" s="40">
        <v>175.58333399999998</v>
      </c>
      <c r="I10544" s="40">
        <v>25.114656180359727</v>
      </c>
      <c r="L10544" s="40"/>
      <c r="M10544" s="40"/>
      <c r="N10544" s="40"/>
    </row>
    <row r="10545" spans="4:14" x14ac:dyDescent="0.25">
      <c r="D10545" s="40"/>
      <c r="F10545" s="40">
        <v>175.6</v>
      </c>
      <c r="G10545" s="40">
        <v>22.696640182288107</v>
      </c>
      <c r="H10545" s="40">
        <v>175.60000000000002</v>
      </c>
      <c r="I10545" s="40">
        <v>25.114656180359727</v>
      </c>
      <c r="L10545" s="40"/>
      <c r="M10545" s="40"/>
      <c r="N10545" s="40"/>
    </row>
    <row r="10546" spans="4:14" x14ac:dyDescent="0.25">
      <c r="D10546" s="40"/>
      <c r="F10546" s="40">
        <v>175.61666700000001</v>
      </c>
      <c r="G10546" s="40">
        <v>22.696640182288107</v>
      </c>
      <c r="H10546" s="40">
        <v>175.61666700000001</v>
      </c>
      <c r="I10546" s="40">
        <v>25.117910306616491</v>
      </c>
      <c r="L10546" s="40"/>
      <c r="M10546" s="40"/>
      <c r="N10546" s="40"/>
    </row>
    <row r="10547" spans="4:14" x14ac:dyDescent="0.25">
      <c r="D10547" s="40"/>
      <c r="F10547" s="40">
        <v>175.63333299999999</v>
      </c>
      <c r="G10547" s="40">
        <v>22.696640182288107</v>
      </c>
      <c r="H10547" s="40">
        <v>175.63333399999999</v>
      </c>
      <c r="I10547" s="40">
        <v>25.117910306616491</v>
      </c>
      <c r="L10547" s="40"/>
      <c r="M10547" s="40"/>
      <c r="N10547" s="40"/>
    </row>
    <row r="10548" spans="4:14" x14ac:dyDescent="0.25">
      <c r="D10548" s="40"/>
      <c r="F10548" s="40">
        <v>175.65</v>
      </c>
      <c r="G10548" s="40">
        <v>22.696640182288107</v>
      </c>
      <c r="H10548" s="40">
        <v>175.65000000000003</v>
      </c>
      <c r="I10548" s="40">
        <v>25.117910306616491</v>
      </c>
      <c r="L10548" s="40"/>
      <c r="M10548" s="40"/>
      <c r="N10548" s="40"/>
    </row>
    <row r="10549" spans="4:14" x14ac:dyDescent="0.25">
      <c r="D10549" s="40"/>
      <c r="F10549" s="40">
        <v>175.66666699999999</v>
      </c>
      <c r="G10549" s="40">
        <v>22.696640182288107</v>
      </c>
      <c r="H10549" s="40">
        <v>175.66666700000002</v>
      </c>
      <c r="I10549" s="40">
        <v>25.117910306616491</v>
      </c>
      <c r="L10549" s="40"/>
      <c r="M10549" s="40"/>
      <c r="N10549" s="40"/>
    </row>
    <row r="10550" spans="4:14" x14ac:dyDescent="0.25">
      <c r="D10550" s="40"/>
      <c r="F10550" s="40">
        <v>175.683333</v>
      </c>
      <c r="G10550" s="40">
        <v>22.696640182288107</v>
      </c>
      <c r="H10550" s="40">
        <v>175.683334</v>
      </c>
      <c r="I10550" s="40">
        <v>25.121263042759921</v>
      </c>
      <c r="L10550" s="40"/>
      <c r="M10550" s="40"/>
      <c r="N10550" s="40"/>
    </row>
    <row r="10551" spans="4:14" x14ac:dyDescent="0.25">
      <c r="D10551" s="40"/>
      <c r="F10551" s="40">
        <v>175.7</v>
      </c>
      <c r="G10551" s="40">
        <v>22.696640182288107</v>
      </c>
      <c r="H10551" s="40">
        <v>175.7</v>
      </c>
      <c r="I10551" s="40">
        <v>25.121263042759921</v>
      </c>
      <c r="L10551" s="40"/>
      <c r="M10551" s="40"/>
      <c r="N10551" s="40"/>
    </row>
    <row r="10552" spans="4:14" x14ac:dyDescent="0.25">
      <c r="D10552" s="40"/>
      <c r="F10552" s="40">
        <v>175.716667</v>
      </c>
      <c r="G10552" s="40">
        <v>22.696640182288107</v>
      </c>
      <c r="H10552" s="40">
        <v>175.71666700000003</v>
      </c>
      <c r="I10552" s="40">
        <v>25.121263042759921</v>
      </c>
      <c r="L10552" s="40"/>
      <c r="M10552" s="40"/>
      <c r="N10552" s="40"/>
    </row>
    <row r="10553" spans="4:14" x14ac:dyDescent="0.25">
      <c r="D10553" s="40"/>
      <c r="F10553" s="40">
        <v>175.73333299999999</v>
      </c>
      <c r="G10553" s="40">
        <v>22.696640182288107</v>
      </c>
      <c r="H10553" s="40">
        <v>175.73333400000001</v>
      </c>
      <c r="I10553" s="40">
        <v>25.124615778903181</v>
      </c>
      <c r="L10553" s="40"/>
      <c r="M10553" s="40"/>
      <c r="N10553" s="40"/>
    </row>
    <row r="10554" spans="4:14" x14ac:dyDescent="0.25">
      <c r="D10554" s="40"/>
      <c r="F10554" s="40">
        <v>175.75</v>
      </c>
      <c r="G10554" s="40">
        <v>22.696640182288107</v>
      </c>
      <c r="H10554" s="40">
        <v>175.75</v>
      </c>
      <c r="I10554" s="40">
        <v>25.124615778903181</v>
      </c>
      <c r="L10554" s="40"/>
      <c r="M10554" s="40"/>
      <c r="N10554" s="40"/>
    </row>
    <row r="10555" spans="4:14" x14ac:dyDescent="0.25">
      <c r="D10555" s="40"/>
      <c r="F10555" s="40">
        <v>175.76666699999998</v>
      </c>
      <c r="G10555" s="40">
        <v>22.696640182288107</v>
      </c>
      <c r="H10555" s="40">
        <v>175.76666699999998</v>
      </c>
      <c r="I10555" s="40">
        <v>25.124615778903181</v>
      </c>
      <c r="L10555" s="40"/>
      <c r="M10555" s="40"/>
      <c r="N10555" s="40"/>
    </row>
    <row r="10556" spans="4:14" x14ac:dyDescent="0.25">
      <c r="D10556" s="40"/>
      <c r="F10556" s="40">
        <v>175.783333</v>
      </c>
      <c r="G10556" s="40">
        <v>22.696640182288107</v>
      </c>
      <c r="H10556" s="40">
        <v>175.78333400000002</v>
      </c>
      <c r="I10556" s="40">
        <v>25.127869905159944</v>
      </c>
      <c r="L10556" s="40"/>
      <c r="M10556" s="40"/>
      <c r="N10556" s="40"/>
    </row>
    <row r="10557" spans="4:14" x14ac:dyDescent="0.25">
      <c r="D10557" s="40"/>
      <c r="F10557" s="40">
        <v>175.79999999999998</v>
      </c>
      <c r="G10557" s="40">
        <v>22.696640182288107</v>
      </c>
      <c r="H10557" s="40">
        <v>175.8</v>
      </c>
      <c r="I10557" s="40">
        <v>25.127869905159944</v>
      </c>
      <c r="L10557" s="40"/>
      <c r="M10557" s="40"/>
      <c r="N10557" s="40"/>
    </row>
    <row r="10558" spans="4:14" x14ac:dyDescent="0.25">
      <c r="D10558" s="40"/>
      <c r="F10558" s="40">
        <v>175.816667</v>
      </c>
      <c r="G10558" s="40">
        <v>22.696640182288107</v>
      </c>
      <c r="H10558" s="40">
        <v>175.816667</v>
      </c>
      <c r="I10558" s="40">
        <v>25.127869905159944</v>
      </c>
      <c r="L10558" s="40"/>
      <c r="M10558" s="40"/>
      <c r="N10558" s="40"/>
    </row>
    <row r="10559" spans="4:14" x14ac:dyDescent="0.25">
      <c r="D10559" s="40"/>
      <c r="F10559" s="40">
        <v>175.83333299999998</v>
      </c>
      <c r="G10559" s="40">
        <v>22.696640182288107</v>
      </c>
      <c r="H10559" s="40">
        <v>175.83333399999998</v>
      </c>
      <c r="I10559" s="40">
        <v>25.1312226413032</v>
      </c>
      <c r="L10559" s="40"/>
      <c r="M10559" s="40"/>
      <c r="N10559" s="40"/>
    </row>
    <row r="10560" spans="4:14" x14ac:dyDescent="0.25">
      <c r="D10560" s="40"/>
      <c r="F10560" s="40">
        <v>175.85</v>
      </c>
      <c r="G10560" s="40">
        <v>22.696640182288107</v>
      </c>
      <c r="H10560" s="40">
        <v>175.85000000000002</v>
      </c>
      <c r="I10560" s="40">
        <v>25.1312226413032</v>
      </c>
      <c r="L10560" s="40"/>
      <c r="M10560" s="40"/>
      <c r="N10560" s="40"/>
    </row>
    <row r="10561" spans="4:14" x14ac:dyDescent="0.25">
      <c r="D10561" s="40"/>
      <c r="F10561" s="40">
        <v>175.86666700000001</v>
      </c>
      <c r="G10561" s="40">
        <v>22.696640182288107</v>
      </c>
      <c r="H10561" s="40">
        <v>175.86666700000001</v>
      </c>
      <c r="I10561" s="40">
        <v>25.1312226413032</v>
      </c>
      <c r="L10561" s="40"/>
      <c r="M10561" s="40"/>
      <c r="N10561" s="40"/>
    </row>
    <row r="10562" spans="4:14" x14ac:dyDescent="0.25">
      <c r="D10562" s="40"/>
      <c r="F10562" s="40">
        <v>175.88333299999999</v>
      </c>
      <c r="G10562" s="40">
        <v>22.696640182288107</v>
      </c>
      <c r="H10562" s="40">
        <v>175.88333399999999</v>
      </c>
      <c r="I10562" s="40">
        <v>25.1312226413032</v>
      </c>
      <c r="L10562" s="40"/>
      <c r="M10562" s="40"/>
      <c r="N10562" s="40"/>
    </row>
    <row r="10563" spans="4:14" x14ac:dyDescent="0.25">
      <c r="D10563" s="40"/>
      <c r="F10563" s="40">
        <v>175.9</v>
      </c>
      <c r="G10563" s="40">
        <v>22.696640182288107</v>
      </c>
      <c r="H10563" s="40">
        <v>175.90000000000003</v>
      </c>
      <c r="I10563" s="40">
        <v>25.134575377446634</v>
      </c>
      <c r="L10563" s="40"/>
      <c r="M10563" s="40"/>
      <c r="N10563" s="40"/>
    </row>
    <row r="10564" spans="4:14" x14ac:dyDescent="0.25">
      <c r="D10564" s="40"/>
      <c r="F10564" s="40">
        <v>175.91666699999999</v>
      </c>
      <c r="G10564" s="40">
        <v>22.696640182288107</v>
      </c>
      <c r="H10564" s="40">
        <v>175.91666700000002</v>
      </c>
      <c r="I10564" s="40">
        <v>25.134575377446634</v>
      </c>
      <c r="L10564" s="40"/>
      <c r="M10564" s="40"/>
      <c r="N10564" s="40"/>
    </row>
    <row r="10565" spans="4:14" x14ac:dyDescent="0.25">
      <c r="D10565" s="40"/>
      <c r="F10565" s="40">
        <v>175.933333</v>
      </c>
      <c r="G10565" s="40">
        <v>22.692024798318329</v>
      </c>
      <c r="H10565" s="40">
        <v>175.933334</v>
      </c>
      <c r="I10565" s="40">
        <v>25.134575377446634</v>
      </c>
      <c r="L10565" s="40"/>
      <c r="M10565" s="40"/>
      <c r="N10565" s="40"/>
    </row>
    <row r="10566" spans="4:14" x14ac:dyDescent="0.25">
      <c r="D10566" s="40"/>
      <c r="F10566" s="40">
        <v>175.95</v>
      </c>
      <c r="G10566" s="40">
        <v>22.692024798318329</v>
      </c>
      <c r="H10566" s="40">
        <v>175.95</v>
      </c>
      <c r="I10566" s="40">
        <v>25.137829503703223</v>
      </c>
      <c r="L10566" s="40"/>
      <c r="M10566" s="40"/>
      <c r="N10566" s="40"/>
    </row>
    <row r="10567" spans="4:14" x14ac:dyDescent="0.25">
      <c r="D10567" s="40"/>
      <c r="F10567" s="40">
        <v>175.966667</v>
      </c>
      <c r="G10567" s="40">
        <v>22.692024798318329</v>
      </c>
      <c r="H10567" s="40">
        <v>175.96666700000003</v>
      </c>
      <c r="I10567" s="40">
        <v>25.137829503703223</v>
      </c>
      <c r="L10567" s="40"/>
      <c r="M10567" s="40"/>
      <c r="N10567" s="40"/>
    </row>
    <row r="10568" spans="4:14" x14ac:dyDescent="0.25">
      <c r="D10568" s="40"/>
      <c r="F10568" s="40">
        <v>175.98333299999999</v>
      </c>
      <c r="G10568" s="40">
        <v>22.692024798318329</v>
      </c>
      <c r="H10568" s="40">
        <v>175.98333400000001</v>
      </c>
      <c r="I10568" s="40">
        <v>25.137829503703223</v>
      </c>
      <c r="L10568" s="40"/>
      <c r="M10568" s="40"/>
      <c r="N10568" s="40"/>
    </row>
    <row r="10569" spans="4:14" x14ac:dyDescent="0.25">
      <c r="D10569" s="40"/>
      <c r="F10569" s="40">
        <v>176</v>
      </c>
      <c r="G10569" s="40">
        <v>22.692024798318329</v>
      </c>
      <c r="H10569" s="40">
        <v>176</v>
      </c>
      <c r="I10569" s="40">
        <v>25.141182239846653</v>
      </c>
      <c r="L10569" s="40"/>
      <c r="M10569" s="40"/>
      <c r="N10569" s="40"/>
    </row>
    <row r="10570" spans="4:14" x14ac:dyDescent="0.25">
      <c r="D10570" s="40"/>
      <c r="F10570" s="40">
        <v>176.01666699999998</v>
      </c>
      <c r="G10570" s="40">
        <v>22.692024798318329</v>
      </c>
      <c r="H10570" s="40">
        <v>176.01666699999998</v>
      </c>
      <c r="I10570" s="40">
        <v>25.141182239846653</v>
      </c>
      <c r="L10570" s="40"/>
      <c r="M10570" s="40"/>
      <c r="N10570" s="40"/>
    </row>
    <row r="10571" spans="4:14" x14ac:dyDescent="0.25">
      <c r="D10571" s="40"/>
      <c r="F10571" s="40">
        <v>176.033333</v>
      </c>
      <c r="G10571" s="40">
        <v>22.692024798318329</v>
      </c>
      <c r="H10571" s="40">
        <v>176.03333400000002</v>
      </c>
      <c r="I10571" s="40">
        <v>25.141182239846653</v>
      </c>
      <c r="L10571" s="40"/>
      <c r="M10571" s="40"/>
      <c r="N10571" s="40"/>
    </row>
    <row r="10572" spans="4:14" x14ac:dyDescent="0.25">
      <c r="D10572" s="40"/>
      <c r="F10572" s="40">
        <v>176.04999999999998</v>
      </c>
      <c r="G10572" s="40">
        <v>22.692024798318329</v>
      </c>
      <c r="H10572" s="40">
        <v>176.05</v>
      </c>
      <c r="I10572" s="40">
        <v>25.141182239846653</v>
      </c>
      <c r="L10572" s="40"/>
      <c r="M10572" s="40"/>
      <c r="N10572" s="40"/>
    </row>
    <row r="10573" spans="4:14" x14ac:dyDescent="0.25">
      <c r="D10573" s="40"/>
      <c r="F10573" s="40">
        <v>176.066667</v>
      </c>
      <c r="G10573" s="40">
        <v>22.692024798318329</v>
      </c>
      <c r="H10573" s="40">
        <v>176.066667</v>
      </c>
      <c r="I10573" s="40">
        <v>25.141182239846653</v>
      </c>
      <c r="L10573" s="40"/>
      <c r="M10573" s="40"/>
      <c r="N10573" s="40"/>
    </row>
    <row r="10574" spans="4:14" x14ac:dyDescent="0.25">
      <c r="D10574" s="40"/>
      <c r="F10574" s="40">
        <v>176.08333299999998</v>
      </c>
      <c r="G10574" s="40">
        <v>22.692024798318329</v>
      </c>
      <c r="H10574" s="40">
        <v>176.08333399999998</v>
      </c>
      <c r="I10574" s="40">
        <v>25.144534975989909</v>
      </c>
      <c r="L10574" s="40"/>
      <c r="M10574" s="40"/>
      <c r="N10574" s="40"/>
    </row>
    <row r="10575" spans="4:14" x14ac:dyDescent="0.25">
      <c r="D10575" s="40"/>
      <c r="F10575" s="40">
        <v>176.1</v>
      </c>
      <c r="G10575" s="40">
        <v>22.692024798318329</v>
      </c>
      <c r="H10575" s="40">
        <v>176.10000000000002</v>
      </c>
      <c r="I10575" s="40">
        <v>25.144534975989909</v>
      </c>
      <c r="L10575" s="40"/>
      <c r="M10575" s="40"/>
      <c r="N10575" s="40"/>
    </row>
    <row r="10576" spans="4:14" x14ac:dyDescent="0.25">
      <c r="D10576" s="40"/>
      <c r="F10576" s="40">
        <v>176.11666699999998</v>
      </c>
      <c r="G10576" s="40">
        <v>22.692024798318329</v>
      </c>
      <c r="H10576" s="40">
        <v>176.11666700000001</v>
      </c>
      <c r="I10576" s="40">
        <v>25.144534975989909</v>
      </c>
      <c r="L10576" s="40"/>
      <c r="M10576" s="40"/>
      <c r="N10576" s="40"/>
    </row>
    <row r="10577" spans="4:14" x14ac:dyDescent="0.25">
      <c r="D10577" s="40"/>
      <c r="F10577" s="40">
        <v>176.13333300000002</v>
      </c>
      <c r="G10577" s="40">
        <v>22.696640182288107</v>
      </c>
      <c r="H10577" s="40">
        <v>176.13333399999999</v>
      </c>
      <c r="I10577" s="40">
        <v>25.144534975989909</v>
      </c>
      <c r="L10577" s="40"/>
      <c r="M10577" s="40"/>
      <c r="N10577" s="40"/>
    </row>
    <row r="10578" spans="4:14" x14ac:dyDescent="0.25">
      <c r="D10578" s="40"/>
      <c r="F10578" s="40">
        <v>176.15</v>
      </c>
      <c r="G10578" s="40">
        <v>22.696640182288107</v>
      </c>
      <c r="H10578" s="40">
        <v>176.15000000000003</v>
      </c>
      <c r="I10578" s="40">
        <v>25.144534975989909</v>
      </c>
      <c r="L10578" s="40"/>
      <c r="M10578" s="40"/>
      <c r="N10578" s="40"/>
    </row>
    <row r="10579" spans="4:14" x14ac:dyDescent="0.25">
      <c r="D10579" s="40"/>
      <c r="F10579" s="40">
        <v>176.16666699999999</v>
      </c>
      <c r="G10579" s="40">
        <v>22.696640182288107</v>
      </c>
      <c r="H10579" s="40">
        <v>176.16666700000002</v>
      </c>
      <c r="I10579" s="40">
        <v>25.147789102246673</v>
      </c>
      <c r="L10579" s="40"/>
      <c r="M10579" s="40"/>
      <c r="N10579" s="40"/>
    </row>
    <row r="10580" spans="4:14" x14ac:dyDescent="0.25">
      <c r="D10580" s="40"/>
      <c r="F10580" s="40">
        <v>176.18333299999998</v>
      </c>
      <c r="G10580" s="40">
        <v>22.696640182288107</v>
      </c>
      <c r="H10580" s="40">
        <v>176.183334</v>
      </c>
      <c r="I10580" s="40">
        <v>25.147789102246673</v>
      </c>
      <c r="L10580" s="40"/>
      <c r="M10580" s="40"/>
      <c r="N10580" s="40"/>
    </row>
    <row r="10581" spans="4:14" x14ac:dyDescent="0.25">
      <c r="D10581" s="40"/>
      <c r="F10581" s="40">
        <v>176.20000000000002</v>
      </c>
      <c r="G10581" s="40">
        <v>22.696640182288107</v>
      </c>
      <c r="H10581" s="40">
        <v>176.2</v>
      </c>
      <c r="I10581" s="40">
        <v>25.147789102246673</v>
      </c>
      <c r="L10581" s="40"/>
      <c r="M10581" s="40"/>
      <c r="N10581" s="40"/>
    </row>
    <row r="10582" spans="4:14" x14ac:dyDescent="0.25">
      <c r="D10582" s="40"/>
      <c r="F10582" s="40">
        <v>176.216667</v>
      </c>
      <c r="G10582" s="40">
        <v>22.696640182288107</v>
      </c>
      <c r="H10582" s="40">
        <v>176.21666700000003</v>
      </c>
      <c r="I10582" s="40">
        <v>25.147789102246673</v>
      </c>
      <c r="L10582" s="40"/>
      <c r="M10582" s="40"/>
      <c r="N10582" s="40"/>
    </row>
    <row r="10583" spans="4:14" x14ac:dyDescent="0.25">
      <c r="D10583" s="40"/>
      <c r="F10583" s="40">
        <v>176.23333299999999</v>
      </c>
      <c r="G10583" s="40">
        <v>22.696640182288107</v>
      </c>
      <c r="H10583" s="40">
        <v>176.23333400000001</v>
      </c>
      <c r="I10583" s="40">
        <v>25.147789102246673</v>
      </c>
      <c r="L10583" s="40"/>
      <c r="M10583" s="40"/>
      <c r="N10583" s="40"/>
    </row>
    <row r="10584" spans="4:14" x14ac:dyDescent="0.25">
      <c r="D10584" s="40"/>
      <c r="F10584" s="40">
        <v>176.24999999999997</v>
      </c>
      <c r="G10584" s="40">
        <v>22.696640182288107</v>
      </c>
      <c r="H10584" s="40">
        <v>176.25</v>
      </c>
      <c r="I10584" s="40">
        <v>25.147789102246673</v>
      </c>
      <c r="L10584" s="40"/>
      <c r="M10584" s="40"/>
      <c r="N10584" s="40"/>
    </row>
    <row r="10585" spans="4:14" x14ac:dyDescent="0.25">
      <c r="D10585" s="40"/>
      <c r="F10585" s="40">
        <v>176.26666700000001</v>
      </c>
      <c r="G10585" s="40">
        <v>22.696640182288107</v>
      </c>
      <c r="H10585" s="40">
        <v>176.26666699999998</v>
      </c>
      <c r="I10585" s="40">
        <v>25.151141838389929</v>
      </c>
      <c r="L10585" s="40"/>
      <c r="M10585" s="40"/>
      <c r="N10585" s="40"/>
    </row>
    <row r="10586" spans="4:14" x14ac:dyDescent="0.25">
      <c r="D10586" s="40"/>
      <c r="F10586" s="40">
        <v>176.283333</v>
      </c>
      <c r="G10586" s="40">
        <v>22.701395426378323</v>
      </c>
      <c r="H10586" s="40">
        <v>176.28333400000002</v>
      </c>
      <c r="I10586" s="40">
        <v>25.151141838389929</v>
      </c>
      <c r="L10586" s="40"/>
      <c r="M10586" s="40"/>
      <c r="N10586" s="40"/>
    </row>
    <row r="10587" spans="4:14" x14ac:dyDescent="0.25">
      <c r="D10587" s="40"/>
      <c r="F10587" s="40">
        <v>176.29999999999998</v>
      </c>
      <c r="G10587" s="40">
        <v>22.701395426378323</v>
      </c>
      <c r="H10587" s="40">
        <v>176.3</v>
      </c>
      <c r="I10587" s="40">
        <v>25.151141838389929</v>
      </c>
      <c r="L10587" s="40"/>
      <c r="M10587" s="40"/>
      <c r="N10587" s="40"/>
    </row>
    <row r="10588" spans="4:14" x14ac:dyDescent="0.25">
      <c r="D10588" s="40"/>
      <c r="F10588" s="40">
        <v>176.31666699999997</v>
      </c>
      <c r="G10588" s="40">
        <v>22.701395426378323</v>
      </c>
      <c r="H10588" s="40">
        <v>176.316667</v>
      </c>
      <c r="I10588" s="40">
        <v>25.151141838389929</v>
      </c>
      <c r="L10588" s="40"/>
      <c r="M10588" s="40"/>
      <c r="N10588" s="40"/>
    </row>
    <row r="10589" spans="4:14" x14ac:dyDescent="0.25">
      <c r="D10589" s="40"/>
      <c r="F10589" s="40">
        <v>176.33333300000001</v>
      </c>
      <c r="G10589" s="40">
        <v>22.701395426378323</v>
      </c>
      <c r="H10589" s="40">
        <v>176.33333399999998</v>
      </c>
      <c r="I10589" s="40">
        <v>25.151141838389929</v>
      </c>
      <c r="L10589" s="40"/>
      <c r="M10589" s="40"/>
      <c r="N10589" s="40"/>
    </row>
    <row r="10590" spans="4:14" x14ac:dyDescent="0.25">
      <c r="D10590" s="40"/>
      <c r="F10590" s="40">
        <v>176.35</v>
      </c>
      <c r="G10590" s="40">
        <v>22.701395426378323</v>
      </c>
      <c r="H10590" s="40">
        <v>176.35000000000002</v>
      </c>
      <c r="I10590" s="40">
        <v>25.151141838389929</v>
      </c>
      <c r="L10590" s="40"/>
      <c r="M10590" s="40"/>
      <c r="N10590" s="40"/>
    </row>
    <row r="10591" spans="4:14" x14ac:dyDescent="0.25">
      <c r="D10591" s="40"/>
      <c r="F10591" s="40">
        <v>176.36666699999998</v>
      </c>
      <c r="G10591" s="40">
        <v>22.701395426378323</v>
      </c>
      <c r="H10591" s="40">
        <v>176.36666700000001</v>
      </c>
      <c r="I10591" s="40">
        <v>25.147789102246673</v>
      </c>
      <c r="L10591" s="40"/>
      <c r="M10591" s="40"/>
      <c r="N10591" s="40"/>
    </row>
    <row r="10592" spans="4:14" x14ac:dyDescent="0.25">
      <c r="D10592" s="40"/>
      <c r="F10592" s="40">
        <v>176.38333300000002</v>
      </c>
      <c r="G10592" s="40">
        <v>22.706150670468542</v>
      </c>
      <c r="H10592" s="40">
        <v>176.38333399999999</v>
      </c>
      <c r="I10592" s="40">
        <v>25.147789102246673</v>
      </c>
      <c r="L10592" s="40"/>
      <c r="M10592" s="40"/>
      <c r="N10592" s="40"/>
    </row>
    <row r="10593" spans="4:14" x14ac:dyDescent="0.25">
      <c r="D10593" s="40"/>
      <c r="F10593" s="40">
        <v>176.4</v>
      </c>
      <c r="G10593" s="40">
        <v>22.706150670468542</v>
      </c>
      <c r="H10593" s="40">
        <v>176.40000000000003</v>
      </c>
      <c r="I10593" s="40">
        <v>25.147789102246673</v>
      </c>
      <c r="L10593" s="40"/>
      <c r="M10593" s="40"/>
      <c r="N10593" s="40"/>
    </row>
    <row r="10594" spans="4:14" x14ac:dyDescent="0.25">
      <c r="D10594" s="40"/>
      <c r="F10594" s="40">
        <v>176.41666699999999</v>
      </c>
      <c r="G10594" s="40">
        <v>22.706150670468542</v>
      </c>
      <c r="H10594" s="40">
        <v>176.41666700000002</v>
      </c>
      <c r="I10594" s="40">
        <v>25.147789102246673</v>
      </c>
      <c r="L10594" s="40"/>
      <c r="M10594" s="40"/>
      <c r="N10594" s="40"/>
    </row>
    <row r="10595" spans="4:14" x14ac:dyDescent="0.25">
      <c r="D10595" s="40"/>
      <c r="F10595" s="40">
        <v>176.43333299999998</v>
      </c>
      <c r="G10595" s="40">
        <v>22.706150670468542</v>
      </c>
      <c r="H10595" s="40">
        <v>176.433334</v>
      </c>
      <c r="I10595" s="40">
        <v>25.151141838389929</v>
      </c>
      <c r="L10595" s="40"/>
      <c r="M10595" s="40"/>
      <c r="N10595" s="40"/>
    </row>
    <row r="10596" spans="4:14" x14ac:dyDescent="0.25">
      <c r="D10596" s="40"/>
      <c r="F10596" s="40">
        <v>176.45000000000002</v>
      </c>
      <c r="G10596" s="40">
        <v>22.706150670468542</v>
      </c>
      <c r="H10596" s="40">
        <v>176.45</v>
      </c>
      <c r="I10596" s="40">
        <v>25.147789102246673</v>
      </c>
      <c r="L10596" s="40"/>
      <c r="M10596" s="40"/>
      <c r="N10596" s="40"/>
    </row>
    <row r="10597" spans="4:14" x14ac:dyDescent="0.25">
      <c r="D10597" s="40"/>
      <c r="F10597" s="40">
        <v>176.466667</v>
      </c>
      <c r="G10597" s="40">
        <v>22.706150670468542</v>
      </c>
      <c r="H10597" s="40">
        <v>176.46666700000003</v>
      </c>
      <c r="I10597" s="40">
        <v>25.137829503703223</v>
      </c>
      <c r="L10597" s="40"/>
      <c r="M10597" s="40"/>
      <c r="N10597" s="40"/>
    </row>
    <row r="10598" spans="4:14" x14ac:dyDescent="0.25">
      <c r="D10598" s="40"/>
      <c r="F10598" s="40">
        <v>176.48333299999999</v>
      </c>
      <c r="G10598" s="40">
        <v>22.706150670468542</v>
      </c>
      <c r="H10598" s="40">
        <v>176.48333400000001</v>
      </c>
      <c r="I10598" s="40">
        <v>25.1312226413032</v>
      </c>
      <c r="L10598" s="40"/>
      <c r="M10598" s="40"/>
      <c r="N10598" s="40"/>
    </row>
    <row r="10599" spans="4:14" x14ac:dyDescent="0.25">
      <c r="D10599" s="40"/>
      <c r="F10599" s="40">
        <v>176.49999999999997</v>
      </c>
      <c r="G10599" s="40">
        <v>22.706150670468542</v>
      </c>
      <c r="H10599" s="40">
        <v>176.5</v>
      </c>
      <c r="I10599" s="40">
        <v>25.127869905159944</v>
      </c>
      <c r="L10599" s="40"/>
      <c r="M10599" s="40"/>
      <c r="N10599" s="40"/>
    </row>
    <row r="10600" spans="4:14" x14ac:dyDescent="0.25">
      <c r="D10600" s="40"/>
      <c r="F10600" s="40">
        <v>176.51666700000001</v>
      </c>
      <c r="G10600" s="40">
        <v>22.71076605443832</v>
      </c>
      <c r="H10600" s="40">
        <v>176.51666699999998</v>
      </c>
      <c r="I10600" s="40">
        <v>25.124615778903181</v>
      </c>
      <c r="L10600" s="40"/>
      <c r="M10600" s="40"/>
      <c r="N10600" s="40"/>
    </row>
    <row r="10601" spans="4:14" x14ac:dyDescent="0.25">
      <c r="D10601" s="40"/>
      <c r="F10601" s="40">
        <v>176.533333</v>
      </c>
      <c r="G10601" s="40">
        <v>22.71076605443832</v>
      </c>
      <c r="H10601" s="40">
        <v>176.53333400000002</v>
      </c>
      <c r="I10601" s="40">
        <v>25.124615778903181</v>
      </c>
      <c r="L10601" s="40"/>
      <c r="M10601" s="40"/>
      <c r="N10601" s="40"/>
    </row>
    <row r="10602" spans="4:14" x14ac:dyDescent="0.25">
      <c r="D10602" s="40"/>
      <c r="F10602" s="40">
        <v>176.54999999999998</v>
      </c>
      <c r="G10602" s="40">
        <v>22.71076605443832</v>
      </c>
      <c r="H10602" s="40">
        <v>176.55</v>
      </c>
      <c r="I10602" s="40">
        <v>25.121263042759921</v>
      </c>
      <c r="L10602" s="40"/>
      <c r="M10602" s="40"/>
      <c r="N10602" s="40"/>
    </row>
    <row r="10603" spans="4:14" x14ac:dyDescent="0.25">
      <c r="D10603" s="40"/>
      <c r="F10603" s="40">
        <v>176.56666699999997</v>
      </c>
      <c r="G10603" s="40">
        <v>22.71076605443832</v>
      </c>
      <c r="H10603" s="40">
        <v>176.566667</v>
      </c>
      <c r="I10603" s="40">
        <v>25.121263042759921</v>
      </c>
      <c r="L10603" s="40"/>
      <c r="M10603" s="40"/>
      <c r="N10603" s="40"/>
    </row>
    <row r="10604" spans="4:14" x14ac:dyDescent="0.25">
      <c r="D10604" s="40"/>
      <c r="F10604" s="40">
        <v>176.58333300000001</v>
      </c>
      <c r="G10604" s="40">
        <v>22.71076605443832</v>
      </c>
      <c r="H10604" s="40">
        <v>176.58333399999998</v>
      </c>
      <c r="I10604" s="40">
        <v>25.121263042759921</v>
      </c>
      <c r="L10604" s="40"/>
      <c r="M10604" s="40"/>
      <c r="N10604" s="40"/>
    </row>
    <row r="10605" spans="4:14" x14ac:dyDescent="0.25">
      <c r="D10605" s="40"/>
      <c r="F10605" s="40">
        <v>176.6</v>
      </c>
      <c r="G10605" s="40">
        <v>22.71076605443832</v>
      </c>
      <c r="H10605" s="40">
        <v>176.60000000000002</v>
      </c>
      <c r="I10605" s="40">
        <v>25.121263042759921</v>
      </c>
      <c r="L10605" s="40"/>
      <c r="M10605" s="40"/>
      <c r="N10605" s="40"/>
    </row>
    <row r="10606" spans="4:14" x14ac:dyDescent="0.25">
      <c r="D10606" s="40"/>
      <c r="F10606" s="40">
        <v>176.61666699999998</v>
      </c>
      <c r="G10606" s="40">
        <v>22.71076605443832</v>
      </c>
      <c r="H10606" s="40">
        <v>176.61666700000001</v>
      </c>
      <c r="I10606" s="40">
        <v>25.124615778903181</v>
      </c>
      <c r="L10606" s="40"/>
      <c r="M10606" s="40"/>
      <c r="N10606" s="40"/>
    </row>
    <row r="10607" spans="4:14" x14ac:dyDescent="0.25">
      <c r="D10607" s="40"/>
      <c r="F10607" s="40">
        <v>176.63333300000002</v>
      </c>
      <c r="G10607" s="40">
        <v>22.71076605443832</v>
      </c>
      <c r="H10607" s="40">
        <v>176.63333399999999</v>
      </c>
      <c r="I10607" s="40">
        <v>25.124615778903181</v>
      </c>
      <c r="L10607" s="40"/>
      <c r="M10607" s="40"/>
      <c r="N10607" s="40"/>
    </row>
    <row r="10608" spans="4:14" x14ac:dyDescent="0.25">
      <c r="D10608" s="40"/>
      <c r="F10608" s="40">
        <v>176.65</v>
      </c>
      <c r="G10608" s="40">
        <v>22.71076605443832</v>
      </c>
      <c r="H10608" s="40">
        <v>176.65000000000003</v>
      </c>
      <c r="I10608" s="40">
        <v>25.124615778903181</v>
      </c>
      <c r="L10608" s="40"/>
      <c r="M10608" s="40"/>
      <c r="N10608" s="40"/>
    </row>
    <row r="10609" spans="4:14" x14ac:dyDescent="0.25">
      <c r="D10609" s="40"/>
      <c r="F10609" s="40">
        <v>176.66666699999999</v>
      </c>
      <c r="G10609" s="40">
        <v>22.71076605443832</v>
      </c>
      <c r="H10609" s="40">
        <v>176.66666700000002</v>
      </c>
      <c r="I10609" s="40">
        <v>25.124615778903181</v>
      </c>
      <c r="L10609" s="40"/>
      <c r="M10609" s="40"/>
      <c r="N10609" s="40"/>
    </row>
    <row r="10610" spans="4:14" x14ac:dyDescent="0.25">
      <c r="D10610" s="40"/>
      <c r="F10610" s="40">
        <v>176.68333299999998</v>
      </c>
      <c r="G10610" s="40">
        <v>22.71076605443832</v>
      </c>
      <c r="H10610" s="40">
        <v>176.683334</v>
      </c>
      <c r="I10610" s="40">
        <v>25.127869905159944</v>
      </c>
      <c r="L10610" s="40"/>
      <c r="M10610" s="40"/>
      <c r="N10610" s="40"/>
    </row>
    <row r="10611" spans="4:14" x14ac:dyDescent="0.25">
      <c r="D10611" s="40"/>
      <c r="F10611" s="40">
        <v>176.70000000000002</v>
      </c>
      <c r="G10611" s="40">
        <v>22.71076605443832</v>
      </c>
      <c r="H10611" s="40">
        <v>176.7</v>
      </c>
      <c r="I10611" s="40">
        <v>25.127869905159944</v>
      </c>
      <c r="L10611" s="40"/>
      <c r="M10611" s="40"/>
      <c r="N10611" s="40"/>
    </row>
    <row r="10612" spans="4:14" x14ac:dyDescent="0.25">
      <c r="D10612" s="40"/>
      <c r="F10612" s="40">
        <v>176.716667</v>
      </c>
      <c r="G10612" s="40">
        <v>22.71076605443832</v>
      </c>
      <c r="H10612" s="40">
        <v>176.71666700000003</v>
      </c>
      <c r="I10612" s="40">
        <v>25.127869905159944</v>
      </c>
      <c r="L10612" s="40"/>
      <c r="M10612" s="40"/>
      <c r="N10612" s="40"/>
    </row>
    <row r="10613" spans="4:14" x14ac:dyDescent="0.25">
      <c r="D10613" s="40"/>
      <c r="F10613" s="40">
        <v>176.73333299999999</v>
      </c>
      <c r="G10613" s="40">
        <v>22.71076605443832</v>
      </c>
      <c r="H10613" s="40">
        <v>176.73333400000001</v>
      </c>
      <c r="I10613" s="40">
        <v>25.127869905159944</v>
      </c>
      <c r="L10613" s="40"/>
      <c r="M10613" s="40"/>
      <c r="N10613" s="40"/>
    </row>
    <row r="10614" spans="4:14" x14ac:dyDescent="0.25">
      <c r="D10614" s="40"/>
      <c r="F10614" s="40">
        <v>176.74999999999997</v>
      </c>
      <c r="G10614" s="40">
        <v>22.71076605443832</v>
      </c>
      <c r="H10614" s="40">
        <v>176.75</v>
      </c>
      <c r="I10614" s="40">
        <v>25.1312226413032</v>
      </c>
      <c r="L10614" s="40"/>
      <c r="M10614" s="40"/>
      <c r="N10614" s="40"/>
    </row>
    <row r="10615" spans="4:14" x14ac:dyDescent="0.25">
      <c r="D10615" s="40"/>
      <c r="F10615" s="40">
        <v>176.76666700000001</v>
      </c>
      <c r="G10615" s="40">
        <v>22.71076605443832</v>
      </c>
      <c r="H10615" s="40">
        <v>176.76666699999998</v>
      </c>
      <c r="I10615" s="40">
        <v>25.1312226413032</v>
      </c>
      <c r="L10615" s="40"/>
      <c r="M10615" s="40"/>
      <c r="N10615" s="40"/>
    </row>
    <row r="10616" spans="4:14" x14ac:dyDescent="0.25">
      <c r="D10616" s="40"/>
      <c r="F10616" s="40">
        <v>176.783333</v>
      </c>
      <c r="G10616" s="40">
        <v>22.71076605443832</v>
      </c>
      <c r="H10616" s="40">
        <v>176.78333400000002</v>
      </c>
      <c r="I10616" s="40">
        <v>25.137829503703223</v>
      </c>
      <c r="L10616" s="40"/>
      <c r="M10616" s="40"/>
      <c r="N10616" s="40"/>
    </row>
    <row r="10617" spans="4:14" x14ac:dyDescent="0.25">
      <c r="D10617" s="40"/>
      <c r="F10617" s="40">
        <v>176.79999999999998</v>
      </c>
      <c r="G10617" s="40">
        <v>22.71076605443832</v>
      </c>
      <c r="H10617" s="40">
        <v>176.8</v>
      </c>
      <c r="I10617" s="40">
        <v>25.137829503703223</v>
      </c>
      <c r="L10617" s="40"/>
      <c r="M10617" s="40"/>
      <c r="N10617" s="40"/>
    </row>
    <row r="10618" spans="4:14" x14ac:dyDescent="0.25">
      <c r="D10618" s="40"/>
      <c r="F10618" s="40">
        <v>176.81666699999997</v>
      </c>
      <c r="G10618" s="40">
        <v>22.71076605443832</v>
      </c>
      <c r="H10618" s="40">
        <v>176.816667</v>
      </c>
      <c r="I10618" s="40">
        <v>25.141182239846653</v>
      </c>
      <c r="L10618" s="40"/>
      <c r="M10618" s="40"/>
      <c r="N10618" s="40"/>
    </row>
    <row r="10619" spans="4:14" x14ac:dyDescent="0.25">
      <c r="D10619" s="40"/>
      <c r="F10619" s="40">
        <v>176.83333300000001</v>
      </c>
      <c r="G10619" s="40">
        <v>22.71076605443832</v>
      </c>
      <c r="H10619" s="40">
        <v>176.83333399999998</v>
      </c>
      <c r="I10619" s="40">
        <v>25.141182239846653</v>
      </c>
      <c r="L10619" s="40"/>
      <c r="M10619" s="40"/>
      <c r="N10619" s="40"/>
    </row>
    <row r="10620" spans="4:14" x14ac:dyDescent="0.25">
      <c r="D10620" s="40"/>
      <c r="F10620" s="40">
        <v>176.85</v>
      </c>
      <c r="G10620" s="40">
        <v>22.71076605443832</v>
      </c>
      <c r="H10620" s="40">
        <v>176.85000000000002</v>
      </c>
      <c r="I10620" s="40">
        <v>25.141182239846653</v>
      </c>
      <c r="L10620" s="40"/>
      <c r="M10620" s="40"/>
      <c r="N10620" s="40"/>
    </row>
    <row r="10621" spans="4:14" x14ac:dyDescent="0.25">
      <c r="D10621" s="40"/>
      <c r="F10621" s="40">
        <v>176.86666699999998</v>
      </c>
      <c r="G10621" s="40">
        <v>22.71076605443832</v>
      </c>
      <c r="H10621" s="40">
        <v>176.86666700000001</v>
      </c>
      <c r="I10621" s="40">
        <v>25.141182239846653</v>
      </c>
      <c r="L10621" s="40"/>
      <c r="M10621" s="40"/>
      <c r="N10621" s="40"/>
    </row>
    <row r="10622" spans="4:14" x14ac:dyDescent="0.25">
      <c r="D10622" s="40"/>
      <c r="F10622" s="40">
        <v>176.88333300000002</v>
      </c>
      <c r="G10622" s="40">
        <v>22.71076605443832</v>
      </c>
      <c r="H10622" s="40">
        <v>176.88333399999999</v>
      </c>
      <c r="I10622" s="40">
        <v>25.151141838389929</v>
      </c>
      <c r="L10622" s="40"/>
      <c r="M10622" s="40"/>
      <c r="N10622" s="40"/>
    </row>
    <row r="10623" spans="4:14" x14ac:dyDescent="0.25">
      <c r="D10623" s="40"/>
      <c r="F10623" s="40">
        <v>176.9</v>
      </c>
      <c r="G10623" s="40">
        <v>22.71076605443832</v>
      </c>
      <c r="H10623" s="40">
        <v>176.90000000000003</v>
      </c>
      <c r="I10623" s="40">
        <v>25.161101436933382</v>
      </c>
      <c r="L10623" s="40"/>
      <c r="M10623" s="40"/>
      <c r="N10623" s="40"/>
    </row>
    <row r="10624" spans="4:14" x14ac:dyDescent="0.25">
      <c r="D10624" s="40"/>
      <c r="F10624" s="40">
        <v>176.91666699999999</v>
      </c>
      <c r="G10624" s="40">
        <v>22.71076605443832</v>
      </c>
      <c r="H10624" s="40">
        <v>176.91666700000002</v>
      </c>
      <c r="I10624" s="40">
        <v>25.167708299333402</v>
      </c>
      <c r="L10624" s="40"/>
      <c r="M10624" s="40"/>
      <c r="N10624" s="40"/>
    </row>
    <row r="10625" spans="4:14" x14ac:dyDescent="0.25">
      <c r="D10625" s="40"/>
      <c r="F10625" s="40">
        <v>176.93333299999998</v>
      </c>
      <c r="G10625" s="40">
        <v>22.71076605443832</v>
      </c>
      <c r="H10625" s="40">
        <v>176.933334</v>
      </c>
      <c r="I10625" s="40">
        <v>25.171061035476662</v>
      </c>
      <c r="L10625" s="40"/>
      <c r="M10625" s="40"/>
      <c r="N10625" s="40"/>
    </row>
    <row r="10626" spans="4:14" x14ac:dyDescent="0.25">
      <c r="D10626" s="40"/>
      <c r="F10626" s="40">
        <v>176.95000000000002</v>
      </c>
      <c r="G10626" s="40">
        <v>22.71076605443832</v>
      </c>
      <c r="H10626" s="40">
        <v>176.95</v>
      </c>
      <c r="I10626" s="40">
        <v>25.174413771620095</v>
      </c>
      <c r="L10626" s="40"/>
      <c r="M10626" s="40"/>
      <c r="N10626" s="40"/>
    </row>
    <row r="10627" spans="4:14" x14ac:dyDescent="0.25">
      <c r="D10627" s="40"/>
      <c r="F10627" s="40">
        <v>176.966667</v>
      </c>
      <c r="G10627" s="40">
        <v>22.71076605443832</v>
      </c>
      <c r="H10627" s="40">
        <v>176.96666700000003</v>
      </c>
      <c r="I10627" s="40">
        <v>25.177667897876859</v>
      </c>
      <c r="L10627" s="40"/>
      <c r="M10627" s="40"/>
      <c r="N10627" s="40"/>
    </row>
    <row r="10628" spans="4:14" x14ac:dyDescent="0.25">
      <c r="D10628" s="40"/>
      <c r="F10628" s="40">
        <v>176.98333299999999</v>
      </c>
      <c r="G10628" s="40">
        <v>22.706150670468542</v>
      </c>
      <c r="H10628" s="40">
        <v>176.98333400000001</v>
      </c>
      <c r="I10628" s="40">
        <v>25.181020634020111</v>
      </c>
      <c r="L10628" s="40"/>
      <c r="M10628" s="40"/>
      <c r="N10628" s="40"/>
    </row>
    <row r="10629" spans="4:14" x14ac:dyDescent="0.25">
      <c r="D10629" s="40"/>
      <c r="F10629" s="40">
        <v>176.99999999999997</v>
      </c>
      <c r="G10629" s="40">
        <v>22.706150670468542</v>
      </c>
      <c r="H10629" s="40">
        <v>177</v>
      </c>
      <c r="I10629" s="40">
        <v>25.181020634020111</v>
      </c>
      <c r="L10629" s="40"/>
      <c r="M10629" s="40"/>
      <c r="N10629" s="40"/>
    </row>
    <row r="10630" spans="4:14" x14ac:dyDescent="0.25">
      <c r="D10630" s="40"/>
      <c r="F10630" s="40">
        <v>177.01666700000001</v>
      </c>
      <c r="G10630" s="40">
        <v>22.706150670468542</v>
      </c>
      <c r="H10630" s="40">
        <v>177.01666699999998</v>
      </c>
      <c r="I10630" s="40">
        <v>25.181020634020111</v>
      </c>
      <c r="L10630" s="40"/>
      <c r="M10630" s="40"/>
      <c r="N10630" s="40"/>
    </row>
    <row r="10631" spans="4:14" x14ac:dyDescent="0.25">
      <c r="D10631" s="40"/>
      <c r="F10631" s="40">
        <v>177.033333</v>
      </c>
      <c r="G10631" s="40">
        <v>22.706150670468542</v>
      </c>
      <c r="H10631" s="40">
        <v>177.03333400000002</v>
      </c>
      <c r="I10631" s="40">
        <v>25.184373370163371</v>
      </c>
      <c r="L10631" s="40"/>
      <c r="M10631" s="40"/>
      <c r="N10631" s="40"/>
    </row>
    <row r="10632" spans="4:14" x14ac:dyDescent="0.25">
      <c r="D10632" s="40"/>
      <c r="F10632" s="40">
        <v>177.04999999999998</v>
      </c>
      <c r="G10632" s="40">
        <v>22.706150670468542</v>
      </c>
      <c r="H10632" s="40">
        <v>177.05</v>
      </c>
      <c r="I10632" s="40">
        <v>25.184373370163371</v>
      </c>
      <c r="L10632" s="40"/>
      <c r="M10632" s="40"/>
      <c r="N10632" s="40"/>
    </row>
    <row r="10633" spans="4:14" x14ac:dyDescent="0.25">
      <c r="D10633" s="40"/>
      <c r="F10633" s="40">
        <v>177.06666699999997</v>
      </c>
      <c r="G10633" s="40">
        <v>22.706150670468542</v>
      </c>
      <c r="H10633" s="40">
        <v>177.066667</v>
      </c>
      <c r="I10633" s="40">
        <v>25.184373370163371</v>
      </c>
      <c r="L10633" s="40"/>
      <c r="M10633" s="40"/>
      <c r="N10633" s="40"/>
    </row>
    <row r="10634" spans="4:14" x14ac:dyDescent="0.25">
      <c r="D10634" s="40"/>
      <c r="F10634" s="40">
        <v>177.08333300000001</v>
      </c>
      <c r="G10634" s="40">
        <v>22.706150670468542</v>
      </c>
      <c r="H10634" s="40">
        <v>177.08333399999998</v>
      </c>
      <c r="I10634" s="40">
        <v>25.184373370163371</v>
      </c>
      <c r="L10634" s="40"/>
      <c r="M10634" s="40"/>
      <c r="N10634" s="40"/>
    </row>
    <row r="10635" spans="4:14" x14ac:dyDescent="0.25">
      <c r="D10635" s="40"/>
      <c r="F10635" s="40">
        <v>177.1</v>
      </c>
      <c r="G10635" s="40">
        <v>22.706150670468542</v>
      </c>
      <c r="H10635" s="40">
        <v>177.10000000000002</v>
      </c>
      <c r="I10635" s="40">
        <v>25.184373370163371</v>
      </c>
      <c r="L10635" s="40"/>
      <c r="M10635" s="40"/>
      <c r="N10635" s="40"/>
    </row>
    <row r="10636" spans="4:14" x14ac:dyDescent="0.25">
      <c r="D10636" s="40"/>
      <c r="F10636" s="40">
        <v>177.11666699999998</v>
      </c>
      <c r="G10636" s="40">
        <v>22.706150670468542</v>
      </c>
      <c r="H10636" s="40">
        <v>177.11666700000001</v>
      </c>
      <c r="I10636" s="40">
        <v>25.184373370163371</v>
      </c>
      <c r="L10636" s="40"/>
      <c r="M10636" s="40"/>
      <c r="N10636" s="40"/>
    </row>
    <row r="10637" spans="4:14" x14ac:dyDescent="0.25">
      <c r="D10637" s="40"/>
      <c r="F10637" s="40">
        <v>177.13333300000002</v>
      </c>
      <c r="G10637" s="40">
        <v>22.706150670468542</v>
      </c>
      <c r="H10637" s="40">
        <v>177.13333399999999</v>
      </c>
      <c r="I10637" s="40">
        <v>25.184373370163371</v>
      </c>
      <c r="L10637" s="40"/>
      <c r="M10637" s="40"/>
      <c r="N10637" s="40"/>
    </row>
    <row r="10638" spans="4:14" x14ac:dyDescent="0.25">
      <c r="D10638" s="40"/>
      <c r="F10638" s="40">
        <v>177.15</v>
      </c>
      <c r="G10638" s="40">
        <v>22.706150670468542</v>
      </c>
      <c r="H10638" s="40">
        <v>177.15000000000003</v>
      </c>
      <c r="I10638" s="40">
        <v>25.184373370163371</v>
      </c>
      <c r="L10638" s="40"/>
      <c r="M10638" s="40"/>
      <c r="N10638" s="40"/>
    </row>
    <row r="10639" spans="4:14" x14ac:dyDescent="0.25">
      <c r="D10639" s="40"/>
      <c r="F10639" s="40">
        <v>177.16666699999999</v>
      </c>
      <c r="G10639" s="40">
        <v>22.706150670468542</v>
      </c>
      <c r="H10639" s="40">
        <v>177.16666700000002</v>
      </c>
      <c r="I10639" s="40">
        <v>25.184373370163371</v>
      </c>
      <c r="L10639" s="40"/>
      <c r="M10639" s="40"/>
      <c r="N10639" s="40"/>
    </row>
    <row r="10640" spans="4:14" x14ac:dyDescent="0.25">
      <c r="D10640" s="40"/>
      <c r="F10640" s="40">
        <v>177.18333299999998</v>
      </c>
      <c r="G10640" s="40">
        <v>22.706150670468542</v>
      </c>
      <c r="H10640" s="40">
        <v>177.183334</v>
      </c>
      <c r="I10640" s="40">
        <v>25.184373370163371</v>
      </c>
      <c r="L10640" s="40"/>
      <c r="M10640" s="40"/>
      <c r="N10640" s="40"/>
    </row>
    <row r="10641" spans="4:14" x14ac:dyDescent="0.25">
      <c r="D10641" s="40"/>
      <c r="F10641" s="40">
        <v>177.20000000000002</v>
      </c>
      <c r="G10641" s="40">
        <v>22.706150670468542</v>
      </c>
      <c r="H10641" s="40">
        <v>177.2</v>
      </c>
      <c r="I10641" s="40">
        <v>25.187627496420131</v>
      </c>
      <c r="L10641" s="40"/>
      <c r="M10641" s="40"/>
      <c r="N10641" s="40"/>
    </row>
    <row r="10642" spans="4:14" x14ac:dyDescent="0.25">
      <c r="D10642" s="40"/>
      <c r="F10642" s="40">
        <v>177.216667</v>
      </c>
      <c r="G10642" s="40">
        <v>22.706150670468542</v>
      </c>
      <c r="H10642" s="40">
        <v>177.21666700000003</v>
      </c>
      <c r="I10642" s="40">
        <v>25.187627496420131</v>
      </c>
      <c r="L10642" s="40"/>
      <c r="M10642" s="40"/>
      <c r="N10642" s="40"/>
    </row>
    <row r="10643" spans="4:14" x14ac:dyDescent="0.25">
      <c r="D10643" s="40"/>
      <c r="F10643" s="40">
        <v>177.23333299999999</v>
      </c>
      <c r="G10643" s="40">
        <v>22.701395426378323</v>
      </c>
      <c r="H10643" s="40">
        <v>177.23333400000001</v>
      </c>
      <c r="I10643" s="40">
        <v>25.187627496420131</v>
      </c>
      <c r="L10643" s="40"/>
      <c r="M10643" s="40"/>
      <c r="N10643" s="40"/>
    </row>
    <row r="10644" spans="4:14" x14ac:dyDescent="0.25">
      <c r="D10644" s="40"/>
      <c r="F10644" s="40">
        <v>177.24999999999997</v>
      </c>
      <c r="G10644" s="40">
        <v>22.706150670468542</v>
      </c>
      <c r="H10644" s="40">
        <v>177.25</v>
      </c>
      <c r="I10644" s="40">
        <v>25.187627496420131</v>
      </c>
      <c r="L10644" s="40"/>
      <c r="M10644" s="40"/>
      <c r="N10644" s="40"/>
    </row>
    <row r="10645" spans="4:14" x14ac:dyDescent="0.25">
      <c r="D10645" s="40"/>
      <c r="F10645" s="40">
        <v>177.26666700000001</v>
      </c>
      <c r="G10645" s="40">
        <v>22.706150670468542</v>
      </c>
      <c r="H10645" s="40">
        <v>177.26666699999998</v>
      </c>
      <c r="I10645" s="40">
        <v>25.187627496420131</v>
      </c>
      <c r="L10645" s="40"/>
      <c r="M10645" s="40"/>
      <c r="N10645" s="40"/>
    </row>
    <row r="10646" spans="4:14" x14ac:dyDescent="0.25">
      <c r="D10646" s="40"/>
      <c r="F10646" s="40">
        <v>177.283333</v>
      </c>
      <c r="G10646" s="40">
        <v>22.706150670468542</v>
      </c>
      <c r="H10646" s="40">
        <v>177.28333400000002</v>
      </c>
      <c r="I10646" s="40">
        <v>25.190980232563565</v>
      </c>
      <c r="L10646" s="40"/>
      <c r="M10646" s="40"/>
      <c r="N10646" s="40"/>
    </row>
    <row r="10647" spans="4:14" x14ac:dyDescent="0.25">
      <c r="D10647" s="40"/>
      <c r="F10647" s="40">
        <v>177.29999999999998</v>
      </c>
      <c r="G10647" s="40">
        <v>22.706150670468542</v>
      </c>
      <c r="H10647" s="40">
        <v>177.3</v>
      </c>
      <c r="I10647" s="40">
        <v>25.190980232563565</v>
      </c>
      <c r="L10647" s="40"/>
      <c r="M10647" s="40"/>
      <c r="N10647" s="40"/>
    </row>
    <row r="10648" spans="4:14" x14ac:dyDescent="0.25">
      <c r="D10648" s="40"/>
      <c r="F10648" s="40">
        <v>177.31666699999997</v>
      </c>
      <c r="G10648" s="40">
        <v>22.706150670468542</v>
      </c>
      <c r="H10648" s="40">
        <v>177.316667</v>
      </c>
      <c r="I10648" s="40">
        <v>25.190980232563565</v>
      </c>
      <c r="L10648" s="40"/>
      <c r="M10648" s="40"/>
      <c r="N10648" s="40"/>
    </row>
    <row r="10649" spans="4:14" x14ac:dyDescent="0.25">
      <c r="D10649" s="40"/>
      <c r="F10649" s="40">
        <v>177.33333300000001</v>
      </c>
      <c r="G10649" s="40">
        <v>22.706150670468542</v>
      </c>
      <c r="H10649" s="40">
        <v>177.33333399999998</v>
      </c>
      <c r="I10649" s="40">
        <v>25.190980232563565</v>
      </c>
      <c r="L10649" s="40"/>
      <c r="M10649" s="40"/>
      <c r="N10649" s="40"/>
    </row>
    <row r="10650" spans="4:14" x14ac:dyDescent="0.25">
      <c r="D10650" s="40"/>
      <c r="F10650" s="40">
        <v>177.35</v>
      </c>
      <c r="G10650" s="40">
        <v>22.706150670468542</v>
      </c>
      <c r="H10650" s="40">
        <v>177.35000000000002</v>
      </c>
      <c r="I10650" s="40">
        <v>25.190980232563565</v>
      </c>
      <c r="L10650" s="40"/>
      <c r="M10650" s="40"/>
      <c r="N10650" s="40"/>
    </row>
    <row r="10651" spans="4:14" x14ac:dyDescent="0.25">
      <c r="D10651" s="40"/>
      <c r="F10651" s="40">
        <v>177.36666699999998</v>
      </c>
      <c r="G10651" s="40">
        <v>22.706150670468542</v>
      </c>
      <c r="H10651" s="40">
        <v>177.36666700000001</v>
      </c>
      <c r="I10651" s="40">
        <v>25.190980232563565</v>
      </c>
      <c r="L10651" s="40"/>
      <c r="M10651" s="40"/>
      <c r="N10651" s="40"/>
    </row>
    <row r="10652" spans="4:14" x14ac:dyDescent="0.25">
      <c r="D10652" s="40"/>
      <c r="F10652" s="40">
        <v>177.38333300000002</v>
      </c>
      <c r="G10652" s="40">
        <v>22.71076605443832</v>
      </c>
      <c r="H10652" s="40">
        <v>177.38333399999999</v>
      </c>
      <c r="I10652" s="40">
        <v>25.190980232563565</v>
      </c>
      <c r="L10652" s="40"/>
      <c r="M10652" s="40"/>
      <c r="N10652" s="40"/>
    </row>
    <row r="10653" spans="4:14" x14ac:dyDescent="0.25">
      <c r="D10653" s="40"/>
      <c r="F10653" s="40">
        <v>177.4</v>
      </c>
      <c r="G10653" s="40">
        <v>22.71076605443832</v>
      </c>
      <c r="H10653" s="40">
        <v>177.40000000000003</v>
      </c>
      <c r="I10653" s="40">
        <v>25.194332968706824</v>
      </c>
      <c r="L10653" s="40"/>
      <c r="M10653" s="40"/>
      <c r="N10653" s="40"/>
    </row>
    <row r="10654" spans="4:14" x14ac:dyDescent="0.25">
      <c r="D10654" s="40"/>
      <c r="F10654" s="40">
        <v>177.41666699999999</v>
      </c>
      <c r="G10654" s="40">
        <v>22.71076605443832</v>
      </c>
      <c r="H10654" s="40">
        <v>177.41666700000002</v>
      </c>
      <c r="I10654" s="40">
        <v>25.194332968706824</v>
      </c>
      <c r="L10654" s="40"/>
      <c r="M10654" s="40"/>
      <c r="N10654" s="40"/>
    </row>
    <row r="10655" spans="4:14" x14ac:dyDescent="0.25">
      <c r="D10655" s="40"/>
      <c r="F10655" s="40">
        <v>177.43333299999998</v>
      </c>
      <c r="G10655" s="40">
        <v>22.71076605443832</v>
      </c>
      <c r="H10655" s="40">
        <v>177.433334</v>
      </c>
      <c r="I10655" s="40">
        <v>25.194332968706824</v>
      </c>
      <c r="L10655" s="40"/>
      <c r="M10655" s="40"/>
      <c r="N10655" s="40"/>
    </row>
    <row r="10656" spans="4:14" x14ac:dyDescent="0.25">
      <c r="D10656" s="40"/>
      <c r="F10656" s="40">
        <v>177.45000000000002</v>
      </c>
      <c r="G10656" s="40">
        <v>22.71076605443832</v>
      </c>
      <c r="H10656" s="40">
        <v>177.45</v>
      </c>
      <c r="I10656" s="40">
        <v>25.194332968706824</v>
      </c>
      <c r="L10656" s="40"/>
      <c r="M10656" s="40"/>
      <c r="N10656" s="40"/>
    </row>
    <row r="10657" spans="4:14" x14ac:dyDescent="0.25">
      <c r="D10657" s="40"/>
      <c r="F10657" s="40">
        <v>177.466667</v>
      </c>
      <c r="G10657" s="40">
        <v>22.71076605443832</v>
      </c>
      <c r="H10657" s="40">
        <v>177.46666700000003</v>
      </c>
      <c r="I10657" s="40">
        <v>25.197587094963588</v>
      </c>
      <c r="L10657" s="40"/>
      <c r="M10657" s="40"/>
      <c r="N10657" s="40"/>
    </row>
    <row r="10658" spans="4:14" x14ac:dyDescent="0.25">
      <c r="D10658" s="40"/>
      <c r="F10658" s="40">
        <v>177.48333299999999</v>
      </c>
      <c r="G10658" s="40">
        <v>22.71076605443832</v>
      </c>
      <c r="H10658" s="40">
        <v>177.48333400000001</v>
      </c>
      <c r="I10658" s="40">
        <v>25.197587094963588</v>
      </c>
      <c r="L10658" s="40"/>
      <c r="M10658" s="40"/>
      <c r="N10658" s="40"/>
    </row>
    <row r="10659" spans="4:14" x14ac:dyDescent="0.25">
      <c r="D10659" s="40"/>
      <c r="F10659" s="40">
        <v>177.49999999999997</v>
      </c>
      <c r="G10659" s="40">
        <v>22.71076605443832</v>
      </c>
      <c r="H10659" s="40">
        <v>177.5</v>
      </c>
      <c r="I10659" s="40">
        <v>25.197587094963588</v>
      </c>
      <c r="L10659" s="40"/>
      <c r="M10659" s="40"/>
      <c r="N10659" s="40"/>
    </row>
    <row r="10660" spans="4:14" x14ac:dyDescent="0.25">
      <c r="D10660" s="40"/>
      <c r="F10660" s="40">
        <v>177.51666700000001</v>
      </c>
      <c r="G10660" s="40">
        <v>22.71076605443832</v>
      </c>
      <c r="H10660" s="40">
        <v>177.51666699999998</v>
      </c>
      <c r="I10660" s="40">
        <v>25.20093983110684</v>
      </c>
      <c r="L10660" s="40"/>
      <c r="M10660" s="40"/>
      <c r="N10660" s="40"/>
    </row>
    <row r="10661" spans="4:14" x14ac:dyDescent="0.25">
      <c r="D10661" s="40"/>
      <c r="F10661" s="40">
        <v>177.533333</v>
      </c>
      <c r="G10661" s="40">
        <v>22.71076605443832</v>
      </c>
      <c r="H10661" s="40">
        <v>177.53333400000002</v>
      </c>
      <c r="I10661" s="40">
        <v>25.20093983110684</v>
      </c>
      <c r="L10661" s="40"/>
      <c r="M10661" s="40"/>
      <c r="N10661" s="40"/>
    </row>
    <row r="10662" spans="4:14" x14ac:dyDescent="0.25">
      <c r="D10662" s="40"/>
      <c r="F10662" s="40">
        <v>177.54999999999998</v>
      </c>
      <c r="G10662" s="40">
        <v>22.715521298528536</v>
      </c>
      <c r="H10662" s="40">
        <v>177.55</v>
      </c>
      <c r="I10662" s="40">
        <v>25.20093983110684</v>
      </c>
      <c r="L10662" s="40"/>
      <c r="M10662" s="40"/>
      <c r="N10662" s="40"/>
    </row>
    <row r="10663" spans="4:14" x14ac:dyDescent="0.25">
      <c r="D10663" s="40"/>
      <c r="F10663" s="40">
        <v>177.56666699999997</v>
      </c>
      <c r="G10663" s="40">
        <v>22.715521298528536</v>
      </c>
      <c r="H10663" s="40">
        <v>177.566667</v>
      </c>
      <c r="I10663" s="40">
        <v>25.20093983110684</v>
      </c>
      <c r="L10663" s="40"/>
      <c r="M10663" s="40"/>
      <c r="N10663" s="40"/>
    </row>
    <row r="10664" spans="4:14" x14ac:dyDescent="0.25">
      <c r="D10664" s="40"/>
      <c r="F10664" s="40">
        <v>177.58333300000001</v>
      </c>
      <c r="G10664" s="40">
        <v>22.715521298528536</v>
      </c>
      <c r="H10664" s="40">
        <v>177.58333399999998</v>
      </c>
      <c r="I10664" s="40">
        <v>25.20093983110684</v>
      </c>
      <c r="L10664" s="40"/>
      <c r="M10664" s="40"/>
      <c r="N10664" s="40"/>
    </row>
    <row r="10665" spans="4:14" x14ac:dyDescent="0.25">
      <c r="D10665" s="40"/>
      <c r="F10665" s="40">
        <v>177.6</v>
      </c>
      <c r="G10665" s="40">
        <v>22.715521298528536</v>
      </c>
      <c r="H10665" s="40">
        <v>177.60000000000002</v>
      </c>
      <c r="I10665" s="40">
        <v>25.2042925672501</v>
      </c>
      <c r="L10665" s="40"/>
      <c r="M10665" s="40"/>
      <c r="N10665" s="40"/>
    </row>
    <row r="10666" spans="4:14" x14ac:dyDescent="0.25">
      <c r="D10666" s="40"/>
      <c r="F10666" s="40">
        <v>177.61666699999998</v>
      </c>
      <c r="G10666" s="40">
        <v>22.715521298528536</v>
      </c>
      <c r="H10666" s="40">
        <v>177.61666700000001</v>
      </c>
      <c r="I10666" s="40">
        <v>25.2042925672501</v>
      </c>
      <c r="L10666" s="40"/>
      <c r="M10666" s="40"/>
      <c r="N10666" s="40"/>
    </row>
    <row r="10667" spans="4:14" x14ac:dyDescent="0.25">
      <c r="D10667" s="40"/>
      <c r="F10667" s="40">
        <v>177.63333300000002</v>
      </c>
      <c r="G10667" s="40">
        <v>22.715521298528536</v>
      </c>
      <c r="H10667" s="40">
        <v>177.63333399999999</v>
      </c>
      <c r="I10667" s="40">
        <v>25.2042925672501</v>
      </c>
      <c r="L10667" s="40"/>
      <c r="M10667" s="40"/>
      <c r="N10667" s="40"/>
    </row>
    <row r="10668" spans="4:14" x14ac:dyDescent="0.25">
      <c r="D10668" s="40"/>
      <c r="F10668" s="40">
        <v>177.65</v>
      </c>
      <c r="G10668" s="40">
        <v>22.715521298528536</v>
      </c>
      <c r="H10668" s="40">
        <v>177.65000000000003</v>
      </c>
      <c r="I10668" s="40">
        <v>25.2042925672501</v>
      </c>
      <c r="L10668" s="40"/>
      <c r="M10668" s="40"/>
      <c r="N10668" s="40"/>
    </row>
    <row r="10669" spans="4:14" x14ac:dyDescent="0.25">
      <c r="D10669" s="40"/>
      <c r="F10669" s="40">
        <v>177.66666699999999</v>
      </c>
      <c r="G10669" s="40">
        <v>22.71076605443832</v>
      </c>
      <c r="H10669" s="40">
        <v>177.66666700000002</v>
      </c>
      <c r="I10669" s="40">
        <v>25.2042925672501</v>
      </c>
      <c r="L10669" s="40"/>
      <c r="M10669" s="40"/>
      <c r="N10669" s="40"/>
    </row>
    <row r="10670" spans="4:14" x14ac:dyDescent="0.25">
      <c r="D10670" s="40"/>
      <c r="F10670" s="40">
        <v>177.68333299999998</v>
      </c>
      <c r="G10670" s="40">
        <v>22.71076605443832</v>
      </c>
      <c r="H10670" s="40">
        <v>177.683334</v>
      </c>
      <c r="I10670" s="40">
        <v>25.207546693506863</v>
      </c>
      <c r="L10670" s="40"/>
      <c r="M10670" s="40"/>
      <c r="N10670" s="40"/>
    </row>
    <row r="10671" spans="4:14" x14ac:dyDescent="0.25">
      <c r="D10671" s="40"/>
      <c r="F10671" s="40">
        <v>177.70000000000002</v>
      </c>
      <c r="G10671" s="40">
        <v>22.71076605443832</v>
      </c>
      <c r="H10671" s="40">
        <v>177.7</v>
      </c>
      <c r="I10671" s="40">
        <v>25.207546693506863</v>
      </c>
      <c r="L10671" s="40"/>
      <c r="M10671" s="40"/>
      <c r="N10671" s="40"/>
    </row>
    <row r="10672" spans="4:14" x14ac:dyDescent="0.25">
      <c r="D10672" s="40"/>
      <c r="F10672" s="40">
        <v>177.716667</v>
      </c>
      <c r="G10672" s="40">
        <v>22.706150670468542</v>
      </c>
      <c r="H10672" s="40">
        <v>177.71666700000003</v>
      </c>
      <c r="I10672" s="40">
        <v>25.207546693506863</v>
      </c>
      <c r="L10672" s="40"/>
      <c r="M10672" s="40"/>
      <c r="N10672" s="40"/>
    </row>
    <row r="10673" spans="4:14" x14ac:dyDescent="0.25">
      <c r="D10673" s="40"/>
      <c r="F10673" s="40">
        <v>177.73333299999999</v>
      </c>
      <c r="G10673" s="40">
        <v>22.706150670468542</v>
      </c>
      <c r="H10673" s="40">
        <v>177.73333400000001</v>
      </c>
      <c r="I10673" s="40">
        <v>25.207546693506863</v>
      </c>
      <c r="L10673" s="40"/>
      <c r="M10673" s="40"/>
      <c r="N10673" s="40"/>
    </row>
    <row r="10674" spans="4:14" x14ac:dyDescent="0.25">
      <c r="D10674" s="40"/>
      <c r="F10674" s="40">
        <v>177.74999999999997</v>
      </c>
      <c r="G10674" s="40">
        <v>22.706150670468542</v>
      </c>
      <c r="H10674" s="40">
        <v>177.75</v>
      </c>
      <c r="I10674" s="40">
        <v>25.210899429650297</v>
      </c>
      <c r="L10674" s="40"/>
      <c r="M10674" s="40"/>
      <c r="N10674" s="40"/>
    </row>
    <row r="10675" spans="4:14" x14ac:dyDescent="0.25">
      <c r="D10675" s="40"/>
      <c r="F10675" s="40">
        <v>177.76666700000001</v>
      </c>
      <c r="G10675" s="40">
        <v>22.706150670468542</v>
      </c>
      <c r="H10675" s="40">
        <v>177.76666699999998</v>
      </c>
      <c r="I10675" s="40">
        <v>25.210899429650297</v>
      </c>
      <c r="L10675" s="40"/>
      <c r="M10675" s="40"/>
      <c r="N10675" s="40"/>
    </row>
    <row r="10676" spans="4:14" x14ac:dyDescent="0.25">
      <c r="D10676" s="40"/>
      <c r="F10676" s="40">
        <v>177.783333</v>
      </c>
      <c r="G10676" s="40">
        <v>22.706150670468542</v>
      </c>
      <c r="H10676" s="40">
        <v>177.78333400000002</v>
      </c>
      <c r="I10676" s="40">
        <v>25.210899429650297</v>
      </c>
      <c r="L10676" s="40"/>
      <c r="M10676" s="40"/>
      <c r="N10676" s="40"/>
    </row>
    <row r="10677" spans="4:14" x14ac:dyDescent="0.25">
      <c r="D10677" s="40"/>
      <c r="F10677" s="40">
        <v>177.79999999999998</v>
      </c>
      <c r="G10677" s="40">
        <v>22.706150670468542</v>
      </c>
      <c r="H10677" s="40">
        <v>177.8</v>
      </c>
      <c r="I10677" s="40">
        <v>25.214252165793553</v>
      </c>
      <c r="L10677" s="40"/>
      <c r="M10677" s="40"/>
      <c r="N10677" s="40"/>
    </row>
    <row r="10678" spans="4:14" x14ac:dyDescent="0.25">
      <c r="D10678" s="40"/>
      <c r="F10678" s="40">
        <v>177.81666699999997</v>
      </c>
      <c r="G10678" s="40">
        <v>22.706150670468542</v>
      </c>
      <c r="H10678" s="40">
        <v>177.816667</v>
      </c>
      <c r="I10678" s="40">
        <v>25.214252165793553</v>
      </c>
      <c r="L10678" s="40"/>
      <c r="M10678" s="40"/>
      <c r="N10678" s="40"/>
    </row>
    <row r="10679" spans="4:14" x14ac:dyDescent="0.25">
      <c r="D10679" s="40"/>
      <c r="F10679" s="40">
        <v>177.83333300000001</v>
      </c>
      <c r="G10679" s="40">
        <v>22.706150670468542</v>
      </c>
      <c r="H10679" s="40">
        <v>177.83333399999998</v>
      </c>
      <c r="I10679" s="40">
        <v>25.214252165793553</v>
      </c>
      <c r="L10679" s="40"/>
      <c r="M10679" s="40"/>
      <c r="N10679" s="40"/>
    </row>
    <row r="10680" spans="4:14" x14ac:dyDescent="0.25">
      <c r="D10680" s="40"/>
      <c r="F10680" s="40">
        <v>177.85</v>
      </c>
      <c r="G10680" s="40">
        <v>22.706150670468542</v>
      </c>
      <c r="H10680" s="40">
        <v>177.85000000000002</v>
      </c>
      <c r="I10680" s="40">
        <v>25.214252165793553</v>
      </c>
      <c r="L10680" s="40"/>
      <c r="M10680" s="40"/>
      <c r="N10680" s="40"/>
    </row>
    <row r="10681" spans="4:14" x14ac:dyDescent="0.25">
      <c r="D10681" s="40"/>
      <c r="F10681" s="40">
        <v>177.86666699999998</v>
      </c>
      <c r="G10681" s="40">
        <v>22.706150670468542</v>
      </c>
      <c r="H10681" s="40">
        <v>177.86666700000001</v>
      </c>
      <c r="I10681" s="40">
        <v>25.214252165793553</v>
      </c>
      <c r="L10681" s="40"/>
      <c r="M10681" s="40"/>
      <c r="N10681" s="40"/>
    </row>
    <row r="10682" spans="4:14" x14ac:dyDescent="0.25">
      <c r="D10682" s="40"/>
      <c r="F10682" s="40">
        <v>177.88333300000002</v>
      </c>
      <c r="G10682" s="40">
        <v>22.706150670468542</v>
      </c>
      <c r="H10682" s="40">
        <v>177.88333399999999</v>
      </c>
      <c r="I10682" s="40">
        <v>25.214252165793553</v>
      </c>
      <c r="L10682" s="40"/>
      <c r="M10682" s="40"/>
      <c r="N10682" s="40"/>
    </row>
    <row r="10683" spans="4:14" x14ac:dyDescent="0.25">
      <c r="D10683" s="40"/>
      <c r="F10683" s="40">
        <v>177.9</v>
      </c>
      <c r="G10683" s="40">
        <v>22.706150670468542</v>
      </c>
      <c r="H10683" s="40">
        <v>177.90000000000003</v>
      </c>
      <c r="I10683" s="40">
        <v>25.214252165793553</v>
      </c>
      <c r="L10683" s="40"/>
      <c r="M10683" s="40"/>
      <c r="N10683" s="40"/>
    </row>
    <row r="10684" spans="4:14" x14ac:dyDescent="0.25">
      <c r="D10684" s="40"/>
      <c r="F10684" s="40">
        <v>177.91666699999999</v>
      </c>
      <c r="G10684" s="40">
        <v>22.706150670468542</v>
      </c>
      <c r="H10684" s="40">
        <v>177.91666700000002</v>
      </c>
      <c r="I10684" s="40">
        <v>25.217506292050317</v>
      </c>
      <c r="L10684" s="40"/>
      <c r="M10684" s="40"/>
      <c r="N10684" s="40"/>
    </row>
    <row r="10685" spans="4:14" x14ac:dyDescent="0.25">
      <c r="D10685" s="40"/>
      <c r="F10685" s="40">
        <v>177.93333299999998</v>
      </c>
      <c r="G10685" s="40">
        <v>22.71076605443832</v>
      </c>
      <c r="H10685" s="40">
        <v>177.933334</v>
      </c>
      <c r="I10685" s="40">
        <v>25.217506292050317</v>
      </c>
      <c r="L10685" s="40"/>
      <c r="M10685" s="40"/>
      <c r="N10685" s="40"/>
    </row>
    <row r="10686" spans="4:14" x14ac:dyDescent="0.25">
      <c r="D10686" s="40"/>
      <c r="F10686" s="40">
        <v>177.95000000000002</v>
      </c>
      <c r="G10686" s="40">
        <v>22.71076605443832</v>
      </c>
      <c r="H10686" s="40">
        <v>177.95</v>
      </c>
      <c r="I10686" s="40">
        <v>25.217506292050317</v>
      </c>
      <c r="L10686" s="40"/>
      <c r="M10686" s="40"/>
      <c r="N10686" s="40"/>
    </row>
    <row r="10687" spans="4:14" x14ac:dyDescent="0.25">
      <c r="D10687" s="40"/>
      <c r="F10687" s="40">
        <v>177.966667</v>
      </c>
      <c r="G10687" s="40">
        <v>22.71076605443832</v>
      </c>
      <c r="H10687" s="40">
        <v>177.96666700000003</v>
      </c>
      <c r="I10687" s="40">
        <v>25.217506292050317</v>
      </c>
      <c r="L10687" s="40"/>
      <c r="M10687" s="40"/>
      <c r="N10687" s="40"/>
    </row>
    <row r="10688" spans="4:14" x14ac:dyDescent="0.25">
      <c r="D10688" s="40"/>
      <c r="F10688" s="40">
        <v>177.98333299999999</v>
      </c>
      <c r="G10688" s="40">
        <v>22.715521298528536</v>
      </c>
      <c r="H10688" s="40">
        <v>177.98333400000001</v>
      </c>
      <c r="I10688" s="40">
        <v>25.217506292050317</v>
      </c>
      <c r="L10688" s="40"/>
      <c r="M10688" s="40"/>
      <c r="N10688" s="40"/>
    </row>
    <row r="10689" spans="4:14" x14ac:dyDescent="0.25">
      <c r="D10689" s="40"/>
      <c r="F10689" s="40">
        <v>177.99999999999997</v>
      </c>
      <c r="G10689" s="40">
        <v>22.715521298528536</v>
      </c>
      <c r="H10689" s="40">
        <v>178</v>
      </c>
      <c r="I10689" s="40">
        <v>25.220859028193573</v>
      </c>
      <c r="L10689" s="40"/>
      <c r="M10689" s="40"/>
      <c r="N10689" s="40"/>
    </row>
    <row r="10690" spans="4:14" x14ac:dyDescent="0.25">
      <c r="D10690" s="40"/>
      <c r="F10690" s="40">
        <v>178.01666700000001</v>
      </c>
      <c r="G10690" s="40">
        <v>22.715521298528536</v>
      </c>
      <c r="H10690" s="40">
        <v>178.01666699999998</v>
      </c>
      <c r="I10690" s="40">
        <v>25.220859028193573</v>
      </c>
      <c r="L10690" s="40"/>
      <c r="M10690" s="40"/>
      <c r="N10690" s="40"/>
    </row>
    <row r="10691" spans="4:14" x14ac:dyDescent="0.25">
      <c r="D10691" s="40"/>
      <c r="F10691" s="40">
        <v>178.033333</v>
      </c>
      <c r="G10691" s="40">
        <v>22.720276542618755</v>
      </c>
      <c r="H10691" s="40">
        <v>178.03333400000002</v>
      </c>
      <c r="I10691" s="40">
        <v>25.220859028193573</v>
      </c>
      <c r="L10691" s="40"/>
      <c r="M10691" s="40"/>
      <c r="N10691" s="40"/>
    </row>
    <row r="10692" spans="4:14" x14ac:dyDescent="0.25">
      <c r="D10692" s="40"/>
      <c r="F10692" s="40">
        <v>178.04999999999998</v>
      </c>
      <c r="G10692" s="40">
        <v>22.720276542618755</v>
      </c>
      <c r="H10692" s="40">
        <v>178.05</v>
      </c>
      <c r="I10692" s="40">
        <v>25.220859028193573</v>
      </c>
      <c r="L10692" s="40"/>
      <c r="M10692" s="40"/>
      <c r="N10692" s="40"/>
    </row>
    <row r="10693" spans="4:14" x14ac:dyDescent="0.25">
      <c r="D10693" s="40"/>
      <c r="F10693" s="40">
        <v>178.06666699999997</v>
      </c>
      <c r="G10693" s="40">
        <v>22.720276542618755</v>
      </c>
      <c r="H10693" s="40">
        <v>178.066667</v>
      </c>
      <c r="I10693" s="40">
        <v>25.220859028193573</v>
      </c>
      <c r="L10693" s="40"/>
      <c r="M10693" s="40"/>
      <c r="N10693" s="40"/>
    </row>
    <row r="10694" spans="4:14" x14ac:dyDescent="0.25">
      <c r="D10694" s="40"/>
      <c r="F10694" s="40">
        <v>178.08333300000001</v>
      </c>
      <c r="G10694" s="40">
        <v>22.724891926588658</v>
      </c>
      <c r="H10694" s="40">
        <v>178.08333399999998</v>
      </c>
      <c r="I10694" s="40">
        <v>25.224211764337007</v>
      </c>
      <c r="L10694" s="40"/>
      <c r="M10694" s="40"/>
      <c r="N10694" s="40"/>
    </row>
    <row r="10695" spans="4:14" x14ac:dyDescent="0.25">
      <c r="D10695" s="40"/>
      <c r="F10695" s="40">
        <v>178.1</v>
      </c>
      <c r="G10695" s="40">
        <v>22.724891926588658</v>
      </c>
      <c r="H10695" s="40">
        <v>178.10000000000002</v>
      </c>
      <c r="I10695" s="40">
        <v>25.224211764337007</v>
      </c>
      <c r="L10695" s="40"/>
      <c r="M10695" s="40"/>
      <c r="N10695" s="40"/>
    </row>
    <row r="10696" spans="4:14" x14ac:dyDescent="0.25">
      <c r="D10696" s="40"/>
      <c r="F10696" s="40">
        <v>178.11666699999998</v>
      </c>
      <c r="G10696" s="40">
        <v>22.724891926588658</v>
      </c>
      <c r="H10696" s="40">
        <v>178.11666700000001</v>
      </c>
      <c r="I10696" s="40">
        <v>25.224211764337007</v>
      </c>
      <c r="L10696" s="40"/>
      <c r="M10696" s="40"/>
      <c r="N10696" s="40"/>
    </row>
    <row r="10697" spans="4:14" x14ac:dyDescent="0.25">
      <c r="D10697" s="40"/>
      <c r="F10697" s="40">
        <v>178.13333300000002</v>
      </c>
      <c r="G10697" s="40">
        <v>22.729647170678753</v>
      </c>
      <c r="H10697" s="40">
        <v>178.13333399999999</v>
      </c>
      <c r="I10697" s="40">
        <v>25.224211764337007</v>
      </c>
      <c r="L10697" s="40"/>
      <c r="M10697" s="40"/>
      <c r="N10697" s="40"/>
    </row>
    <row r="10698" spans="4:14" x14ac:dyDescent="0.25">
      <c r="D10698" s="40"/>
      <c r="F10698" s="40">
        <v>178.15</v>
      </c>
      <c r="G10698" s="40">
        <v>22.729647170678753</v>
      </c>
      <c r="H10698" s="40">
        <v>178.15000000000003</v>
      </c>
      <c r="I10698" s="40">
        <v>25.224211764337007</v>
      </c>
      <c r="L10698" s="40"/>
      <c r="M10698" s="40"/>
      <c r="N10698" s="40"/>
    </row>
    <row r="10699" spans="4:14" x14ac:dyDescent="0.25">
      <c r="D10699" s="40"/>
      <c r="F10699" s="40">
        <v>178.16666699999999</v>
      </c>
      <c r="G10699" s="40">
        <v>22.729647170678753</v>
      </c>
      <c r="H10699" s="40">
        <v>178.16666700000002</v>
      </c>
      <c r="I10699" s="40">
        <v>25.224211764337007</v>
      </c>
      <c r="L10699" s="40"/>
      <c r="M10699" s="40"/>
      <c r="N10699" s="40"/>
    </row>
    <row r="10700" spans="4:14" x14ac:dyDescent="0.25">
      <c r="D10700" s="40"/>
      <c r="F10700" s="40">
        <v>178.18333299999998</v>
      </c>
      <c r="G10700" s="40">
        <v>22.729647170678753</v>
      </c>
      <c r="H10700" s="40">
        <v>178.183334</v>
      </c>
      <c r="I10700" s="40">
        <v>25.227465890593592</v>
      </c>
      <c r="L10700" s="40"/>
      <c r="M10700" s="40"/>
      <c r="N10700" s="40"/>
    </row>
    <row r="10701" spans="4:14" x14ac:dyDescent="0.25">
      <c r="D10701" s="40"/>
      <c r="F10701" s="40">
        <v>178.20000000000002</v>
      </c>
      <c r="G10701" s="40">
        <v>22.734402414768972</v>
      </c>
      <c r="H10701" s="40">
        <v>178.2</v>
      </c>
      <c r="I10701" s="40">
        <v>25.227465890593592</v>
      </c>
      <c r="L10701" s="40"/>
      <c r="M10701" s="40"/>
      <c r="N10701" s="40"/>
    </row>
    <row r="10702" spans="4:14" x14ac:dyDescent="0.25">
      <c r="D10702" s="40"/>
      <c r="F10702" s="40">
        <v>178.216667</v>
      </c>
      <c r="G10702" s="40">
        <v>22.734402414768972</v>
      </c>
      <c r="H10702" s="40">
        <v>178.21666700000003</v>
      </c>
      <c r="I10702" s="40">
        <v>25.227465890593592</v>
      </c>
      <c r="L10702" s="40"/>
      <c r="M10702" s="40"/>
      <c r="N10702" s="40"/>
    </row>
    <row r="10703" spans="4:14" x14ac:dyDescent="0.25">
      <c r="D10703" s="40"/>
      <c r="F10703" s="40">
        <v>178.23333299999999</v>
      </c>
      <c r="G10703" s="40">
        <v>22.734402414768972</v>
      </c>
      <c r="H10703" s="40">
        <v>178.23333400000001</v>
      </c>
      <c r="I10703" s="40">
        <v>25.227465890593592</v>
      </c>
      <c r="L10703" s="40"/>
      <c r="M10703" s="40"/>
      <c r="N10703" s="40"/>
    </row>
    <row r="10704" spans="4:14" x14ac:dyDescent="0.25">
      <c r="D10704" s="40"/>
      <c r="F10704" s="40">
        <v>178.24999999999997</v>
      </c>
      <c r="G10704" s="40">
        <v>22.734402414768972</v>
      </c>
      <c r="H10704" s="40">
        <v>178.25</v>
      </c>
      <c r="I10704" s="40">
        <v>25.227465890593592</v>
      </c>
      <c r="L10704" s="40"/>
      <c r="M10704" s="40"/>
      <c r="N10704" s="40"/>
    </row>
    <row r="10705" spans="4:14" x14ac:dyDescent="0.25">
      <c r="D10705" s="40"/>
      <c r="F10705" s="40">
        <v>178.26666700000001</v>
      </c>
      <c r="G10705" s="40">
        <v>22.734402414768972</v>
      </c>
      <c r="H10705" s="40">
        <v>178.26666699999998</v>
      </c>
      <c r="I10705" s="40">
        <v>25.230818626737026</v>
      </c>
      <c r="L10705" s="40"/>
      <c r="M10705" s="40"/>
      <c r="N10705" s="40"/>
    </row>
    <row r="10706" spans="4:14" x14ac:dyDescent="0.25">
      <c r="D10706" s="40"/>
      <c r="F10706" s="40">
        <v>178.283333</v>
      </c>
      <c r="G10706" s="40">
        <v>22.739017798738875</v>
      </c>
      <c r="H10706" s="40">
        <v>178.28333400000002</v>
      </c>
      <c r="I10706" s="40">
        <v>25.230818626737026</v>
      </c>
      <c r="L10706" s="40"/>
      <c r="M10706" s="40"/>
      <c r="N10706" s="40"/>
    </row>
    <row r="10707" spans="4:14" x14ac:dyDescent="0.25">
      <c r="D10707" s="40"/>
      <c r="F10707" s="40">
        <v>178.29999999999998</v>
      </c>
      <c r="G10707" s="40">
        <v>22.739017798738875</v>
      </c>
      <c r="H10707" s="40">
        <v>178.3</v>
      </c>
      <c r="I10707" s="40">
        <v>25.230818626737026</v>
      </c>
      <c r="L10707" s="40"/>
      <c r="M10707" s="40"/>
      <c r="N10707" s="40"/>
    </row>
    <row r="10708" spans="4:14" x14ac:dyDescent="0.25">
      <c r="D10708" s="40"/>
      <c r="F10708" s="40">
        <v>178.31666699999997</v>
      </c>
      <c r="G10708" s="40">
        <v>22.739017798738875</v>
      </c>
      <c r="H10708" s="40">
        <v>178.316667</v>
      </c>
      <c r="I10708" s="40">
        <v>25.230818626737026</v>
      </c>
      <c r="L10708" s="40"/>
      <c r="M10708" s="40"/>
      <c r="N10708" s="40"/>
    </row>
    <row r="10709" spans="4:14" x14ac:dyDescent="0.25">
      <c r="D10709" s="40"/>
      <c r="F10709" s="40">
        <v>178.33333300000001</v>
      </c>
      <c r="G10709" s="40">
        <v>22.739017798738875</v>
      </c>
      <c r="H10709" s="40">
        <v>178.33333399999998</v>
      </c>
      <c r="I10709" s="40">
        <v>25.230818626737026</v>
      </c>
      <c r="L10709" s="40"/>
      <c r="M10709" s="40"/>
      <c r="N10709" s="40"/>
    </row>
    <row r="10710" spans="4:14" x14ac:dyDescent="0.25">
      <c r="D10710" s="40"/>
      <c r="F10710" s="40">
        <v>178.35</v>
      </c>
      <c r="G10710" s="40">
        <v>22.739017798738875</v>
      </c>
      <c r="H10710" s="40">
        <v>178.35000000000002</v>
      </c>
      <c r="I10710" s="40">
        <v>25.230818626737026</v>
      </c>
      <c r="L10710" s="40"/>
      <c r="M10710" s="40"/>
      <c r="N10710" s="40"/>
    </row>
    <row r="10711" spans="4:14" x14ac:dyDescent="0.25">
      <c r="D10711" s="40"/>
      <c r="F10711" s="40">
        <v>178.36666699999998</v>
      </c>
      <c r="G10711" s="40">
        <v>22.739017798738875</v>
      </c>
      <c r="H10711" s="40">
        <v>178.36666700000001</v>
      </c>
      <c r="I10711" s="40">
        <v>25.234171362880282</v>
      </c>
      <c r="L10711" s="40"/>
      <c r="M10711" s="40"/>
      <c r="N10711" s="40"/>
    </row>
    <row r="10712" spans="4:14" x14ac:dyDescent="0.25">
      <c r="D10712" s="40"/>
      <c r="F10712" s="40">
        <v>178.38333300000002</v>
      </c>
      <c r="G10712" s="40">
        <v>22.734402414768972</v>
      </c>
      <c r="H10712" s="40">
        <v>178.38333399999999</v>
      </c>
      <c r="I10712" s="40">
        <v>25.234171362880282</v>
      </c>
      <c r="L10712" s="40"/>
      <c r="M10712" s="40"/>
      <c r="N10712" s="40"/>
    </row>
    <row r="10713" spans="4:14" x14ac:dyDescent="0.25">
      <c r="D10713" s="40"/>
      <c r="F10713" s="40">
        <v>178.4</v>
      </c>
      <c r="G10713" s="40">
        <v>22.734402414768972</v>
      </c>
      <c r="H10713" s="40">
        <v>178.40000000000003</v>
      </c>
      <c r="I10713" s="40">
        <v>25.234171362880282</v>
      </c>
      <c r="L10713" s="40"/>
      <c r="M10713" s="40"/>
      <c r="N10713" s="40"/>
    </row>
    <row r="10714" spans="4:14" x14ac:dyDescent="0.25">
      <c r="D10714" s="40"/>
      <c r="F10714" s="40">
        <v>178.41666699999999</v>
      </c>
      <c r="G10714" s="40">
        <v>22.734402414768972</v>
      </c>
      <c r="H10714" s="40">
        <v>178.41666700000002</v>
      </c>
      <c r="I10714" s="40">
        <v>25.234171362880282</v>
      </c>
      <c r="L10714" s="40"/>
      <c r="M10714" s="40"/>
      <c r="N10714" s="40"/>
    </row>
    <row r="10715" spans="4:14" x14ac:dyDescent="0.25">
      <c r="D10715" s="40"/>
      <c r="F10715" s="40">
        <v>178.43333299999998</v>
      </c>
      <c r="G10715" s="40">
        <v>22.734402414768972</v>
      </c>
      <c r="H10715" s="40">
        <v>178.433334</v>
      </c>
      <c r="I10715" s="40">
        <v>25.234171362880282</v>
      </c>
      <c r="L10715" s="40"/>
      <c r="M10715" s="40"/>
      <c r="N10715" s="40"/>
    </row>
    <row r="10716" spans="4:14" x14ac:dyDescent="0.25">
      <c r="D10716" s="40"/>
      <c r="F10716" s="40">
        <v>178.45000000000002</v>
      </c>
      <c r="G10716" s="40">
        <v>22.734402414768972</v>
      </c>
      <c r="H10716" s="40">
        <v>178.45</v>
      </c>
      <c r="I10716" s="40">
        <v>25.234171362880282</v>
      </c>
      <c r="L10716" s="40"/>
      <c r="M10716" s="40"/>
      <c r="N10716" s="40"/>
    </row>
    <row r="10717" spans="4:14" x14ac:dyDescent="0.25">
      <c r="D10717" s="40"/>
      <c r="F10717" s="40">
        <v>178.466667</v>
      </c>
      <c r="G10717" s="40">
        <v>22.729647170678753</v>
      </c>
      <c r="H10717" s="40">
        <v>178.46666700000003</v>
      </c>
      <c r="I10717" s="40">
        <v>25.234171362880282</v>
      </c>
      <c r="L10717" s="40"/>
      <c r="M10717" s="40"/>
      <c r="N10717" s="40"/>
    </row>
    <row r="10718" spans="4:14" x14ac:dyDescent="0.25">
      <c r="D10718" s="40"/>
      <c r="F10718" s="40">
        <v>178.48333299999999</v>
      </c>
      <c r="G10718" s="40">
        <v>22.729647170678753</v>
      </c>
      <c r="H10718" s="40">
        <v>178.48333400000001</v>
      </c>
      <c r="I10718" s="40">
        <v>25.234171362880282</v>
      </c>
      <c r="L10718" s="40"/>
      <c r="M10718" s="40"/>
      <c r="N10718" s="40"/>
    </row>
    <row r="10719" spans="4:14" x14ac:dyDescent="0.25">
      <c r="D10719" s="40"/>
      <c r="F10719" s="40">
        <v>178.49999999999997</v>
      </c>
      <c r="G10719" s="40">
        <v>22.729647170678753</v>
      </c>
      <c r="H10719" s="40">
        <v>178.5</v>
      </c>
      <c r="I10719" s="40">
        <v>25.237425489137046</v>
      </c>
      <c r="L10719" s="40"/>
      <c r="M10719" s="40"/>
      <c r="N10719" s="40"/>
    </row>
    <row r="10720" spans="4:14" x14ac:dyDescent="0.25">
      <c r="D10720" s="40"/>
      <c r="F10720" s="40">
        <v>178.51666700000001</v>
      </c>
      <c r="G10720" s="40">
        <v>22.729647170678753</v>
      </c>
      <c r="H10720" s="40">
        <v>178.51666699999998</v>
      </c>
      <c r="I10720" s="40">
        <v>25.237425489137046</v>
      </c>
      <c r="L10720" s="40"/>
      <c r="M10720" s="40"/>
      <c r="N10720" s="40"/>
    </row>
    <row r="10721" spans="4:14" x14ac:dyDescent="0.25">
      <c r="D10721" s="40"/>
      <c r="F10721" s="40">
        <v>178.533333</v>
      </c>
      <c r="G10721" s="40">
        <v>22.729647170678753</v>
      </c>
      <c r="H10721" s="40">
        <v>178.53333400000002</v>
      </c>
      <c r="I10721" s="40">
        <v>25.237425489137046</v>
      </c>
      <c r="L10721" s="40"/>
      <c r="M10721" s="40"/>
      <c r="N10721" s="40"/>
    </row>
    <row r="10722" spans="4:14" x14ac:dyDescent="0.25">
      <c r="D10722" s="40"/>
      <c r="F10722" s="40">
        <v>178.54999999999998</v>
      </c>
      <c r="G10722" s="40">
        <v>22.729647170678753</v>
      </c>
      <c r="H10722" s="40">
        <v>178.55</v>
      </c>
      <c r="I10722" s="40">
        <v>25.237425489137046</v>
      </c>
      <c r="L10722" s="40"/>
      <c r="M10722" s="40"/>
      <c r="N10722" s="40"/>
    </row>
    <row r="10723" spans="4:14" x14ac:dyDescent="0.25">
      <c r="D10723" s="40"/>
      <c r="F10723" s="40">
        <v>178.56666699999997</v>
      </c>
      <c r="G10723" s="40">
        <v>22.729647170678753</v>
      </c>
      <c r="H10723" s="40">
        <v>178.566667</v>
      </c>
      <c r="I10723" s="40">
        <v>25.237425489137046</v>
      </c>
      <c r="L10723" s="40"/>
      <c r="M10723" s="40"/>
      <c r="N10723" s="40"/>
    </row>
    <row r="10724" spans="4:14" x14ac:dyDescent="0.25">
      <c r="D10724" s="40"/>
      <c r="F10724" s="40">
        <v>178.58333300000001</v>
      </c>
      <c r="G10724" s="40">
        <v>22.729647170678753</v>
      </c>
      <c r="H10724" s="40">
        <v>178.58333399999998</v>
      </c>
      <c r="I10724" s="40">
        <v>25.237425489137046</v>
      </c>
      <c r="L10724" s="40"/>
      <c r="M10724" s="40"/>
      <c r="N10724" s="40"/>
    </row>
    <row r="10725" spans="4:14" x14ac:dyDescent="0.25">
      <c r="D10725" s="40"/>
      <c r="F10725" s="40">
        <v>178.6</v>
      </c>
      <c r="G10725" s="40">
        <v>22.729647170678753</v>
      </c>
      <c r="H10725" s="40">
        <v>178.60000000000002</v>
      </c>
      <c r="I10725" s="40">
        <v>25.237425489137046</v>
      </c>
      <c r="L10725" s="40"/>
      <c r="M10725" s="40"/>
      <c r="N10725" s="40"/>
    </row>
    <row r="10726" spans="4:14" x14ac:dyDescent="0.25">
      <c r="D10726" s="40"/>
      <c r="F10726" s="40">
        <v>178.61666699999998</v>
      </c>
      <c r="G10726" s="40">
        <v>22.729647170678753</v>
      </c>
      <c r="H10726" s="40">
        <v>178.61666700000001</v>
      </c>
      <c r="I10726" s="40">
        <v>25.237425489137046</v>
      </c>
      <c r="L10726" s="40"/>
      <c r="M10726" s="40"/>
      <c r="N10726" s="40"/>
    </row>
    <row r="10727" spans="4:14" x14ac:dyDescent="0.25">
      <c r="D10727" s="40"/>
      <c r="F10727" s="40">
        <v>178.63333300000002</v>
      </c>
      <c r="G10727" s="40">
        <v>22.729647170678753</v>
      </c>
      <c r="H10727" s="40">
        <v>178.63333399999999</v>
      </c>
      <c r="I10727" s="40">
        <v>25.237425489137046</v>
      </c>
      <c r="L10727" s="40"/>
      <c r="M10727" s="40"/>
      <c r="N10727" s="40"/>
    </row>
    <row r="10728" spans="4:14" x14ac:dyDescent="0.25">
      <c r="D10728" s="40"/>
      <c r="F10728" s="40">
        <v>178.65</v>
      </c>
      <c r="G10728" s="40">
        <v>22.729647170678753</v>
      </c>
      <c r="H10728" s="40">
        <v>178.65000000000003</v>
      </c>
      <c r="I10728" s="40">
        <v>25.237425489137046</v>
      </c>
      <c r="L10728" s="40"/>
      <c r="M10728" s="40"/>
      <c r="N10728" s="40"/>
    </row>
    <row r="10729" spans="4:14" x14ac:dyDescent="0.25">
      <c r="D10729" s="40"/>
      <c r="F10729" s="40">
        <v>178.66666699999999</v>
      </c>
      <c r="G10729" s="40">
        <v>22.729647170678753</v>
      </c>
      <c r="H10729" s="40">
        <v>178.66666700000002</v>
      </c>
      <c r="I10729" s="40">
        <v>25.237425489137046</v>
      </c>
      <c r="L10729" s="40"/>
      <c r="M10729" s="40"/>
      <c r="N10729" s="40"/>
    </row>
    <row r="10730" spans="4:14" x14ac:dyDescent="0.25">
      <c r="D10730" s="40"/>
      <c r="F10730" s="40">
        <v>178.68333299999998</v>
      </c>
      <c r="G10730" s="40">
        <v>22.729647170678753</v>
      </c>
      <c r="H10730" s="40">
        <v>178.683334</v>
      </c>
      <c r="I10730" s="40">
        <v>25.237425489137046</v>
      </c>
      <c r="L10730" s="40"/>
      <c r="M10730" s="40"/>
      <c r="N10730" s="40"/>
    </row>
    <row r="10731" spans="4:14" x14ac:dyDescent="0.25">
      <c r="D10731" s="40"/>
      <c r="F10731" s="40">
        <v>178.70000000000002</v>
      </c>
      <c r="G10731" s="40">
        <v>22.729647170678753</v>
      </c>
      <c r="H10731" s="40">
        <v>178.7</v>
      </c>
      <c r="I10731" s="40">
        <v>25.237425489137046</v>
      </c>
      <c r="L10731" s="40"/>
      <c r="M10731" s="40"/>
      <c r="N10731" s="40"/>
    </row>
    <row r="10732" spans="4:14" x14ac:dyDescent="0.25">
      <c r="D10732" s="40"/>
      <c r="F10732" s="40">
        <v>178.716667</v>
      </c>
      <c r="G10732" s="40">
        <v>22.729647170678753</v>
      </c>
      <c r="H10732" s="40">
        <v>178.71666700000003</v>
      </c>
      <c r="I10732" s="40">
        <v>25.237425489137046</v>
      </c>
      <c r="L10732" s="40"/>
      <c r="M10732" s="40"/>
      <c r="N10732" s="40"/>
    </row>
    <row r="10733" spans="4:14" x14ac:dyDescent="0.25">
      <c r="D10733" s="40"/>
      <c r="F10733" s="40">
        <v>178.73333299999999</v>
      </c>
      <c r="G10733" s="40">
        <v>22.729647170678753</v>
      </c>
      <c r="H10733" s="40">
        <v>178.73333400000001</v>
      </c>
      <c r="I10733" s="40">
        <v>25.237425489137046</v>
      </c>
      <c r="L10733" s="40"/>
      <c r="M10733" s="40"/>
      <c r="N10733" s="40"/>
    </row>
    <row r="10734" spans="4:14" x14ac:dyDescent="0.25">
      <c r="D10734" s="40"/>
      <c r="F10734" s="40">
        <v>178.74999999999997</v>
      </c>
      <c r="G10734" s="40">
        <v>22.729647170678753</v>
      </c>
      <c r="H10734" s="40">
        <v>178.75</v>
      </c>
      <c r="I10734" s="40">
        <v>25.237425489137046</v>
      </c>
      <c r="L10734" s="40"/>
      <c r="M10734" s="40"/>
      <c r="N10734" s="40"/>
    </row>
    <row r="10735" spans="4:14" x14ac:dyDescent="0.25">
      <c r="D10735" s="40"/>
      <c r="F10735" s="40">
        <v>178.76666700000001</v>
      </c>
      <c r="G10735" s="40">
        <v>22.729647170678753</v>
      </c>
      <c r="H10735" s="40">
        <v>178.76666699999998</v>
      </c>
      <c r="I10735" s="40">
        <v>25.237425489137046</v>
      </c>
      <c r="L10735" s="40"/>
      <c r="M10735" s="40"/>
      <c r="N10735" s="40"/>
    </row>
    <row r="10736" spans="4:14" x14ac:dyDescent="0.25">
      <c r="D10736" s="40"/>
      <c r="F10736" s="40">
        <v>178.783333</v>
      </c>
      <c r="G10736" s="40">
        <v>22.729647170678753</v>
      </c>
      <c r="H10736" s="40">
        <v>178.78333400000002</v>
      </c>
      <c r="I10736" s="40">
        <v>25.240778225280302</v>
      </c>
      <c r="L10736" s="40"/>
      <c r="M10736" s="40"/>
      <c r="N10736" s="40"/>
    </row>
    <row r="10737" spans="4:14" x14ac:dyDescent="0.25">
      <c r="D10737" s="40"/>
      <c r="F10737" s="40">
        <v>178.79999999999998</v>
      </c>
      <c r="G10737" s="40">
        <v>22.734402414768972</v>
      </c>
      <c r="H10737" s="40">
        <v>178.8</v>
      </c>
      <c r="I10737" s="40">
        <v>25.240778225280302</v>
      </c>
      <c r="L10737" s="40"/>
      <c r="M10737" s="40"/>
      <c r="N10737" s="40"/>
    </row>
    <row r="10738" spans="4:14" x14ac:dyDescent="0.25">
      <c r="D10738" s="40"/>
      <c r="F10738" s="40">
        <v>178.81666699999997</v>
      </c>
      <c r="G10738" s="40">
        <v>22.734402414768972</v>
      </c>
      <c r="H10738" s="40">
        <v>178.816667</v>
      </c>
      <c r="I10738" s="40">
        <v>25.240778225280302</v>
      </c>
      <c r="L10738" s="40"/>
      <c r="M10738" s="40"/>
      <c r="N10738" s="40"/>
    </row>
    <row r="10739" spans="4:14" x14ac:dyDescent="0.25">
      <c r="D10739" s="40"/>
      <c r="F10739" s="40">
        <v>178.83333300000001</v>
      </c>
      <c r="G10739" s="40">
        <v>22.734402414768972</v>
      </c>
      <c r="H10739" s="40">
        <v>178.83333399999998</v>
      </c>
      <c r="I10739" s="40">
        <v>25.240778225280302</v>
      </c>
      <c r="L10739" s="40"/>
      <c r="M10739" s="40"/>
      <c r="N10739" s="40"/>
    </row>
    <row r="10740" spans="4:14" x14ac:dyDescent="0.25">
      <c r="D10740" s="40"/>
      <c r="F10740" s="40">
        <v>178.85</v>
      </c>
      <c r="G10740" s="40">
        <v>22.734402414768972</v>
      </c>
      <c r="H10740" s="40">
        <v>178.85000000000002</v>
      </c>
      <c r="I10740" s="40">
        <v>25.240778225280302</v>
      </c>
      <c r="L10740" s="40"/>
      <c r="M10740" s="40"/>
      <c r="N10740" s="40"/>
    </row>
    <row r="10741" spans="4:14" x14ac:dyDescent="0.25">
      <c r="D10741" s="40"/>
      <c r="F10741" s="40">
        <v>178.86666699999998</v>
      </c>
      <c r="G10741" s="40">
        <v>22.734402414768972</v>
      </c>
      <c r="H10741" s="40">
        <v>178.86666700000001</v>
      </c>
      <c r="I10741" s="40">
        <v>25.240778225280302</v>
      </c>
      <c r="L10741" s="40"/>
      <c r="M10741" s="40"/>
      <c r="N10741" s="40"/>
    </row>
    <row r="10742" spans="4:14" x14ac:dyDescent="0.25">
      <c r="D10742" s="40"/>
      <c r="F10742" s="40">
        <v>178.88333300000002</v>
      </c>
      <c r="G10742" s="40">
        <v>22.734402414768972</v>
      </c>
      <c r="H10742" s="40">
        <v>178.88333399999999</v>
      </c>
      <c r="I10742" s="40">
        <v>25.240778225280302</v>
      </c>
      <c r="L10742" s="40"/>
      <c r="M10742" s="40"/>
      <c r="N10742" s="40"/>
    </row>
    <row r="10743" spans="4:14" x14ac:dyDescent="0.25">
      <c r="D10743" s="40"/>
      <c r="F10743" s="40">
        <v>178.9</v>
      </c>
      <c r="G10743" s="40">
        <v>22.734402414768972</v>
      </c>
      <c r="H10743" s="40">
        <v>178.90000000000003</v>
      </c>
      <c r="I10743" s="40">
        <v>25.240778225280302</v>
      </c>
      <c r="L10743" s="40"/>
      <c r="M10743" s="40"/>
      <c r="N10743" s="40"/>
    </row>
    <row r="10744" spans="4:14" x14ac:dyDescent="0.25">
      <c r="D10744" s="40"/>
      <c r="F10744" s="40">
        <v>178.91666699999999</v>
      </c>
      <c r="G10744" s="40">
        <v>22.739017798738875</v>
      </c>
      <c r="H10744" s="40">
        <v>178.91666700000002</v>
      </c>
      <c r="I10744" s="40">
        <v>25.240778225280302</v>
      </c>
      <c r="L10744" s="40"/>
      <c r="M10744" s="40"/>
      <c r="N10744" s="40"/>
    </row>
    <row r="10745" spans="4:14" x14ac:dyDescent="0.25">
      <c r="D10745" s="40"/>
      <c r="F10745" s="40">
        <v>178.93333299999998</v>
      </c>
      <c r="G10745" s="40">
        <v>22.739017798738875</v>
      </c>
      <c r="H10745" s="40">
        <v>178.933334</v>
      </c>
      <c r="I10745" s="40">
        <v>25.240778225280302</v>
      </c>
      <c r="L10745" s="40"/>
      <c r="M10745" s="40"/>
      <c r="N10745" s="40"/>
    </row>
    <row r="10746" spans="4:14" x14ac:dyDescent="0.25">
      <c r="D10746" s="40"/>
      <c r="F10746" s="40">
        <v>178.95000000000002</v>
      </c>
      <c r="G10746" s="40">
        <v>22.739017798738875</v>
      </c>
      <c r="H10746" s="40">
        <v>178.95</v>
      </c>
      <c r="I10746" s="40">
        <v>25.240778225280302</v>
      </c>
      <c r="L10746" s="40"/>
      <c r="M10746" s="40"/>
      <c r="N10746" s="40"/>
    </row>
    <row r="10747" spans="4:14" x14ac:dyDescent="0.25">
      <c r="D10747" s="40"/>
      <c r="F10747" s="40">
        <v>178.966667</v>
      </c>
      <c r="G10747" s="40">
        <v>22.739017798738875</v>
      </c>
      <c r="H10747" s="40">
        <v>178.96666700000003</v>
      </c>
      <c r="I10747" s="40">
        <v>25.244130961423735</v>
      </c>
      <c r="L10747" s="40"/>
      <c r="M10747" s="40"/>
      <c r="N10747" s="40"/>
    </row>
    <row r="10748" spans="4:14" x14ac:dyDescent="0.25">
      <c r="D10748" s="40"/>
      <c r="F10748" s="40">
        <v>178.98333299999999</v>
      </c>
      <c r="G10748" s="40">
        <v>22.739017798738875</v>
      </c>
      <c r="H10748" s="40">
        <v>178.98333400000001</v>
      </c>
      <c r="I10748" s="40">
        <v>25.244130961423735</v>
      </c>
      <c r="L10748" s="40"/>
      <c r="M10748" s="40"/>
      <c r="N10748" s="40"/>
    </row>
    <row r="10749" spans="4:14" x14ac:dyDescent="0.25">
      <c r="D10749" s="40"/>
      <c r="F10749" s="40">
        <v>178.99999999999997</v>
      </c>
      <c r="G10749" s="40">
        <v>22.739017798738875</v>
      </c>
      <c r="H10749" s="40">
        <v>179</v>
      </c>
      <c r="I10749" s="40">
        <v>25.244130961423735</v>
      </c>
      <c r="L10749" s="40"/>
      <c r="M10749" s="40"/>
      <c r="N10749" s="40"/>
    </row>
    <row r="10750" spans="4:14" x14ac:dyDescent="0.25">
      <c r="D10750" s="40"/>
      <c r="F10750" s="40">
        <v>179.01666700000001</v>
      </c>
      <c r="G10750" s="40">
        <v>22.739017798738875</v>
      </c>
      <c r="H10750" s="40">
        <v>179.01666699999998</v>
      </c>
      <c r="I10750" s="40">
        <v>25.244130961423735</v>
      </c>
      <c r="L10750" s="40"/>
      <c r="M10750" s="40"/>
      <c r="N10750" s="40"/>
    </row>
    <row r="10751" spans="4:14" x14ac:dyDescent="0.25">
      <c r="D10751" s="40"/>
      <c r="F10751" s="40">
        <v>179.033333</v>
      </c>
      <c r="G10751" s="40">
        <v>22.743773042828966</v>
      </c>
      <c r="H10751" s="40">
        <v>179.03333400000002</v>
      </c>
      <c r="I10751" s="40">
        <v>25.244130961423735</v>
      </c>
      <c r="L10751" s="40"/>
      <c r="M10751" s="40"/>
      <c r="N10751" s="40"/>
    </row>
    <row r="10752" spans="4:14" x14ac:dyDescent="0.25">
      <c r="D10752" s="40"/>
      <c r="F10752" s="40">
        <v>179.04999999999998</v>
      </c>
      <c r="G10752" s="40">
        <v>22.743773042828966</v>
      </c>
      <c r="H10752" s="40">
        <v>179.05</v>
      </c>
      <c r="I10752" s="40">
        <v>25.247483697566992</v>
      </c>
      <c r="L10752" s="40"/>
      <c r="M10752" s="40"/>
      <c r="N10752" s="40"/>
    </row>
    <row r="10753" spans="4:14" x14ac:dyDescent="0.25">
      <c r="D10753" s="40"/>
      <c r="F10753" s="40">
        <v>179.06666699999997</v>
      </c>
      <c r="G10753" s="40">
        <v>22.743773042828966</v>
      </c>
      <c r="H10753" s="40">
        <v>179.066667</v>
      </c>
      <c r="I10753" s="40">
        <v>25.247483697566992</v>
      </c>
      <c r="L10753" s="40"/>
      <c r="M10753" s="40"/>
      <c r="N10753" s="40"/>
    </row>
    <row r="10754" spans="4:14" x14ac:dyDescent="0.25">
      <c r="D10754" s="40"/>
      <c r="F10754" s="40">
        <v>179.08333300000001</v>
      </c>
      <c r="G10754" s="40">
        <v>22.739017798738875</v>
      </c>
      <c r="H10754" s="40">
        <v>179.08333399999998</v>
      </c>
      <c r="I10754" s="40">
        <v>25.247483697566992</v>
      </c>
      <c r="L10754" s="40"/>
      <c r="M10754" s="40"/>
      <c r="N10754" s="40"/>
    </row>
    <row r="10755" spans="4:14" x14ac:dyDescent="0.25">
      <c r="D10755" s="40"/>
      <c r="F10755" s="40">
        <v>179.1</v>
      </c>
      <c r="G10755" s="40">
        <v>22.739017798738875</v>
      </c>
      <c r="H10755" s="40">
        <v>179.10000000000002</v>
      </c>
      <c r="I10755" s="40">
        <v>25.247483697566992</v>
      </c>
      <c r="L10755" s="40"/>
      <c r="M10755" s="40"/>
      <c r="N10755" s="40"/>
    </row>
    <row r="10756" spans="4:14" x14ac:dyDescent="0.25">
      <c r="D10756" s="40"/>
      <c r="F10756" s="40">
        <v>179.11666699999998</v>
      </c>
      <c r="G10756" s="40">
        <v>22.739017798738875</v>
      </c>
      <c r="H10756" s="40">
        <v>179.11666700000001</v>
      </c>
      <c r="I10756" s="40">
        <v>25.247483697566992</v>
      </c>
      <c r="L10756" s="40"/>
      <c r="M10756" s="40"/>
      <c r="N10756" s="40"/>
    </row>
    <row r="10757" spans="4:14" x14ac:dyDescent="0.25">
      <c r="D10757" s="40"/>
      <c r="F10757" s="40">
        <v>179.13333300000002</v>
      </c>
      <c r="G10757" s="40">
        <v>22.739017798738875</v>
      </c>
      <c r="H10757" s="40">
        <v>179.13333399999999</v>
      </c>
      <c r="I10757" s="40">
        <v>25.247483697566992</v>
      </c>
      <c r="L10757" s="40"/>
      <c r="M10757" s="40"/>
      <c r="N10757" s="40"/>
    </row>
    <row r="10758" spans="4:14" x14ac:dyDescent="0.25">
      <c r="D10758" s="40"/>
      <c r="F10758" s="40">
        <v>179.15</v>
      </c>
      <c r="G10758" s="40">
        <v>22.739017798738875</v>
      </c>
      <c r="H10758" s="40">
        <v>179.15000000000003</v>
      </c>
      <c r="I10758" s="40">
        <v>25.247483697566992</v>
      </c>
      <c r="L10758" s="40"/>
      <c r="M10758" s="40"/>
      <c r="N10758" s="40"/>
    </row>
    <row r="10759" spans="4:14" x14ac:dyDescent="0.25">
      <c r="D10759" s="40"/>
      <c r="F10759" s="40">
        <v>179.16666699999999</v>
      </c>
      <c r="G10759" s="40">
        <v>22.739017798738875</v>
      </c>
      <c r="H10759" s="40">
        <v>179.16666700000002</v>
      </c>
      <c r="I10759" s="40">
        <v>25.250737823823755</v>
      </c>
      <c r="L10759" s="40"/>
      <c r="M10759" s="40"/>
      <c r="N10759" s="40"/>
    </row>
    <row r="10760" spans="4:14" x14ac:dyDescent="0.25">
      <c r="D10760" s="40"/>
      <c r="F10760" s="40">
        <v>179.18333299999998</v>
      </c>
      <c r="G10760" s="40">
        <v>22.739017798738875</v>
      </c>
      <c r="H10760" s="40">
        <v>179.183334</v>
      </c>
      <c r="I10760" s="40">
        <v>25.250737823823755</v>
      </c>
      <c r="L10760" s="40"/>
      <c r="M10760" s="40"/>
      <c r="N10760" s="40"/>
    </row>
    <row r="10761" spans="4:14" x14ac:dyDescent="0.25">
      <c r="D10761" s="40"/>
      <c r="F10761" s="40">
        <v>179.20000000000002</v>
      </c>
      <c r="G10761" s="40">
        <v>22.739017798738875</v>
      </c>
      <c r="H10761" s="40">
        <v>179.2</v>
      </c>
      <c r="I10761" s="40">
        <v>25.250737823823755</v>
      </c>
      <c r="L10761" s="40"/>
      <c r="M10761" s="40"/>
      <c r="N10761" s="40"/>
    </row>
    <row r="10762" spans="4:14" x14ac:dyDescent="0.25">
      <c r="D10762" s="40"/>
      <c r="F10762" s="40">
        <v>179.216667</v>
      </c>
      <c r="G10762" s="40">
        <v>22.739017798738875</v>
      </c>
      <c r="H10762" s="40">
        <v>179.21666700000003</v>
      </c>
      <c r="I10762" s="40">
        <v>25.250737823823755</v>
      </c>
      <c r="L10762" s="40"/>
      <c r="M10762" s="40"/>
      <c r="N10762" s="40"/>
    </row>
    <row r="10763" spans="4:14" x14ac:dyDescent="0.25">
      <c r="D10763" s="40"/>
      <c r="F10763" s="40">
        <v>179.23333299999999</v>
      </c>
      <c r="G10763" s="40">
        <v>22.739017798738875</v>
      </c>
      <c r="H10763" s="40">
        <v>179.23333400000001</v>
      </c>
      <c r="I10763" s="40">
        <v>25.250737823823755</v>
      </c>
      <c r="L10763" s="40"/>
      <c r="M10763" s="40"/>
      <c r="N10763" s="40"/>
    </row>
    <row r="10764" spans="4:14" x14ac:dyDescent="0.25">
      <c r="D10764" s="40"/>
      <c r="F10764" s="40">
        <v>179.24999999999997</v>
      </c>
      <c r="G10764" s="40">
        <v>22.739017798738875</v>
      </c>
      <c r="H10764" s="40">
        <v>179.25</v>
      </c>
      <c r="I10764" s="40">
        <v>25.250737823823755</v>
      </c>
      <c r="L10764" s="40"/>
      <c r="M10764" s="40"/>
      <c r="N10764" s="40"/>
    </row>
    <row r="10765" spans="4:14" x14ac:dyDescent="0.25">
      <c r="D10765" s="40"/>
      <c r="F10765" s="40">
        <v>179.26666700000001</v>
      </c>
      <c r="G10765" s="40">
        <v>22.739017798738875</v>
      </c>
      <c r="H10765" s="40">
        <v>179.26666699999998</v>
      </c>
      <c r="I10765" s="40">
        <v>25.254090559967015</v>
      </c>
      <c r="L10765" s="40"/>
      <c r="M10765" s="40"/>
      <c r="N10765" s="40"/>
    </row>
    <row r="10766" spans="4:14" x14ac:dyDescent="0.25">
      <c r="D10766" s="40"/>
      <c r="F10766" s="40">
        <v>179.283333</v>
      </c>
      <c r="G10766" s="40">
        <v>22.739017798738875</v>
      </c>
      <c r="H10766" s="40">
        <v>179.28333400000002</v>
      </c>
      <c r="I10766" s="40">
        <v>25.254090559967015</v>
      </c>
      <c r="L10766" s="40"/>
      <c r="M10766" s="40"/>
      <c r="N10766" s="40"/>
    </row>
    <row r="10767" spans="4:14" x14ac:dyDescent="0.25">
      <c r="D10767" s="40"/>
      <c r="F10767" s="40">
        <v>179.29999999999998</v>
      </c>
      <c r="G10767" s="40">
        <v>22.734402414768972</v>
      </c>
      <c r="H10767" s="40">
        <v>179.3</v>
      </c>
      <c r="I10767" s="40">
        <v>25.254090559967015</v>
      </c>
      <c r="L10767" s="40"/>
      <c r="M10767" s="40"/>
      <c r="N10767" s="40"/>
    </row>
    <row r="10768" spans="4:14" x14ac:dyDescent="0.25">
      <c r="D10768" s="40"/>
      <c r="F10768" s="40">
        <v>179.31666699999997</v>
      </c>
      <c r="G10768" s="40">
        <v>22.734402414768972</v>
      </c>
      <c r="H10768" s="40">
        <v>179.316667</v>
      </c>
      <c r="I10768" s="40">
        <v>25.254090559967015</v>
      </c>
      <c r="L10768" s="40"/>
      <c r="M10768" s="40"/>
      <c r="N10768" s="40"/>
    </row>
    <row r="10769" spans="4:14" x14ac:dyDescent="0.25">
      <c r="D10769" s="40"/>
      <c r="F10769" s="40">
        <v>179.33333300000001</v>
      </c>
      <c r="G10769" s="40">
        <v>22.729647170678753</v>
      </c>
      <c r="H10769" s="40">
        <v>179.33333399999998</v>
      </c>
      <c r="I10769" s="40">
        <v>25.254090559967015</v>
      </c>
      <c r="L10769" s="40"/>
      <c r="M10769" s="40"/>
      <c r="N10769" s="40"/>
    </row>
    <row r="10770" spans="4:14" x14ac:dyDescent="0.25">
      <c r="D10770" s="40"/>
      <c r="F10770" s="40">
        <v>179.35</v>
      </c>
      <c r="G10770" s="40">
        <v>22.729647170678753</v>
      </c>
      <c r="H10770" s="40">
        <v>179.35000000000002</v>
      </c>
      <c r="I10770" s="40">
        <v>25.254090559967015</v>
      </c>
      <c r="L10770" s="40"/>
      <c r="M10770" s="40"/>
      <c r="N10770" s="40"/>
    </row>
    <row r="10771" spans="4:14" x14ac:dyDescent="0.25">
      <c r="D10771" s="40"/>
      <c r="F10771" s="40">
        <v>179.36666699999998</v>
      </c>
      <c r="G10771" s="40">
        <v>22.729647170678753</v>
      </c>
      <c r="H10771" s="40">
        <v>179.36666700000001</v>
      </c>
      <c r="I10771" s="40">
        <v>25.254090559967015</v>
      </c>
      <c r="L10771" s="40"/>
      <c r="M10771" s="40"/>
      <c r="N10771" s="40"/>
    </row>
    <row r="10772" spans="4:14" x14ac:dyDescent="0.25">
      <c r="D10772" s="40"/>
      <c r="F10772" s="40">
        <v>179.38333300000002</v>
      </c>
      <c r="G10772" s="40">
        <v>22.729647170678753</v>
      </c>
      <c r="H10772" s="40">
        <v>179.38333399999999</v>
      </c>
      <c r="I10772" s="40">
        <v>25.254090559967015</v>
      </c>
      <c r="L10772" s="40"/>
      <c r="M10772" s="40"/>
      <c r="N10772" s="40"/>
    </row>
    <row r="10773" spans="4:14" x14ac:dyDescent="0.25">
      <c r="D10773" s="40"/>
      <c r="F10773" s="40">
        <v>179.4</v>
      </c>
      <c r="G10773" s="40">
        <v>22.729647170678753</v>
      </c>
      <c r="H10773" s="40">
        <v>179.40000000000003</v>
      </c>
      <c r="I10773" s="40">
        <v>25.254090559967015</v>
      </c>
      <c r="L10773" s="40"/>
      <c r="M10773" s="40"/>
      <c r="N10773" s="40"/>
    </row>
    <row r="10774" spans="4:14" x14ac:dyDescent="0.25">
      <c r="D10774" s="40"/>
      <c r="F10774" s="40">
        <v>179.41666699999999</v>
      </c>
      <c r="G10774" s="40">
        <v>22.729647170678753</v>
      </c>
      <c r="H10774" s="40">
        <v>179.41666700000002</v>
      </c>
      <c r="I10774" s="40">
        <v>25.254090559967015</v>
      </c>
      <c r="L10774" s="40"/>
      <c r="M10774" s="40"/>
      <c r="N10774" s="40"/>
    </row>
    <row r="10775" spans="4:14" x14ac:dyDescent="0.25">
      <c r="D10775" s="40"/>
      <c r="F10775" s="40">
        <v>179.43333299999998</v>
      </c>
      <c r="G10775" s="40">
        <v>22.729647170678753</v>
      </c>
      <c r="H10775" s="40">
        <v>179.433334</v>
      </c>
      <c r="I10775" s="40">
        <v>25.254090559967015</v>
      </c>
      <c r="L10775" s="40"/>
      <c r="M10775" s="40"/>
      <c r="N10775" s="40"/>
    </row>
    <row r="10776" spans="4:14" x14ac:dyDescent="0.25">
      <c r="D10776" s="40"/>
      <c r="F10776" s="40">
        <v>179.45000000000002</v>
      </c>
      <c r="G10776" s="40">
        <v>22.729647170678753</v>
      </c>
      <c r="H10776" s="40">
        <v>179.45</v>
      </c>
      <c r="I10776" s="40">
        <v>25.254090559967015</v>
      </c>
      <c r="L10776" s="40"/>
      <c r="M10776" s="40"/>
      <c r="N10776" s="40"/>
    </row>
    <row r="10777" spans="4:14" x14ac:dyDescent="0.25">
      <c r="D10777" s="40"/>
      <c r="F10777" s="40">
        <v>179.466667</v>
      </c>
      <c r="G10777" s="40">
        <v>22.729647170678753</v>
      </c>
      <c r="H10777" s="40">
        <v>179.46666700000003</v>
      </c>
      <c r="I10777" s="40">
        <v>25.254090559967015</v>
      </c>
      <c r="L10777" s="40"/>
      <c r="M10777" s="40"/>
      <c r="N10777" s="40"/>
    </row>
    <row r="10778" spans="4:14" x14ac:dyDescent="0.25">
      <c r="D10778" s="40"/>
      <c r="F10778" s="40">
        <v>179.48333299999999</v>
      </c>
      <c r="G10778" s="40">
        <v>22.729647170678753</v>
      </c>
      <c r="H10778" s="40">
        <v>179.48333400000001</v>
      </c>
      <c r="I10778" s="40">
        <v>25.254090559967015</v>
      </c>
      <c r="L10778" s="40"/>
      <c r="M10778" s="40"/>
      <c r="N10778" s="40"/>
    </row>
    <row r="10779" spans="4:14" x14ac:dyDescent="0.25">
      <c r="D10779" s="40"/>
      <c r="F10779" s="40">
        <v>179.49999999999997</v>
      </c>
      <c r="G10779" s="40">
        <v>22.729647170678753</v>
      </c>
      <c r="H10779" s="40">
        <v>179.5</v>
      </c>
      <c r="I10779" s="40">
        <v>25.254090559967015</v>
      </c>
      <c r="L10779" s="40"/>
      <c r="M10779" s="40"/>
      <c r="N10779" s="40"/>
    </row>
    <row r="10780" spans="4:14" x14ac:dyDescent="0.25">
      <c r="D10780" s="40"/>
      <c r="F10780" s="40">
        <v>179.51666700000001</v>
      </c>
      <c r="G10780" s="40">
        <v>22.729647170678753</v>
      </c>
      <c r="H10780" s="40">
        <v>179.51666699999998</v>
      </c>
      <c r="I10780" s="40">
        <v>25.254090559967015</v>
      </c>
      <c r="L10780" s="40"/>
      <c r="M10780" s="40"/>
      <c r="N10780" s="40"/>
    </row>
    <row r="10781" spans="4:14" x14ac:dyDescent="0.25">
      <c r="D10781" s="40"/>
      <c r="F10781" s="40">
        <v>179.533333</v>
      </c>
      <c r="G10781" s="40">
        <v>22.734402414768972</v>
      </c>
      <c r="H10781" s="40">
        <v>179.53333400000002</v>
      </c>
      <c r="I10781" s="40">
        <v>25.254090559967015</v>
      </c>
      <c r="L10781" s="40"/>
      <c r="M10781" s="40"/>
      <c r="N10781" s="40"/>
    </row>
    <row r="10782" spans="4:14" x14ac:dyDescent="0.25">
      <c r="D10782" s="40"/>
      <c r="F10782" s="40">
        <v>179.54999999999998</v>
      </c>
      <c r="G10782" s="40">
        <v>22.734402414768972</v>
      </c>
      <c r="H10782" s="40">
        <v>179.55</v>
      </c>
      <c r="I10782" s="40">
        <v>25.257443296110445</v>
      </c>
      <c r="L10782" s="40"/>
      <c r="M10782" s="40"/>
      <c r="N10782" s="40"/>
    </row>
    <row r="10783" spans="4:14" x14ac:dyDescent="0.25">
      <c r="D10783" s="40"/>
      <c r="F10783" s="40">
        <v>179.56666699999997</v>
      </c>
      <c r="G10783" s="40">
        <v>22.734402414768972</v>
      </c>
      <c r="H10783" s="40">
        <v>179.566667</v>
      </c>
      <c r="I10783" s="40">
        <v>25.257443296110445</v>
      </c>
      <c r="L10783" s="40"/>
      <c r="M10783" s="40"/>
      <c r="N10783" s="40"/>
    </row>
    <row r="10784" spans="4:14" x14ac:dyDescent="0.25">
      <c r="D10784" s="40"/>
      <c r="F10784" s="40">
        <v>179.58333300000001</v>
      </c>
      <c r="G10784" s="40">
        <v>22.734402414768972</v>
      </c>
      <c r="H10784" s="40">
        <v>179.58333399999998</v>
      </c>
      <c r="I10784" s="40">
        <v>25.257443296110445</v>
      </c>
      <c r="L10784" s="40"/>
      <c r="M10784" s="40"/>
      <c r="N10784" s="40"/>
    </row>
    <row r="10785" spans="4:14" x14ac:dyDescent="0.25">
      <c r="D10785" s="40"/>
      <c r="F10785" s="40">
        <v>179.6</v>
      </c>
      <c r="G10785" s="40">
        <v>22.734402414768972</v>
      </c>
      <c r="H10785" s="40">
        <v>179.60000000000002</v>
      </c>
      <c r="I10785" s="40">
        <v>25.257443296110445</v>
      </c>
      <c r="L10785" s="40"/>
      <c r="M10785" s="40"/>
      <c r="N10785" s="40"/>
    </row>
    <row r="10786" spans="4:14" x14ac:dyDescent="0.25">
      <c r="D10786" s="40"/>
      <c r="F10786" s="40">
        <v>179.61666699999998</v>
      </c>
      <c r="G10786" s="40">
        <v>22.734402414768972</v>
      </c>
      <c r="H10786" s="40">
        <v>179.61666700000001</v>
      </c>
      <c r="I10786" s="40">
        <v>25.257443296110445</v>
      </c>
      <c r="L10786" s="40"/>
      <c r="M10786" s="40"/>
      <c r="N10786" s="40"/>
    </row>
    <row r="10787" spans="4:14" x14ac:dyDescent="0.25">
      <c r="D10787" s="40"/>
      <c r="F10787" s="40">
        <v>179.63333300000002</v>
      </c>
      <c r="G10787" s="40">
        <v>22.734402414768972</v>
      </c>
      <c r="H10787" s="40">
        <v>179.63333399999999</v>
      </c>
      <c r="I10787" s="40">
        <v>25.257443296110445</v>
      </c>
      <c r="L10787" s="40"/>
      <c r="M10787" s="40"/>
      <c r="N10787" s="40"/>
    </row>
    <row r="10788" spans="4:14" x14ac:dyDescent="0.25">
      <c r="D10788" s="40"/>
      <c r="F10788" s="40">
        <v>179.65</v>
      </c>
      <c r="G10788" s="40">
        <v>22.734402414768972</v>
      </c>
      <c r="H10788" s="40">
        <v>179.65000000000003</v>
      </c>
      <c r="I10788" s="40">
        <v>25.257443296110445</v>
      </c>
      <c r="L10788" s="40"/>
      <c r="M10788" s="40"/>
      <c r="N10788" s="40"/>
    </row>
    <row r="10789" spans="4:14" x14ac:dyDescent="0.25">
      <c r="D10789" s="40"/>
      <c r="F10789" s="40">
        <v>179.66666699999999</v>
      </c>
      <c r="G10789" s="40">
        <v>22.739017798738875</v>
      </c>
      <c r="H10789" s="40">
        <v>179.66666700000002</v>
      </c>
      <c r="I10789" s="40">
        <v>25.260697422367031</v>
      </c>
      <c r="L10789" s="40"/>
      <c r="M10789" s="40"/>
      <c r="N10789" s="40"/>
    </row>
    <row r="10790" spans="4:14" x14ac:dyDescent="0.25">
      <c r="D10790" s="40"/>
      <c r="F10790" s="40">
        <v>179.68333299999998</v>
      </c>
      <c r="G10790" s="40">
        <v>22.739017798738875</v>
      </c>
      <c r="H10790" s="40">
        <v>179.683334</v>
      </c>
      <c r="I10790" s="40">
        <v>25.260697422367031</v>
      </c>
      <c r="L10790" s="40"/>
      <c r="M10790" s="40"/>
      <c r="N10790" s="40"/>
    </row>
    <row r="10791" spans="4:14" x14ac:dyDescent="0.25">
      <c r="D10791" s="40"/>
      <c r="F10791" s="40">
        <v>179.70000000000002</v>
      </c>
      <c r="G10791" s="40">
        <v>22.739017798738875</v>
      </c>
      <c r="H10791" s="40">
        <v>179.7</v>
      </c>
      <c r="I10791" s="40">
        <v>25.260697422367031</v>
      </c>
      <c r="L10791" s="40"/>
      <c r="M10791" s="40"/>
      <c r="N10791" s="40"/>
    </row>
    <row r="10792" spans="4:14" x14ac:dyDescent="0.25">
      <c r="D10792" s="40"/>
      <c r="F10792" s="40">
        <v>179.716667</v>
      </c>
      <c r="G10792" s="40">
        <v>22.739017798738875</v>
      </c>
      <c r="H10792" s="40">
        <v>179.71666700000003</v>
      </c>
      <c r="I10792" s="40">
        <v>25.260697422367031</v>
      </c>
      <c r="L10792" s="40"/>
      <c r="M10792" s="40"/>
      <c r="N10792" s="40"/>
    </row>
    <row r="10793" spans="4:14" x14ac:dyDescent="0.25">
      <c r="D10793" s="40"/>
      <c r="F10793" s="40">
        <v>179.73333299999999</v>
      </c>
      <c r="G10793" s="40">
        <v>22.739017798738875</v>
      </c>
      <c r="H10793" s="40">
        <v>179.73333400000001</v>
      </c>
      <c r="I10793" s="40">
        <v>25.260697422367031</v>
      </c>
      <c r="L10793" s="40"/>
      <c r="M10793" s="40"/>
      <c r="N10793" s="40"/>
    </row>
    <row r="10794" spans="4:14" x14ac:dyDescent="0.25">
      <c r="D10794" s="40"/>
      <c r="F10794" s="40">
        <v>179.74999999999997</v>
      </c>
      <c r="G10794" s="40">
        <v>22.743773042828966</v>
      </c>
      <c r="H10794" s="40">
        <v>179.75</v>
      </c>
      <c r="I10794" s="40">
        <v>25.260697422367031</v>
      </c>
      <c r="L10794" s="40"/>
      <c r="M10794" s="40"/>
      <c r="N10794" s="40"/>
    </row>
    <row r="10795" spans="4:14" x14ac:dyDescent="0.25">
      <c r="D10795" s="40"/>
      <c r="F10795" s="40">
        <v>179.76666700000001</v>
      </c>
      <c r="G10795" s="40">
        <v>22.743773042828966</v>
      </c>
      <c r="H10795" s="40">
        <v>179.76666699999998</v>
      </c>
      <c r="I10795" s="40">
        <v>25.260697422367031</v>
      </c>
      <c r="L10795" s="40"/>
      <c r="M10795" s="40"/>
      <c r="N10795" s="40"/>
    </row>
    <row r="10796" spans="4:14" x14ac:dyDescent="0.25">
      <c r="D10796" s="40"/>
      <c r="F10796" s="40">
        <v>179.783333</v>
      </c>
      <c r="G10796" s="40">
        <v>22.743773042828966</v>
      </c>
      <c r="H10796" s="40">
        <v>179.78333400000002</v>
      </c>
      <c r="I10796" s="40">
        <v>25.264050158510464</v>
      </c>
      <c r="L10796" s="40"/>
      <c r="M10796" s="40"/>
      <c r="N10796" s="40"/>
    </row>
    <row r="10797" spans="4:14" x14ac:dyDescent="0.25">
      <c r="D10797" s="40"/>
      <c r="F10797" s="40">
        <v>179.79999999999998</v>
      </c>
      <c r="G10797" s="40">
        <v>22.743773042828966</v>
      </c>
      <c r="H10797" s="40">
        <v>179.8</v>
      </c>
      <c r="I10797" s="40">
        <v>25.264050158510464</v>
      </c>
      <c r="L10797" s="40"/>
      <c r="M10797" s="40"/>
      <c r="N10797" s="40"/>
    </row>
    <row r="10798" spans="4:14" x14ac:dyDescent="0.25">
      <c r="D10798" s="40"/>
      <c r="F10798" s="40">
        <v>179.81666699999997</v>
      </c>
      <c r="G10798" s="40">
        <v>22.748528286919186</v>
      </c>
      <c r="H10798" s="40">
        <v>179.816667</v>
      </c>
      <c r="I10798" s="40">
        <v>25.264050158510464</v>
      </c>
      <c r="L10798" s="40"/>
      <c r="M10798" s="40"/>
      <c r="N10798" s="40"/>
    </row>
    <row r="10799" spans="4:14" x14ac:dyDescent="0.25">
      <c r="D10799" s="40"/>
      <c r="F10799" s="40">
        <v>179.83333300000001</v>
      </c>
      <c r="G10799" s="40">
        <v>22.748528286919186</v>
      </c>
      <c r="H10799" s="40">
        <v>179.83333399999998</v>
      </c>
      <c r="I10799" s="40">
        <v>25.264050158510464</v>
      </c>
      <c r="L10799" s="40"/>
      <c r="M10799" s="40"/>
      <c r="N10799" s="40"/>
    </row>
    <row r="10800" spans="4:14" x14ac:dyDescent="0.25">
      <c r="D10800" s="40"/>
      <c r="F10800" s="40">
        <v>179.85</v>
      </c>
      <c r="G10800" s="40">
        <v>22.748528286919186</v>
      </c>
      <c r="H10800" s="40">
        <v>179.85000000000002</v>
      </c>
      <c r="I10800" s="40">
        <v>25.264050158510464</v>
      </c>
      <c r="L10800" s="40"/>
      <c r="M10800" s="40"/>
      <c r="N10800" s="40"/>
    </row>
    <row r="10801" spans="4:14" x14ac:dyDescent="0.25">
      <c r="D10801" s="40"/>
      <c r="F10801" s="40">
        <v>179.86666699999998</v>
      </c>
      <c r="G10801" s="40">
        <v>22.748528286919186</v>
      </c>
      <c r="H10801" s="40">
        <v>179.86666700000001</v>
      </c>
      <c r="I10801" s="40">
        <v>25.264050158510464</v>
      </c>
      <c r="L10801" s="40"/>
      <c r="M10801" s="40"/>
      <c r="N10801" s="40"/>
    </row>
    <row r="10802" spans="4:14" x14ac:dyDescent="0.25">
      <c r="D10802" s="40"/>
      <c r="F10802" s="40">
        <v>179.88333300000002</v>
      </c>
      <c r="G10802" s="40">
        <v>22.748528286919186</v>
      </c>
      <c r="H10802" s="40">
        <v>179.88333399999999</v>
      </c>
      <c r="I10802" s="40">
        <v>25.267402894653724</v>
      </c>
      <c r="L10802" s="40"/>
      <c r="M10802" s="40"/>
      <c r="N10802" s="40"/>
    </row>
    <row r="10803" spans="4:14" x14ac:dyDescent="0.25">
      <c r="D10803" s="40"/>
      <c r="F10803" s="40">
        <v>179.9</v>
      </c>
      <c r="G10803" s="40">
        <v>22.748528286919186</v>
      </c>
      <c r="H10803" s="40">
        <v>179.90000000000003</v>
      </c>
      <c r="I10803" s="40">
        <v>25.267402894653724</v>
      </c>
      <c r="L10803" s="40"/>
      <c r="M10803" s="40"/>
      <c r="N10803" s="40"/>
    </row>
    <row r="10804" spans="4:14" x14ac:dyDescent="0.25">
      <c r="D10804" s="40"/>
      <c r="F10804" s="40">
        <v>179.91666699999999</v>
      </c>
      <c r="G10804" s="40">
        <v>22.748528286919186</v>
      </c>
      <c r="H10804" s="40">
        <v>179.91666700000002</v>
      </c>
      <c r="I10804" s="40">
        <v>25.267402894653724</v>
      </c>
      <c r="L10804" s="40"/>
      <c r="M10804" s="40"/>
      <c r="N10804" s="40"/>
    </row>
    <row r="10805" spans="4:14" x14ac:dyDescent="0.25">
      <c r="D10805" s="40"/>
      <c r="F10805" s="40">
        <v>179.93333299999998</v>
      </c>
      <c r="G10805" s="40">
        <v>22.748528286919186</v>
      </c>
      <c r="H10805" s="40">
        <v>179.933334</v>
      </c>
      <c r="I10805" s="40">
        <v>25.267402894653724</v>
      </c>
      <c r="L10805" s="40"/>
      <c r="M10805" s="40"/>
      <c r="N10805" s="40"/>
    </row>
    <row r="10806" spans="4:14" x14ac:dyDescent="0.25">
      <c r="D10806" s="40"/>
      <c r="F10806" s="40">
        <v>179.95000000000002</v>
      </c>
      <c r="G10806" s="40">
        <v>22.753143670889088</v>
      </c>
      <c r="H10806" s="40">
        <v>179.95</v>
      </c>
      <c r="I10806" s="40">
        <v>25.267402894653724</v>
      </c>
      <c r="L10806" s="40"/>
      <c r="M10806" s="40"/>
      <c r="N10806" s="40"/>
    </row>
    <row r="10807" spans="4:14" x14ac:dyDescent="0.25">
      <c r="D10807" s="40"/>
      <c r="F10807" s="40">
        <v>179.966667</v>
      </c>
      <c r="G10807" s="40">
        <v>22.753143670889088</v>
      </c>
      <c r="H10807" s="40">
        <v>179.96666700000003</v>
      </c>
      <c r="I10807" s="40">
        <v>25.267402894653724</v>
      </c>
      <c r="L10807" s="40"/>
      <c r="M10807" s="40"/>
      <c r="N10807" s="40"/>
    </row>
    <row r="10808" spans="4:14" x14ac:dyDescent="0.25">
      <c r="D10808" s="40"/>
      <c r="F10808" s="40">
        <v>179.98333299999999</v>
      </c>
      <c r="G10808" s="40">
        <v>22.753143670889088</v>
      </c>
      <c r="H10808" s="40">
        <v>179.98333400000001</v>
      </c>
      <c r="I10808" s="40">
        <v>25.270657020910487</v>
      </c>
      <c r="L10808" s="40"/>
      <c r="M10808" s="40"/>
      <c r="N10808" s="40"/>
    </row>
    <row r="10809" spans="4:14" x14ac:dyDescent="0.25">
      <c r="D10809" s="40"/>
      <c r="F10809" s="40">
        <v>179.99999999999997</v>
      </c>
      <c r="G10809" s="40">
        <v>22.757898914979183</v>
      </c>
      <c r="H10809" s="40">
        <v>180</v>
      </c>
      <c r="I10809" s="40">
        <v>25.270657020910487</v>
      </c>
      <c r="L10809" s="40"/>
      <c r="M10809" s="40"/>
      <c r="N10809" s="40"/>
    </row>
    <row r="10810" spans="4:14" x14ac:dyDescent="0.25">
      <c r="D10810" s="40"/>
      <c r="F10810" s="40">
        <v>180.01666700000001</v>
      </c>
      <c r="G10810" s="40">
        <v>22.757898914979183</v>
      </c>
      <c r="H10810" s="40">
        <v>180.01666699999998</v>
      </c>
      <c r="I10810" s="40">
        <v>25.270657020910487</v>
      </c>
      <c r="L10810" s="40"/>
      <c r="M10810" s="40"/>
      <c r="N10810" s="40"/>
    </row>
    <row r="10811" spans="4:14" x14ac:dyDescent="0.25">
      <c r="D10811" s="40"/>
      <c r="F10811" s="40">
        <v>180.033333</v>
      </c>
      <c r="G10811" s="40">
        <v>22.762654159069399</v>
      </c>
      <c r="H10811" s="40">
        <v>180.03333400000002</v>
      </c>
      <c r="I10811" s="40">
        <v>25.270657020910487</v>
      </c>
      <c r="L10811" s="40"/>
      <c r="M10811" s="40"/>
      <c r="N10811" s="40"/>
    </row>
    <row r="10812" spans="4:14" x14ac:dyDescent="0.25">
      <c r="D10812" s="40"/>
      <c r="F10812" s="40">
        <v>180.04999999999998</v>
      </c>
      <c r="G10812" s="40">
        <v>22.762654159069399</v>
      </c>
      <c r="H10812" s="40">
        <v>180.05</v>
      </c>
      <c r="I10812" s="40">
        <v>25.270657020910487</v>
      </c>
      <c r="L10812" s="40"/>
      <c r="M10812" s="40"/>
      <c r="N10812" s="40"/>
    </row>
    <row r="10813" spans="4:14" x14ac:dyDescent="0.25">
      <c r="D10813" s="40"/>
      <c r="F10813" s="40">
        <v>180.06666699999997</v>
      </c>
      <c r="G10813" s="40">
        <v>22.762654159069399</v>
      </c>
      <c r="H10813" s="40">
        <v>180.066667</v>
      </c>
      <c r="I10813" s="40">
        <v>25.270657020910487</v>
      </c>
      <c r="L10813" s="40"/>
      <c r="M10813" s="40"/>
      <c r="N10813" s="40"/>
    </row>
    <row r="10814" spans="4:14" x14ac:dyDescent="0.25">
      <c r="D10814" s="40"/>
      <c r="F10814" s="40">
        <v>180.08333300000001</v>
      </c>
      <c r="G10814" s="40">
        <v>22.762654159069399</v>
      </c>
      <c r="H10814" s="40">
        <v>180.08333399999998</v>
      </c>
      <c r="I10814" s="40">
        <v>25.274009757053744</v>
      </c>
      <c r="L10814" s="40"/>
      <c r="M10814" s="40"/>
      <c r="N10814" s="40"/>
    </row>
    <row r="10815" spans="4:14" x14ac:dyDescent="0.25">
      <c r="D10815" s="40"/>
      <c r="F10815" s="40">
        <v>180.1</v>
      </c>
      <c r="G10815" s="40">
        <v>22.767269543039301</v>
      </c>
      <c r="H10815" s="40">
        <v>180.10000000000002</v>
      </c>
      <c r="I10815" s="40">
        <v>25.274009757053744</v>
      </c>
      <c r="L10815" s="40"/>
      <c r="M10815" s="40"/>
      <c r="N10815" s="40"/>
    </row>
    <row r="10816" spans="4:14" x14ac:dyDescent="0.25">
      <c r="D10816" s="40"/>
      <c r="F10816" s="40">
        <v>180.11666699999998</v>
      </c>
      <c r="G10816" s="40">
        <v>22.767269543039301</v>
      </c>
      <c r="H10816" s="40">
        <v>180.11666700000001</v>
      </c>
      <c r="I10816" s="40">
        <v>25.274009757053744</v>
      </c>
      <c r="L10816" s="40"/>
      <c r="M10816" s="40"/>
      <c r="N10816" s="40"/>
    </row>
    <row r="10817" spans="4:14" x14ac:dyDescent="0.25">
      <c r="D10817" s="40"/>
      <c r="F10817" s="40">
        <v>180.13333300000002</v>
      </c>
      <c r="G10817" s="40">
        <v>22.767269543039301</v>
      </c>
      <c r="H10817" s="40">
        <v>180.13333399999999</v>
      </c>
      <c r="I10817" s="40">
        <v>25.274009757053744</v>
      </c>
      <c r="L10817" s="40"/>
      <c r="M10817" s="40"/>
      <c r="N10817" s="40"/>
    </row>
    <row r="10818" spans="4:14" x14ac:dyDescent="0.25">
      <c r="D10818" s="40"/>
      <c r="F10818" s="40">
        <v>180.15</v>
      </c>
      <c r="G10818" s="40">
        <v>22.767269543039301</v>
      </c>
      <c r="H10818" s="40">
        <v>180.15000000000003</v>
      </c>
      <c r="I10818" s="40">
        <v>25.274009757053744</v>
      </c>
      <c r="L10818" s="40"/>
      <c r="M10818" s="40"/>
      <c r="N10818" s="40"/>
    </row>
    <row r="10819" spans="4:14" x14ac:dyDescent="0.25">
      <c r="D10819" s="40"/>
      <c r="F10819" s="40">
        <v>180.16666699999999</v>
      </c>
      <c r="G10819" s="40">
        <v>22.7720247871294</v>
      </c>
      <c r="H10819" s="40">
        <v>180.16666700000002</v>
      </c>
      <c r="I10819" s="40">
        <v>25.274009757053744</v>
      </c>
      <c r="L10819" s="40"/>
      <c r="M10819" s="40"/>
      <c r="N10819" s="40"/>
    </row>
    <row r="10820" spans="4:14" x14ac:dyDescent="0.25">
      <c r="D10820" s="40"/>
      <c r="F10820" s="40">
        <v>180.18333299999998</v>
      </c>
      <c r="G10820" s="40">
        <v>22.7720247871294</v>
      </c>
      <c r="H10820" s="40">
        <v>180.183334</v>
      </c>
      <c r="I10820" s="40">
        <v>25.277362493197174</v>
      </c>
      <c r="L10820" s="40"/>
      <c r="M10820" s="40"/>
      <c r="N10820" s="40"/>
    </row>
    <row r="10821" spans="4:14" x14ac:dyDescent="0.25">
      <c r="D10821" s="40"/>
      <c r="F10821" s="40">
        <v>180.20000000000002</v>
      </c>
      <c r="G10821" s="40">
        <v>22.7720247871294</v>
      </c>
      <c r="H10821" s="40">
        <v>180.2</v>
      </c>
      <c r="I10821" s="40">
        <v>25.277362493197174</v>
      </c>
      <c r="L10821" s="40"/>
      <c r="M10821" s="40"/>
      <c r="N10821" s="40"/>
    </row>
    <row r="10822" spans="4:14" x14ac:dyDescent="0.25">
      <c r="D10822" s="40"/>
      <c r="F10822" s="40">
        <v>180.216667</v>
      </c>
      <c r="G10822" s="40">
        <v>22.7720247871294</v>
      </c>
      <c r="H10822" s="40">
        <v>180.21666700000003</v>
      </c>
      <c r="I10822" s="40">
        <v>25.277362493197174</v>
      </c>
      <c r="L10822" s="40"/>
      <c r="M10822" s="40"/>
      <c r="N10822" s="40"/>
    </row>
    <row r="10823" spans="4:14" x14ac:dyDescent="0.25">
      <c r="D10823" s="40"/>
      <c r="F10823" s="40">
        <v>180.23333299999999</v>
      </c>
      <c r="G10823" s="40">
        <v>22.7720247871294</v>
      </c>
      <c r="H10823" s="40">
        <v>180.23333400000001</v>
      </c>
      <c r="I10823" s="40">
        <v>25.277362493197174</v>
      </c>
      <c r="L10823" s="40"/>
      <c r="M10823" s="40"/>
      <c r="N10823" s="40"/>
    </row>
    <row r="10824" spans="4:14" x14ac:dyDescent="0.25">
      <c r="D10824" s="40"/>
      <c r="F10824" s="40">
        <v>180.24999999999997</v>
      </c>
      <c r="G10824" s="40">
        <v>22.7720247871294</v>
      </c>
      <c r="H10824" s="40">
        <v>180.25</v>
      </c>
      <c r="I10824" s="40">
        <v>25.277362493197174</v>
      </c>
      <c r="L10824" s="40"/>
      <c r="M10824" s="40"/>
      <c r="N10824" s="40"/>
    </row>
    <row r="10825" spans="4:14" x14ac:dyDescent="0.25">
      <c r="D10825" s="40"/>
      <c r="F10825" s="40">
        <v>180.26666700000001</v>
      </c>
      <c r="G10825" s="40">
        <v>22.7720247871294</v>
      </c>
      <c r="H10825" s="40">
        <v>180.26666699999998</v>
      </c>
      <c r="I10825" s="40">
        <v>25.280616619453937</v>
      </c>
      <c r="L10825" s="40"/>
      <c r="M10825" s="40"/>
      <c r="N10825" s="40"/>
    </row>
    <row r="10826" spans="4:14" x14ac:dyDescent="0.25">
      <c r="D10826" s="40"/>
      <c r="F10826" s="40">
        <v>180.283333</v>
      </c>
      <c r="G10826" s="40">
        <v>22.7720247871294</v>
      </c>
      <c r="H10826" s="40">
        <v>180.28333400000002</v>
      </c>
      <c r="I10826" s="40">
        <v>25.280616619453937</v>
      </c>
      <c r="L10826" s="40"/>
      <c r="M10826" s="40"/>
      <c r="N10826" s="40"/>
    </row>
    <row r="10827" spans="4:14" x14ac:dyDescent="0.25">
      <c r="D10827" s="40"/>
      <c r="F10827" s="40">
        <v>180.29999999999998</v>
      </c>
      <c r="G10827" s="40">
        <v>22.7720247871294</v>
      </c>
      <c r="H10827" s="40">
        <v>180.3</v>
      </c>
      <c r="I10827" s="40">
        <v>25.280616619453937</v>
      </c>
      <c r="L10827" s="40"/>
      <c r="M10827" s="40"/>
      <c r="N10827" s="40"/>
    </row>
    <row r="10828" spans="4:14" x14ac:dyDescent="0.25">
      <c r="D10828" s="40"/>
      <c r="F10828" s="40">
        <v>180.31666699999997</v>
      </c>
      <c r="G10828" s="40">
        <v>22.776780031219616</v>
      </c>
      <c r="H10828" s="40">
        <v>180.316667</v>
      </c>
      <c r="I10828" s="40">
        <v>25.280616619453937</v>
      </c>
      <c r="L10828" s="40"/>
      <c r="M10828" s="40"/>
      <c r="N10828" s="40"/>
    </row>
    <row r="10829" spans="4:14" x14ac:dyDescent="0.25">
      <c r="D10829" s="40"/>
      <c r="F10829" s="40">
        <v>180.33333300000001</v>
      </c>
      <c r="G10829" s="40">
        <v>22.776780031219616</v>
      </c>
      <c r="H10829" s="40">
        <v>180.33333399999998</v>
      </c>
      <c r="I10829" s="40">
        <v>25.280616619453937</v>
      </c>
      <c r="L10829" s="40"/>
      <c r="M10829" s="40"/>
      <c r="N10829" s="40"/>
    </row>
    <row r="10830" spans="4:14" x14ac:dyDescent="0.25">
      <c r="D10830" s="40"/>
      <c r="F10830" s="40">
        <v>180.35</v>
      </c>
      <c r="G10830" s="40">
        <v>22.776780031219616</v>
      </c>
      <c r="H10830" s="40">
        <v>180.35000000000002</v>
      </c>
      <c r="I10830" s="40">
        <v>25.280616619453937</v>
      </c>
      <c r="L10830" s="40"/>
      <c r="M10830" s="40"/>
      <c r="N10830" s="40"/>
    </row>
    <row r="10831" spans="4:14" x14ac:dyDescent="0.25">
      <c r="D10831" s="40"/>
      <c r="F10831" s="40">
        <v>180.36666699999998</v>
      </c>
      <c r="G10831" s="40">
        <v>22.776780031219616</v>
      </c>
      <c r="H10831" s="40">
        <v>180.36666700000001</v>
      </c>
      <c r="I10831" s="40">
        <v>25.283969355597193</v>
      </c>
      <c r="L10831" s="40"/>
      <c r="M10831" s="40"/>
      <c r="N10831" s="40"/>
    </row>
    <row r="10832" spans="4:14" x14ac:dyDescent="0.25">
      <c r="D10832" s="40"/>
      <c r="F10832" s="40">
        <v>180.38333300000002</v>
      </c>
      <c r="G10832" s="40">
        <v>22.776780031219616</v>
      </c>
      <c r="H10832" s="40">
        <v>180.38333399999999</v>
      </c>
      <c r="I10832" s="40">
        <v>25.283969355597193</v>
      </c>
      <c r="L10832" s="40"/>
      <c r="M10832" s="40"/>
      <c r="N10832" s="40"/>
    </row>
    <row r="10833" spans="4:14" x14ac:dyDescent="0.25">
      <c r="D10833" s="40"/>
      <c r="F10833" s="40">
        <v>180.4</v>
      </c>
      <c r="G10833" s="40">
        <v>22.7720247871294</v>
      </c>
      <c r="H10833" s="40">
        <v>180.40000000000003</v>
      </c>
      <c r="I10833" s="40">
        <v>25.283969355597193</v>
      </c>
      <c r="L10833" s="40"/>
      <c r="M10833" s="40"/>
      <c r="N10833" s="40"/>
    </row>
    <row r="10834" spans="4:14" x14ac:dyDescent="0.25">
      <c r="D10834" s="40"/>
      <c r="F10834" s="40">
        <v>180.41666699999999</v>
      </c>
      <c r="G10834" s="40">
        <v>22.7720247871294</v>
      </c>
      <c r="H10834" s="40">
        <v>180.41666700000002</v>
      </c>
      <c r="I10834" s="40">
        <v>25.283969355597193</v>
      </c>
      <c r="L10834" s="40"/>
      <c r="M10834" s="40"/>
      <c r="N10834" s="40"/>
    </row>
    <row r="10835" spans="4:14" x14ac:dyDescent="0.25">
      <c r="D10835" s="40"/>
      <c r="F10835" s="40">
        <v>180.43333299999998</v>
      </c>
      <c r="G10835" s="40">
        <v>22.7720247871294</v>
      </c>
      <c r="H10835" s="40">
        <v>180.433334</v>
      </c>
      <c r="I10835" s="40">
        <v>25.283969355597193</v>
      </c>
      <c r="L10835" s="40"/>
      <c r="M10835" s="40"/>
      <c r="N10835" s="40"/>
    </row>
    <row r="10836" spans="4:14" x14ac:dyDescent="0.25">
      <c r="D10836" s="40"/>
      <c r="F10836" s="40">
        <v>180.45000000000002</v>
      </c>
      <c r="G10836" s="40">
        <v>22.7720247871294</v>
      </c>
      <c r="H10836" s="40">
        <v>180.45</v>
      </c>
      <c r="I10836" s="40">
        <v>25.287322091740453</v>
      </c>
      <c r="L10836" s="40"/>
      <c r="M10836" s="40"/>
      <c r="N10836" s="40"/>
    </row>
    <row r="10837" spans="4:14" x14ac:dyDescent="0.25">
      <c r="D10837" s="40"/>
      <c r="F10837" s="40">
        <v>180.466667</v>
      </c>
      <c r="G10837" s="40">
        <v>22.767269543039301</v>
      </c>
      <c r="H10837" s="40">
        <v>180.46666700000003</v>
      </c>
      <c r="I10837" s="40">
        <v>25.287322091740453</v>
      </c>
      <c r="L10837" s="40"/>
      <c r="M10837" s="40"/>
      <c r="N10837" s="40"/>
    </row>
    <row r="10838" spans="4:14" x14ac:dyDescent="0.25">
      <c r="D10838" s="40"/>
      <c r="F10838" s="40">
        <v>180.48333299999999</v>
      </c>
      <c r="G10838" s="40">
        <v>22.767269543039301</v>
      </c>
      <c r="H10838" s="40">
        <v>180.48333400000001</v>
      </c>
      <c r="I10838" s="40">
        <v>25.287322091740453</v>
      </c>
      <c r="L10838" s="40"/>
      <c r="M10838" s="40"/>
      <c r="N10838" s="40"/>
    </row>
    <row r="10839" spans="4:14" x14ac:dyDescent="0.25">
      <c r="D10839" s="40"/>
      <c r="F10839" s="40">
        <v>180.49999999999997</v>
      </c>
      <c r="G10839" s="40">
        <v>22.767269543039301</v>
      </c>
      <c r="H10839" s="40">
        <v>180.5</v>
      </c>
      <c r="I10839" s="40">
        <v>25.287322091740453</v>
      </c>
      <c r="L10839" s="40"/>
      <c r="M10839" s="40"/>
      <c r="N10839" s="40"/>
    </row>
    <row r="10840" spans="4:14" x14ac:dyDescent="0.25">
      <c r="D10840" s="40"/>
      <c r="F10840" s="40">
        <v>180.51666700000001</v>
      </c>
      <c r="G10840" s="40">
        <v>22.767269543039301</v>
      </c>
      <c r="H10840" s="40">
        <v>180.51666699999998</v>
      </c>
      <c r="I10840" s="40">
        <v>25.287322091740453</v>
      </c>
      <c r="L10840" s="40"/>
      <c r="M10840" s="40"/>
      <c r="N10840" s="40"/>
    </row>
    <row r="10841" spans="4:14" x14ac:dyDescent="0.25">
      <c r="D10841" s="40"/>
      <c r="F10841" s="40">
        <v>180.533333</v>
      </c>
      <c r="G10841" s="40">
        <v>22.767269543039301</v>
      </c>
      <c r="H10841" s="40">
        <v>180.53333400000002</v>
      </c>
      <c r="I10841" s="40">
        <v>25.287322091740453</v>
      </c>
      <c r="L10841" s="40"/>
      <c r="M10841" s="40"/>
      <c r="N10841" s="40"/>
    </row>
    <row r="10842" spans="4:14" x14ac:dyDescent="0.25">
      <c r="D10842" s="40"/>
      <c r="F10842" s="40">
        <v>180.54999999999998</v>
      </c>
      <c r="G10842" s="40">
        <v>22.767269543039301</v>
      </c>
      <c r="H10842" s="40">
        <v>180.55</v>
      </c>
      <c r="I10842" s="40">
        <v>25.290576217997216</v>
      </c>
      <c r="L10842" s="40"/>
      <c r="M10842" s="40"/>
      <c r="N10842" s="40"/>
    </row>
    <row r="10843" spans="4:14" x14ac:dyDescent="0.25">
      <c r="D10843" s="40"/>
      <c r="F10843" s="40">
        <v>180.56666699999997</v>
      </c>
      <c r="G10843" s="40">
        <v>22.762654159069399</v>
      </c>
      <c r="H10843" s="40">
        <v>180.566667</v>
      </c>
      <c r="I10843" s="40">
        <v>25.290576217997216</v>
      </c>
      <c r="L10843" s="40"/>
      <c r="M10843" s="40"/>
      <c r="N10843" s="40"/>
    </row>
    <row r="10844" spans="4:14" x14ac:dyDescent="0.25">
      <c r="D10844" s="40"/>
      <c r="F10844" s="40">
        <v>180.58333300000001</v>
      </c>
      <c r="G10844" s="40">
        <v>22.762654159069399</v>
      </c>
      <c r="H10844" s="40">
        <v>180.58333399999998</v>
      </c>
      <c r="I10844" s="40">
        <v>25.290576217997216</v>
      </c>
      <c r="L10844" s="40"/>
      <c r="M10844" s="40"/>
      <c r="N10844" s="40"/>
    </row>
    <row r="10845" spans="4:14" x14ac:dyDescent="0.25">
      <c r="D10845" s="40"/>
      <c r="F10845" s="40">
        <v>180.6</v>
      </c>
      <c r="G10845" s="40">
        <v>22.762654159069399</v>
      </c>
      <c r="H10845" s="40">
        <v>180.60000000000002</v>
      </c>
      <c r="I10845" s="40">
        <v>25.290576217997216</v>
      </c>
      <c r="L10845" s="40"/>
      <c r="M10845" s="40"/>
      <c r="N10845" s="40"/>
    </row>
    <row r="10846" spans="4:14" x14ac:dyDescent="0.25">
      <c r="D10846" s="40"/>
      <c r="F10846" s="40">
        <v>180.61666699999998</v>
      </c>
      <c r="G10846" s="40">
        <v>22.762654159069399</v>
      </c>
      <c r="H10846" s="40">
        <v>180.61666700000001</v>
      </c>
      <c r="I10846" s="40">
        <v>25.290576217997216</v>
      </c>
      <c r="L10846" s="40"/>
      <c r="M10846" s="40"/>
      <c r="N10846" s="40"/>
    </row>
    <row r="10847" spans="4:14" x14ac:dyDescent="0.25">
      <c r="D10847" s="40"/>
      <c r="F10847" s="40">
        <v>180.63333300000002</v>
      </c>
      <c r="G10847" s="40">
        <v>22.762654159069399</v>
      </c>
      <c r="H10847" s="40">
        <v>180.63333399999999</v>
      </c>
      <c r="I10847" s="40">
        <v>25.293928954140473</v>
      </c>
      <c r="L10847" s="40"/>
      <c r="M10847" s="40"/>
      <c r="N10847" s="40"/>
    </row>
    <row r="10848" spans="4:14" x14ac:dyDescent="0.25">
      <c r="D10848" s="40"/>
      <c r="F10848" s="40">
        <v>180.65</v>
      </c>
      <c r="G10848" s="40">
        <v>22.762654159069399</v>
      </c>
      <c r="H10848" s="40">
        <v>180.65000000000003</v>
      </c>
      <c r="I10848" s="40">
        <v>25.293928954140473</v>
      </c>
      <c r="L10848" s="40"/>
      <c r="M10848" s="40"/>
      <c r="N10848" s="40"/>
    </row>
    <row r="10849" spans="4:14" x14ac:dyDescent="0.25">
      <c r="D10849" s="40"/>
      <c r="F10849" s="40">
        <v>180.66666699999999</v>
      </c>
      <c r="G10849" s="40">
        <v>22.757898914979183</v>
      </c>
      <c r="H10849" s="40">
        <v>180.66666700000002</v>
      </c>
      <c r="I10849" s="40">
        <v>25.293928954140473</v>
      </c>
      <c r="L10849" s="40"/>
      <c r="M10849" s="40"/>
      <c r="N10849" s="40"/>
    </row>
    <row r="10850" spans="4:14" x14ac:dyDescent="0.25">
      <c r="D10850" s="40"/>
      <c r="F10850" s="40">
        <v>180.68333299999998</v>
      </c>
      <c r="G10850" s="40">
        <v>22.757898914979183</v>
      </c>
      <c r="H10850" s="40">
        <v>180.683334</v>
      </c>
      <c r="I10850" s="40">
        <v>25.293928954140473</v>
      </c>
      <c r="L10850" s="40"/>
      <c r="M10850" s="40"/>
      <c r="N10850" s="40"/>
    </row>
    <row r="10851" spans="4:14" x14ac:dyDescent="0.25">
      <c r="D10851" s="40"/>
      <c r="F10851" s="40">
        <v>180.70000000000002</v>
      </c>
      <c r="G10851" s="40">
        <v>22.757898914979183</v>
      </c>
      <c r="H10851" s="40">
        <v>180.7</v>
      </c>
      <c r="I10851" s="40">
        <v>25.293928954140473</v>
      </c>
      <c r="L10851" s="40"/>
      <c r="M10851" s="40"/>
      <c r="N10851" s="40"/>
    </row>
    <row r="10852" spans="4:14" x14ac:dyDescent="0.25">
      <c r="D10852" s="40"/>
      <c r="F10852" s="40">
        <v>180.716667</v>
      </c>
      <c r="G10852" s="40">
        <v>22.757898914979183</v>
      </c>
      <c r="H10852" s="40">
        <v>180.71666700000003</v>
      </c>
      <c r="I10852" s="40">
        <v>25.297281690283903</v>
      </c>
      <c r="L10852" s="40"/>
      <c r="M10852" s="40"/>
      <c r="N10852" s="40"/>
    </row>
    <row r="10853" spans="4:14" x14ac:dyDescent="0.25">
      <c r="D10853" s="40"/>
      <c r="F10853" s="40">
        <v>180.73333299999999</v>
      </c>
      <c r="G10853" s="40">
        <v>22.753143670889088</v>
      </c>
      <c r="H10853" s="40">
        <v>180.73333400000001</v>
      </c>
      <c r="I10853" s="40">
        <v>25.297281690283903</v>
      </c>
      <c r="L10853" s="40"/>
      <c r="M10853" s="40"/>
      <c r="N10853" s="40"/>
    </row>
    <row r="10854" spans="4:14" x14ac:dyDescent="0.25">
      <c r="D10854" s="40"/>
      <c r="F10854" s="40">
        <v>180.74999999999997</v>
      </c>
      <c r="G10854" s="40">
        <v>22.753143670889088</v>
      </c>
      <c r="H10854" s="40">
        <v>180.75</v>
      </c>
      <c r="I10854" s="40">
        <v>25.297281690283903</v>
      </c>
      <c r="L10854" s="40"/>
      <c r="M10854" s="40"/>
      <c r="N10854" s="40"/>
    </row>
    <row r="10855" spans="4:14" x14ac:dyDescent="0.25">
      <c r="D10855" s="40"/>
      <c r="F10855" s="40">
        <v>180.76666700000001</v>
      </c>
      <c r="G10855" s="40">
        <v>22.753143670889088</v>
      </c>
      <c r="H10855" s="40">
        <v>180.76666699999998</v>
      </c>
      <c r="I10855" s="40">
        <v>25.297281690283903</v>
      </c>
      <c r="L10855" s="40"/>
      <c r="M10855" s="40"/>
      <c r="N10855" s="40"/>
    </row>
    <row r="10856" spans="4:14" x14ac:dyDescent="0.25">
      <c r="D10856" s="40"/>
      <c r="F10856" s="40">
        <v>180.783333</v>
      </c>
      <c r="G10856" s="40">
        <v>22.753143670889088</v>
      </c>
      <c r="H10856" s="40">
        <v>180.78333400000002</v>
      </c>
      <c r="I10856" s="40">
        <v>25.297281690283903</v>
      </c>
      <c r="L10856" s="40"/>
      <c r="M10856" s="40"/>
      <c r="N10856" s="40"/>
    </row>
    <row r="10857" spans="4:14" x14ac:dyDescent="0.25">
      <c r="D10857" s="40"/>
      <c r="F10857" s="40">
        <v>180.79999999999998</v>
      </c>
      <c r="G10857" s="40">
        <v>22.753143670889088</v>
      </c>
      <c r="H10857" s="40">
        <v>180.8</v>
      </c>
      <c r="I10857" s="40">
        <v>25.300535816540666</v>
      </c>
      <c r="L10857" s="40"/>
      <c r="M10857" s="40"/>
      <c r="N10857" s="40"/>
    </row>
    <row r="10858" spans="4:14" x14ac:dyDescent="0.25">
      <c r="D10858" s="40"/>
      <c r="F10858" s="40">
        <v>180.81666699999997</v>
      </c>
      <c r="G10858" s="40">
        <v>22.753143670889088</v>
      </c>
      <c r="H10858" s="40">
        <v>180.816667</v>
      </c>
      <c r="I10858" s="40">
        <v>25.300535816540666</v>
      </c>
      <c r="L10858" s="40"/>
      <c r="M10858" s="40"/>
      <c r="N10858" s="40"/>
    </row>
    <row r="10859" spans="4:14" x14ac:dyDescent="0.25">
      <c r="D10859" s="40"/>
      <c r="F10859" s="40">
        <v>180.83333300000001</v>
      </c>
      <c r="G10859" s="40">
        <v>22.753143670889088</v>
      </c>
      <c r="H10859" s="40">
        <v>180.83333399999998</v>
      </c>
      <c r="I10859" s="40">
        <v>25.300535816540666</v>
      </c>
      <c r="L10859" s="40"/>
      <c r="M10859" s="40"/>
      <c r="N10859" s="40"/>
    </row>
    <row r="10860" spans="4:14" x14ac:dyDescent="0.25">
      <c r="D10860" s="40"/>
      <c r="F10860" s="40">
        <v>180.85</v>
      </c>
      <c r="G10860" s="40">
        <v>22.748528286919186</v>
      </c>
      <c r="H10860" s="40">
        <v>180.85000000000002</v>
      </c>
      <c r="I10860" s="40">
        <v>25.300535816540666</v>
      </c>
      <c r="L10860" s="40"/>
      <c r="M10860" s="40"/>
      <c r="N10860" s="40"/>
    </row>
    <row r="10861" spans="4:14" x14ac:dyDescent="0.25">
      <c r="D10861" s="40"/>
      <c r="F10861" s="40">
        <v>180.86666699999998</v>
      </c>
      <c r="G10861" s="40">
        <v>22.753143670889088</v>
      </c>
      <c r="H10861" s="40">
        <v>180.86666700000001</v>
      </c>
      <c r="I10861" s="40">
        <v>25.303888552683926</v>
      </c>
      <c r="L10861" s="40"/>
      <c r="M10861" s="40"/>
      <c r="N10861" s="40"/>
    </row>
    <row r="10862" spans="4:14" x14ac:dyDescent="0.25">
      <c r="D10862" s="40"/>
      <c r="F10862" s="40">
        <v>180.88333300000002</v>
      </c>
      <c r="G10862" s="40">
        <v>22.753143670889088</v>
      </c>
      <c r="H10862" s="40">
        <v>180.88333399999999</v>
      </c>
      <c r="I10862" s="40">
        <v>25.303888552683926</v>
      </c>
      <c r="L10862" s="40"/>
      <c r="M10862" s="40"/>
      <c r="N10862" s="40"/>
    </row>
    <row r="10863" spans="4:14" x14ac:dyDescent="0.25">
      <c r="D10863" s="40"/>
      <c r="F10863" s="40">
        <v>180.9</v>
      </c>
      <c r="G10863" s="40">
        <v>22.753143670889088</v>
      </c>
      <c r="H10863" s="40">
        <v>180.90000000000003</v>
      </c>
      <c r="I10863" s="40">
        <v>25.303888552683926</v>
      </c>
      <c r="L10863" s="40"/>
      <c r="M10863" s="40"/>
      <c r="N10863" s="40"/>
    </row>
    <row r="10864" spans="4:14" x14ac:dyDescent="0.25">
      <c r="D10864" s="40"/>
      <c r="F10864" s="40">
        <v>180.91666699999999</v>
      </c>
      <c r="G10864" s="40">
        <v>22.753143670889088</v>
      </c>
      <c r="H10864" s="40">
        <v>180.91666700000002</v>
      </c>
      <c r="I10864" s="40">
        <v>25.307241288827182</v>
      </c>
      <c r="L10864" s="40"/>
      <c r="M10864" s="40"/>
      <c r="N10864" s="40"/>
    </row>
    <row r="10865" spans="4:14" x14ac:dyDescent="0.25">
      <c r="D10865" s="40"/>
      <c r="F10865" s="40">
        <v>180.93333299999998</v>
      </c>
      <c r="G10865" s="40">
        <v>22.753143670889088</v>
      </c>
      <c r="H10865" s="40">
        <v>180.933334</v>
      </c>
      <c r="I10865" s="40">
        <v>25.307241288827182</v>
      </c>
      <c r="L10865" s="40"/>
      <c r="M10865" s="40"/>
      <c r="N10865" s="40"/>
    </row>
    <row r="10866" spans="4:14" x14ac:dyDescent="0.25">
      <c r="D10866" s="40"/>
      <c r="F10866" s="40">
        <v>180.95000000000002</v>
      </c>
      <c r="G10866" s="40">
        <v>22.753143670889088</v>
      </c>
      <c r="H10866" s="40">
        <v>180.95</v>
      </c>
      <c r="I10866" s="40">
        <v>25.307241288827182</v>
      </c>
      <c r="L10866" s="40"/>
      <c r="M10866" s="40"/>
      <c r="N10866" s="40"/>
    </row>
    <row r="10867" spans="4:14" x14ac:dyDescent="0.25">
      <c r="D10867" s="40"/>
      <c r="F10867" s="40">
        <v>180.966667</v>
      </c>
      <c r="G10867" s="40">
        <v>22.753143670889088</v>
      </c>
      <c r="H10867" s="40">
        <v>180.96666700000003</v>
      </c>
      <c r="I10867" s="40">
        <v>25.307241288827182</v>
      </c>
      <c r="L10867" s="40"/>
      <c r="M10867" s="40"/>
      <c r="N10867" s="40"/>
    </row>
    <row r="10868" spans="4:14" x14ac:dyDescent="0.25">
      <c r="D10868" s="40"/>
      <c r="F10868" s="40">
        <v>180.98333299999999</v>
      </c>
      <c r="G10868" s="40">
        <v>22.753143670889088</v>
      </c>
      <c r="H10868" s="40">
        <v>180.98333400000001</v>
      </c>
      <c r="I10868" s="40">
        <v>25.310495415083945</v>
      </c>
      <c r="L10868" s="40"/>
      <c r="M10868" s="40"/>
      <c r="N10868" s="40"/>
    </row>
    <row r="10869" spans="4:14" x14ac:dyDescent="0.25">
      <c r="D10869" s="40"/>
      <c r="F10869" s="40">
        <v>180.99999999999997</v>
      </c>
      <c r="G10869" s="40">
        <v>22.753143670889088</v>
      </c>
      <c r="H10869" s="40">
        <v>181</v>
      </c>
      <c r="I10869" s="40">
        <v>25.310495415083945</v>
      </c>
      <c r="L10869" s="40"/>
      <c r="M10869" s="40"/>
      <c r="N10869" s="40"/>
    </row>
    <row r="10870" spans="4:14" x14ac:dyDescent="0.25">
      <c r="D10870" s="40"/>
      <c r="F10870" s="40">
        <v>181.01666700000001</v>
      </c>
      <c r="G10870" s="40">
        <v>22.753143670889088</v>
      </c>
      <c r="H10870" s="40">
        <v>181.01666699999998</v>
      </c>
      <c r="I10870" s="40">
        <v>25.310495415083945</v>
      </c>
      <c r="L10870" s="40"/>
      <c r="M10870" s="40"/>
      <c r="N10870" s="40"/>
    </row>
    <row r="10871" spans="4:14" x14ac:dyDescent="0.25">
      <c r="D10871" s="40"/>
      <c r="F10871" s="40">
        <v>181.033333</v>
      </c>
      <c r="G10871" s="40">
        <v>22.748528286919186</v>
      </c>
      <c r="H10871" s="40">
        <v>181.03333400000002</v>
      </c>
      <c r="I10871" s="40">
        <v>25.313848151227379</v>
      </c>
      <c r="L10871" s="40"/>
      <c r="M10871" s="40"/>
      <c r="N10871" s="40"/>
    </row>
    <row r="10872" spans="4:14" x14ac:dyDescent="0.25">
      <c r="D10872" s="40"/>
      <c r="F10872" s="40">
        <v>181.04999999999998</v>
      </c>
      <c r="G10872" s="40">
        <v>22.753143670889088</v>
      </c>
      <c r="H10872" s="40">
        <v>181.05</v>
      </c>
      <c r="I10872" s="40">
        <v>25.313848151227379</v>
      </c>
      <c r="L10872" s="40"/>
      <c r="M10872" s="40"/>
      <c r="N10872" s="40"/>
    </row>
    <row r="10873" spans="4:14" x14ac:dyDescent="0.25">
      <c r="D10873" s="40"/>
      <c r="F10873" s="40">
        <v>181.06666699999997</v>
      </c>
      <c r="G10873" s="40">
        <v>22.753143670889088</v>
      </c>
      <c r="H10873" s="40">
        <v>181.066667</v>
      </c>
      <c r="I10873" s="40">
        <v>25.313848151227379</v>
      </c>
      <c r="L10873" s="40"/>
      <c r="M10873" s="40"/>
      <c r="N10873" s="40"/>
    </row>
    <row r="10874" spans="4:14" x14ac:dyDescent="0.25">
      <c r="D10874" s="40"/>
      <c r="F10874" s="40">
        <v>181.08333300000001</v>
      </c>
      <c r="G10874" s="40">
        <v>22.753143670889088</v>
      </c>
      <c r="H10874" s="40">
        <v>181.08333399999998</v>
      </c>
      <c r="I10874" s="40">
        <v>25.317200887370632</v>
      </c>
      <c r="L10874" s="40"/>
      <c r="M10874" s="40"/>
      <c r="N10874" s="40"/>
    </row>
    <row r="10875" spans="4:14" x14ac:dyDescent="0.25">
      <c r="D10875" s="40"/>
      <c r="F10875" s="40">
        <v>181.1</v>
      </c>
      <c r="G10875" s="40">
        <v>22.753143670889088</v>
      </c>
      <c r="H10875" s="40">
        <v>181.10000000000002</v>
      </c>
      <c r="I10875" s="40">
        <v>25.317200887370632</v>
      </c>
      <c r="L10875" s="40"/>
      <c r="M10875" s="40"/>
      <c r="N10875" s="40"/>
    </row>
    <row r="10876" spans="4:14" x14ac:dyDescent="0.25">
      <c r="D10876" s="40"/>
      <c r="F10876" s="40">
        <v>181.11666699999998</v>
      </c>
      <c r="G10876" s="40">
        <v>22.753143670889088</v>
      </c>
      <c r="H10876" s="40">
        <v>181.11666700000001</v>
      </c>
      <c r="I10876" s="40">
        <v>25.317200887370632</v>
      </c>
      <c r="L10876" s="40"/>
      <c r="M10876" s="40"/>
      <c r="N10876" s="40"/>
    </row>
    <row r="10877" spans="4:14" x14ac:dyDescent="0.25">
      <c r="D10877" s="40"/>
      <c r="F10877" s="40">
        <v>181.13333300000002</v>
      </c>
      <c r="G10877" s="40">
        <v>22.753143670889088</v>
      </c>
      <c r="H10877" s="40">
        <v>181.13333399999999</v>
      </c>
      <c r="I10877" s="40">
        <v>25.320455013627395</v>
      </c>
      <c r="L10877" s="40"/>
      <c r="M10877" s="40"/>
      <c r="N10877" s="40"/>
    </row>
    <row r="10878" spans="4:14" x14ac:dyDescent="0.25">
      <c r="D10878" s="40"/>
      <c r="F10878" s="40">
        <v>181.15</v>
      </c>
      <c r="G10878" s="40">
        <v>22.753143670889088</v>
      </c>
      <c r="H10878" s="40">
        <v>181.15000000000003</v>
      </c>
      <c r="I10878" s="40">
        <v>25.320455013627395</v>
      </c>
      <c r="L10878" s="40"/>
      <c r="M10878" s="40"/>
      <c r="N10878" s="40"/>
    </row>
    <row r="10879" spans="4:14" x14ac:dyDescent="0.25">
      <c r="D10879" s="40"/>
      <c r="F10879" s="40">
        <v>181.16666699999999</v>
      </c>
      <c r="G10879" s="40">
        <v>22.753143670889088</v>
      </c>
      <c r="H10879" s="40">
        <v>181.16666700000002</v>
      </c>
      <c r="I10879" s="40">
        <v>25.320455013627395</v>
      </c>
      <c r="L10879" s="40"/>
      <c r="M10879" s="40"/>
      <c r="N10879" s="40"/>
    </row>
    <row r="10880" spans="4:14" x14ac:dyDescent="0.25">
      <c r="D10880" s="40"/>
      <c r="F10880" s="40">
        <v>181.18333299999998</v>
      </c>
      <c r="G10880" s="40">
        <v>22.753143670889088</v>
      </c>
      <c r="H10880" s="40">
        <v>181.183334</v>
      </c>
      <c r="I10880" s="40">
        <v>25.320455013627395</v>
      </c>
      <c r="L10880" s="40"/>
      <c r="M10880" s="40"/>
      <c r="N10880" s="40"/>
    </row>
    <row r="10881" spans="4:14" x14ac:dyDescent="0.25">
      <c r="D10881" s="40"/>
      <c r="F10881" s="40">
        <v>181.20000000000002</v>
      </c>
      <c r="G10881" s="40">
        <v>22.753143670889088</v>
      </c>
      <c r="H10881" s="40">
        <v>181.2</v>
      </c>
      <c r="I10881" s="40">
        <v>25.323807749770655</v>
      </c>
      <c r="L10881" s="40"/>
      <c r="M10881" s="40"/>
      <c r="N10881" s="40"/>
    </row>
    <row r="10882" spans="4:14" x14ac:dyDescent="0.25">
      <c r="D10882" s="40"/>
      <c r="F10882" s="40">
        <v>181.216667</v>
      </c>
      <c r="G10882" s="40">
        <v>22.753143670889088</v>
      </c>
      <c r="H10882" s="40">
        <v>181.21666700000003</v>
      </c>
      <c r="I10882" s="40">
        <v>25.323807749770655</v>
      </c>
      <c r="L10882" s="40"/>
      <c r="M10882" s="40"/>
      <c r="N10882" s="40"/>
    </row>
    <row r="10883" spans="4:14" x14ac:dyDescent="0.25">
      <c r="D10883" s="40"/>
      <c r="F10883" s="40">
        <v>181.23333299999999</v>
      </c>
      <c r="G10883" s="40">
        <v>22.753143670889088</v>
      </c>
      <c r="H10883" s="40">
        <v>181.23333400000001</v>
      </c>
      <c r="I10883" s="40">
        <v>25.323807749770655</v>
      </c>
      <c r="L10883" s="40"/>
      <c r="M10883" s="40"/>
      <c r="N10883" s="40"/>
    </row>
    <row r="10884" spans="4:14" x14ac:dyDescent="0.25">
      <c r="D10884" s="40"/>
      <c r="F10884" s="40">
        <v>181.24999999999997</v>
      </c>
      <c r="G10884" s="40">
        <v>22.753143670889088</v>
      </c>
      <c r="H10884" s="40">
        <v>181.25</v>
      </c>
      <c r="I10884" s="40">
        <v>25.323807749770655</v>
      </c>
      <c r="L10884" s="40"/>
      <c r="M10884" s="40"/>
      <c r="N10884" s="40"/>
    </row>
    <row r="10885" spans="4:14" x14ac:dyDescent="0.25">
      <c r="D10885" s="40"/>
      <c r="F10885" s="40">
        <v>181.26666700000001</v>
      </c>
      <c r="G10885" s="40">
        <v>22.753143670889088</v>
      </c>
      <c r="H10885" s="40">
        <v>181.26666699999998</v>
      </c>
      <c r="I10885" s="40">
        <v>25.327160485913911</v>
      </c>
      <c r="L10885" s="40"/>
      <c r="M10885" s="40"/>
      <c r="N10885" s="40"/>
    </row>
    <row r="10886" spans="4:14" x14ac:dyDescent="0.25">
      <c r="D10886" s="40"/>
      <c r="F10886" s="40">
        <v>181.283333</v>
      </c>
      <c r="G10886" s="40">
        <v>22.753143670889088</v>
      </c>
      <c r="H10886" s="40">
        <v>181.28333400000002</v>
      </c>
      <c r="I10886" s="40">
        <v>25.327160485913911</v>
      </c>
      <c r="L10886" s="40"/>
      <c r="M10886" s="40"/>
      <c r="N10886" s="40"/>
    </row>
    <row r="10887" spans="4:14" x14ac:dyDescent="0.25">
      <c r="D10887" s="40"/>
      <c r="F10887" s="40">
        <v>181.29999999999998</v>
      </c>
      <c r="G10887" s="40">
        <v>22.753143670889088</v>
      </c>
      <c r="H10887" s="40">
        <v>181.3</v>
      </c>
      <c r="I10887" s="40">
        <v>25.327160485913911</v>
      </c>
      <c r="L10887" s="40"/>
      <c r="M10887" s="40"/>
      <c r="N10887" s="40"/>
    </row>
    <row r="10888" spans="4:14" x14ac:dyDescent="0.25">
      <c r="D10888" s="40"/>
      <c r="F10888" s="40">
        <v>181.31666699999997</v>
      </c>
      <c r="G10888" s="40">
        <v>22.753143670889088</v>
      </c>
      <c r="H10888" s="40">
        <v>181.316667</v>
      </c>
      <c r="I10888" s="40">
        <v>25.330414612170674</v>
      </c>
      <c r="L10888" s="40"/>
      <c r="M10888" s="40"/>
      <c r="N10888" s="40"/>
    </row>
    <row r="10889" spans="4:14" x14ac:dyDescent="0.25">
      <c r="D10889" s="40"/>
      <c r="F10889" s="40">
        <v>181.33333300000001</v>
      </c>
      <c r="G10889" s="40">
        <v>22.753143670889088</v>
      </c>
      <c r="H10889" s="40">
        <v>181.33333399999998</v>
      </c>
      <c r="I10889" s="40">
        <v>25.330414612170674</v>
      </c>
      <c r="L10889" s="40"/>
      <c r="M10889" s="40"/>
      <c r="N10889" s="40"/>
    </row>
    <row r="10890" spans="4:14" x14ac:dyDescent="0.25">
      <c r="D10890" s="40"/>
      <c r="F10890" s="40">
        <v>181.35</v>
      </c>
      <c r="G10890" s="40">
        <v>22.753143670889088</v>
      </c>
      <c r="H10890" s="40">
        <v>181.35000000000002</v>
      </c>
      <c r="I10890" s="40">
        <v>25.330414612170674</v>
      </c>
      <c r="L10890" s="40"/>
      <c r="M10890" s="40"/>
      <c r="N10890" s="40"/>
    </row>
    <row r="10891" spans="4:14" x14ac:dyDescent="0.25">
      <c r="D10891" s="40"/>
      <c r="F10891" s="40">
        <v>181.36666699999998</v>
      </c>
      <c r="G10891" s="40">
        <v>22.753143670889088</v>
      </c>
      <c r="H10891" s="40">
        <v>181.36666700000001</v>
      </c>
      <c r="I10891" s="40">
        <v>25.330414612170674</v>
      </c>
      <c r="L10891" s="40"/>
      <c r="M10891" s="40"/>
      <c r="N10891" s="40"/>
    </row>
    <row r="10892" spans="4:14" x14ac:dyDescent="0.25">
      <c r="D10892" s="40"/>
      <c r="F10892" s="40">
        <v>181.38333300000002</v>
      </c>
      <c r="G10892" s="40">
        <v>22.753143670889088</v>
      </c>
      <c r="H10892" s="40">
        <v>181.38333399999999</v>
      </c>
      <c r="I10892" s="40">
        <v>25.330414612170674</v>
      </c>
      <c r="L10892" s="40"/>
      <c r="M10892" s="40"/>
      <c r="N10892" s="40"/>
    </row>
    <row r="10893" spans="4:14" x14ac:dyDescent="0.25">
      <c r="D10893" s="40"/>
      <c r="F10893" s="40">
        <v>181.4</v>
      </c>
      <c r="G10893" s="40">
        <v>22.753143670889088</v>
      </c>
      <c r="H10893" s="40">
        <v>181.40000000000003</v>
      </c>
      <c r="I10893" s="40">
        <v>25.333767348314108</v>
      </c>
      <c r="L10893" s="40"/>
      <c r="M10893" s="40"/>
      <c r="N10893" s="40"/>
    </row>
    <row r="10894" spans="4:14" x14ac:dyDescent="0.25">
      <c r="D10894" s="40"/>
      <c r="F10894" s="40">
        <v>181.41666699999999</v>
      </c>
      <c r="G10894" s="40">
        <v>22.757898914979183</v>
      </c>
      <c r="H10894" s="40">
        <v>181.41666700000002</v>
      </c>
      <c r="I10894" s="40">
        <v>25.333767348314108</v>
      </c>
      <c r="L10894" s="40"/>
      <c r="M10894" s="40"/>
      <c r="N10894" s="40"/>
    </row>
    <row r="10895" spans="4:14" x14ac:dyDescent="0.25">
      <c r="D10895" s="40"/>
      <c r="F10895" s="40">
        <v>181.43333299999998</v>
      </c>
      <c r="G10895" s="40">
        <v>22.757898914979183</v>
      </c>
      <c r="H10895" s="40">
        <v>181.433334</v>
      </c>
      <c r="I10895" s="40">
        <v>25.333767348314108</v>
      </c>
      <c r="L10895" s="40"/>
      <c r="M10895" s="40"/>
      <c r="N10895" s="40"/>
    </row>
    <row r="10896" spans="4:14" x14ac:dyDescent="0.25">
      <c r="D10896" s="40"/>
      <c r="F10896" s="40">
        <v>181.45000000000002</v>
      </c>
      <c r="G10896" s="40">
        <v>22.757898914979183</v>
      </c>
      <c r="H10896" s="40">
        <v>181.45</v>
      </c>
      <c r="I10896" s="40">
        <v>25.337120084457364</v>
      </c>
      <c r="L10896" s="40"/>
      <c r="M10896" s="40"/>
      <c r="N10896" s="40"/>
    </row>
    <row r="10897" spans="4:14" x14ac:dyDescent="0.25">
      <c r="D10897" s="40"/>
      <c r="F10897" s="40">
        <v>181.466667</v>
      </c>
      <c r="G10897" s="40">
        <v>22.757898914979183</v>
      </c>
      <c r="H10897" s="40">
        <v>181.46666700000003</v>
      </c>
      <c r="I10897" s="40">
        <v>25.337120084457364</v>
      </c>
      <c r="L10897" s="40"/>
      <c r="M10897" s="40"/>
      <c r="N10897" s="40"/>
    </row>
    <row r="10898" spans="4:14" x14ac:dyDescent="0.25">
      <c r="D10898" s="40"/>
      <c r="F10898" s="40">
        <v>181.48333299999999</v>
      </c>
      <c r="G10898" s="40">
        <v>22.757898914979183</v>
      </c>
      <c r="H10898" s="40">
        <v>181.48333400000001</v>
      </c>
      <c r="I10898" s="40">
        <v>25.337120084457364</v>
      </c>
      <c r="L10898" s="40"/>
      <c r="M10898" s="40"/>
      <c r="N10898" s="40"/>
    </row>
    <row r="10899" spans="4:14" x14ac:dyDescent="0.25">
      <c r="D10899" s="40"/>
      <c r="F10899" s="40">
        <v>181.49999999999997</v>
      </c>
      <c r="G10899" s="40">
        <v>22.757898914979183</v>
      </c>
      <c r="H10899" s="40">
        <v>181.5</v>
      </c>
      <c r="I10899" s="40">
        <v>25.337120084457364</v>
      </c>
      <c r="L10899" s="40"/>
      <c r="M10899" s="40"/>
      <c r="N10899" s="40"/>
    </row>
    <row r="10900" spans="4:14" x14ac:dyDescent="0.25">
      <c r="D10900" s="40"/>
      <c r="F10900" s="40">
        <v>181.51666700000001</v>
      </c>
      <c r="G10900" s="40">
        <v>22.757898914979183</v>
      </c>
      <c r="H10900" s="40">
        <v>181.51666699999998</v>
      </c>
      <c r="I10900" s="40">
        <v>25.340374210714128</v>
      </c>
      <c r="L10900" s="40"/>
      <c r="M10900" s="40"/>
      <c r="N10900" s="40"/>
    </row>
    <row r="10901" spans="4:14" x14ac:dyDescent="0.25">
      <c r="D10901" s="40"/>
      <c r="F10901" s="40">
        <v>181.533333</v>
      </c>
      <c r="G10901" s="40">
        <v>22.762654159069399</v>
      </c>
      <c r="H10901" s="40">
        <v>181.53333400000002</v>
      </c>
      <c r="I10901" s="40">
        <v>25.340374210714128</v>
      </c>
      <c r="L10901" s="40"/>
      <c r="M10901" s="40"/>
      <c r="N10901" s="40"/>
    </row>
    <row r="10902" spans="4:14" x14ac:dyDescent="0.25">
      <c r="D10902" s="40"/>
      <c r="F10902" s="40">
        <v>181.54999999999998</v>
      </c>
      <c r="G10902" s="40">
        <v>22.762654159069399</v>
      </c>
      <c r="H10902" s="40">
        <v>181.55</v>
      </c>
      <c r="I10902" s="40">
        <v>25.340374210714128</v>
      </c>
      <c r="L10902" s="40"/>
      <c r="M10902" s="40"/>
      <c r="N10902" s="40"/>
    </row>
    <row r="10903" spans="4:14" x14ac:dyDescent="0.25">
      <c r="D10903" s="40"/>
      <c r="F10903" s="40">
        <v>181.56666699999997</v>
      </c>
      <c r="G10903" s="40">
        <v>22.762654159069399</v>
      </c>
      <c r="H10903" s="40">
        <v>181.566667</v>
      </c>
      <c r="I10903" s="40">
        <v>25.340374210714128</v>
      </c>
      <c r="L10903" s="40"/>
      <c r="M10903" s="40"/>
      <c r="N10903" s="40"/>
    </row>
    <row r="10904" spans="4:14" x14ac:dyDescent="0.25">
      <c r="D10904" s="40"/>
      <c r="F10904" s="40">
        <v>181.58333300000001</v>
      </c>
      <c r="G10904" s="40">
        <v>22.762654159069399</v>
      </c>
      <c r="H10904" s="40">
        <v>181.58333399999998</v>
      </c>
      <c r="I10904" s="40">
        <v>25.343726946857384</v>
      </c>
      <c r="L10904" s="40"/>
      <c r="M10904" s="40"/>
      <c r="N10904" s="40"/>
    </row>
    <row r="10905" spans="4:14" x14ac:dyDescent="0.25">
      <c r="D10905" s="40"/>
      <c r="F10905" s="40">
        <v>181.6</v>
      </c>
      <c r="G10905" s="40">
        <v>22.762654159069399</v>
      </c>
      <c r="H10905" s="40">
        <v>181.60000000000002</v>
      </c>
      <c r="I10905" s="40">
        <v>25.343726946857384</v>
      </c>
      <c r="L10905" s="40"/>
      <c r="M10905" s="40"/>
      <c r="N10905" s="40"/>
    </row>
    <row r="10906" spans="4:14" x14ac:dyDescent="0.25">
      <c r="D10906" s="40"/>
      <c r="F10906" s="40">
        <v>181.61666699999998</v>
      </c>
      <c r="G10906" s="40">
        <v>22.762654159069399</v>
      </c>
      <c r="H10906" s="40">
        <v>181.61666700000001</v>
      </c>
      <c r="I10906" s="40">
        <v>25.343726946857384</v>
      </c>
      <c r="L10906" s="40"/>
      <c r="M10906" s="40"/>
      <c r="N10906" s="40"/>
    </row>
    <row r="10907" spans="4:14" x14ac:dyDescent="0.25">
      <c r="D10907" s="40"/>
      <c r="F10907" s="40">
        <v>181.63333300000002</v>
      </c>
      <c r="G10907" s="40">
        <v>22.762654159069399</v>
      </c>
      <c r="H10907" s="40">
        <v>181.63333399999999</v>
      </c>
      <c r="I10907" s="40">
        <v>25.347079683000644</v>
      </c>
      <c r="L10907" s="40"/>
      <c r="M10907" s="40"/>
      <c r="N10907" s="40"/>
    </row>
    <row r="10908" spans="4:14" x14ac:dyDescent="0.25">
      <c r="D10908" s="40"/>
      <c r="F10908" s="40">
        <v>181.65</v>
      </c>
      <c r="G10908" s="40">
        <v>22.767269543039301</v>
      </c>
      <c r="H10908" s="40">
        <v>181.65000000000003</v>
      </c>
      <c r="I10908" s="40">
        <v>25.347079683000644</v>
      </c>
      <c r="L10908" s="40"/>
      <c r="M10908" s="40"/>
      <c r="N10908" s="40"/>
    </row>
    <row r="10909" spans="4:14" x14ac:dyDescent="0.25">
      <c r="D10909" s="40"/>
      <c r="F10909" s="40">
        <v>181.66666699999999</v>
      </c>
      <c r="G10909" s="40">
        <v>22.767269543039301</v>
      </c>
      <c r="H10909" s="40">
        <v>181.66666700000002</v>
      </c>
      <c r="I10909" s="40">
        <v>25.347079683000644</v>
      </c>
      <c r="L10909" s="40"/>
      <c r="M10909" s="40"/>
      <c r="N10909" s="40"/>
    </row>
    <row r="10910" spans="4:14" x14ac:dyDescent="0.25">
      <c r="D10910" s="40"/>
      <c r="F10910" s="40">
        <v>181.68333299999998</v>
      </c>
      <c r="G10910" s="40">
        <v>22.767269543039301</v>
      </c>
      <c r="H10910" s="40">
        <v>181.683334</v>
      </c>
      <c r="I10910" s="40">
        <v>25.350333809257407</v>
      </c>
      <c r="L10910" s="40"/>
      <c r="M10910" s="40"/>
      <c r="N10910" s="40"/>
    </row>
    <row r="10911" spans="4:14" x14ac:dyDescent="0.25">
      <c r="D10911" s="40"/>
      <c r="F10911" s="40">
        <v>181.70000000000002</v>
      </c>
      <c r="G10911" s="40">
        <v>22.767269543039301</v>
      </c>
      <c r="H10911" s="40">
        <v>181.7</v>
      </c>
      <c r="I10911" s="40">
        <v>25.350333809257407</v>
      </c>
      <c r="L10911" s="40"/>
      <c r="M10911" s="40"/>
      <c r="N10911" s="40"/>
    </row>
    <row r="10912" spans="4:14" x14ac:dyDescent="0.25">
      <c r="D10912" s="40"/>
      <c r="F10912" s="40">
        <v>181.716667</v>
      </c>
      <c r="G10912" s="40">
        <v>22.7720247871294</v>
      </c>
      <c r="H10912" s="40">
        <v>181.71666700000003</v>
      </c>
      <c r="I10912" s="40">
        <v>25.350333809257407</v>
      </c>
      <c r="L10912" s="40"/>
      <c r="M10912" s="40"/>
      <c r="N10912" s="40"/>
    </row>
    <row r="10913" spans="4:14" x14ac:dyDescent="0.25">
      <c r="D10913" s="40"/>
      <c r="F10913" s="40">
        <v>181.73333299999999</v>
      </c>
      <c r="G10913" s="40">
        <v>22.7720247871294</v>
      </c>
      <c r="H10913" s="40">
        <v>181.73333400000001</v>
      </c>
      <c r="I10913" s="40">
        <v>25.353686545400841</v>
      </c>
      <c r="L10913" s="40"/>
      <c r="M10913" s="40"/>
      <c r="N10913" s="40"/>
    </row>
    <row r="10914" spans="4:14" x14ac:dyDescent="0.25">
      <c r="D10914" s="40"/>
      <c r="F10914" s="40">
        <v>181.74999999999997</v>
      </c>
      <c r="G10914" s="40">
        <v>22.7720247871294</v>
      </c>
      <c r="H10914" s="40">
        <v>181.75</v>
      </c>
      <c r="I10914" s="40">
        <v>25.353686545400841</v>
      </c>
      <c r="L10914" s="40"/>
      <c r="M10914" s="40"/>
      <c r="N10914" s="40"/>
    </row>
    <row r="10915" spans="4:14" x14ac:dyDescent="0.25">
      <c r="D10915" s="40"/>
      <c r="F10915" s="40">
        <v>181.76666700000001</v>
      </c>
      <c r="G10915" s="40">
        <v>22.7720247871294</v>
      </c>
      <c r="H10915" s="40">
        <v>181.76666699999998</v>
      </c>
      <c r="I10915" s="40">
        <v>25.353686545400841</v>
      </c>
      <c r="L10915" s="40"/>
      <c r="M10915" s="40"/>
      <c r="N10915" s="40"/>
    </row>
    <row r="10916" spans="4:14" x14ac:dyDescent="0.25">
      <c r="D10916" s="40"/>
      <c r="F10916" s="40">
        <v>181.783333</v>
      </c>
      <c r="G10916" s="40">
        <v>22.7720247871294</v>
      </c>
      <c r="H10916" s="40">
        <v>181.78333400000002</v>
      </c>
      <c r="I10916" s="40">
        <v>25.353686545400841</v>
      </c>
      <c r="L10916" s="40"/>
      <c r="M10916" s="40"/>
      <c r="N10916" s="40"/>
    </row>
    <row r="10917" spans="4:14" x14ac:dyDescent="0.25">
      <c r="D10917" s="40"/>
      <c r="F10917" s="40">
        <v>181.79999999999998</v>
      </c>
      <c r="G10917" s="40">
        <v>22.7720247871294</v>
      </c>
      <c r="H10917" s="40">
        <v>181.8</v>
      </c>
      <c r="I10917" s="40">
        <v>25.357039281544093</v>
      </c>
      <c r="L10917" s="40"/>
      <c r="M10917" s="40"/>
      <c r="N10917" s="40"/>
    </row>
    <row r="10918" spans="4:14" x14ac:dyDescent="0.25">
      <c r="D10918" s="40"/>
      <c r="F10918" s="40">
        <v>181.81666699999997</v>
      </c>
      <c r="G10918" s="40">
        <v>22.7720247871294</v>
      </c>
      <c r="H10918" s="40">
        <v>181.816667</v>
      </c>
      <c r="I10918" s="40">
        <v>25.357039281544093</v>
      </c>
      <c r="L10918" s="40"/>
      <c r="M10918" s="40"/>
      <c r="N10918" s="40"/>
    </row>
    <row r="10919" spans="4:14" x14ac:dyDescent="0.25">
      <c r="D10919" s="40"/>
      <c r="F10919" s="40">
        <v>181.83333300000001</v>
      </c>
      <c r="G10919" s="40">
        <v>22.7720247871294</v>
      </c>
      <c r="H10919" s="40">
        <v>181.83333399999998</v>
      </c>
      <c r="I10919" s="40">
        <v>25.357039281544093</v>
      </c>
      <c r="L10919" s="40"/>
      <c r="M10919" s="40"/>
      <c r="N10919" s="40"/>
    </row>
    <row r="10920" spans="4:14" x14ac:dyDescent="0.25">
      <c r="D10920" s="40"/>
      <c r="F10920" s="40">
        <v>181.85</v>
      </c>
      <c r="G10920" s="40">
        <v>22.776780031219616</v>
      </c>
      <c r="H10920" s="40">
        <v>181.85000000000002</v>
      </c>
      <c r="I10920" s="40">
        <v>25.360293407800857</v>
      </c>
      <c r="L10920" s="40"/>
      <c r="M10920" s="40"/>
      <c r="N10920" s="40"/>
    </row>
    <row r="10921" spans="4:14" x14ac:dyDescent="0.25">
      <c r="D10921" s="40"/>
      <c r="F10921" s="40">
        <v>181.86666699999998</v>
      </c>
      <c r="G10921" s="40">
        <v>22.776780031219616</v>
      </c>
      <c r="H10921" s="40">
        <v>181.86666700000001</v>
      </c>
      <c r="I10921" s="40">
        <v>25.360293407800857</v>
      </c>
      <c r="L10921" s="40"/>
      <c r="M10921" s="40"/>
      <c r="N10921" s="40"/>
    </row>
    <row r="10922" spans="4:14" x14ac:dyDescent="0.25">
      <c r="D10922" s="40"/>
      <c r="F10922" s="40">
        <v>181.88333300000002</v>
      </c>
      <c r="G10922" s="40">
        <v>22.776780031219616</v>
      </c>
      <c r="H10922" s="40">
        <v>181.88333399999999</v>
      </c>
      <c r="I10922" s="40">
        <v>25.360293407800857</v>
      </c>
      <c r="L10922" s="40"/>
      <c r="M10922" s="40"/>
      <c r="N10922" s="40"/>
    </row>
    <row r="10923" spans="4:14" x14ac:dyDescent="0.25">
      <c r="D10923" s="40"/>
      <c r="F10923" s="40">
        <v>181.9</v>
      </c>
      <c r="G10923" s="40">
        <v>22.776780031219616</v>
      </c>
      <c r="H10923" s="40">
        <v>181.90000000000003</v>
      </c>
      <c r="I10923" s="40">
        <v>25.363646143944113</v>
      </c>
      <c r="L10923" s="40"/>
      <c r="M10923" s="40"/>
      <c r="N10923" s="40"/>
    </row>
    <row r="10924" spans="4:14" x14ac:dyDescent="0.25">
      <c r="D10924" s="40"/>
      <c r="F10924" s="40">
        <v>181.91666699999999</v>
      </c>
      <c r="G10924" s="40">
        <v>22.776780031219616</v>
      </c>
      <c r="H10924" s="40">
        <v>181.91666700000002</v>
      </c>
      <c r="I10924" s="40">
        <v>25.363646143944113</v>
      </c>
      <c r="L10924" s="40"/>
      <c r="M10924" s="40"/>
      <c r="N10924" s="40"/>
    </row>
    <row r="10925" spans="4:14" x14ac:dyDescent="0.25">
      <c r="D10925" s="40"/>
      <c r="F10925" s="40">
        <v>181.93333299999998</v>
      </c>
      <c r="G10925" s="40">
        <v>22.776780031219616</v>
      </c>
      <c r="H10925" s="40">
        <v>181.933334</v>
      </c>
      <c r="I10925" s="40">
        <v>25.363646143944113</v>
      </c>
      <c r="L10925" s="40"/>
      <c r="M10925" s="40"/>
      <c r="N10925" s="40"/>
    </row>
    <row r="10926" spans="4:14" x14ac:dyDescent="0.25">
      <c r="D10926" s="40"/>
      <c r="F10926" s="40">
        <v>181.95000000000002</v>
      </c>
      <c r="G10926" s="40">
        <v>22.776780031219616</v>
      </c>
      <c r="H10926" s="40">
        <v>181.95</v>
      </c>
      <c r="I10926" s="40">
        <v>25.366998880087547</v>
      </c>
      <c r="L10926" s="40"/>
      <c r="M10926" s="40"/>
      <c r="N10926" s="40"/>
    </row>
    <row r="10927" spans="4:14" x14ac:dyDescent="0.25">
      <c r="D10927" s="40"/>
      <c r="F10927" s="40">
        <v>181.966667</v>
      </c>
      <c r="G10927" s="40">
        <v>22.776780031219616</v>
      </c>
      <c r="H10927" s="40">
        <v>181.96666700000003</v>
      </c>
      <c r="I10927" s="40">
        <v>25.366998880087547</v>
      </c>
      <c r="L10927" s="40"/>
      <c r="M10927" s="40"/>
      <c r="N10927" s="40"/>
    </row>
    <row r="10928" spans="4:14" x14ac:dyDescent="0.25">
      <c r="D10928" s="40"/>
      <c r="F10928" s="40">
        <v>181.98333299999999</v>
      </c>
      <c r="G10928" s="40">
        <v>22.776780031219616</v>
      </c>
      <c r="H10928" s="40">
        <v>181.98333400000001</v>
      </c>
      <c r="I10928" s="40">
        <v>25.366998880087547</v>
      </c>
      <c r="L10928" s="40"/>
      <c r="M10928" s="40"/>
      <c r="N10928" s="40"/>
    </row>
    <row r="10929" spans="4:14" x14ac:dyDescent="0.25">
      <c r="D10929" s="40"/>
      <c r="F10929" s="40">
        <v>181.99999999999997</v>
      </c>
      <c r="G10929" s="40">
        <v>22.776780031219616</v>
      </c>
      <c r="H10929" s="40">
        <v>182</v>
      </c>
      <c r="I10929" s="40">
        <v>25.366998880087547</v>
      </c>
      <c r="L10929" s="40"/>
      <c r="M10929" s="40"/>
      <c r="N10929" s="40"/>
    </row>
    <row r="10930" spans="4:14" x14ac:dyDescent="0.25">
      <c r="D10930" s="40"/>
      <c r="F10930" s="40">
        <v>182.01666700000001</v>
      </c>
      <c r="G10930" s="40">
        <v>22.776780031219616</v>
      </c>
      <c r="H10930" s="40">
        <v>182.01666699999998</v>
      </c>
      <c r="I10930" s="40">
        <v>25.370351616230806</v>
      </c>
      <c r="L10930" s="40"/>
      <c r="M10930" s="40"/>
      <c r="N10930" s="40"/>
    </row>
    <row r="10931" spans="4:14" x14ac:dyDescent="0.25">
      <c r="D10931" s="40"/>
      <c r="F10931" s="40">
        <v>182.033333</v>
      </c>
      <c r="G10931" s="40">
        <v>22.776780031219616</v>
      </c>
      <c r="H10931" s="40">
        <v>182.03333400000002</v>
      </c>
      <c r="I10931" s="40">
        <v>25.370351616230806</v>
      </c>
      <c r="L10931" s="40"/>
      <c r="M10931" s="40"/>
      <c r="N10931" s="40"/>
    </row>
    <row r="10932" spans="4:14" x14ac:dyDescent="0.25">
      <c r="D10932" s="40"/>
      <c r="F10932" s="40">
        <v>182.04999999999998</v>
      </c>
      <c r="G10932" s="40">
        <v>22.776780031219616</v>
      </c>
      <c r="H10932" s="40">
        <v>182.05</v>
      </c>
      <c r="I10932" s="40">
        <v>25.370351616230806</v>
      </c>
      <c r="L10932" s="40"/>
      <c r="M10932" s="40"/>
      <c r="N10932" s="40"/>
    </row>
    <row r="10933" spans="4:14" x14ac:dyDescent="0.25">
      <c r="D10933" s="40"/>
      <c r="F10933" s="40">
        <v>182.06666699999997</v>
      </c>
      <c r="G10933" s="40">
        <v>22.776780031219616</v>
      </c>
      <c r="H10933" s="40">
        <v>182.066667</v>
      </c>
      <c r="I10933" s="40">
        <v>25.37360574248757</v>
      </c>
      <c r="L10933" s="40"/>
      <c r="M10933" s="40"/>
      <c r="N10933" s="40"/>
    </row>
    <row r="10934" spans="4:14" x14ac:dyDescent="0.25">
      <c r="D10934" s="40"/>
      <c r="F10934" s="40">
        <v>182.08333300000001</v>
      </c>
      <c r="G10934" s="40">
        <v>22.7720247871294</v>
      </c>
      <c r="H10934" s="40">
        <v>182.08333399999998</v>
      </c>
      <c r="I10934" s="40">
        <v>25.37360574248757</v>
      </c>
      <c r="L10934" s="40"/>
      <c r="M10934" s="40"/>
      <c r="N10934" s="40"/>
    </row>
    <row r="10935" spans="4:14" x14ac:dyDescent="0.25">
      <c r="D10935" s="40"/>
      <c r="F10935" s="40">
        <v>182.1</v>
      </c>
      <c r="G10935" s="40">
        <v>22.7720247871294</v>
      </c>
      <c r="H10935" s="40">
        <v>182.10000000000002</v>
      </c>
      <c r="I10935" s="40">
        <v>25.37360574248757</v>
      </c>
      <c r="L10935" s="40"/>
      <c r="M10935" s="40"/>
      <c r="N10935" s="40"/>
    </row>
    <row r="10936" spans="4:14" x14ac:dyDescent="0.25">
      <c r="D10936" s="40"/>
      <c r="F10936" s="40">
        <v>182.11666699999998</v>
      </c>
      <c r="G10936" s="40">
        <v>22.7720247871294</v>
      </c>
      <c r="H10936" s="40">
        <v>182.11666700000001</v>
      </c>
      <c r="I10936" s="40">
        <v>25.37360574248757</v>
      </c>
      <c r="L10936" s="40"/>
      <c r="M10936" s="40"/>
      <c r="N10936" s="40"/>
    </row>
    <row r="10937" spans="4:14" x14ac:dyDescent="0.25">
      <c r="D10937" s="40"/>
      <c r="F10937" s="40">
        <v>182.13333300000002</v>
      </c>
      <c r="G10937" s="40">
        <v>22.7720247871294</v>
      </c>
      <c r="H10937" s="40">
        <v>182.13333399999999</v>
      </c>
      <c r="I10937" s="40">
        <v>25.376958478630826</v>
      </c>
      <c r="L10937" s="40"/>
      <c r="M10937" s="40"/>
      <c r="N10937" s="40"/>
    </row>
    <row r="10938" spans="4:14" x14ac:dyDescent="0.25">
      <c r="D10938" s="40"/>
      <c r="F10938" s="40">
        <v>182.15</v>
      </c>
      <c r="G10938" s="40">
        <v>22.7720247871294</v>
      </c>
      <c r="H10938" s="40">
        <v>182.15000000000003</v>
      </c>
      <c r="I10938" s="40">
        <v>25.376958478630826</v>
      </c>
      <c r="L10938" s="40"/>
      <c r="M10938" s="40"/>
      <c r="N10938" s="40"/>
    </row>
    <row r="10939" spans="4:14" x14ac:dyDescent="0.25">
      <c r="D10939" s="40"/>
      <c r="F10939" s="40">
        <v>182.16666699999999</v>
      </c>
      <c r="G10939" s="40">
        <v>22.7720247871294</v>
      </c>
      <c r="H10939" s="40">
        <v>182.16666700000002</v>
      </c>
      <c r="I10939" s="40">
        <v>25.376958478630826</v>
      </c>
      <c r="L10939" s="40"/>
      <c r="M10939" s="40"/>
      <c r="N10939" s="40"/>
    </row>
    <row r="10940" spans="4:14" x14ac:dyDescent="0.25">
      <c r="D10940" s="40"/>
      <c r="F10940" s="40">
        <v>182.18333299999998</v>
      </c>
      <c r="G10940" s="40">
        <v>22.7720247871294</v>
      </c>
      <c r="H10940" s="40">
        <v>182.183334</v>
      </c>
      <c r="I10940" s="40">
        <v>25.380311214774082</v>
      </c>
      <c r="L10940" s="40"/>
      <c r="M10940" s="40"/>
      <c r="N10940" s="40"/>
    </row>
    <row r="10941" spans="4:14" x14ac:dyDescent="0.25">
      <c r="D10941" s="40"/>
      <c r="F10941" s="40">
        <v>182.20000000000002</v>
      </c>
      <c r="G10941" s="40">
        <v>22.7720247871294</v>
      </c>
      <c r="H10941" s="40">
        <v>182.2</v>
      </c>
      <c r="I10941" s="40">
        <v>25.380311214774082</v>
      </c>
      <c r="L10941" s="40"/>
      <c r="M10941" s="40"/>
      <c r="N10941" s="40"/>
    </row>
    <row r="10942" spans="4:14" x14ac:dyDescent="0.25">
      <c r="D10942" s="40"/>
      <c r="F10942" s="40">
        <v>182.216667</v>
      </c>
      <c r="G10942" s="40">
        <v>22.7720247871294</v>
      </c>
      <c r="H10942" s="40">
        <v>182.21666700000003</v>
      </c>
      <c r="I10942" s="40">
        <v>25.380311214774082</v>
      </c>
      <c r="L10942" s="40"/>
      <c r="M10942" s="40"/>
      <c r="N10942" s="40"/>
    </row>
    <row r="10943" spans="4:14" x14ac:dyDescent="0.25">
      <c r="D10943" s="40"/>
      <c r="F10943" s="40">
        <v>182.23333299999999</v>
      </c>
      <c r="G10943" s="40">
        <v>22.7720247871294</v>
      </c>
      <c r="H10943" s="40">
        <v>182.23333400000001</v>
      </c>
      <c r="I10943" s="40">
        <v>25.383565341030845</v>
      </c>
      <c r="L10943" s="40"/>
      <c r="M10943" s="40"/>
      <c r="N10943" s="40"/>
    </row>
    <row r="10944" spans="4:14" x14ac:dyDescent="0.25">
      <c r="D10944" s="40"/>
      <c r="F10944" s="40">
        <v>182.24999999999997</v>
      </c>
      <c r="G10944" s="40">
        <v>22.7720247871294</v>
      </c>
      <c r="H10944" s="40">
        <v>182.25</v>
      </c>
      <c r="I10944" s="40">
        <v>25.383565341030845</v>
      </c>
      <c r="L10944" s="40"/>
      <c r="M10944" s="40"/>
      <c r="N10944" s="40"/>
    </row>
    <row r="10945" spans="4:14" x14ac:dyDescent="0.25">
      <c r="D10945" s="40"/>
      <c r="F10945" s="40">
        <v>182.26666700000001</v>
      </c>
      <c r="G10945" s="40">
        <v>22.767269543039301</v>
      </c>
      <c r="H10945" s="40">
        <v>182.26666699999998</v>
      </c>
      <c r="I10945" s="40">
        <v>25.383565341030845</v>
      </c>
      <c r="L10945" s="40"/>
      <c r="M10945" s="40"/>
      <c r="N10945" s="40"/>
    </row>
    <row r="10946" spans="4:14" x14ac:dyDescent="0.25">
      <c r="D10946" s="40"/>
      <c r="F10946" s="40">
        <v>182.283333</v>
      </c>
      <c r="G10946" s="40">
        <v>22.767269543039301</v>
      </c>
      <c r="H10946" s="40">
        <v>182.28333400000002</v>
      </c>
      <c r="I10946" s="40">
        <v>25.386918077174279</v>
      </c>
      <c r="L10946" s="40"/>
      <c r="M10946" s="40"/>
      <c r="N10946" s="40"/>
    </row>
    <row r="10947" spans="4:14" x14ac:dyDescent="0.25">
      <c r="D10947" s="40"/>
      <c r="F10947" s="40">
        <v>182.29999999999998</v>
      </c>
      <c r="G10947" s="40">
        <v>22.767269543039301</v>
      </c>
      <c r="H10947" s="40">
        <v>182.3</v>
      </c>
      <c r="I10947" s="40">
        <v>25.386918077174279</v>
      </c>
      <c r="L10947" s="40"/>
      <c r="M10947" s="40"/>
      <c r="N10947" s="40"/>
    </row>
    <row r="10948" spans="4:14" x14ac:dyDescent="0.25">
      <c r="D10948" s="40"/>
      <c r="F10948" s="40">
        <v>182.31666699999997</v>
      </c>
      <c r="G10948" s="40">
        <v>22.767269543039301</v>
      </c>
      <c r="H10948" s="40">
        <v>182.316667</v>
      </c>
      <c r="I10948" s="40">
        <v>25.386918077174279</v>
      </c>
      <c r="L10948" s="40"/>
      <c r="M10948" s="40"/>
      <c r="N10948" s="40"/>
    </row>
    <row r="10949" spans="4:14" x14ac:dyDescent="0.25">
      <c r="D10949" s="40"/>
      <c r="F10949" s="40">
        <v>182.33333300000001</v>
      </c>
      <c r="G10949" s="40">
        <v>22.767269543039301</v>
      </c>
      <c r="H10949" s="40">
        <v>182.33333399999998</v>
      </c>
      <c r="I10949" s="40">
        <v>25.386918077174279</v>
      </c>
      <c r="L10949" s="40"/>
      <c r="M10949" s="40"/>
      <c r="N10949" s="40"/>
    </row>
    <row r="10950" spans="4:14" x14ac:dyDescent="0.25">
      <c r="D10950" s="40"/>
      <c r="F10950" s="40">
        <v>182.35</v>
      </c>
      <c r="G10950" s="40">
        <v>22.767269543039301</v>
      </c>
      <c r="H10950" s="40">
        <v>182.35000000000002</v>
      </c>
      <c r="I10950" s="40">
        <v>25.390270813317535</v>
      </c>
      <c r="L10950" s="40"/>
      <c r="M10950" s="40"/>
      <c r="N10950" s="40"/>
    </row>
    <row r="10951" spans="4:14" x14ac:dyDescent="0.25">
      <c r="D10951" s="40"/>
      <c r="F10951" s="40">
        <v>182.36666699999998</v>
      </c>
      <c r="G10951" s="40">
        <v>22.767269543039301</v>
      </c>
      <c r="H10951" s="40">
        <v>182.36666700000001</v>
      </c>
      <c r="I10951" s="40">
        <v>25.390270813317535</v>
      </c>
      <c r="L10951" s="40"/>
      <c r="M10951" s="40"/>
      <c r="N10951" s="40"/>
    </row>
    <row r="10952" spans="4:14" x14ac:dyDescent="0.25">
      <c r="D10952" s="40"/>
      <c r="F10952" s="40">
        <v>182.38333300000002</v>
      </c>
      <c r="G10952" s="40">
        <v>22.767269543039301</v>
      </c>
      <c r="H10952" s="40">
        <v>182.38333399999999</v>
      </c>
      <c r="I10952" s="40">
        <v>25.390270813317535</v>
      </c>
      <c r="L10952" s="40"/>
      <c r="M10952" s="40"/>
      <c r="N10952" s="40"/>
    </row>
    <row r="10953" spans="4:14" x14ac:dyDescent="0.25">
      <c r="D10953" s="40"/>
      <c r="F10953" s="40">
        <v>182.4</v>
      </c>
      <c r="G10953" s="40">
        <v>22.767269543039301</v>
      </c>
      <c r="H10953" s="40">
        <v>182.40000000000003</v>
      </c>
      <c r="I10953" s="40">
        <v>25.390270813317535</v>
      </c>
      <c r="L10953" s="40"/>
      <c r="M10953" s="40"/>
      <c r="N10953" s="40"/>
    </row>
    <row r="10954" spans="4:14" x14ac:dyDescent="0.25">
      <c r="D10954" s="40"/>
      <c r="F10954" s="40">
        <v>182.41666699999999</v>
      </c>
      <c r="G10954" s="40">
        <v>22.767269543039301</v>
      </c>
      <c r="H10954" s="40">
        <v>182.41666700000002</v>
      </c>
      <c r="I10954" s="40">
        <v>25.393524939574299</v>
      </c>
      <c r="L10954" s="40"/>
      <c r="M10954" s="40"/>
      <c r="N10954" s="40"/>
    </row>
    <row r="10955" spans="4:14" x14ac:dyDescent="0.25">
      <c r="D10955" s="40"/>
      <c r="F10955" s="40">
        <v>182.43333299999998</v>
      </c>
      <c r="G10955" s="40">
        <v>22.767269543039301</v>
      </c>
      <c r="H10955" s="40">
        <v>182.433334</v>
      </c>
      <c r="I10955" s="40">
        <v>25.393524939574299</v>
      </c>
      <c r="L10955" s="40"/>
      <c r="M10955" s="40"/>
      <c r="N10955" s="40"/>
    </row>
    <row r="10956" spans="4:14" x14ac:dyDescent="0.25">
      <c r="D10956" s="40"/>
      <c r="F10956" s="40">
        <v>182.45000000000002</v>
      </c>
      <c r="G10956" s="40">
        <v>22.767269543039301</v>
      </c>
      <c r="H10956" s="40">
        <v>182.45</v>
      </c>
      <c r="I10956" s="40">
        <v>25.393524939574299</v>
      </c>
      <c r="L10956" s="40"/>
      <c r="M10956" s="40"/>
      <c r="N10956" s="40"/>
    </row>
    <row r="10957" spans="4:14" x14ac:dyDescent="0.25">
      <c r="D10957" s="40"/>
      <c r="F10957" s="40">
        <v>182.466667</v>
      </c>
      <c r="G10957" s="40">
        <v>22.767269543039301</v>
      </c>
      <c r="H10957" s="40">
        <v>182.46666700000003</v>
      </c>
      <c r="I10957" s="40">
        <v>25.393524939574299</v>
      </c>
      <c r="L10957" s="40"/>
      <c r="M10957" s="40"/>
      <c r="N10957" s="40"/>
    </row>
    <row r="10958" spans="4:14" x14ac:dyDescent="0.25">
      <c r="D10958" s="40"/>
      <c r="F10958" s="40">
        <v>182.48333299999999</v>
      </c>
      <c r="G10958" s="40">
        <v>22.767269543039301</v>
      </c>
      <c r="H10958" s="40">
        <v>182.48333400000001</v>
      </c>
      <c r="I10958" s="40">
        <v>25.393524939574299</v>
      </c>
      <c r="L10958" s="40"/>
      <c r="M10958" s="40"/>
      <c r="N10958" s="40"/>
    </row>
    <row r="10959" spans="4:14" x14ac:dyDescent="0.25">
      <c r="D10959" s="40"/>
      <c r="F10959" s="40">
        <v>182.49999999999997</v>
      </c>
      <c r="G10959" s="40">
        <v>22.7720247871294</v>
      </c>
      <c r="H10959" s="40">
        <v>182.5</v>
      </c>
      <c r="I10959" s="40">
        <v>25.396877675717558</v>
      </c>
      <c r="L10959" s="40"/>
      <c r="M10959" s="40"/>
      <c r="N10959" s="40"/>
    </row>
    <row r="10960" spans="4:14" x14ac:dyDescent="0.25">
      <c r="D10960" s="40"/>
      <c r="F10960" s="40">
        <v>182.51666700000001</v>
      </c>
      <c r="G10960" s="40">
        <v>22.7720247871294</v>
      </c>
      <c r="H10960" s="40">
        <v>182.51666699999998</v>
      </c>
      <c r="I10960" s="40">
        <v>25.396877675717558</v>
      </c>
      <c r="L10960" s="40"/>
      <c r="M10960" s="40"/>
      <c r="N10960" s="40"/>
    </row>
    <row r="10961" spans="4:14" x14ac:dyDescent="0.25">
      <c r="D10961" s="40"/>
      <c r="F10961" s="40">
        <v>182.533333</v>
      </c>
      <c r="G10961" s="40">
        <v>22.7720247871294</v>
      </c>
      <c r="H10961" s="40">
        <v>182.53333400000002</v>
      </c>
      <c r="I10961" s="40">
        <v>25.396877675717558</v>
      </c>
      <c r="L10961" s="40"/>
      <c r="M10961" s="40"/>
      <c r="N10961" s="40"/>
    </row>
    <row r="10962" spans="4:14" x14ac:dyDescent="0.25">
      <c r="D10962" s="40"/>
      <c r="F10962" s="40">
        <v>182.54999999999998</v>
      </c>
      <c r="G10962" s="40">
        <v>22.7720247871294</v>
      </c>
      <c r="H10962" s="40">
        <v>182.55</v>
      </c>
      <c r="I10962" s="40">
        <v>25.400230411860989</v>
      </c>
      <c r="L10962" s="40"/>
      <c r="M10962" s="40"/>
      <c r="N10962" s="40"/>
    </row>
    <row r="10963" spans="4:14" x14ac:dyDescent="0.25">
      <c r="D10963" s="40"/>
      <c r="F10963" s="40">
        <v>182.56666699999997</v>
      </c>
      <c r="G10963" s="40">
        <v>22.7720247871294</v>
      </c>
      <c r="H10963" s="40">
        <v>182.566667</v>
      </c>
      <c r="I10963" s="40">
        <v>25.400230411860989</v>
      </c>
      <c r="L10963" s="40"/>
      <c r="M10963" s="40"/>
      <c r="N10963" s="40"/>
    </row>
    <row r="10964" spans="4:14" x14ac:dyDescent="0.25">
      <c r="D10964" s="40"/>
      <c r="F10964" s="40">
        <v>182.58333300000001</v>
      </c>
      <c r="G10964" s="40">
        <v>22.7720247871294</v>
      </c>
      <c r="H10964" s="40">
        <v>182.58333399999998</v>
      </c>
      <c r="I10964" s="40">
        <v>25.400230411860989</v>
      </c>
      <c r="L10964" s="40"/>
      <c r="M10964" s="40"/>
      <c r="N10964" s="40"/>
    </row>
    <row r="10965" spans="4:14" x14ac:dyDescent="0.25">
      <c r="D10965" s="40"/>
      <c r="F10965" s="40">
        <v>182.6</v>
      </c>
      <c r="G10965" s="40">
        <v>22.7720247871294</v>
      </c>
      <c r="H10965" s="40">
        <v>182.60000000000002</v>
      </c>
      <c r="I10965" s="40">
        <v>25.400230411860989</v>
      </c>
      <c r="L10965" s="40"/>
      <c r="M10965" s="40"/>
      <c r="N10965" s="40"/>
    </row>
    <row r="10966" spans="4:14" x14ac:dyDescent="0.25">
      <c r="D10966" s="40"/>
      <c r="F10966" s="40">
        <v>182.61666699999998</v>
      </c>
      <c r="G10966" s="40">
        <v>22.7720247871294</v>
      </c>
      <c r="H10966" s="40">
        <v>182.61666700000001</v>
      </c>
      <c r="I10966" s="40">
        <v>25.400230411860989</v>
      </c>
      <c r="L10966" s="40"/>
      <c r="M10966" s="40"/>
      <c r="N10966" s="40"/>
    </row>
    <row r="10967" spans="4:14" x14ac:dyDescent="0.25">
      <c r="D10967" s="40"/>
      <c r="F10967" s="40">
        <v>182.63333300000002</v>
      </c>
      <c r="G10967" s="40">
        <v>22.776780031219616</v>
      </c>
      <c r="H10967" s="40">
        <v>182.63333399999999</v>
      </c>
      <c r="I10967" s="40">
        <v>25.403484538117574</v>
      </c>
      <c r="L10967" s="40"/>
      <c r="M10967" s="40"/>
      <c r="N10967" s="40"/>
    </row>
    <row r="10968" spans="4:14" x14ac:dyDescent="0.25">
      <c r="D10968" s="40"/>
      <c r="F10968" s="40">
        <v>182.65</v>
      </c>
      <c r="G10968" s="40">
        <v>22.776780031219616</v>
      </c>
      <c r="H10968" s="40">
        <v>182.65000000000003</v>
      </c>
      <c r="I10968" s="40">
        <v>25.403484538117574</v>
      </c>
      <c r="L10968" s="40"/>
      <c r="M10968" s="40"/>
      <c r="N10968" s="40"/>
    </row>
    <row r="10969" spans="4:14" x14ac:dyDescent="0.25">
      <c r="D10969" s="40"/>
      <c r="F10969" s="40">
        <v>182.66666699999999</v>
      </c>
      <c r="G10969" s="40">
        <v>22.776780031219616</v>
      </c>
      <c r="H10969" s="40">
        <v>182.66666700000002</v>
      </c>
      <c r="I10969" s="40">
        <v>25.403484538117574</v>
      </c>
      <c r="L10969" s="40"/>
      <c r="M10969" s="40"/>
      <c r="N10969" s="40"/>
    </row>
    <row r="10970" spans="4:14" x14ac:dyDescent="0.25">
      <c r="D10970" s="40"/>
      <c r="F10970" s="40">
        <v>182.68333299999998</v>
      </c>
      <c r="G10970" s="40">
        <v>22.776780031219616</v>
      </c>
      <c r="H10970" s="40">
        <v>182.683334</v>
      </c>
      <c r="I10970" s="40">
        <v>25.403484538117574</v>
      </c>
      <c r="L10970" s="40"/>
      <c r="M10970" s="40"/>
      <c r="N10970" s="40"/>
    </row>
    <row r="10971" spans="4:14" x14ac:dyDescent="0.25">
      <c r="D10971" s="40"/>
      <c r="F10971" s="40">
        <v>182.70000000000002</v>
      </c>
      <c r="G10971" s="40">
        <v>22.776780031219616</v>
      </c>
      <c r="H10971" s="40">
        <v>182.7</v>
      </c>
      <c r="I10971" s="40">
        <v>25.406837274261008</v>
      </c>
      <c r="L10971" s="40"/>
      <c r="M10971" s="40"/>
      <c r="N10971" s="40"/>
    </row>
    <row r="10972" spans="4:14" x14ac:dyDescent="0.25">
      <c r="D10972" s="40"/>
      <c r="F10972" s="40">
        <v>182.716667</v>
      </c>
      <c r="G10972" s="40">
        <v>22.776780031219616</v>
      </c>
      <c r="H10972" s="40">
        <v>182.71666700000003</v>
      </c>
      <c r="I10972" s="40">
        <v>25.406837274261008</v>
      </c>
      <c r="L10972" s="40"/>
      <c r="M10972" s="40"/>
      <c r="N10972" s="40"/>
    </row>
    <row r="10973" spans="4:14" x14ac:dyDescent="0.25">
      <c r="D10973" s="40"/>
      <c r="F10973" s="40">
        <v>182.73333299999999</v>
      </c>
      <c r="G10973" s="40">
        <v>22.776780031219616</v>
      </c>
      <c r="H10973" s="40">
        <v>182.73333400000001</v>
      </c>
      <c r="I10973" s="40">
        <v>25.406837274261008</v>
      </c>
      <c r="L10973" s="40"/>
      <c r="M10973" s="40"/>
      <c r="N10973" s="40"/>
    </row>
    <row r="10974" spans="4:14" x14ac:dyDescent="0.25">
      <c r="D10974" s="40"/>
      <c r="F10974" s="40">
        <v>182.74999999999997</v>
      </c>
      <c r="G10974" s="40">
        <v>22.781395415189518</v>
      </c>
      <c r="H10974" s="40">
        <v>182.75</v>
      </c>
      <c r="I10974" s="40">
        <v>25.406837274261008</v>
      </c>
      <c r="L10974" s="40"/>
      <c r="M10974" s="40"/>
      <c r="N10974" s="40"/>
    </row>
    <row r="10975" spans="4:14" x14ac:dyDescent="0.25">
      <c r="D10975" s="40"/>
      <c r="F10975" s="40">
        <v>182.76666700000001</v>
      </c>
      <c r="G10975" s="40">
        <v>22.781395415189518</v>
      </c>
      <c r="H10975" s="40">
        <v>182.76666699999998</v>
      </c>
      <c r="I10975" s="40">
        <v>25.406837274261008</v>
      </c>
      <c r="L10975" s="40"/>
      <c r="M10975" s="40"/>
      <c r="N10975" s="40"/>
    </row>
    <row r="10976" spans="4:14" x14ac:dyDescent="0.25">
      <c r="D10976" s="40"/>
      <c r="F10976" s="40">
        <v>182.783333</v>
      </c>
      <c r="G10976" s="40">
        <v>22.781395415189518</v>
      </c>
      <c r="H10976" s="40">
        <v>182.78333400000002</v>
      </c>
      <c r="I10976" s="40">
        <v>25.410190010404264</v>
      </c>
      <c r="L10976" s="40"/>
      <c r="M10976" s="40"/>
      <c r="N10976" s="40"/>
    </row>
    <row r="10977" spans="4:14" x14ac:dyDescent="0.25">
      <c r="D10977" s="40"/>
      <c r="F10977" s="40">
        <v>182.79999999999998</v>
      </c>
      <c r="G10977" s="40">
        <v>22.781395415189518</v>
      </c>
      <c r="H10977" s="40">
        <v>182.8</v>
      </c>
      <c r="I10977" s="40">
        <v>25.410190010404264</v>
      </c>
      <c r="L10977" s="40"/>
      <c r="M10977" s="40"/>
      <c r="N10977" s="40"/>
    </row>
    <row r="10978" spans="4:14" x14ac:dyDescent="0.25">
      <c r="D10978" s="40"/>
      <c r="F10978" s="40">
        <v>182.81666699999997</v>
      </c>
      <c r="G10978" s="40">
        <v>22.786150659279738</v>
      </c>
      <c r="H10978" s="40">
        <v>182.816667</v>
      </c>
      <c r="I10978" s="40">
        <v>25.410190010404264</v>
      </c>
      <c r="L10978" s="40"/>
      <c r="M10978" s="40"/>
      <c r="N10978" s="40"/>
    </row>
    <row r="10979" spans="4:14" x14ac:dyDescent="0.25">
      <c r="D10979" s="40"/>
      <c r="F10979" s="40">
        <v>182.83333300000001</v>
      </c>
      <c r="G10979" s="40">
        <v>22.786150659279738</v>
      </c>
      <c r="H10979" s="40">
        <v>182.83333399999998</v>
      </c>
      <c r="I10979" s="40">
        <v>25.410190010404264</v>
      </c>
      <c r="L10979" s="40"/>
      <c r="M10979" s="40"/>
      <c r="N10979" s="40"/>
    </row>
    <row r="10980" spans="4:14" x14ac:dyDescent="0.25">
      <c r="D10980" s="40"/>
      <c r="F10980" s="40">
        <v>182.85</v>
      </c>
      <c r="G10980" s="40">
        <v>22.786150659279738</v>
      </c>
      <c r="H10980" s="40">
        <v>182.85000000000002</v>
      </c>
      <c r="I10980" s="40">
        <v>25.413444136661028</v>
      </c>
      <c r="L10980" s="40"/>
      <c r="M10980" s="40"/>
      <c r="N10980" s="40"/>
    </row>
    <row r="10981" spans="4:14" x14ac:dyDescent="0.25">
      <c r="D10981" s="40"/>
      <c r="F10981" s="40">
        <v>182.86666699999998</v>
      </c>
      <c r="G10981" s="40">
        <v>22.786150659279738</v>
      </c>
      <c r="H10981" s="40">
        <v>182.86666700000001</v>
      </c>
      <c r="I10981" s="40">
        <v>25.413444136661028</v>
      </c>
      <c r="L10981" s="40"/>
      <c r="M10981" s="40"/>
      <c r="N10981" s="40"/>
    </row>
    <row r="10982" spans="4:14" x14ac:dyDescent="0.25">
      <c r="D10982" s="40"/>
      <c r="F10982" s="40">
        <v>182.88333300000002</v>
      </c>
      <c r="G10982" s="40">
        <v>22.786150659279738</v>
      </c>
      <c r="H10982" s="40">
        <v>182.88333399999999</v>
      </c>
      <c r="I10982" s="40">
        <v>25.413444136661028</v>
      </c>
      <c r="L10982" s="40"/>
      <c r="M10982" s="40"/>
      <c r="N10982" s="40"/>
    </row>
    <row r="10983" spans="4:14" x14ac:dyDescent="0.25">
      <c r="D10983" s="40"/>
      <c r="F10983" s="40">
        <v>182.9</v>
      </c>
      <c r="G10983" s="40">
        <v>22.786150659279738</v>
      </c>
      <c r="H10983" s="40">
        <v>182.90000000000003</v>
      </c>
      <c r="I10983" s="40">
        <v>25.413444136661028</v>
      </c>
      <c r="L10983" s="40"/>
      <c r="M10983" s="40"/>
      <c r="N10983" s="40"/>
    </row>
    <row r="10984" spans="4:14" x14ac:dyDescent="0.25">
      <c r="D10984" s="40"/>
      <c r="F10984" s="40">
        <v>182.91666699999999</v>
      </c>
      <c r="G10984" s="40">
        <v>22.786150659279738</v>
      </c>
      <c r="H10984" s="40">
        <v>182.91666700000002</v>
      </c>
      <c r="I10984" s="40">
        <v>25.416796872804287</v>
      </c>
      <c r="L10984" s="40"/>
      <c r="M10984" s="40"/>
      <c r="N10984" s="40"/>
    </row>
    <row r="10985" spans="4:14" x14ac:dyDescent="0.25">
      <c r="D10985" s="40"/>
      <c r="F10985" s="40">
        <v>182.93333299999998</v>
      </c>
      <c r="G10985" s="40">
        <v>22.786150659279738</v>
      </c>
      <c r="H10985" s="40">
        <v>182.933334</v>
      </c>
      <c r="I10985" s="40">
        <v>25.416796872804287</v>
      </c>
      <c r="L10985" s="40"/>
      <c r="M10985" s="40"/>
      <c r="N10985" s="40"/>
    </row>
    <row r="10986" spans="4:14" x14ac:dyDescent="0.25">
      <c r="D10986" s="40"/>
      <c r="F10986" s="40">
        <v>182.95000000000002</v>
      </c>
      <c r="G10986" s="40">
        <v>22.786150659279738</v>
      </c>
      <c r="H10986" s="40">
        <v>182.95</v>
      </c>
      <c r="I10986" s="40">
        <v>25.416796872804287</v>
      </c>
      <c r="L10986" s="40"/>
      <c r="M10986" s="40"/>
      <c r="N10986" s="40"/>
    </row>
    <row r="10987" spans="4:14" x14ac:dyDescent="0.25">
      <c r="D10987" s="40"/>
      <c r="F10987" s="40">
        <v>182.966667</v>
      </c>
      <c r="G10987" s="40">
        <v>22.786150659279738</v>
      </c>
      <c r="H10987" s="40">
        <v>182.96666700000003</v>
      </c>
      <c r="I10987" s="40">
        <v>25.416796872804287</v>
      </c>
      <c r="L10987" s="40"/>
      <c r="M10987" s="40"/>
      <c r="N10987" s="40"/>
    </row>
    <row r="10988" spans="4:14" x14ac:dyDescent="0.25">
      <c r="D10988" s="40"/>
      <c r="F10988" s="40">
        <v>182.98333299999999</v>
      </c>
      <c r="G10988" s="40">
        <v>22.786150659279738</v>
      </c>
      <c r="H10988" s="40">
        <v>182.98333400000001</v>
      </c>
      <c r="I10988" s="40">
        <v>25.420149608947717</v>
      </c>
      <c r="L10988" s="40"/>
      <c r="M10988" s="40"/>
      <c r="N10988" s="40"/>
    </row>
    <row r="10989" spans="4:14" x14ac:dyDescent="0.25">
      <c r="D10989" s="40"/>
      <c r="F10989" s="40">
        <v>182.99999999999997</v>
      </c>
      <c r="G10989" s="40">
        <v>22.790905903369829</v>
      </c>
      <c r="H10989" s="40">
        <v>183</v>
      </c>
      <c r="I10989" s="40">
        <v>25.420149608947717</v>
      </c>
      <c r="L10989" s="40"/>
      <c r="M10989" s="40"/>
      <c r="N10989" s="40"/>
    </row>
    <row r="10990" spans="4:14" x14ac:dyDescent="0.25">
      <c r="D10990" s="40"/>
      <c r="F10990" s="40">
        <v>183.01666700000001</v>
      </c>
      <c r="G10990" s="40">
        <v>22.790905903369829</v>
      </c>
      <c r="H10990" s="40">
        <v>183.01666699999998</v>
      </c>
      <c r="I10990" s="40">
        <v>25.420149608947717</v>
      </c>
      <c r="L10990" s="40"/>
      <c r="M10990" s="40"/>
      <c r="N10990" s="40"/>
    </row>
    <row r="10991" spans="4:14" x14ac:dyDescent="0.25">
      <c r="D10991" s="40"/>
      <c r="F10991" s="40">
        <v>183.033333</v>
      </c>
      <c r="G10991" s="40">
        <v>22.790905903369829</v>
      </c>
      <c r="H10991" s="40">
        <v>183.03333400000002</v>
      </c>
      <c r="I10991" s="40">
        <v>25.423403735204481</v>
      </c>
      <c r="L10991" s="40"/>
      <c r="M10991" s="40"/>
      <c r="N10991" s="40"/>
    </row>
    <row r="10992" spans="4:14" x14ac:dyDescent="0.25">
      <c r="D10992" s="40"/>
      <c r="F10992" s="40">
        <v>183.04999999999998</v>
      </c>
      <c r="G10992" s="40">
        <v>22.790905903369829</v>
      </c>
      <c r="H10992" s="40">
        <v>183.05</v>
      </c>
      <c r="I10992" s="40">
        <v>25.423403735204481</v>
      </c>
      <c r="L10992" s="40"/>
      <c r="M10992" s="40"/>
      <c r="N10992" s="40"/>
    </row>
    <row r="10993" spans="4:14" x14ac:dyDescent="0.25">
      <c r="D10993" s="40"/>
      <c r="F10993" s="40">
        <v>183.06666699999997</v>
      </c>
      <c r="G10993" s="40">
        <v>22.790905903369829</v>
      </c>
      <c r="H10993" s="40">
        <v>183.066667</v>
      </c>
      <c r="I10993" s="40">
        <v>25.423403735204481</v>
      </c>
      <c r="L10993" s="40"/>
      <c r="M10993" s="40"/>
      <c r="N10993" s="40"/>
    </row>
    <row r="10994" spans="4:14" x14ac:dyDescent="0.25">
      <c r="D10994" s="40"/>
      <c r="F10994" s="40">
        <v>183.08333300000001</v>
      </c>
      <c r="G10994" s="40">
        <v>22.790905903369829</v>
      </c>
      <c r="H10994" s="40">
        <v>183.08333399999998</v>
      </c>
      <c r="I10994" s="40">
        <v>25.423403735204481</v>
      </c>
      <c r="L10994" s="40"/>
      <c r="M10994" s="40"/>
      <c r="N10994" s="40"/>
    </row>
    <row r="10995" spans="4:14" x14ac:dyDescent="0.25">
      <c r="D10995" s="40"/>
      <c r="F10995" s="40">
        <v>183.1</v>
      </c>
      <c r="G10995" s="40">
        <v>22.786150659279738</v>
      </c>
      <c r="H10995" s="40">
        <v>183.10000000000002</v>
      </c>
      <c r="I10995" s="40">
        <v>25.426756471347737</v>
      </c>
      <c r="L10995" s="40"/>
      <c r="M10995" s="40"/>
      <c r="N10995" s="40"/>
    </row>
    <row r="10996" spans="4:14" x14ac:dyDescent="0.25">
      <c r="D10996" s="40"/>
      <c r="F10996" s="40">
        <v>183.11666699999998</v>
      </c>
      <c r="G10996" s="40">
        <v>22.786150659279738</v>
      </c>
      <c r="H10996" s="40">
        <v>183.11666700000001</v>
      </c>
      <c r="I10996" s="40">
        <v>25.426756471347737</v>
      </c>
      <c r="L10996" s="40"/>
      <c r="M10996" s="40"/>
      <c r="N10996" s="40"/>
    </row>
    <row r="10997" spans="4:14" x14ac:dyDescent="0.25">
      <c r="D10997" s="40"/>
      <c r="F10997" s="40">
        <v>183.13333300000002</v>
      </c>
      <c r="G10997" s="40">
        <v>22.786150659279738</v>
      </c>
      <c r="H10997" s="40">
        <v>183.13333399999999</v>
      </c>
      <c r="I10997" s="40">
        <v>25.426756471347737</v>
      </c>
      <c r="L10997" s="40"/>
      <c r="M10997" s="40"/>
      <c r="N10997" s="40"/>
    </row>
    <row r="10998" spans="4:14" x14ac:dyDescent="0.25">
      <c r="D10998" s="40"/>
      <c r="F10998" s="40">
        <v>183.15</v>
      </c>
      <c r="G10998" s="40">
        <v>22.786150659279738</v>
      </c>
      <c r="H10998" s="40">
        <v>183.15000000000003</v>
      </c>
      <c r="I10998" s="40">
        <v>25.426756471347737</v>
      </c>
      <c r="L10998" s="40"/>
      <c r="M10998" s="40"/>
      <c r="N10998" s="40"/>
    </row>
    <row r="10999" spans="4:14" x14ac:dyDescent="0.25">
      <c r="D10999" s="40"/>
      <c r="F10999" s="40">
        <v>183.16666699999999</v>
      </c>
      <c r="G10999" s="40">
        <v>22.786150659279738</v>
      </c>
      <c r="H10999" s="40">
        <v>183.16666700000002</v>
      </c>
      <c r="I10999" s="40">
        <v>25.430109207490997</v>
      </c>
      <c r="L10999" s="40"/>
      <c r="M10999" s="40"/>
      <c r="N10999" s="40"/>
    </row>
    <row r="11000" spans="4:14" x14ac:dyDescent="0.25">
      <c r="D11000" s="40"/>
      <c r="F11000" s="40">
        <v>183.18333299999998</v>
      </c>
      <c r="G11000" s="40">
        <v>22.781395415189518</v>
      </c>
      <c r="H11000" s="40">
        <v>183.183334</v>
      </c>
      <c r="I11000" s="40">
        <v>25.430109207490997</v>
      </c>
      <c r="L11000" s="40"/>
      <c r="M11000" s="40"/>
      <c r="N11000" s="40"/>
    </row>
    <row r="11001" spans="4:14" x14ac:dyDescent="0.25">
      <c r="D11001" s="40"/>
      <c r="F11001" s="40">
        <v>183.20000000000002</v>
      </c>
      <c r="G11001" s="40">
        <v>22.781395415189518</v>
      </c>
      <c r="H11001" s="40">
        <v>183.2</v>
      </c>
      <c r="I11001" s="40">
        <v>25.430109207490997</v>
      </c>
      <c r="L11001" s="40"/>
      <c r="M11001" s="40"/>
      <c r="N11001" s="40"/>
    </row>
    <row r="11002" spans="4:14" x14ac:dyDescent="0.25">
      <c r="D11002" s="40"/>
      <c r="F11002" s="40">
        <v>183.216667</v>
      </c>
      <c r="G11002" s="40">
        <v>22.781395415189518</v>
      </c>
      <c r="H11002" s="40">
        <v>183.21666700000003</v>
      </c>
      <c r="I11002" s="40">
        <v>25.430109207490997</v>
      </c>
      <c r="L11002" s="40"/>
      <c r="M11002" s="40"/>
      <c r="N11002" s="40"/>
    </row>
    <row r="11003" spans="4:14" x14ac:dyDescent="0.25">
      <c r="D11003" s="40"/>
      <c r="F11003" s="40">
        <v>183.23333299999999</v>
      </c>
      <c r="G11003" s="40">
        <v>22.776780031219616</v>
      </c>
      <c r="H11003" s="40">
        <v>183.23333400000001</v>
      </c>
      <c r="I11003" s="40">
        <v>25.43336333374776</v>
      </c>
      <c r="L11003" s="40"/>
      <c r="M11003" s="40"/>
      <c r="N11003" s="40"/>
    </row>
    <row r="11004" spans="4:14" x14ac:dyDescent="0.25">
      <c r="D11004" s="40"/>
      <c r="F11004" s="40">
        <v>183.24999999999997</v>
      </c>
      <c r="G11004" s="40">
        <v>22.776780031219616</v>
      </c>
      <c r="H11004" s="40">
        <v>183.25</v>
      </c>
      <c r="I11004" s="40">
        <v>25.43336333374776</v>
      </c>
      <c r="L11004" s="40"/>
      <c r="M11004" s="40"/>
      <c r="N11004" s="40"/>
    </row>
    <row r="11005" spans="4:14" x14ac:dyDescent="0.25">
      <c r="D11005" s="40"/>
      <c r="F11005" s="40">
        <v>183.26666700000001</v>
      </c>
      <c r="G11005" s="40">
        <v>22.7720247871294</v>
      </c>
      <c r="H11005" s="40">
        <v>183.26666699999998</v>
      </c>
      <c r="I11005" s="40">
        <v>25.43336333374776</v>
      </c>
      <c r="L11005" s="40"/>
      <c r="M11005" s="40"/>
      <c r="N11005" s="40"/>
    </row>
    <row r="11006" spans="4:14" x14ac:dyDescent="0.25">
      <c r="D11006" s="40"/>
      <c r="F11006" s="40">
        <v>183.283333</v>
      </c>
      <c r="G11006" s="40">
        <v>22.7720247871294</v>
      </c>
      <c r="H11006" s="40">
        <v>183.28333400000002</v>
      </c>
      <c r="I11006" s="40">
        <v>25.436716069891016</v>
      </c>
      <c r="L11006" s="40"/>
      <c r="M11006" s="40"/>
      <c r="N11006" s="40"/>
    </row>
    <row r="11007" spans="4:14" x14ac:dyDescent="0.25">
      <c r="D11007" s="40"/>
      <c r="F11007" s="40">
        <v>183.29999999999998</v>
      </c>
      <c r="G11007" s="40">
        <v>22.7720247871294</v>
      </c>
      <c r="H11007" s="40">
        <v>183.3</v>
      </c>
      <c r="I11007" s="40">
        <v>25.436716069891016</v>
      </c>
      <c r="L11007" s="40"/>
      <c r="M11007" s="40"/>
      <c r="N11007" s="40"/>
    </row>
    <row r="11008" spans="4:14" x14ac:dyDescent="0.25">
      <c r="D11008" s="40"/>
      <c r="F11008" s="40">
        <v>183.31666699999997</v>
      </c>
      <c r="G11008" s="40">
        <v>22.7720247871294</v>
      </c>
      <c r="H11008" s="40">
        <v>183.316667</v>
      </c>
      <c r="I11008" s="40">
        <v>25.436716069891016</v>
      </c>
      <c r="L11008" s="40"/>
      <c r="M11008" s="40"/>
      <c r="N11008" s="40"/>
    </row>
    <row r="11009" spans="4:14" x14ac:dyDescent="0.25">
      <c r="D11009" s="40"/>
      <c r="F11009" s="40">
        <v>183.33333300000001</v>
      </c>
      <c r="G11009" s="40">
        <v>22.7720247871294</v>
      </c>
      <c r="H11009" s="40">
        <v>183.33333399999998</v>
      </c>
      <c r="I11009" s="40">
        <v>25.436716069891016</v>
      </c>
      <c r="L11009" s="40"/>
      <c r="M11009" s="40"/>
      <c r="N11009" s="40"/>
    </row>
    <row r="11010" spans="4:14" x14ac:dyDescent="0.25">
      <c r="D11010" s="40"/>
      <c r="F11010" s="40">
        <v>183.35</v>
      </c>
      <c r="G11010" s="40">
        <v>22.7720247871294</v>
      </c>
      <c r="H11010" s="40">
        <v>183.35000000000002</v>
      </c>
      <c r="I11010" s="40">
        <v>25.436716069891016</v>
      </c>
      <c r="L11010" s="40"/>
      <c r="M11010" s="40"/>
      <c r="N11010" s="40"/>
    </row>
    <row r="11011" spans="4:14" x14ac:dyDescent="0.25">
      <c r="D11011" s="40"/>
      <c r="F11011" s="40">
        <v>183.36666699999998</v>
      </c>
      <c r="G11011" s="40">
        <v>22.7720247871294</v>
      </c>
      <c r="H11011" s="40">
        <v>183.36666700000001</v>
      </c>
      <c r="I11011" s="40">
        <v>25.440068806034446</v>
      </c>
      <c r="L11011" s="40"/>
      <c r="M11011" s="40"/>
      <c r="N11011" s="40"/>
    </row>
    <row r="11012" spans="4:14" x14ac:dyDescent="0.25">
      <c r="D11012" s="40"/>
      <c r="F11012" s="40">
        <v>183.38333300000002</v>
      </c>
      <c r="G11012" s="40">
        <v>22.767269543039301</v>
      </c>
      <c r="H11012" s="40">
        <v>183.38333399999999</v>
      </c>
      <c r="I11012" s="40">
        <v>25.440068806034446</v>
      </c>
      <c r="L11012" s="40"/>
      <c r="M11012" s="40"/>
      <c r="N11012" s="40"/>
    </row>
    <row r="11013" spans="4:14" x14ac:dyDescent="0.25">
      <c r="D11013" s="40"/>
      <c r="F11013" s="40">
        <v>183.4</v>
      </c>
      <c r="G11013" s="40">
        <v>22.767269543039301</v>
      </c>
      <c r="H11013" s="40">
        <v>183.40000000000003</v>
      </c>
      <c r="I11013" s="40">
        <v>25.440068806034446</v>
      </c>
      <c r="L11013" s="40"/>
      <c r="M11013" s="40"/>
      <c r="N11013" s="40"/>
    </row>
    <row r="11014" spans="4:14" x14ac:dyDescent="0.25">
      <c r="D11014" s="40"/>
      <c r="F11014" s="40">
        <v>183.41666699999999</v>
      </c>
      <c r="G11014" s="40">
        <v>22.767269543039301</v>
      </c>
      <c r="H11014" s="40">
        <v>183.41666700000002</v>
      </c>
      <c r="I11014" s="40">
        <v>25.440068806034446</v>
      </c>
      <c r="L11014" s="40"/>
      <c r="M11014" s="40"/>
      <c r="N11014" s="40"/>
    </row>
    <row r="11015" spans="4:14" x14ac:dyDescent="0.25">
      <c r="D11015" s="40"/>
      <c r="F11015" s="40">
        <v>183.43333299999998</v>
      </c>
      <c r="G11015" s="40">
        <v>22.767269543039301</v>
      </c>
      <c r="H11015" s="40">
        <v>183.433334</v>
      </c>
      <c r="I11015" s="40">
        <v>25.440068806034446</v>
      </c>
      <c r="L11015" s="40"/>
      <c r="M11015" s="40"/>
      <c r="N11015" s="40"/>
    </row>
    <row r="11016" spans="4:14" x14ac:dyDescent="0.25">
      <c r="D11016" s="40"/>
      <c r="F11016" s="40">
        <v>183.45000000000002</v>
      </c>
      <c r="G11016" s="40">
        <v>22.767269543039301</v>
      </c>
      <c r="H11016" s="40">
        <v>183.45</v>
      </c>
      <c r="I11016" s="40">
        <v>25.44332293229121</v>
      </c>
      <c r="L11016" s="40"/>
      <c r="M11016" s="40"/>
      <c r="N11016" s="40"/>
    </row>
    <row r="11017" spans="4:14" x14ac:dyDescent="0.25">
      <c r="D11017" s="40"/>
      <c r="F11017" s="40">
        <v>183.466667</v>
      </c>
      <c r="G11017" s="40">
        <v>22.762654159069399</v>
      </c>
      <c r="H11017" s="40">
        <v>183.46666700000003</v>
      </c>
      <c r="I11017" s="40">
        <v>25.44332293229121</v>
      </c>
      <c r="L11017" s="40"/>
      <c r="M11017" s="40"/>
      <c r="N11017" s="40"/>
    </row>
    <row r="11018" spans="4:14" x14ac:dyDescent="0.25">
      <c r="D11018" s="40"/>
      <c r="F11018" s="40">
        <v>183.48333299999999</v>
      </c>
      <c r="G11018" s="40">
        <v>22.762654159069399</v>
      </c>
      <c r="H11018" s="40">
        <v>183.48333400000001</v>
      </c>
      <c r="I11018" s="40">
        <v>25.44332293229121</v>
      </c>
      <c r="L11018" s="40"/>
      <c r="M11018" s="40"/>
      <c r="N11018" s="40"/>
    </row>
    <row r="11019" spans="4:14" x14ac:dyDescent="0.25">
      <c r="D11019" s="40"/>
      <c r="F11019" s="40">
        <v>183.49999999999997</v>
      </c>
      <c r="G11019" s="40">
        <v>22.767269543039301</v>
      </c>
      <c r="H11019" s="40">
        <v>183.5</v>
      </c>
      <c r="I11019" s="40">
        <v>25.44332293229121</v>
      </c>
      <c r="L11019" s="40"/>
      <c r="M11019" s="40"/>
      <c r="N11019" s="40"/>
    </row>
    <row r="11020" spans="4:14" x14ac:dyDescent="0.25">
      <c r="D11020" s="40"/>
      <c r="F11020" s="40">
        <v>183.51666700000001</v>
      </c>
      <c r="G11020" s="40">
        <v>22.767269543039301</v>
      </c>
      <c r="H11020" s="40">
        <v>183.51666699999998</v>
      </c>
      <c r="I11020" s="40">
        <v>25.44332293229121</v>
      </c>
      <c r="L11020" s="40"/>
      <c r="M11020" s="40"/>
      <c r="N11020" s="40"/>
    </row>
    <row r="11021" spans="4:14" x14ac:dyDescent="0.25">
      <c r="D11021" s="40"/>
      <c r="F11021" s="40">
        <v>183.533333</v>
      </c>
      <c r="G11021" s="40">
        <v>22.767269543039301</v>
      </c>
      <c r="H11021" s="40">
        <v>183.53333400000002</v>
      </c>
      <c r="I11021" s="40">
        <v>25.44332293229121</v>
      </c>
      <c r="L11021" s="40"/>
      <c r="M11021" s="40"/>
      <c r="N11021" s="40"/>
    </row>
    <row r="11022" spans="4:14" x14ac:dyDescent="0.25">
      <c r="D11022" s="40"/>
      <c r="F11022" s="40">
        <v>183.54999999999998</v>
      </c>
      <c r="G11022" s="40">
        <v>22.767269543039301</v>
      </c>
      <c r="H11022" s="40">
        <v>183.55</v>
      </c>
      <c r="I11022" s="40">
        <v>25.446675668434466</v>
      </c>
      <c r="L11022" s="40"/>
      <c r="M11022" s="40"/>
      <c r="N11022" s="40"/>
    </row>
    <row r="11023" spans="4:14" x14ac:dyDescent="0.25">
      <c r="D11023" s="40"/>
      <c r="F11023" s="40">
        <v>183.56666699999997</v>
      </c>
      <c r="G11023" s="40">
        <v>22.7720247871294</v>
      </c>
      <c r="H11023" s="40">
        <v>183.566667</v>
      </c>
      <c r="I11023" s="40">
        <v>25.446675668434466</v>
      </c>
      <c r="L11023" s="40"/>
      <c r="M11023" s="40"/>
      <c r="N11023" s="40"/>
    </row>
    <row r="11024" spans="4:14" x14ac:dyDescent="0.25">
      <c r="D11024" s="40"/>
      <c r="F11024" s="40">
        <v>183.58333300000001</v>
      </c>
      <c r="G11024" s="40">
        <v>22.7720247871294</v>
      </c>
      <c r="H11024" s="40">
        <v>183.58333399999998</v>
      </c>
      <c r="I11024" s="40">
        <v>25.446675668434466</v>
      </c>
      <c r="L11024" s="40"/>
      <c r="M11024" s="40"/>
      <c r="N11024" s="40"/>
    </row>
    <row r="11025" spans="4:14" x14ac:dyDescent="0.25">
      <c r="D11025" s="40"/>
      <c r="F11025" s="40">
        <v>183.6</v>
      </c>
      <c r="G11025" s="40">
        <v>22.776780031219616</v>
      </c>
      <c r="H11025" s="40">
        <v>183.60000000000002</v>
      </c>
      <c r="I11025" s="40">
        <v>25.446675668434466</v>
      </c>
      <c r="L11025" s="40"/>
      <c r="M11025" s="40"/>
      <c r="N11025" s="40"/>
    </row>
    <row r="11026" spans="4:14" x14ac:dyDescent="0.25">
      <c r="D11026" s="40"/>
      <c r="F11026" s="40">
        <v>183.61666699999998</v>
      </c>
      <c r="G11026" s="40">
        <v>22.776780031219616</v>
      </c>
      <c r="H11026" s="40">
        <v>183.61666700000001</v>
      </c>
      <c r="I11026" s="40">
        <v>25.446675668434466</v>
      </c>
      <c r="L11026" s="40"/>
      <c r="M11026" s="40"/>
      <c r="N11026" s="40"/>
    </row>
    <row r="11027" spans="4:14" x14ac:dyDescent="0.25">
      <c r="D11027" s="40"/>
      <c r="F11027" s="40">
        <v>183.63333300000002</v>
      </c>
      <c r="G11027" s="40">
        <v>22.781395415189518</v>
      </c>
      <c r="H11027" s="40">
        <v>183.63333399999999</v>
      </c>
      <c r="I11027" s="40">
        <v>25.450028404577726</v>
      </c>
      <c r="L11027" s="40"/>
      <c r="M11027" s="40"/>
      <c r="N11027" s="40"/>
    </row>
    <row r="11028" spans="4:14" x14ac:dyDescent="0.25">
      <c r="D11028" s="40"/>
      <c r="F11028" s="40">
        <v>183.65</v>
      </c>
      <c r="G11028" s="40">
        <v>22.786150659279738</v>
      </c>
      <c r="H11028" s="40">
        <v>183.65000000000003</v>
      </c>
      <c r="I11028" s="40">
        <v>25.450028404577726</v>
      </c>
      <c r="L11028" s="40"/>
      <c r="M11028" s="40"/>
      <c r="N11028" s="40"/>
    </row>
    <row r="11029" spans="4:14" x14ac:dyDescent="0.25">
      <c r="D11029" s="40"/>
      <c r="F11029" s="40">
        <v>183.66666699999999</v>
      </c>
      <c r="G11029" s="40">
        <v>22.786150659279738</v>
      </c>
      <c r="H11029" s="40">
        <v>183.66666700000002</v>
      </c>
      <c r="I11029" s="40">
        <v>25.450028404577726</v>
      </c>
      <c r="L11029" s="40"/>
      <c r="M11029" s="40"/>
      <c r="N11029" s="40"/>
    </row>
    <row r="11030" spans="4:14" x14ac:dyDescent="0.25">
      <c r="D11030" s="40"/>
      <c r="F11030" s="40">
        <v>183.68333299999998</v>
      </c>
      <c r="G11030" s="40">
        <v>22.786150659279738</v>
      </c>
      <c r="H11030" s="40">
        <v>183.683334</v>
      </c>
      <c r="I11030" s="40">
        <v>25.450028404577726</v>
      </c>
      <c r="L11030" s="40"/>
      <c r="M11030" s="40"/>
      <c r="N11030" s="40"/>
    </row>
    <row r="11031" spans="4:14" x14ac:dyDescent="0.25">
      <c r="D11031" s="40"/>
      <c r="F11031" s="40">
        <v>183.70000000000002</v>
      </c>
      <c r="G11031" s="40">
        <v>22.786150659279738</v>
      </c>
      <c r="H11031" s="40">
        <v>183.7</v>
      </c>
      <c r="I11031" s="40">
        <v>25.450028404577726</v>
      </c>
      <c r="L11031" s="40"/>
      <c r="M11031" s="40"/>
      <c r="N11031" s="40"/>
    </row>
    <row r="11032" spans="4:14" x14ac:dyDescent="0.25">
      <c r="D11032" s="40"/>
      <c r="F11032" s="40">
        <v>183.716667</v>
      </c>
      <c r="G11032" s="40">
        <v>22.786150659279738</v>
      </c>
      <c r="H11032" s="40">
        <v>183.71666700000003</v>
      </c>
      <c r="I11032" s="40">
        <v>25.450028404577726</v>
      </c>
      <c r="L11032" s="40"/>
      <c r="M11032" s="40"/>
      <c r="N11032" s="40"/>
    </row>
    <row r="11033" spans="4:14" x14ac:dyDescent="0.25">
      <c r="D11033" s="40"/>
      <c r="F11033" s="40">
        <v>183.73333299999999</v>
      </c>
      <c r="G11033" s="40">
        <v>22.790905903369829</v>
      </c>
      <c r="H11033" s="40">
        <v>183.73333400000001</v>
      </c>
      <c r="I11033" s="40">
        <v>25.453282530834489</v>
      </c>
      <c r="L11033" s="40"/>
      <c r="M11033" s="40"/>
      <c r="N11033" s="40"/>
    </row>
    <row r="11034" spans="4:14" x14ac:dyDescent="0.25">
      <c r="D11034" s="40"/>
      <c r="F11034" s="40">
        <v>183.74999999999997</v>
      </c>
      <c r="G11034" s="40">
        <v>22.790905903369829</v>
      </c>
      <c r="H11034" s="40">
        <v>183.75</v>
      </c>
      <c r="I11034" s="40">
        <v>25.453282530834489</v>
      </c>
      <c r="L11034" s="40"/>
      <c r="M11034" s="40"/>
      <c r="N11034" s="40"/>
    </row>
    <row r="11035" spans="4:14" x14ac:dyDescent="0.25">
      <c r="D11035" s="40"/>
      <c r="F11035" s="40">
        <v>183.76666700000001</v>
      </c>
      <c r="G11035" s="40">
        <v>22.790905903369829</v>
      </c>
      <c r="H11035" s="40">
        <v>183.76666699999998</v>
      </c>
      <c r="I11035" s="40">
        <v>25.453282530834489</v>
      </c>
      <c r="L11035" s="40"/>
      <c r="M11035" s="40"/>
      <c r="N11035" s="40"/>
    </row>
    <row r="11036" spans="4:14" x14ac:dyDescent="0.25">
      <c r="D11036" s="40"/>
      <c r="F11036" s="40">
        <v>183.783333</v>
      </c>
      <c r="G11036" s="40">
        <v>22.790905903369829</v>
      </c>
      <c r="H11036" s="40">
        <v>183.78333400000002</v>
      </c>
      <c r="I11036" s="40">
        <v>25.453282530834489</v>
      </c>
      <c r="L11036" s="40"/>
      <c r="M11036" s="40"/>
      <c r="N11036" s="40"/>
    </row>
    <row r="11037" spans="4:14" x14ac:dyDescent="0.25">
      <c r="D11037" s="40"/>
      <c r="F11037" s="40">
        <v>183.79999999999998</v>
      </c>
      <c r="G11037" s="40">
        <v>22.790905903369829</v>
      </c>
      <c r="H11037" s="40">
        <v>183.8</v>
      </c>
      <c r="I11037" s="40">
        <v>25.456635266977919</v>
      </c>
      <c r="L11037" s="40"/>
      <c r="M11037" s="40"/>
      <c r="N11037" s="40"/>
    </row>
    <row r="11038" spans="4:14" x14ac:dyDescent="0.25">
      <c r="D11038" s="40"/>
      <c r="F11038" s="40">
        <v>183.81666699999997</v>
      </c>
      <c r="G11038" s="40">
        <v>22.790905903369829</v>
      </c>
      <c r="H11038" s="40">
        <v>183.816667</v>
      </c>
      <c r="I11038" s="40">
        <v>25.456635266977919</v>
      </c>
      <c r="L11038" s="40"/>
      <c r="M11038" s="40"/>
      <c r="N11038" s="40"/>
    </row>
    <row r="11039" spans="4:14" x14ac:dyDescent="0.25">
      <c r="D11039" s="40"/>
      <c r="F11039" s="40">
        <v>183.83333300000001</v>
      </c>
      <c r="G11039" s="40">
        <v>22.795521287339731</v>
      </c>
      <c r="H11039" s="40">
        <v>183.83333399999998</v>
      </c>
      <c r="I11039" s="40">
        <v>25.456635266977919</v>
      </c>
      <c r="L11039" s="40"/>
      <c r="M11039" s="40"/>
      <c r="N11039" s="40"/>
    </row>
    <row r="11040" spans="4:14" x14ac:dyDescent="0.25">
      <c r="D11040" s="40"/>
      <c r="F11040" s="40">
        <v>183.85</v>
      </c>
      <c r="G11040" s="40">
        <v>22.795521287339731</v>
      </c>
      <c r="H11040" s="40">
        <v>183.85000000000002</v>
      </c>
      <c r="I11040" s="40">
        <v>25.456635266977919</v>
      </c>
      <c r="L11040" s="40"/>
      <c r="M11040" s="40"/>
      <c r="N11040" s="40"/>
    </row>
    <row r="11041" spans="4:14" x14ac:dyDescent="0.25">
      <c r="D11041" s="40"/>
      <c r="F11041" s="40">
        <v>183.86666699999998</v>
      </c>
      <c r="G11041" s="40">
        <v>22.795521287339731</v>
      </c>
      <c r="H11041" s="40">
        <v>183.86666700000001</v>
      </c>
      <c r="I11041" s="40">
        <v>25.459988003121175</v>
      </c>
      <c r="L11041" s="40"/>
      <c r="M11041" s="40"/>
      <c r="N11041" s="40"/>
    </row>
    <row r="11042" spans="4:14" x14ac:dyDescent="0.25">
      <c r="D11042" s="40"/>
      <c r="F11042" s="40">
        <v>183.88333300000002</v>
      </c>
      <c r="G11042" s="40">
        <v>22.795521287339731</v>
      </c>
      <c r="H11042" s="40">
        <v>183.88333399999999</v>
      </c>
      <c r="I11042" s="40">
        <v>25.459988003121175</v>
      </c>
      <c r="L11042" s="40"/>
      <c r="M11042" s="40"/>
      <c r="N11042" s="40"/>
    </row>
    <row r="11043" spans="4:14" x14ac:dyDescent="0.25">
      <c r="D11043" s="40"/>
      <c r="F11043" s="40">
        <v>183.9</v>
      </c>
      <c r="G11043" s="40">
        <v>22.795521287339731</v>
      </c>
      <c r="H11043" s="40">
        <v>183.90000000000003</v>
      </c>
      <c r="I11043" s="40">
        <v>25.459988003121175</v>
      </c>
      <c r="L11043" s="40"/>
      <c r="M11043" s="40"/>
      <c r="N11043" s="40"/>
    </row>
    <row r="11044" spans="4:14" x14ac:dyDescent="0.25">
      <c r="D11044" s="40"/>
      <c r="F11044" s="40">
        <v>183.91666699999999</v>
      </c>
      <c r="G11044" s="40">
        <v>22.795521287339731</v>
      </c>
      <c r="H11044" s="40">
        <v>183.91666700000002</v>
      </c>
      <c r="I11044" s="40">
        <v>25.459988003121175</v>
      </c>
      <c r="L11044" s="40"/>
      <c r="M11044" s="40"/>
      <c r="N11044" s="40"/>
    </row>
    <row r="11045" spans="4:14" x14ac:dyDescent="0.25">
      <c r="D11045" s="40"/>
      <c r="F11045" s="40">
        <v>183.93333299999998</v>
      </c>
      <c r="G11045" s="40">
        <v>22.795521287339731</v>
      </c>
      <c r="H11045" s="40">
        <v>183.933334</v>
      </c>
      <c r="I11045" s="40">
        <v>25.463242129377939</v>
      </c>
      <c r="L11045" s="40"/>
      <c r="M11045" s="40"/>
      <c r="N11045" s="40"/>
    </row>
    <row r="11046" spans="4:14" x14ac:dyDescent="0.25">
      <c r="D11046" s="40"/>
      <c r="F11046" s="40">
        <v>183.95000000000002</v>
      </c>
      <c r="G11046" s="40">
        <v>22.795521287339731</v>
      </c>
      <c r="H11046" s="40">
        <v>183.95</v>
      </c>
      <c r="I11046" s="40">
        <v>25.463242129377939</v>
      </c>
      <c r="L11046" s="40"/>
      <c r="M11046" s="40"/>
      <c r="N11046" s="40"/>
    </row>
    <row r="11047" spans="4:14" x14ac:dyDescent="0.25">
      <c r="D11047" s="40"/>
      <c r="F11047" s="40">
        <v>183.966667</v>
      </c>
      <c r="G11047" s="40">
        <v>22.800276531429951</v>
      </c>
      <c r="H11047" s="40">
        <v>183.96666700000003</v>
      </c>
      <c r="I11047" s="40">
        <v>25.463242129377939</v>
      </c>
      <c r="L11047" s="40"/>
      <c r="M11047" s="40"/>
      <c r="N11047" s="40"/>
    </row>
    <row r="11048" spans="4:14" x14ac:dyDescent="0.25">
      <c r="D11048" s="40"/>
      <c r="F11048" s="40">
        <v>183.98333299999999</v>
      </c>
      <c r="G11048" s="40">
        <v>22.800276531429951</v>
      </c>
      <c r="H11048" s="40">
        <v>183.98333400000001</v>
      </c>
      <c r="I11048" s="40">
        <v>25.466594865521198</v>
      </c>
      <c r="L11048" s="40"/>
      <c r="M11048" s="40"/>
      <c r="N11048" s="40"/>
    </row>
    <row r="11049" spans="4:14" x14ac:dyDescent="0.25">
      <c r="D11049" s="40"/>
      <c r="F11049" s="40">
        <v>183.99999999999997</v>
      </c>
      <c r="G11049" s="40">
        <v>22.800276531429951</v>
      </c>
      <c r="H11049" s="40">
        <v>184</v>
      </c>
      <c r="I11049" s="40">
        <v>25.466594865521198</v>
      </c>
      <c r="L11049" s="40"/>
      <c r="M11049" s="40"/>
      <c r="N11049" s="40"/>
    </row>
    <row r="11050" spans="4:14" x14ac:dyDescent="0.25">
      <c r="D11050" s="40"/>
      <c r="F11050" s="40">
        <v>184.01666700000001</v>
      </c>
      <c r="G11050" s="40">
        <v>22.800276531429951</v>
      </c>
      <c r="H11050" s="40">
        <v>184.01666699999998</v>
      </c>
      <c r="I11050" s="40">
        <v>25.466594865521198</v>
      </c>
      <c r="L11050" s="40"/>
      <c r="M11050" s="40"/>
      <c r="N11050" s="40"/>
    </row>
    <row r="11051" spans="4:14" x14ac:dyDescent="0.25">
      <c r="D11051" s="40"/>
      <c r="F11051" s="40">
        <v>184.033333</v>
      </c>
      <c r="G11051" s="40">
        <v>22.795521287339731</v>
      </c>
      <c r="H11051" s="40">
        <v>184.03333400000002</v>
      </c>
      <c r="I11051" s="40">
        <v>25.466594865521198</v>
      </c>
      <c r="L11051" s="40"/>
      <c r="M11051" s="40"/>
      <c r="N11051" s="40"/>
    </row>
    <row r="11052" spans="4:14" x14ac:dyDescent="0.25">
      <c r="D11052" s="40"/>
      <c r="F11052" s="40">
        <v>184.04999999999998</v>
      </c>
      <c r="G11052" s="40">
        <v>22.795521287339731</v>
      </c>
      <c r="H11052" s="40">
        <v>184.05</v>
      </c>
      <c r="I11052" s="40">
        <v>25.469947601664455</v>
      </c>
      <c r="L11052" s="40"/>
      <c r="M11052" s="40"/>
      <c r="N11052" s="40"/>
    </row>
    <row r="11053" spans="4:14" x14ac:dyDescent="0.25">
      <c r="D11053" s="40"/>
      <c r="F11053" s="40">
        <v>184.06666699999997</v>
      </c>
      <c r="G11053" s="40">
        <v>22.795521287339731</v>
      </c>
      <c r="H11053" s="40">
        <v>184.066667</v>
      </c>
      <c r="I11053" s="40">
        <v>25.469947601664455</v>
      </c>
      <c r="L11053" s="40"/>
      <c r="M11053" s="40"/>
      <c r="N11053" s="40"/>
    </row>
    <row r="11054" spans="4:14" x14ac:dyDescent="0.25">
      <c r="D11054" s="40"/>
      <c r="F11054" s="40">
        <v>184.08333300000001</v>
      </c>
      <c r="G11054" s="40">
        <v>22.795521287339731</v>
      </c>
      <c r="H11054" s="40">
        <v>184.08333399999998</v>
      </c>
      <c r="I11054" s="40">
        <v>25.469947601664455</v>
      </c>
      <c r="L11054" s="40"/>
      <c r="M11054" s="40"/>
      <c r="N11054" s="40"/>
    </row>
    <row r="11055" spans="4:14" x14ac:dyDescent="0.25">
      <c r="D11055" s="40"/>
      <c r="F11055" s="40">
        <v>184.1</v>
      </c>
      <c r="G11055" s="40">
        <v>22.800276531429951</v>
      </c>
      <c r="H11055" s="40">
        <v>184.10000000000002</v>
      </c>
      <c r="I11055" s="40">
        <v>25.469947601664455</v>
      </c>
      <c r="L11055" s="40"/>
      <c r="M11055" s="40"/>
      <c r="N11055" s="40"/>
    </row>
    <row r="11056" spans="4:14" x14ac:dyDescent="0.25">
      <c r="D11056" s="40"/>
      <c r="F11056" s="40">
        <v>184.11666699999998</v>
      </c>
      <c r="G11056" s="40">
        <v>22.800276531429951</v>
      </c>
      <c r="H11056" s="40">
        <v>184.11666700000001</v>
      </c>
      <c r="I11056" s="40">
        <v>25.469947601664455</v>
      </c>
      <c r="L11056" s="40"/>
      <c r="M11056" s="40"/>
      <c r="N11056" s="40"/>
    </row>
    <row r="11057" spans="4:14" x14ac:dyDescent="0.25">
      <c r="D11057" s="40"/>
      <c r="F11057" s="40">
        <v>184.13333300000002</v>
      </c>
      <c r="G11057" s="40">
        <v>22.800276531429951</v>
      </c>
      <c r="H11057" s="40">
        <v>184.13333399999999</v>
      </c>
      <c r="I11057" s="40">
        <v>25.473201727921218</v>
      </c>
      <c r="L11057" s="40"/>
      <c r="M11057" s="40"/>
      <c r="N11057" s="40"/>
    </row>
    <row r="11058" spans="4:14" x14ac:dyDescent="0.25">
      <c r="D11058" s="40"/>
      <c r="F11058" s="40">
        <v>184.15</v>
      </c>
      <c r="G11058" s="40">
        <v>22.800276531429951</v>
      </c>
      <c r="H11058" s="40">
        <v>184.15000000000003</v>
      </c>
      <c r="I11058" s="40">
        <v>25.473201727921218</v>
      </c>
      <c r="L11058" s="40"/>
      <c r="M11058" s="40"/>
      <c r="N11058" s="40"/>
    </row>
    <row r="11059" spans="4:14" x14ac:dyDescent="0.25">
      <c r="D11059" s="40"/>
      <c r="F11059" s="40">
        <v>184.16666699999999</v>
      </c>
      <c r="G11059" s="40">
        <v>22.800276531429951</v>
      </c>
      <c r="H11059" s="40">
        <v>184.16666700000002</v>
      </c>
      <c r="I11059" s="40">
        <v>25.473201727921218</v>
      </c>
      <c r="L11059" s="40"/>
      <c r="M11059" s="40"/>
      <c r="N11059" s="40"/>
    </row>
    <row r="11060" spans="4:14" x14ac:dyDescent="0.25">
      <c r="D11060" s="40"/>
      <c r="F11060" s="40">
        <v>184.18333299999998</v>
      </c>
      <c r="G11060" s="40">
        <v>22.800276531429951</v>
      </c>
      <c r="H11060" s="40">
        <v>184.183334</v>
      </c>
      <c r="I11060" s="40">
        <v>25.473201727921218</v>
      </c>
      <c r="L11060" s="40"/>
      <c r="M11060" s="40"/>
      <c r="N11060" s="40"/>
    </row>
    <row r="11061" spans="4:14" x14ac:dyDescent="0.25">
      <c r="D11061" s="40"/>
      <c r="F11061" s="40">
        <v>184.20000000000002</v>
      </c>
      <c r="G11061" s="40">
        <v>22.795521287339731</v>
      </c>
      <c r="H11061" s="40">
        <v>184.2</v>
      </c>
      <c r="I11061" s="40">
        <v>25.473201727921218</v>
      </c>
      <c r="L11061" s="40"/>
      <c r="M11061" s="40"/>
      <c r="N11061" s="40"/>
    </row>
    <row r="11062" spans="4:14" x14ac:dyDescent="0.25">
      <c r="D11062" s="40"/>
      <c r="F11062" s="40">
        <v>184.216667</v>
      </c>
      <c r="G11062" s="40">
        <v>22.795521287339731</v>
      </c>
      <c r="H11062" s="40">
        <v>184.21666700000003</v>
      </c>
      <c r="I11062" s="40">
        <v>25.476554464064648</v>
      </c>
      <c r="L11062" s="40"/>
      <c r="M11062" s="40"/>
      <c r="N11062" s="40"/>
    </row>
    <row r="11063" spans="4:14" x14ac:dyDescent="0.25">
      <c r="D11063" s="40"/>
      <c r="F11063" s="40">
        <v>184.23333299999999</v>
      </c>
      <c r="G11063" s="40">
        <v>22.795521287339731</v>
      </c>
      <c r="H11063" s="40">
        <v>184.23333400000001</v>
      </c>
      <c r="I11063" s="40">
        <v>25.476554464064648</v>
      </c>
      <c r="L11063" s="40"/>
      <c r="M11063" s="40"/>
      <c r="N11063" s="40"/>
    </row>
    <row r="11064" spans="4:14" x14ac:dyDescent="0.25">
      <c r="D11064" s="40"/>
      <c r="F11064" s="40">
        <v>184.24999999999997</v>
      </c>
      <c r="G11064" s="40">
        <v>22.800276531429951</v>
      </c>
      <c r="H11064" s="40">
        <v>184.25</v>
      </c>
      <c r="I11064" s="40">
        <v>25.476554464064648</v>
      </c>
      <c r="L11064" s="40"/>
      <c r="M11064" s="40"/>
      <c r="N11064" s="40"/>
    </row>
    <row r="11065" spans="4:14" x14ac:dyDescent="0.25">
      <c r="D11065" s="40"/>
      <c r="F11065" s="40">
        <v>184.26666700000001</v>
      </c>
      <c r="G11065" s="40">
        <v>22.800276531429951</v>
      </c>
      <c r="H11065" s="40">
        <v>184.26666699999998</v>
      </c>
      <c r="I11065" s="40">
        <v>25.476554464064648</v>
      </c>
      <c r="L11065" s="40"/>
      <c r="M11065" s="40"/>
      <c r="N11065" s="40"/>
    </row>
    <row r="11066" spans="4:14" x14ac:dyDescent="0.25">
      <c r="D11066" s="40"/>
      <c r="F11066" s="40">
        <v>184.283333</v>
      </c>
      <c r="G11066" s="40">
        <v>22.800276531429951</v>
      </c>
      <c r="H11066" s="40">
        <v>184.28333400000002</v>
      </c>
      <c r="I11066" s="40">
        <v>25.479907200207908</v>
      </c>
      <c r="L11066" s="40"/>
      <c r="M11066" s="40"/>
      <c r="N11066" s="40"/>
    </row>
    <row r="11067" spans="4:14" x14ac:dyDescent="0.25">
      <c r="D11067" s="40"/>
      <c r="F11067" s="40">
        <v>184.29999999999998</v>
      </c>
      <c r="G11067" s="40">
        <v>22.800276531429951</v>
      </c>
      <c r="H11067" s="40">
        <v>184.3</v>
      </c>
      <c r="I11067" s="40">
        <v>25.479907200207908</v>
      </c>
      <c r="L11067" s="40"/>
      <c r="M11067" s="40"/>
      <c r="N11067" s="40"/>
    </row>
    <row r="11068" spans="4:14" x14ac:dyDescent="0.25">
      <c r="D11068" s="40"/>
      <c r="F11068" s="40">
        <v>184.31666699999997</v>
      </c>
      <c r="G11068" s="40">
        <v>22.800276531429951</v>
      </c>
      <c r="H11068" s="40">
        <v>184.316667</v>
      </c>
      <c r="I11068" s="40">
        <v>25.479907200207908</v>
      </c>
      <c r="L11068" s="40"/>
      <c r="M11068" s="40"/>
      <c r="N11068" s="40"/>
    </row>
    <row r="11069" spans="4:14" x14ac:dyDescent="0.25">
      <c r="D11069" s="40"/>
      <c r="F11069" s="40">
        <v>184.33333300000001</v>
      </c>
      <c r="G11069" s="40">
        <v>22.795521287339731</v>
      </c>
      <c r="H11069" s="40">
        <v>184.33333399999998</v>
      </c>
      <c r="I11069" s="40">
        <v>25.479907200207908</v>
      </c>
      <c r="L11069" s="40"/>
      <c r="M11069" s="40"/>
      <c r="N11069" s="40"/>
    </row>
    <row r="11070" spans="4:14" x14ac:dyDescent="0.25">
      <c r="D11070" s="40"/>
      <c r="F11070" s="40">
        <v>184.35</v>
      </c>
      <c r="G11070" s="40">
        <v>22.795521287339731</v>
      </c>
      <c r="H11070" s="40">
        <v>184.35000000000002</v>
      </c>
      <c r="I11070" s="40">
        <v>25.483161326464671</v>
      </c>
      <c r="L11070" s="40"/>
      <c r="M11070" s="40"/>
      <c r="N11070" s="40"/>
    </row>
    <row r="11071" spans="4:14" x14ac:dyDescent="0.25">
      <c r="D11071" s="40"/>
      <c r="F11071" s="40">
        <v>184.36666699999998</v>
      </c>
      <c r="G11071" s="40">
        <v>22.795521287339731</v>
      </c>
      <c r="H11071" s="40">
        <v>184.36666700000001</v>
      </c>
      <c r="I11071" s="40">
        <v>25.483161326464671</v>
      </c>
      <c r="L11071" s="40"/>
      <c r="M11071" s="40"/>
      <c r="N11071" s="40"/>
    </row>
    <row r="11072" spans="4:14" x14ac:dyDescent="0.25">
      <c r="D11072" s="40"/>
      <c r="F11072" s="40">
        <v>184.38333300000002</v>
      </c>
      <c r="G11072" s="40">
        <v>22.795521287339731</v>
      </c>
      <c r="H11072" s="40">
        <v>184.38333399999999</v>
      </c>
      <c r="I11072" s="40">
        <v>25.483161326464671</v>
      </c>
      <c r="L11072" s="40"/>
      <c r="M11072" s="40"/>
      <c r="N11072" s="40"/>
    </row>
    <row r="11073" spans="4:14" x14ac:dyDescent="0.25">
      <c r="D11073" s="40"/>
      <c r="F11073" s="40">
        <v>184.4</v>
      </c>
      <c r="G11073" s="40">
        <v>22.795521287339731</v>
      </c>
      <c r="H11073" s="40">
        <v>184.40000000000003</v>
      </c>
      <c r="I11073" s="40">
        <v>25.483161326464671</v>
      </c>
      <c r="L11073" s="40"/>
      <c r="M11073" s="40"/>
      <c r="N11073" s="40"/>
    </row>
    <row r="11074" spans="4:14" x14ac:dyDescent="0.25">
      <c r="D11074" s="40"/>
      <c r="F11074" s="40">
        <v>184.41666699999999</v>
      </c>
      <c r="G11074" s="40">
        <v>22.795521287339731</v>
      </c>
      <c r="H11074" s="40">
        <v>184.41666700000002</v>
      </c>
      <c r="I11074" s="40">
        <v>25.483161326464671</v>
      </c>
      <c r="L11074" s="40"/>
      <c r="M11074" s="40"/>
      <c r="N11074" s="40"/>
    </row>
    <row r="11075" spans="4:14" x14ac:dyDescent="0.25">
      <c r="D11075" s="40"/>
      <c r="F11075" s="40">
        <v>184.43333299999998</v>
      </c>
      <c r="G11075" s="40">
        <v>22.795521287339731</v>
      </c>
      <c r="H11075" s="40">
        <v>184.433334</v>
      </c>
      <c r="I11075" s="40">
        <v>25.486514062607927</v>
      </c>
      <c r="L11075" s="40"/>
      <c r="M11075" s="40"/>
      <c r="N11075" s="40"/>
    </row>
    <row r="11076" spans="4:14" x14ac:dyDescent="0.25">
      <c r="D11076" s="40"/>
      <c r="F11076" s="40">
        <v>184.45000000000002</v>
      </c>
      <c r="G11076" s="40">
        <v>22.795521287339731</v>
      </c>
      <c r="H11076" s="40">
        <v>184.45</v>
      </c>
      <c r="I11076" s="40">
        <v>25.486514062607927</v>
      </c>
      <c r="L11076" s="40"/>
      <c r="M11076" s="40"/>
      <c r="N11076" s="40"/>
    </row>
    <row r="11077" spans="4:14" x14ac:dyDescent="0.25">
      <c r="D11077" s="40"/>
      <c r="F11077" s="40">
        <v>184.466667</v>
      </c>
      <c r="G11077" s="40">
        <v>22.790905903369829</v>
      </c>
      <c r="H11077" s="40">
        <v>184.46666700000003</v>
      </c>
      <c r="I11077" s="40">
        <v>25.486514062607927</v>
      </c>
      <c r="L11077" s="40"/>
      <c r="M11077" s="40"/>
      <c r="N11077" s="40"/>
    </row>
    <row r="11078" spans="4:14" x14ac:dyDescent="0.25">
      <c r="D11078" s="40"/>
      <c r="F11078" s="40">
        <v>184.48333299999999</v>
      </c>
      <c r="G11078" s="40">
        <v>22.790905903369829</v>
      </c>
      <c r="H11078" s="40">
        <v>184.48333400000001</v>
      </c>
      <c r="I11078" s="40">
        <v>25.486514062607927</v>
      </c>
      <c r="L11078" s="40"/>
      <c r="M11078" s="40"/>
      <c r="N11078" s="40"/>
    </row>
    <row r="11079" spans="4:14" x14ac:dyDescent="0.25">
      <c r="D11079" s="40"/>
      <c r="F11079" s="40">
        <v>184.49999999999997</v>
      </c>
      <c r="G11079" s="40">
        <v>22.790905903369829</v>
      </c>
      <c r="H11079" s="40">
        <v>184.5</v>
      </c>
      <c r="I11079" s="40">
        <v>25.489866798751361</v>
      </c>
      <c r="L11079" s="40"/>
      <c r="M11079" s="40"/>
      <c r="N11079" s="40"/>
    </row>
    <row r="11080" spans="4:14" x14ac:dyDescent="0.25">
      <c r="D11080" s="40"/>
      <c r="F11080" s="40">
        <v>184.51666700000001</v>
      </c>
      <c r="G11080" s="40">
        <v>22.790905903369829</v>
      </c>
      <c r="H11080" s="40">
        <v>184.51666699999998</v>
      </c>
      <c r="I11080" s="40">
        <v>25.489866798751361</v>
      </c>
      <c r="L11080" s="40"/>
      <c r="M11080" s="40"/>
      <c r="N11080" s="40"/>
    </row>
    <row r="11081" spans="4:14" x14ac:dyDescent="0.25">
      <c r="D11081" s="40"/>
      <c r="F11081" s="40">
        <v>184.533333</v>
      </c>
      <c r="G11081" s="40">
        <v>22.790905903369829</v>
      </c>
      <c r="H11081" s="40">
        <v>184.53333400000002</v>
      </c>
      <c r="I11081" s="40">
        <v>25.489866798751361</v>
      </c>
      <c r="L11081" s="40"/>
      <c r="M11081" s="40"/>
      <c r="N11081" s="40"/>
    </row>
    <row r="11082" spans="4:14" x14ac:dyDescent="0.25">
      <c r="D11082" s="40"/>
      <c r="F11082" s="40">
        <v>184.54999999999998</v>
      </c>
      <c r="G11082" s="40">
        <v>22.790905903369829</v>
      </c>
      <c r="H11082" s="40">
        <v>184.55</v>
      </c>
      <c r="I11082" s="40">
        <v>25.489866798751361</v>
      </c>
      <c r="L11082" s="40"/>
      <c r="M11082" s="40"/>
      <c r="N11082" s="40"/>
    </row>
    <row r="11083" spans="4:14" x14ac:dyDescent="0.25">
      <c r="D11083" s="40"/>
      <c r="F11083" s="40">
        <v>184.56666699999997</v>
      </c>
      <c r="G11083" s="40">
        <v>22.790905903369829</v>
      </c>
      <c r="H11083" s="40">
        <v>184.566667</v>
      </c>
      <c r="I11083" s="40">
        <v>25.493120925007947</v>
      </c>
      <c r="L11083" s="40"/>
      <c r="M11083" s="40"/>
      <c r="N11083" s="40"/>
    </row>
    <row r="11084" spans="4:14" x14ac:dyDescent="0.25">
      <c r="D11084" s="40"/>
      <c r="F11084" s="40">
        <v>184.58333300000001</v>
      </c>
      <c r="G11084" s="40">
        <v>22.790905903369829</v>
      </c>
      <c r="H11084" s="40">
        <v>184.58333399999998</v>
      </c>
      <c r="I11084" s="40">
        <v>25.493120925007947</v>
      </c>
      <c r="L11084" s="40"/>
      <c r="M11084" s="40"/>
      <c r="N11084" s="40"/>
    </row>
    <row r="11085" spans="4:14" x14ac:dyDescent="0.25">
      <c r="D11085" s="40"/>
      <c r="F11085" s="40">
        <v>184.6</v>
      </c>
      <c r="G11085" s="40">
        <v>22.790905903369829</v>
      </c>
      <c r="H11085" s="40">
        <v>184.60000000000002</v>
      </c>
      <c r="I11085" s="40">
        <v>25.493120925007947</v>
      </c>
      <c r="L11085" s="40"/>
      <c r="M11085" s="40"/>
      <c r="N11085" s="40"/>
    </row>
    <row r="11086" spans="4:14" x14ac:dyDescent="0.25">
      <c r="D11086" s="40"/>
      <c r="F11086" s="40">
        <v>184.61666699999998</v>
      </c>
      <c r="G11086" s="40">
        <v>22.790905903369829</v>
      </c>
      <c r="H11086" s="40">
        <v>184.61666700000001</v>
      </c>
      <c r="I11086" s="40">
        <v>25.493120925007947</v>
      </c>
      <c r="L11086" s="40"/>
      <c r="M11086" s="40"/>
      <c r="N11086" s="40"/>
    </row>
    <row r="11087" spans="4:14" x14ac:dyDescent="0.25">
      <c r="D11087" s="40"/>
      <c r="F11087" s="40">
        <v>184.63333300000002</v>
      </c>
      <c r="G11087" s="40">
        <v>22.790905903369829</v>
      </c>
      <c r="H11087" s="40">
        <v>184.63333399999999</v>
      </c>
      <c r="I11087" s="40">
        <v>25.496473661151377</v>
      </c>
      <c r="L11087" s="40"/>
      <c r="M11087" s="40"/>
      <c r="N11087" s="40"/>
    </row>
    <row r="11088" spans="4:14" x14ac:dyDescent="0.25">
      <c r="D11088" s="40"/>
      <c r="F11088" s="40">
        <v>184.65</v>
      </c>
      <c r="G11088" s="40">
        <v>22.790905903369829</v>
      </c>
      <c r="H11088" s="40">
        <v>184.65000000000003</v>
      </c>
      <c r="I11088" s="40">
        <v>25.496473661151377</v>
      </c>
      <c r="L11088" s="40"/>
      <c r="M11088" s="40"/>
      <c r="N11088" s="40"/>
    </row>
    <row r="11089" spans="4:14" x14ac:dyDescent="0.25">
      <c r="D11089" s="40"/>
      <c r="F11089" s="40">
        <v>184.66666699999999</v>
      </c>
      <c r="G11089" s="40">
        <v>22.790905903369829</v>
      </c>
      <c r="H11089" s="40">
        <v>184.66666700000002</v>
      </c>
      <c r="I11089" s="40">
        <v>25.496473661151377</v>
      </c>
      <c r="L11089" s="40"/>
      <c r="M11089" s="40"/>
      <c r="N11089" s="40"/>
    </row>
    <row r="11090" spans="4:14" x14ac:dyDescent="0.25">
      <c r="D11090" s="40"/>
      <c r="F11090" s="40">
        <v>184.68333299999998</v>
      </c>
      <c r="G11090" s="40">
        <v>22.790905903369829</v>
      </c>
      <c r="H11090" s="40">
        <v>184.683334</v>
      </c>
      <c r="I11090" s="40">
        <v>25.496473661151377</v>
      </c>
      <c r="L11090" s="40"/>
      <c r="M11090" s="40"/>
      <c r="N11090" s="40"/>
    </row>
    <row r="11091" spans="4:14" x14ac:dyDescent="0.25">
      <c r="D11091" s="40"/>
      <c r="F11091" s="40">
        <v>184.70000000000002</v>
      </c>
      <c r="G11091" s="40">
        <v>22.790905903369829</v>
      </c>
      <c r="H11091" s="40">
        <v>184.7</v>
      </c>
      <c r="I11091" s="40">
        <v>25.499826397294637</v>
      </c>
      <c r="L11091" s="40"/>
      <c r="M11091" s="40"/>
      <c r="N11091" s="40"/>
    </row>
    <row r="11092" spans="4:14" x14ac:dyDescent="0.25">
      <c r="D11092" s="40"/>
      <c r="F11092" s="40">
        <v>184.716667</v>
      </c>
      <c r="G11092" s="40">
        <v>22.790905903369829</v>
      </c>
      <c r="H11092" s="40">
        <v>184.71666700000003</v>
      </c>
      <c r="I11092" s="40">
        <v>25.499826397294637</v>
      </c>
      <c r="L11092" s="40"/>
      <c r="M11092" s="40"/>
      <c r="N11092" s="40"/>
    </row>
    <row r="11093" spans="4:14" x14ac:dyDescent="0.25">
      <c r="D11093" s="40"/>
      <c r="F11093" s="40">
        <v>184.73333299999999</v>
      </c>
      <c r="G11093" s="40">
        <v>22.790905903369829</v>
      </c>
      <c r="H11093" s="40">
        <v>184.73333400000001</v>
      </c>
      <c r="I11093" s="40">
        <v>25.499826397294637</v>
      </c>
      <c r="L11093" s="40"/>
      <c r="M11093" s="40"/>
      <c r="N11093" s="40"/>
    </row>
    <row r="11094" spans="4:14" x14ac:dyDescent="0.25">
      <c r="D11094" s="40"/>
      <c r="F11094" s="40">
        <v>184.74999999999997</v>
      </c>
      <c r="G11094" s="40">
        <v>22.790905903369829</v>
      </c>
      <c r="H11094" s="40">
        <v>184.75</v>
      </c>
      <c r="I11094" s="40">
        <v>25.499826397294637</v>
      </c>
      <c r="L11094" s="40"/>
      <c r="M11094" s="40"/>
      <c r="N11094" s="40"/>
    </row>
    <row r="11095" spans="4:14" x14ac:dyDescent="0.25">
      <c r="D11095" s="40"/>
      <c r="F11095" s="40">
        <v>184.76666700000001</v>
      </c>
      <c r="G11095" s="40">
        <v>22.795521287339731</v>
      </c>
      <c r="H11095" s="40">
        <v>184.76666699999998</v>
      </c>
      <c r="I11095" s="40">
        <v>25.503179133437893</v>
      </c>
      <c r="L11095" s="40"/>
      <c r="M11095" s="40"/>
      <c r="N11095" s="40"/>
    </row>
    <row r="11096" spans="4:14" x14ac:dyDescent="0.25">
      <c r="D11096" s="40"/>
      <c r="F11096" s="40">
        <v>184.783333</v>
      </c>
      <c r="G11096" s="40">
        <v>22.795521287339731</v>
      </c>
      <c r="H11096" s="40">
        <v>184.78333400000002</v>
      </c>
      <c r="I11096" s="40">
        <v>25.503179133437893</v>
      </c>
      <c r="L11096" s="40"/>
      <c r="M11096" s="40"/>
      <c r="N11096" s="40"/>
    </row>
    <row r="11097" spans="4:14" x14ac:dyDescent="0.25">
      <c r="D11097" s="40"/>
      <c r="F11097" s="40">
        <v>184.79999999999998</v>
      </c>
      <c r="G11097" s="40">
        <v>22.795521287339731</v>
      </c>
      <c r="H11097" s="40">
        <v>184.8</v>
      </c>
      <c r="I11097" s="40">
        <v>25.503179133437893</v>
      </c>
      <c r="L11097" s="40"/>
      <c r="M11097" s="40"/>
      <c r="N11097" s="40"/>
    </row>
    <row r="11098" spans="4:14" x14ac:dyDescent="0.25">
      <c r="D11098" s="40"/>
      <c r="F11098" s="40">
        <v>184.81666699999997</v>
      </c>
      <c r="G11098" s="40">
        <v>22.795521287339731</v>
      </c>
      <c r="H11098" s="40">
        <v>184.816667</v>
      </c>
      <c r="I11098" s="40">
        <v>25.506433259694656</v>
      </c>
      <c r="L11098" s="40"/>
      <c r="M11098" s="40"/>
      <c r="N11098" s="40"/>
    </row>
    <row r="11099" spans="4:14" x14ac:dyDescent="0.25">
      <c r="D11099" s="40"/>
      <c r="F11099" s="40">
        <v>184.83333300000001</v>
      </c>
      <c r="G11099" s="40">
        <v>22.795521287339731</v>
      </c>
      <c r="H11099" s="40">
        <v>184.83333399999998</v>
      </c>
      <c r="I11099" s="40">
        <v>25.506433259694656</v>
      </c>
      <c r="L11099" s="40"/>
      <c r="M11099" s="40"/>
      <c r="N11099" s="40"/>
    </row>
    <row r="11100" spans="4:14" x14ac:dyDescent="0.25">
      <c r="D11100" s="40"/>
      <c r="F11100" s="40">
        <v>184.85</v>
      </c>
      <c r="G11100" s="40">
        <v>22.795521287339731</v>
      </c>
      <c r="H11100" s="40">
        <v>184.85000000000002</v>
      </c>
      <c r="I11100" s="40">
        <v>25.506433259694656</v>
      </c>
      <c r="L11100" s="40"/>
      <c r="M11100" s="40"/>
      <c r="N11100" s="40"/>
    </row>
    <row r="11101" spans="4:14" x14ac:dyDescent="0.25">
      <c r="D11101" s="40"/>
      <c r="F11101" s="40">
        <v>184.86666699999998</v>
      </c>
      <c r="G11101" s="40">
        <v>22.795521287339731</v>
      </c>
      <c r="H11101" s="40">
        <v>184.86666700000001</v>
      </c>
      <c r="I11101" s="40">
        <v>25.506433259694656</v>
      </c>
      <c r="L11101" s="40"/>
      <c r="M11101" s="40"/>
      <c r="N11101" s="40"/>
    </row>
    <row r="11102" spans="4:14" x14ac:dyDescent="0.25">
      <c r="D11102" s="40"/>
      <c r="F11102" s="40">
        <v>184.88333300000002</v>
      </c>
      <c r="G11102" s="40">
        <v>22.795521287339731</v>
      </c>
      <c r="H11102" s="40">
        <v>184.88333399999999</v>
      </c>
      <c r="I11102" s="40">
        <v>25.50978599583809</v>
      </c>
      <c r="L11102" s="40"/>
      <c r="M11102" s="40"/>
      <c r="N11102" s="40"/>
    </row>
    <row r="11103" spans="4:14" x14ac:dyDescent="0.25">
      <c r="D11103" s="40"/>
      <c r="F11103" s="40">
        <v>184.9</v>
      </c>
      <c r="G11103" s="40">
        <v>22.795521287339731</v>
      </c>
      <c r="H11103" s="40">
        <v>184.90000000000003</v>
      </c>
      <c r="I11103" s="40">
        <v>25.50978599583809</v>
      </c>
      <c r="L11103" s="40"/>
      <c r="M11103" s="40"/>
      <c r="N11103" s="40"/>
    </row>
    <row r="11104" spans="4:14" x14ac:dyDescent="0.25">
      <c r="D11104" s="40"/>
      <c r="F11104" s="40">
        <v>184.91666699999999</v>
      </c>
      <c r="G11104" s="40">
        <v>22.795521287339731</v>
      </c>
      <c r="H11104" s="40">
        <v>184.91666700000002</v>
      </c>
      <c r="I11104" s="40">
        <v>25.50978599583809</v>
      </c>
      <c r="L11104" s="40"/>
      <c r="M11104" s="40"/>
      <c r="N11104" s="40"/>
    </row>
    <row r="11105" spans="4:14" x14ac:dyDescent="0.25">
      <c r="D11105" s="40"/>
      <c r="F11105" s="40">
        <v>184.93333299999998</v>
      </c>
      <c r="G11105" s="40">
        <v>22.795521287339731</v>
      </c>
      <c r="H11105" s="40">
        <v>184.933334</v>
      </c>
      <c r="I11105" s="40">
        <v>25.50978599583809</v>
      </c>
      <c r="L11105" s="40"/>
      <c r="M11105" s="40"/>
      <c r="N11105" s="40"/>
    </row>
    <row r="11106" spans="4:14" x14ac:dyDescent="0.25">
      <c r="D11106" s="40"/>
      <c r="F11106" s="40">
        <v>184.95000000000002</v>
      </c>
      <c r="G11106" s="40">
        <v>22.795521287339731</v>
      </c>
      <c r="H11106" s="40">
        <v>184.95</v>
      </c>
      <c r="I11106" s="40">
        <v>25.50978599583809</v>
      </c>
      <c r="L11106" s="40"/>
      <c r="M11106" s="40"/>
      <c r="N11106" s="40"/>
    </row>
    <row r="11107" spans="4:14" x14ac:dyDescent="0.25">
      <c r="D11107" s="40"/>
      <c r="F11107" s="40">
        <v>184.966667</v>
      </c>
      <c r="G11107" s="40">
        <v>22.800276531429951</v>
      </c>
      <c r="H11107" s="40">
        <v>184.96666700000003</v>
      </c>
      <c r="I11107" s="40">
        <v>25.50978599583809</v>
      </c>
      <c r="L11107" s="40"/>
      <c r="M11107" s="40"/>
      <c r="N11107" s="40"/>
    </row>
    <row r="11108" spans="4:14" x14ac:dyDescent="0.25">
      <c r="D11108" s="40"/>
      <c r="F11108" s="40">
        <v>184.98333299999999</v>
      </c>
      <c r="G11108" s="40">
        <v>22.800276531429951</v>
      </c>
      <c r="H11108" s="40">
        <v>184.98333400000001</v>
      </c>
      <c r="I11108" s="40">
        <v>25.51313873198135</v>
      </c>
      <c r="L11108" s="40"/>
      <c r="M11108" s="40"/>
      <c r="N11108" s="40"/>
    </row>
    <row r="11109" spans="4:14" x14ac:dyDescent="0.25">
      <c r="D11109" s="40"/>
      <c r="F11109" s="40">
        <v>184.99999999999997</v>
      </c>
      <c r="G11109" s="40">
        <v>22.800276531429951</v>
      </c>
      <c r="H11109" s="40">
        <v>185</v>
      </c>
      <c r="I11109" s="40">
        <v>25.51313873198135</v>
      </c>
      <c r="L11109" s="40"/>
      <c r="M11109" s="40"/>
      <c r="N11109" s="40"/>
    </row>
    <row r="11110" spans="4:14" x14ac:dyDescent="0.25">
      <c r="D11110" s="40"/>
      <c r="F11110" s="40">
        <v>185.01666700000001</v>
      </c>
      <c r="G11110" s="40">
        <v>22.800276531429951</v>
      </c>
      <c r="H11110" s="40">
        <v>185.01666699999998</v>
      </c>
      <c r="I11110" s="40">
        <v>25.51313873198135</v>
      </c>
      <c r="L11110" s="40"/>
      <c r="M11110" s="40"/>
      <c r="N11110" s="40"/>
    </row>
    <row r="11111" spans="4:14" x14ac:dyDescent="0.25">
      <c r="D11111" s="40"/>
      <c r="F11111" s="40">
        <v>185.033333</v>
      </c>
      <c r="G11111" s="40">
        <v>22.800276531429951</v>
      </c>
      <c r="H11111" s="40">
        <v>185.03333400000002</v>
      </c>
      <c r="I11111" s="40">
        <v>25.51313873198135</v>
      </c>
      <c r="L11111" s="40"/>
      <c r="M11111" s="40"/>
      <c r="N11111" s="40"/>
    </row>
    <row r="11112" spans="4:14" x14ac:dyDescent="0.25">
      <c r="D11112" s="40"/>
      <c r="F11112" s="40">
        <v>185.04999999999998</v>
      </c>
      <c r="G11112" s="40">
        <v>22.800276531429951</v>
      </c>
      <c r="H11112" s="40">
        <v>185.05</v>
      </c>
      <c r="I11112" s="40">
        <v>25.51313873198135</v>
      </c>
      <c r="L11112" s="40"/>
      <c r="M11112" s="40"/>
      <c r="N11112" s="40"/>
    </row>
    <row r="11113" spans="4:14" x14ac:dyDescent="0.25">
      <c r="D11113" s="40"/>
      <c r="F11113" s="40">
        <v>185.06666699999997</v>
      </c>
      <c r="G11113" s="40">
        <v>22.800276531429951</v>
      </c>
      <c r="H11113" s="40">
        <v>185.066667</v>
      </c>
      <c r="I11113" s="40">
        <v>25.51639285823811</v>
      </c>
      <c r="L11113" s="40"/>
      <c r="M11113" s="40"/>
      <c r="N11113" s="40"/>
    </row>
    <row r="11114" spans="4:14" x14ac:dyDescent="0.25">
      <c r="D11114" s="40"/>
      <c r="F11114" s="40">
        <v>185.08333300000001</v>
      </c>
      <c r="G11114" s="40">
        <v>22.800276531429951</v>
      </c>
      <c r="H11114" s="40">
        <v>185.08333399999998</v>
      </c>
      <c r="I11114" s="40">
        <v>25.51639285823811</v>
      </c>
      <c r="L11114" s="40"/>
      <c r="M11114" s="40"/>
      <c r="N11114" s="40"/>
    </row>
    <row r="11115" spans="4:14" x14ac:dyDescent="0.25">
      <c r="D11115" s="40"/>
      <c r="F11115" s="40">
        <v>185.1</v>
      </c>
      <c r="G11115" s="40">
        <v>22.800276531429951</v>
      </c>
      <c r="H11115" s="40">
        <v>185.10000000000002</v>
      </c>
      <c r="I11115" s="40">
        <v>25.51639285823811</v>
      </c>
      <c r="L11115" s="40"/>
      <c r="M11115" s="40"/>
      <c r="N11115" s="40"/>
    </row>
    <row r="11116" spans="4:14" x14ac:dyDescent="0.25">
      <c r="D11116" s="40"/>
      <c r="F11116" s="40">
        <v>185.11666699999998</v>
      </c>
      <c r="G11116" s="40">
        <v>22.800276531429951</v>
      </c>
      <c r="H11116" s="40">
        <v>185.11666700000001</v>
      </c>
      <c r="I11116" s="40">
        <v>25.51639285823811</v>
      </c>
      <c r="L11116" s="40"/>
      <c r="M11116" s="40"/>
      <c r="N11116" s="40"/>
    </row>
    <row r="11117" spans="4:14" x14ac:dyDescent="0.25">
      <c r="D11117" s="40"/>
      <c r="F11117" s="40">
        <v>185.13333300000002</v>
      </c>
      <c r="G11117" s="40">
        <v>22.800276531429951</v>
      </c>
      <c r="H11117" s="40">
        <v>185.13333399999999</v>
      </c>
      <c r="I11117" s="40">
        <v>25.519745594381366</v>
      </c>
      <c r="L11117" s="40"/>
      <c r="M11117" s="40"/>
      <c r="N11117" s="40"/>
    </row>
    <row r="11118" spans="4:14" x14ac:dyDescent="0.25">
      <c r="D11118" s="40"/>
      <c r="F11118" s="40">
        <v>185.15</v>
      </c>
      <c r="G11118" s="40">
        <v>22.800276531429951</v>
      </c>
      <c r="H11118" s="40">
        <v>185.15000000000003</v>
      </c>
      <c r="I11118" s="40">
        <v>25.519745594381366</v>
      </c>
      <c r="L11118" s="40"/>
      <c r="M11118" s="40"/>
      <c r="N11118" s="40"/>
    </row>
    <row r="11119" spans="4:14" x14ac:dyDescent="0.25">
      <c r="D11119" s="40"/>
      <c r="F11119" s="40">
        <v>185.16666699999999</v>
      </c>
      <c r="G11119" s="40">
        <v>22.800276531429951</v>
      </c>
      <c r="H11119" s="40">
        <v>185.16666700000002</v>
      </c>
      <c r="I11119" s="40">
        <v>25.519745594381366</v>
      </c>
      <c r="L11119" s="40"/>
      <c r="M11119" s="40"/>
      <c r="N11119" s="40"/>
    </row>
    <row r="11120" spans="4:14" x14ac:dyDescent="0.25">
      <c r="D11120" s="40"/>
      <c r="F11120" s="40">
        <v>185.18333299999998</v>
      </c>
      <c r="G11120" s="40">
        <v>22.800276531429951</v>
      </c>
      <c r="H11120" s="40">
        <v>185.183334</v>
      </c>
      <c r="I11120" s="40">
        <v>25.519745594381366</v>
      </c>
      <c r="L11120" s="40"/>
      <c r="M11120" s="40"/>
      <c r="N11120" s="40"/>
    </row>
    <row r="11121" spans="4:14" x14ac:dyDescent="0.25">
      <c r="D11121" s="40"/>
      <c r="F11121" s="40">
        <v>185.20000000000002</v>
      </c>
      <c r="G11121" s="40">
        <v>22.800276531429951</v>
      </c>
      <c r="H11121" s="40">
        <v>185.2</v>
      </c>
      <c r="I11121" s="40">
        <v>25.5230983305248</v>
      </c>
      <c r="L11121" s="40"/>
      <c r="M11121" s="40"/>
      <c r="N11121" s="40"/>
    </row>
    <row r="11122" spans="4:14" x14ac:dyDescent="0.25">
      <c r="D11122" s="40"/>
      <c r="F11122" s="40">
        <v>185.216667</v>
      </c>
      <c r="G11122" s="40">
        <v>22.800276531429951</v>
      </c>
      <c r="H11122" s="40">
        <v>185.21666700000003</v>
      </c>
      <c r="I11122" s="40">
        <v>25.5230983305248</v>
      </c>
      <c r="L11122" s="40"/>
      <c r="M11122" s="40"/>
      <c r="N11122" s="40"/>
    </row>
    <row r="11123" spans="4:14" x14ac:dyDescent="0.25">
      <c r="D11123" s="40"/>
      <c r="F11123" s="40">
        <v>185.23333299999999</v>
      </c>
      <c r="G11123" s="40">
        <v>22.795521287339731</v>
      </c>
      <c r="H11123" s="40">
        <v>185.23333400000001</v>
      </c>
      <c r="I11123" s="40">
        <v>25.5230983305248</v>
      </c>
      <c r="L11123" s="40"/>
      <c r="M11123" s="40"/>
      <c r="N11123" s="40"/>
    </row>
    <row r="11124" spans="4:14" x14ac:dyDescent="0.25">
      <c r="D11124" s="40"/>
      <c r="F11124" s="40">
        <v>185.24999999999997</v>
      </c>
      <c r="G11124" s="40">
        <v>22.795521287339731</v>
      </c>
      <c r="H11124" s="40">
        <v>185.25</v>
      </c>
      <c r="I11124" s="40">
        <v>25.5230983305248</v>
      </c>
      <c r="L11124" s="40"/>
      <c r="M11124" s="40"/>
      <c r="N11124" s="40"/>
    </row>
    <row r="11125" spans="4:14" x14ac:dyDescent="0.25">
      <c r="D11125" s="40"/>
      <c r="F11125" s="40">
        <v>185.26666700000001</v>
      </c>
      <c r="G11125" s="40">
        <v>22.795521287339731</v>
      </c>
      <c r="H11125" s="40">
        <v>185.26666699999998</v>
      </c>
      <c r="I11125" s="40">
        <v>25.526352456781389</v>
      </c>
      <c r="L11125" s="40"/>
      <c r="M11125" s="40"/>
      <c r="N11125" s="40"/>
    </row>
    <row r="11126" spans="4:14" x14ac:dyDescent="0.25">
      <c r="D11126" s="40"/>
      <c r="F11126" s="40">
        <v>185.283333</v>
      </c>
      <c r="G11126" s="40">
        <v>22.800276531429951</v>
      </c>
      <c r="H11126" s="40">
        <v>185.28333400000002</v>
      </c>
      <c r="I11126" s="40">
        <v>25.526352456781389</v>
      </c>
      <c r="L11126" s="40"/>
      <c r="M11126" s="40"/>
      <c r="N11126" s="40"/>
    </row>
    <row r="11127" spans="4:14" x14ac:dyDescent="0.25">
      <c r="D11127" s="40"/>
      <c r="F11127" s="40">
        <v>185.29999999999998</v>
      </c>
      <c r="G11127" s="40">
        <v>22.800276531429951</v>
      </c>
      <c r="H11127" s="40">
        <v>185.3</v>
      </c>
      <c r="I11127" s="40">
        <v>25.526352456781389</v>
      </c>
      <c r="L11127" s="40"/>
      <c r="M11127" s="40"/>
      <c r="N11127" s="40"/>
    </row>
    <row r="11128" spans="4:14" x14ac:dyDescent="0.25">
      <c r="D11128" s="40"/>
      <c r="F11128" s="40">
        <v>185.31666699999997</v>
      </c>
      <c r="G11128" s="40">
        <v>22.800276531429951</v>
      </c>
      <c r="H11128" s="40">
        <v>185.316667</v>
      </c>
      <c r="I11128" s="40">
        <v>25.526352456781389</v>
      </c>
      <c r="L11128" s="40"/>
      <c r="M11128" s="40"/>
      <c r="N11128" s="40"/>
    </row>
    <row r="11129" spans="4:14" x14ac:dyDescent="0.25">
      <c r="D11129" s="40"/>
      <c r="F11129" s="40">
        <v>185.33333300000001</v>
      </c>
      <c r="G11129" s="40">
        <v>22.800276531429951</v>
      </c>
      <c r="H11129" s="40">
        <v>185.33333399999998</v>
      </c>
      <c r="I11129" s="40">
        <v>25.529705192924823</v>
      </c>
      <c r="L11129" s="40"/>
      <c r="M11129" s="40"/>
      <c r="N11129" s="40"/>
    </row>
    <row r="11130" spans="4:14" x14ac:dyDescent="0.25">
      <c r="D11130" s="40"/>
      <c r="F11130" s="40">
        <v>185.35</v>
      </c>
      <c r="G11130" s="40">
        <v>22.800276531429951</v>
      </c>
      <c r="H11130" s="40">
        <v>185.35000000000002</v>
      </c>
      <c r="I11130" s="40">
        <v>25.529705192924823</v>
      </c>
      <c r="L11130" s="40"/>
      <c r="M11130" s="40"/>
      <c r="N11130" s="40"/>
    </row>
    <row r="11131" spans="4:14" x14ac:dyDescent="0.25">
      <c r="D11131" s="40"/>
      <c r="F11131" s="40">
        <v>185.36666699999998</v>
      </c>
      <c r="G11131" s="40">
        <v>22.800276531429951</v>
      </c>
      <c r="H11131" s="40">
        <v>185.36666700000001</v>
      </c>
      <c r="I11131" s="40">
        <v>25.533057929068079</v>
      </c>
      <c r="L11131" s="40"/>
      <c r="M11131" s="40"/>
      <c r="N11131" s="40"/>
    </row>
    <row r="11132" spans="4:14" x14ac:dyDescent="0.25">
      <c r="D11132" s="40"/>
      <c r="F11132" s="40">
        <v>185.38333300000002</v>
      </c>
      <c r="G11132" s="40">
        <v>22.800276531429951</v>
      </c>
      <c r="H11132" s="40">
        <v>185.38333399999999</v>
      </c>
      <c r="I11132" s="40">
        <v>25.533057929068079</v>
      </c>
      <c r="L11132" s="40"/>
      <c r="M11132" s="40"/>
      <c r="N11132" s="40"/>
    </row>
    <row r="11133" spans="4:14" x14ac:dyDescent="0.25">
      <c r="D11133" s="40"/>
      <c r="F11133" s="40">
        <v>185.4</v>
      </c>
      <c r="G11133" s="40">
        <v>22.800276531429951</v>
      </c>
      <c r="H11133" s="40">
        <v>185.40000000000003</v>
      </c>
      <c r="I11133" s="40">
        <v>25.533057929068079</v>
      </c>
      <c r="L11133" s="40"/>
      <c r="M11133" s="40"/>
      <c r="N11133" s="40"/>
    </row>
    <row r="11134" spans="4:14" x14ac:dyDescent="0.25">
      <c r="D11134" s="40"/>
      <c r="F11134" s="40">
        <v>185.41666699999999</v>
      </c>
      <c r="G11134" s="40">
        <v>22.800276531429951</v>
      </c>
      <c r="H11134" s="40">
        <v>185.41666700000002</v>
      </c>
      <c r="I11134" s="40">
        <v>25.536312055324842</v>
      </c>
      <c r="L11134" s="40"/>
      <c r="M11134" s="40"/>
      <c r="N11134" s="40"/>
    </row>
    <row r="11135" spans="4:14" x14ac:dyDescent="0.25">
      <c r="D11135" s="40"/>
      <c r="F11135" s="40">
        <v>185.43333299999998</v>
      </c>
      <c r="G11135" s="40">
        <v>22.800276531429951</v>
      </c>
      <c r="H11135" s="40">
        <v>185.433334</v>
      </c>
      <c r="I11135" s="40">
        <v>25.536312055324842</v>
      </c>
      <c r="L11135" s="40"/>
      <c r="M11135" s="40"/>
      <c r="N11135" s="40"/>
    </row>
    <row r="11136" spans="4:14" x14ac:dyDescent="0.25">
      <c r="D11136" s="40"/>
      <c r="F11136" s="40">
        <v>185.45000000000002</v>
      </c>
      <c r="G11136" s="40">
        <v>22.800276531429951</v>
      </c>
      <c r="H11136" s="40">
        <v>185.45</v>
      </c>
      <c r="I11136" s="40">
        <v>25.536312055324842</v>
      </c>
      <c r="L11136" s="40"/>
      <c r="M11136" s="40"/>
      <c r="N11136" s="40"/>
    </row>
    <row r="11137" spans="4:14" x14ac:dyDescent="0.25">
      <c r="D11137" s="40"/>
      <c r="F11137" s="40">
        <v>185.466667</v>
      </c>
      <c r="G11137" s="40">
        <v>22.800276531429951</v>
      </c>
      <c r="H11137" s="40">
        <v>185.46666700000003</v>
      </c>
      <c r="I11137" s="40">
        <v>25.539664791468095</v>
      </c>
      <c r="L11137" s="40"/>
      <c r="M11137" s="40"/>
      <c r="N11137" s="40"/>
    </row>
    <row r="11138" spans="4:14" x14ac:dyDescent="0.25">
      <c r="D11138" s="40"/>
      <c r="F11138" s="40">
        <v>185.48333299999999</v>
      </c>
      <c r="G11138" s="40">
        <v>22.800276531429951</v>
      </c>
      <c r="H11138" s="40">
        <v>185.48333400000001</v>
      </c>
      <c r="I11138" s="40">
        <v>25.539664791468095</v>
      </c>
      <c r="L11138" s="40"/>
      <c r="M11138" s="40"/>
      <c r="N11138" s="40"/>
    </row>
    <row r="11139" spans="4:14" x14ac:dyDescent="0.25">
      <c r="D11139" s="40"/>
      <c r="F11139" s="40">
        <v>185.49999999999997</v>
      </c>
      <c r="G11139" s="40">
        <v>22.800276531429951</v>
      </c>
      <c r="H11139" s="40">
        <v>185.5</v>
      </c>
      <c r="I11139" s="40">
        <v>25.539664791468095</v>
      </c>
      <c r="L11139" s="40"/>
      <c r="M11139" s="40"/>
      <c r="N11139" s="40"/>
    </row>
    <row r="11140" spans="4:14" x14ac:dyDescent="0.25">
      <c r="D11140" s="40"/>
      <c r="F11140" s="40">
        <v>185.51666700000001</v>
      </c>
      <c r="G11140" s="40">
        <v>22.800276531429951</v>
      </c>
      <c r="H11140" s="40">
        <v>185.51666699999998</v>
      </c>
      <c r="I11140" s="40">
        <v>25.539664791468095</v>
      </c>
      <c r="L11140" s="40"/>
      <c r="M11140" s="40"/>
      <c r="N11140" s="40"/>
    </row>
    <row r="11141" spans="4:14" x14ac:dyDescent="0.25">
      <c r="D11141" s="40"/>
      <c r="F11141" s="40">
        <v>185.533333</v>
      </c>
      <c r="G11141" s="40">
        <v>22.800276531429951</v>
      </c>
      <c r="H11141" s="40">
        <v>185.53333400000002</v>
      </c>
      <c r="I11141" s="40">
        <v>25.539664791468095</v>
      </c>
      <c r="L11141" s="40"/>
      <c r="M11141" s="40"/>
      <c r="N11141" s="40"/>
    </row>
    <row r="11142" spans="4:14" x14ac:dyDescent="0.25">
      <c r="D11142" s="40"/>
      <c r="F11142" s="40">
        <v>185.54999999999998</v>
      </c>
      <c r="G11142" s="40">
        <v>22.800276531429951</v>
      </c>
      <c r="H11142" s="40">
        <v>185.55</v>
      </c>
      <c r="I11142" s="40">
        <v>25.539664791468095</v>
      </c>
      <c r="L11142" s="40"/>
      <c r="M11142" s="40"/>
      <c r="N11142" s="40"/>
    </row>
    <row r="11143" spans="4:14" x14ac:dyDescent="0.25">
      <c r="D11143" s="40"/>
      <c r="F11143" s="40">
        <v>185.56666699999997</v>
      </c>
      <c r="G11143" s="40">
        <v>22.800276531429951</v>
      </c>
      <c r="H11143" s="40">
        <v>185.566667</v>
      </c>
      <c r="I11143" s="40">
        <v>25.543017527611529</v>
      </c>
      <c r="L11143" s="40"/>
      <c r="M11143" s="40"/>
      <c r="N11143" s="40"/>
    </row>
    <row r="11144" spans="4:14" x14ac:dyDescent="0.25">
      <c r="D11144" s="40"/>
      <c r="F11144" s="40">
        <v>185.58333300000001</v>
      </c>
      <c r="G11144" s="40">
        <v>22.800276531429951</v>
      </c>
      <c r="H11144" s="40">
        <v>185.58333399999998</v>
      </c>
      <c r="I11144" s="40">
        <v>25.543017527611529</v>
      </c>
      <c r="L11144" s="40"/>
      <c r="M11144" s="40"/>
      <c r="N11144" s="40"/>
    </row>
    <row r="11145" spans="4:14" x14ac:dyDescent="0.25">
      <c r="D11145" s="40"/>
      <c r="F11145" s="40">
        <v>185.6</v>
      </c>
      <c r="G11145" s="40">
        <v>22.805031775520042</v>
      </c>
      <c r="H11145" s="40">
        <v>185.60000000000002</v>
      </c>
      <c r="I11145" s="40">
        <v>25.543017527611529</v>
      </c>
      <c r="L11145" s="40"/>
      <c r="M11145" s="40"/>
      <c r="N11145" s="40"/>
    </row>
    <row r="11146" spans="4:14" x14ac:dyDescent="0.25">
      <c r="D11146" s="40"/>
      <c r="F11146" s="40">
        <v>185.61666699999998</v>
      </c>
      <c r="G11146" s="40">
        <v>22.805031775520042</v>
      </c>
      <c r="H11146" s="40">
        <v>185.61666700000001</v>
      </c>
      <c r="I11146" s="40">
        <v>25.543017527611529</v>
      </c>
      <c r="L11146" s="40"/>
      <c r="M11146" s="40"/>
      <c r="N11146" s="40"/>
    </row>
    <row r="11147" spans="4:14" x14ac:dyDescent="0.25">
      <c r="D11147" s="40"/>
      <c r="F11147" s="40">
        <v>185.63333300000002</v>
      </c>
      <c r="G11147" s="40">
        <v>22.805031775520042</v>
      </c>
      <c r="H11147" s="40">
        <v>185.63333399999999</v>
      </c>
      <c r="I11147" s="40">
        <v>25.543017527611529</v>
      </c>
      <c r="L11147" s="40"/>
      <c r="M11147" s="40"/>
      <c r="N11147" s="40"/>
    </row>
    <row r="11148" spans="4:14" x14ac:dyDescent="0.25">
      <c r="D11148" s="40"/>
      <c r="F11148" s="40">
        <v>185.65</v>
      </c>
      <c r="G11148" s="40">
        <v>22.805031775520042</v>
      </c>
      <c r="H11148" s="40">
        <v>185.65000000000003</v>
      </c>
      <c r="I11148" s="40">
        <v>25.546271653868292</v>
      </c>
      <c r="L11148" s="40"/>
      <c r="M11148" s="40"/>
      <c r="N11148" s="40"/>
    </row>
    <row r="11149" spans="4:14" x14ac:dyDescent="0.25">
      <c r="D11149" s="40"/>
      <c r="F11149" s="40">
        <v>185.66666699999999</v>
      </c>
      <c r="G11149" s="40">
        <v>22.809647159489945</v>
      </c>
      <c r="H11149" s="40">
        <v>185.66666700000002</v>
      </c>
      <c r="I11149" s="40">
        <v>25.546271653868292</v>
      </c>
      <c r="L11149" s="40"/>
      <c r="M11149" s="40"/>
      <c r="N11149" s="40"/>
    </row>
    <row r="11150" spans="4:14" x14ac:dyDescent="0.25">
      <c r="D11150" s="40"/>
      <c r="F11150" s="40">
        <v>185.68333299999998</v>
      </c>
      <c r="G11150" s="40">
        <v>22.809647159489945</v>
      </c>
      <c r="H11150" s="40">
        <v>185.683334</v>
      </c>
      <c r="I11150" s="40">
        <v>25.546271653868292</v>
      </c>
      <c r="L11150" s="40"/>
      <c r="M11150" s="40"/>
      <c r="N11150" s="40"/>
    </row>
    <row r="11151" spans="4:14" x14ac:dyDescent="0.25">
      <c r="D11151" s="40"/>
      <c r="F11151" s="40">
        <v>185.70000000000002</v>
      </c>
      <c r="G11151" s="40">
        <v>22.814402403580164</v>
      </c>
      <c r="H11151" s="40">
        <v>185.7</v>
      </c>
      <c r="I11151" s="40">
        <v>25.546271653868292</v>
      </c>
      <c r="L11151" s="40"/>
      <c r="M11151" s="40"/>
      <c r="N11151" s="40"/>
    </row>
    <row r="11152" spans="4:14" x14ac:dyDescent="0.25">
      <c r="D11152" s="40"/>
      <c r="F11152" s="40">
        <v>185.716667</v>
      </c>
      <c r="G11152" s="40">
        <v>22.814402403580164</v>
      </c>
      <c r="H11152" s="40">
        <v>185.71666700000003</v>
      </c>
      <c r="I11152" s="40">
        <v>25.549624390011552</v>
      </c>
      <c r="L11152" s="40"/>
      <c r="M11152" s="40"/>
      <c r="N11152" s="40"/>
    </row>
    <row r="11153" spans="4:14" x14ac:dyDescent="0.25">
      <c r="D11153" s="40"/>
      <c r="F11153" s="40">
        <v>185.73333299999999</v>
      </c>
      <c r="G11153" s="40">
        <v>22.814402403580164</v>
      </c>
      <c r="H11153" s="40">
        <v>185.73333400000001</v>
      </c>
      <c r="I11153" s="40">
        <v>25.549624390011552</v>
      </c>
      <c r="L11153" s="40"/>
      <c r="M11153" s="40"/>
      <c r="N11153" s="40"/>
    </row>
    <row r="11154" spans="4:14" x14ac:dyDescent="0.25">
      <c r="D11154" s="40"/>
      <c r="F11154" s="40">
        <v>185.74999999999997</v>
      </c>
      <c r="G11154" s="40">
        <v>22.814402403580164</v>
      </c>
      <c r="H11154" s="40">
        <v>185.75</v>
      </c>
      <c r="I11154" s="40">
        <v>25.549624390011552</v>
      </c>
      <c r="L11154" s="40"/>
      <c r="M11154" s="40"/>
      <c r="N11154" s="40"/>
    </row>
    <row r="11155" spans="4:14" x14ac:dyDescent="0.25">
      <c r="D11155" s="40"/>
      <c r="F11155" s="40">
        <v>185.76666700000001</v>
      </c>
      <c r="G11155" s="40">
        <v>22.819157647670259</v>
      </c>
      <c r="H11155" s="40">
        <v>185.76666699999998</v>
      </c>
      <c r="I11155" s="40">
        <v>25.549624390011552</v>
      </c>
      <c r="L11155" s="40"/>
      <c r="M11155" s="40"/>
      <c r="N11155" s="40"/>
    </row>
    <row r="11156" spans="4:14" x14ac:dyDescent="0.25">
      <c r="D11156" s="40"/>
      <c r="F11156" s="40">
        <v>185.783333</v>
      </c>
      <c r="G11156" s="40">
        <v>22.819157647670259</v>
      </c>
      <c r="H11156" s="40">
        <v>185.78333400000002</v>
      </c>
      <c r="I11156" s="40">
        <v>25.552977126154808</v>
      </c>
      <c r="L11156" s="40"/>
      <c r="M11156" s="40"/>
      <c r="N11156" s="40"/>
    </row>
    <row r="11157" spans="4:14" x14ac:dyDescent="0.25">
      <c r="D11157" s="40"/>
      <c r="F11157" s="40">
        <v>185.79999999999998</v>
      </c>
      <c r="G11157" s="40">
        <v>22.819157647670259</v>
      </c>
      <c r="H11157" s="40">
        <v>185.8</v>
      </c>
      <c r="I11157" s="40">
        <v>25.552977126154808</v>
      </c>
      <c r="L11157" s="40"/>
      <c r="M11157" s="40"/>
      <c r="N11157" s="40"/>
    </row>
    <row r="11158" spans="4:14" x14ac:dyDescent="0.25">
      <c r="D11158" s="40"/>
      <c r="F11158" s="40">
        <v>185.81666699999997</v>
      </c>
      <c r="G11158" s="40">
        <v>22.819157647670259</v>
      </c>
      <c r="H11158" s="40">
        <v>185.816667</v>
      </c>
      <c r="I11158" s="40">
        <v>25.552977126154808</v>
      </c>
      <c r="L11158" s="40"/>
      <c r="M11158" s="40"/>
      <c r="N11158" s="40"/>
    </row>
    <row r="11159" spans="4:14" x14ac:dyDescent="0.25">
      <c r="D11159" s="40"/>
      <c r="F11159" s="40">
        <v>185.83333300000001</v>
      </c>
      <c r="G11159" s="40">
        <v>22.819157647670259</v>
      </c>
      <c r="H11159" s="40">
        <v>185.83333399999998</v>
      </c>
      <c r="I11159" s="40">
        <v>25.552977126154808</v>
      </c>
      <c r="L11159" s="40"/>
      <c r="M11159" s="40"/>
      <c r="N11159" s="40"/>
    </row>
    <row r="11160" spans="4:14" x14ac:dyDescent="0.25">
      <c r="D11160" s="40"/>
      <c r="F11160" s="40">
        <v>185.85</v>
      </c>
      <c r="G11160" s="40">
        <v>22.819157647670259</v>
      </c>
      <c r="H11160" s="40">
        <v>185.85000000000002</v>
      </c>
      <c r="I11160" s="40">
        <v>25.556231252411571</v>
      </c>
      <c r="L11160" s="40"/>
      <c r="M11160" s="40"/>
      <c r="N11160" s="40"/>
    </row>
    <row r="11161" spans="4:14" x14ac:dyDescent="0.25">
      <c r="D11161" s="40"/>
      <c r="F11161" s="40">
        <v>185.86666699999998</v>
      </c>
      <c r="G11161" s="40">
        <v>22.819157647670259</v>
      </c>
      <c r="H11161" s="40">
        <v>185.86666700000001</v>
      </c>
      <c r="I11161" s="40">
        <v>25.556231252411571</v>
      </c>
      <c r="L11161" s="40"/>
      <c r="M11161" s="40"/>
      <c r="N11161" s="40"/>
    </row>
    <row r="11162" spans="4:14" x14ac:dyDescent="0.25">
      <c r="D11162" s="40"/>
      <c r="F11162" s="40">
        <v>185.88333300000002</v>
      </c>
      <c r="G11162" s="40">
        <v>22.823773031640162</v>
      </c>
      <c r="H11162" s="40">
        <v>185.88333399999999</v>
      </c>
      <c r="I11162" s="40">
        <v>25.556231252411571</v>
      </c>
      <c r="L11162" s="40"/>
      <c r="M11162" s="40"/>
      <c r="N11162" s="40"/>
    </row>
    <row r="11163" spans="4:14" x14ac:dyDescent="0.25">
      <c r="D11163" s="40"/>
      <c r="F11163" s="40">
        <v>185.9</v>
      </c>
      <c r="G11163" s="40">
        <v>22.823773031640162</v>
      </c>
      <c r="H11163" s="40">
        <v>185.90000000000003</v>
      </c>
      <c r="I11163" s="40">
        <v>25.556231252411571</v>
      </c>
      <c r="L11163" s="40"/>
      <c r="M11163" s="40"/>
      <c r="N11163" s="40"/>
    </row>
    <row r="11164" spans="4:14" x14ac:dyDescent="0.25">
      <c r="D11164" s="40"/>
      <c r="F11164" s="40">
        <v>185.91666699999999</v>
      </c>
      <c r="G11164" s="40">
        <v>22.823773031640162</v>
      </c>
      <c r="H11164" s="40">
        <v>185.91666700000002</v>
      </c>
      <c r="I11164" s="40">
        <v>25.559583988554827</v>
      </c>
      <c r="L11164" s="40"/>
      <c r="M11164" s="40"/>
      <c r="N11164" s="40"/>
    </row>
    <row r="11165" spans="4:14" x14ac:dyDescent="0.25">
      <c r="D11165" s="40"/>
      <c r="F11165" s="40">
        <v>185.93333299999998</v>
      </c>
      <c r="G11165" s="40">
        <v>22.823773031640162</v>
      </c>
      <c r="H11165" s="40">
        <v>185.933334</v>
      </c>
      <c r="I11165" s="40">
        <v>25.559583988554827</v>
      </c>
      <c r="L11165" s="40"/>
      <c r="M11165" s="40"/>
      <c r="N11165" s="40"/>
    </row>
    <row r="11166" spans="4:14" x14ac:dyDescent="0.25">
      <c r="D11166" s="40"/>
      <c r="F11166" s="40">
        <v>185.95000000000002</v>
      </c>
      <c r="G11166" s="40">
        <v>22.823773031640162</v>
      </c>
      <c r="H11166" s="40">
        <v>185.95</v>
      </c>
      <c r="I11166" s="40">
        <v>25.559583988554827</v>
      </c>
      <c r="L11166" s="40"/>
      <c r="M11166" s="40"/>
      <c r="N11166" s="40"/>
    </row>
    <row r="11167" spans="4:14" x14ac:dyDescent="0.25">
      <c r="D11167" s="40"/>
      <c r="F11167" s="40">
        <v>185.966667</v>
      </c>
      <c r="G11167" s="40">
        <v>22.823773031640162</v>
      </c>
      <c r="H11167" s="40">
        <v>185.96666700000003</v>
      </c>
      <c r="I11167" s="40">
        <v>25.559583988554827</v>
      </c>
      <c r="L11167" s="40"/>
      <c r="M11167" s="40"/>
      <c r="N11167" s="40"/>
    </row>
    <row r="11168" spans="4:14" x14ac:dyDescent="0.25">
      <c r="D11168" s="40"/>
      <c r="F11168" s="40">
        <v>185.98333299999999</v>
      </c>
      <c r="G11168" s="40">
        <v>22.823773031640162</v>
      </c>
      <c r="H11168" s="40">
        <v>185.98333400000001</v>
      </c>
      <c r="I11168" s="40">
        <v>25.562936724698261</v>
      </c>
      <c r="L11168" s="40"/>
      <c r="M11168" s="40"/>
      <c r="N11168" s="40"/>
    </row>
    <row r="11169" spans="4:14" x14ac:dyDescent="0.25">
      <c r="D11169" s="40"/>
      <c r="F11169" s="40">
        <v>185.99999999999997</v>
      </c>
      <c r="G11169" s="40">
        <v>22.823773031640162</v>
      </c>
      <c r="H11169" s="40">
        <v>186</v>
      </c>
      <c r="I11169" s="40">
        <v>25.562936724698261</v>
      </c>
      <c r="L11169" s="40"/>
      <c r="M11169" s="40"/>
      <c r="N11169" s="40"/>
    </row>
    <row r="11170" spans="4:14" x14ac:dyDescent="0.25">
      <c r="D11170" s="40"/>
      <c r="F11170" s="40">
        <v>186.01666700000001</v>
      </c>
      <c r="G11170" s="40">
        <v>22.819157647670259</v>
      </c>
      <c r="H11170" s="40">
        <v>186.01666699999998</v>
      </c>
      <c r="I11170" s="40">
        <v>25.562936724698261</v>
      </c>
      <c r="L11170" s="40"/>
      <c r="M11170" s="40"/>
      <c r="N11170" s="40"/>
    </row>
    <row r="11171" spans="4:14" x14ac:dyDescent="0.25">
      <c r="D11171" s="40"/>
      <c r="F11171" s="40">
        <v>186.033333</v>
      </c>
      <c r="G11171" s="40">
        <v>22.823773031640162</v>
      </c>
      <c r="H11171" s="40">
        <v>186.03333400000002</v>
      </c>
      <c r="I11171" s="40">
        <v>25.566190850955024</v>
      </c>
      <c r="L11171" s="40"/>
      <c r="M11171" s="40"/>
      <c r="N11171" s="40"/>
    </row>
    <row r="11172" spans="4:14" x14ac:dyDescent="0.25">
      <c r="D11172" s="40"/>
      <c r="F11172" s="40">
        <v>186.04999999999998</v>
      </c>
      <c r="G11172" s="40">
        <v>22.823773031640162</v>
      </c>
      <c r="H11172" s="40">
        <v>186.05</v>
      </c>
      <c r="I11172" s="40">
        <v>25.566190850955024</v>
      </c>
      <c r="L11172" s="40"/>
      <c r="M11172" s="40"/>
      <c r="N11172" s="40"/>
    </row>
    <row r="11173" spans="4:14" x14ac:dyDescent="0.25">
      <c r="D11173" s="40"/>
      <c r="F11173" s="40">
        <v>186.06666699999997</v>
      </c>
      <c r="G11173" s="40">
        <v>22.823773031640162</v>
      </c>
      <c r="H11173" s="40">
        <v>186.066667</v>
      </c>
      <c r="I11173" s="40">
        <v>25.566190850955024</v>
      </c>
      <c r="L11173" s="40"/>
      <c r="M11173" s="40"/>
      <c r="N11173" s="40"/>
    </row>
    <row r="11174" spans="4:14" x14ac:dyDescent="0.25">
      <c r="D11174" s="40"/>
      <c r="F11174" s="40">
        <v>186.08333300000001</v>
      </c>
      <c r="G11174" s="40">
        <v>22.819157647670259</v>
      </c>
      <c r="H11174" s="40">
        <v>186.08333399999998</v>
      </c>
      <c r="I11174" s="40">
        <v>25.566190850955024</v>
      </c>
      <c r="L11174" s="40"/>
      <c r="M11174" s="40"/>
      <c r="N11174" s="40"/>
    </row>
    <row r="11175" spans="4:14" x14ac:dyDescent="0.25">
      <c r="D11175" s="40"/>
      <c r="F11175" s="40">
        <v>186.1</v>
      </c>
      <c r="G11175" s="40">
        <v>22.819157647670259</v>
      </c>
      <c r="H11175" s="40">
        <v>186.10000000000002</v>
      </c>
      <c r="I11175" s="40">
        <v>25.566190850955024</v>
      </c>
      <c r="L11175" s="40"/>
      <c r="M11175" s="40"/>
      <c r="N11175" s="40"/>
    </row>
    <row r="11176" spans="4:14" x14ac:dyDescent="0.25">
      <c r="D11176" s="40"/>
      <c r="F11176" s="40">
        <v>186.11666699999998</v>
      </c>
      <c r="G11176" s="40">
        <v>22.819157647670259</v>
      </c>
      <c r="H11176" s="40">
        <v>186.11666700000001</v>
      </c>
      <c r="I11176" s="40">
        <v>25.569543587098281</v>
      </c>
      <c r="L11176" s="40"/>
      <c r="M11176" s="40"/>
      <c r="N11176" s="40"/>
    </row>
    <row r="11177" spans="4:14" x14ac:dyDescent="0.25">
      <c r="D11177" s="40"/>
      <c r="F11177" s="40">
        <v>186.13333300000002</v>
      </c>
      <c r="G11177" s="40">
        <v>22.814402403580164</v>
      </c>
      <c r="H11177" s="40">
        <v>186.13333399999999</v>
      </c>
      <c r="I11177" s="40">
        <v>25.569543587098281</v>
      </c>
      <c r="L11177" s="40"/>
      <c r="M11177" s="40"/>
      <c r="N11177" s="40"/>
    </row>
    <row r="11178" spans="4:14" x14ac:dyDescent="0.25">
      <c r="D11178" s="40"/>
      <c r="F11178" s="40">
        <v>186.15</v>
      </c>
      <c r="G11178" s="40">
        <v>22.814402403580164</v>
      </c>
      <c r="H11178" s="40">
        <v>186.15000000000003</v>
      </c>
      <c r="I11178" s="40">
        <v>25.569543587098281</v>
      </c>
      <c r="L11178" s="40"/>
      <c r="M11178" s="40"/>
      <c r="N11178" s="40"/>
    </row>
    <row r="11179" spans="4:14" x14ac:dyDescent="0.25">
      <c r="D11179" s="40"/>
      <c r="F11179" s="40">
        <v>186.16666699999999</v>
      </c>
      <c r="G11179" s="40">
        <v>22.814402403580164</v>
      </c>
      <c r="H11179" s="40">
        <v>186.16666700000002</v>
      </c>
      <c r="I11179" s="40">
        <v>25.569543587098281</v>
      </c>
      <c r="L11179" s="40"/>
      <c r="M11179" s="40"/>
      <c r="N11179" s="40"/>
    </row>
    <row r="11180" spans="4:14" x14ac:dyDescent="0.25">
      <c r="D11180" s="40"/>
      <c r="F11180" s="40">
        <v>186.18333299999998</v>
      </c>
      <c r="G11180" s="40">
        <v>22.809647159489945</v>
      </c>
      <c r="H11180" s="40">
        <v>186.183334</v>
      </c>
      <c r="I11180" s="40">
        <v>25.569543587098281</v>
      </c>
      <c r="L11180" s="40"/>
      <c r="M11180" s="40"/>
      <c r="N11180" s="40"/>
    </row>
    <row r="11181" spans="4:14" x14ac:dyDescent="0.25">
      <c r="D11181" s="40"/>
      <c r="F11181" s="40">
        <v>186.20000000000002</v>
      </c>
      <c r="G11181" s="40">
        <v>22.809647159489945</v>
      </c>
      <c r="H11181" s="40">
        <v>186.2</v>
      </c>
      <c r="I11181" s="40">
        <v>25.57289632324154</v>
      </c>
      <c r="L11181" s="40"/>
      <c r="M11181" s="40"/>
      <c r="N11181" s="40"/>
    </row>
    <row r="11182" spans="4:14" x14ac:dyDescent="0.25">
      <c r="D11182" s="40"/>
      <c r="F11182" s="40">
        <v>186.216667</v>
      </c>
      <c r="G11182" s="40">
        <v>22.809647159489945</v>
      </c>
      <c r="H11182" s="40">
        <v>186.21666700000003</v>
      </c>
      <c r="I11182" s="40">
        <v>25.57289632324154</v>
      </c>
      <c r="L11182" s="40"/>
      <c r="M11182" s="40"/>
      <c r="N11182" s="40"/>
    </row>
    <row r="11183" spans="4:14" x14ac:dyDescent="0.25">
      <c r="D11183" s="40"/>
      <c r="F11183" s="40">
        <v>186.23333299999999</v>
      </c>
      <c r="G11183" s="40">
        <v>22.809647159489945</v>
      </c>
      <c r="H11183" s="40">
        <v>186.23333400000001</v>
      </c>
      <c r="I11183" s="40">
        <v>25.57289632324154</v>
      </c>
      <c r="L11183" s="40"/>
      <c r="M11183" s="40"/>
      <c r="N11183" s="40"/>
    </row>
    <row r="11184" spans="4:14" x14ac:dyDescent="0.25">
      <c r="D11184" s="40"/>
      <c r="F11184" s="40">
        <v>186.24999999999997</v>
      </c>
      <c r="G11184" s="40">
        <v>22.809647159489945</v>
      </c>
      <c r="H11184" s="40">
        <v>186.25</v>
      </c>
      <c r="I11184" s="40">
        <v>25.57289632324154</v>
      </c>
      <c r="L11184" s="40"/>
      <c r="M11184" s="40"/>
      <c r="N11184" s="40"/>
    </row>
    <row r="11185" spans="4:14" x14ac:dyDescent="0.25">
      <c r="D11185" s="40"/>
      <c r="F11185" s="40">
        <v>186.26666700000001</v>
      </c>
      <c r="G11185" s="40">
        <v>22.805031775520042</v>
      </c>
      <c r="H11185" s="40">
        <v>186.26666699999998</v>
      </c>
      <c r="I11185" s="40">
        <v>25.5761504494983</v>
      </c>
      <c r="L11185" s="40"/>
      <c r="M11185" s="40"/>
      <c r="N11185" s="40"/>
    </row>
    <row r="11186" spans="4:14" x14ac:dyDescent="0.25">
      <c r="D11186" s="40"/>
      <c r="F11186" s="40">
        <v>186.283333</v>
      </c>
      <c r="G11186" s="40">
        <v>22.805031775520042</v>
      </c>
      <c r="H11186" s="40">
        <v>186.28333400000002</v>
      </c>
      <c r="I11186" s="40">
        <v>25.5761504494983</v>
      </c>
      <c r="L11186" s="40"/>
      <c r="M11186" s="40"/>
      <c r="N11186" s="40"/>
    </row>
    <row r="11187" spans="4:14" x14ac:dyDescent="0.25">
      <c r="D11187" s="40"/>
      <c r="F11187" s="40">
        <v>186.29999999999998</v>
      </c>
      <c r="G11187" s="40">
        <v>22.805031775520042</v>
      </c>
      <c r="H11187" s="40">
        <v>186.3</v>
      </c>
      <c r="I11187" s="40">
        <v>25.5761504494983</v>
      </c>
      <c r="L11187" s="40"/>
      <c r="M11187" s="40"/>
      <c r="N11187" s="40"/>
    </row>
    <row r="11188" spans="4:14" x14ac:dyDescent="0.25">
      <c r="D11188" s="40"/>
      <c r="F11188" s="40">
        <v>186.31666699999997</v>
      </c>
      <c r="G11188" s="40">
        <v>22.805031775520042</v>
      </c>
      <c r="H11188" s="40">
        <v>186.316667</v>
      </c>
      <c r="I11188" s="40">
        <v>25.5761504494983</v>
      </c>
      <c r="L11188" s="40"/>
      <c r="M11188" s="40"/>
      <c r="N11188" s="40"/>
    </row>
    <row r="11189" spans="4:14" x14ac:dyDescent="0.25">
      <c r="D11189" s="40"/>
      <c r="F11189" s="40">
        <v>186.33333300000001</v>
      </c>
      <c r="G11189" s="40">
        <v>22.805031775520042</v>
      </c>
      <c r="H11189" s="40">
        <v>186.33333399999998</v>
      </c>
      <c r="I11189" s="40">
        <v>25.5761504494983</v>
      </c>
      <c r="L11189" s="40"/>
      <c r="M11189" s="40"/>
      <c r="N11189" s="40"/>
    </row>
    <row r="11190" spans="4:14" x14ac:dyDescent="0.25">
      <c r="D11190" s="40"/>
      <c r="F11190" s="40">
        <v>186.35</v>
      </c>
      <c r="G11190" s="40">
        <v>22.805031775520042</v>
      </c>
      <c r="H11190" s="40">
        <v>186.35000000000002</v>
      </c>
      <c r="I11190" s="40">
        <v>25.57950318564173</v>
      </c>
      <c r="L11190" s="40"/>
      <c r="M11190" s="40"/>
      <c r="N11190" s="40"/>
    </row>
    <row r="11191" spans="4:14" x14ac:dyDescent="0.25">
      <c r="D11191" s="40"/>
      <c r="F11191" s="40">
        <v>186.36666699999998</v>
      </c>
      <c r="G11191" s="40">
        <v>22.805031775520042</v>
      </c>
      <c r="H11191" s="40">
        <v>186.36666700000001</v>
      </c>
      <c r="I11191" s="40">
        <v>25.57950318564173</v>
      </c>
      <c r="L11191" s="40"/>
      <c r="M11191" s="40"/>
      <c r="N11191" s="40"/>
    </row>
    <row r="11192" spans="4:14" x14ac:dyDescent="0.25">
      <c r="D11192" s="40"/>
      <c r="F11192" s="40">
        <v>186.38333300000002</v>
      </c>
      <c r="G11192" s="40">
        <v>22.809647159489945</v>
      </c>
      <c r="H11192" s="40">
        <v>186.38333399999999</v>
      </c>
      <c r="I11192" s="40">
        <v>25.57950318564173</v>
      </c>
      <c r="L11192" s="40"/>
      <c r="M11192" s="40"/>
      <c r="N11192" s="40"/>
    </row>
    <row r="11193" spans="4:14" x14ac:dyDescent="0.25">
      <c r="D11193" s="40"/>
      <c r="F11193" s="40">
        <v>186.4</v>
      </c>
      <c r="G11193" s="40">
        <v>22.809647159489945</v>
      </c>
      <c r="H11193" s="40">
        <v>186.40000000000003</v>
      </c>
      <c r="I11193" s="40">
        <v>25.57950318564173</v>
      </c>
      <c r="L11193" s="40"/>
      <c r="M11193" s="40"/>
      <c r="N11193" s="40"/>
    </row>
    <row r="11194" spans="4:14" x14ac:dyDescent="0.25">
      <c r="D11194" s="40"/>
      <c r="F11194" s="40">
        <v>186.41666699999999</v>
      </c>
      <c r="G11194" s="40">
        <v>22.809647159489945</v>
      </c>
      <c r="H11194" s="40">
        <v>186.41666700000002</v>
      </c>
      <c r="I11194" s="40">
        <v>25.58285592178499</v>
      </c>
      <c r="L11194" s="40"/>
      <c r="M11194" s="40"/>
      <c r="N11194" s="40"/>
    </row>
    <row r="11195" spans="4:14" x14ac:dyDescent="0.25">
      <c r="D11195" s="40"/>
      <c r="F11195" s="40">
        <v>186.43333299999998</v>
      </c>
      <c r="G11195" s="40">
        <v>22.809647159489945</v>
      </c>
      <c r="H11195" s="40">
        <v>186.433334</v>
      </c>
      <c r="I11195" s="40">
        <v>25.58285592178499</v>
      </c>
      <c r="L11195" s="40"/>
      <c r="M11195" s="40"/>
      <c r="N11195" s="40"/>
    </row>
    <row r="11196" spans="4:14" x14ac:dyDescent="0.25">
      <c r="D11196" s="40"/>
      <c r="F11196" s="40">
        <v>186.45000000000002</v>
      </c>
      <c r="G11196" s="40">
        <v>22.809647159489945</v>
      </c>
      <c r="H11196" s="40">
        <v>186.45</v>
      </c>
      <c r="I11196" s="40">
        <v>25.58285592178499</v>
      </c>
      <c r="L11196" s="40"/>
      <c r="M11196" s="40"/>
      <c r="N11196" s="40"/>
    </row>
    <row r="11197" spans="4:14" x14ac:dyDescent="0.25">
      <c r="D11197" s="40"/>
      <c r="F11197" s="40">
        <v>186.466667</v>
      </c>
      <c r="G11197" s="40">
        <v>22.809647159489945</v>
      </c>
      <c r="H11197" s="40">
        <v>186.46666700000003</v>
      </c>
      <c r="I11197" s="40">
        <v>25.58285592178499</v>
      </c>
      <c r="L11197" s="40"/>
      <c r="M11197" s="40"/>
      <c r="N11197" s="40"/>
    </row>
    <row r="11198" spans="4:14" x14ac:dyDescent="0.25">
      <c r="D11198" s="40"/>
      <c r="F11198" s="40">
        <v>186.48333299999999</v>
      </c>
      <c r="G11198" s="40">
        <v>22.814402403580164</v>
      </c>
      <c r="H11198" s="40">
        <v>186.48333400000001</v>
      </c>
      <c r="I11198" s="40">
        <v>25.58285592178499</v>
      </c>
      <c r="L11198" s="40"/>
      <c r="M11198" s="40"/>
      <c r="N11198" s="40"/>
    </row>
    <row r="11199" spans="4:14" x14ac:dyDescent="0.25">
      <c r="D11199" s="40"/>
      <c r="F11199" s="40">
        <v>186.49999999999997</v>
      </c>
      <c r="G11199" s="40">
        <v>22.814402403580164</v>
      </c>
      <c r="H11199" s="40">
        <v>186.5</v>
      </c>
      <c r="I11199" s="40">
        <v>25.586110048041753</v>
      </c>
      <c r="L11199" s="40"/>
      <c r="M11199" s="40"/>
      <c r="N11199" s="40"/>
    </row>
    <row r="11200" spans="4:14" x14ac:dyDescent="0.25">
      <c r="D11200" s="40"/>
      <c r="F11200" s="40">
        <v>186.51666700000001</v>
      </c>
      <c r="G11200" s="40">
        <v>22.814402403580164</v>
      </c>
      <c r="H11200" s="40">
        <v>186.51666699999998</v>
      </c>
      <c r="I11200" s="40">
        <v>25.586110048041753</v>
      </c>
      <c r="L11200" s="40"/>
      <c r="M11200" s="40"/>
      <c r="N11200" s="40"/>
    </row>
    <row r="11201" spans="4:14" x14ac:dyDescent="0.25">
      <c r="D11201" s="40"/>
      <c r="F11201" s="40">
        <v>186.533333</v>
      </c>
      <c r="G11201" s="40">
        <v>22.814402403580164</v>
      </c>
      <c r="H11201" s="40">
        <v>186.53333400000002</v>
      </c>
      <c r="I11201" s="40">
        <v>25.586110048041753</v>
      </c>
      <c r="L11201" s="40"/>
      <c r="M11201" s="40"/>
      <c r="N11201" s="40"/>
    </row>
    <row r="11202" spans="4:14" x14ac:dyDescent="0.25">
      <c r="D11202" s="40"/>
      <c r="F11202" s="40">
        <v>186.54999999999998</v>
      </c>
      <c r="G11202" s="40">
        <v>22.819157647670259</v>
      </c>
      <c r="H11202" s="40">
        <v>186.55</v>
      </c>
      <c r="I11202" s="40">
        <v>25.586110048041753</v>
      </c>
      <c r="L11202" s="40"/>
      <c r="M11202" s="40"/>
      <c r="N11202" s="40"/>
    </row>
    <row r="11203" spans="4:14" x14ac:dyDescent="0.25">
      <c r="D11203" s="40"/>
      <c r="F11203" s="40">
        <v>186.56666699999997</v>
      </c>
      <c r="G11203" s="40">
        <v>22.823773031640162</v>
      </c>
      <c r="H11203" s="40">
        <v>186.566667</v>
      </c>
      <c r="I11203" s="40">
        <v>25.586110048041753</v>
      </c>
      <c r="L11203" s="40"/>
      <c r="M11203" s="40"/>
      <c r="N11203" s="40"/>
    </row>
    <row r="11204" spans="4:14" x14ac:dyDescent="0.25">
      <c r="D11204" s="40"/>
      <c r="F11204" s="40">
        <v>186.58333300000001</v>
      </c>
      <c r="G11204" s="40">
        <v>22.823773031640162</v>
      </c>
      <c r="H11204" s="40">
        <v>186.58333399999998</v>
      </c>
      <c r="I11204" s="40">
        <v>25.586110048041753</v>
      </c>
      <c r="L11204" s="40"/>
      <c r="M11204" s="40"/>
      <c r="N11204" s="40"/>
    </row>
    <row r="11205" spans="4:14" x14ac:dyDescent="0.25">
      <c r="D11205" s="40"/>
      <c r="F11205" s="40">
        <v>186.6</v>
      </c>
      <c r="G11205" s="40">
        <v>22.823773031640162</v>
      </c>
      <c r="H11205" s="40">
        <v>186.60000000000002</v>
      </c>
      <c r="I11205" s="40">
        <v>25.58946278418501</v>
      </c>
      <c r="L11205" s="40"/>
      <c r="M11205" s="40"/>
      <c r="N11205" s="40"/>
    </row>
    <row r="11206" spans="4:14" x14ac:dyDescent="0.25">
      <c r="D11206" s="40"/>
      <c r="F11206" s="40">
        <v>186.61666699999998</v>
      </c>
      <c r="G11206" s="40">
        <v>22.828528275730381</v>
      </c>
      <c r="H11206" s="40">
        <v>186.61666700000001</v>
      </c>
      <c r="I11206" s="40">
        <v>25.58946278418501</v>
      </c>
      <c r="L11206" s="40"/>
      <c r="M11206" s="40"/>
      <c r="N11206" s="40"/>
    </row>
    <row r="11207" spans="4:14" x14ac:dyDescent="0.25">
      <c r="D11207" s="40"/>
      <c r="F11207" s="40">
        <v>186.63333300000002</v>
      </c>
      <c r="G11207" s="40">
        <v>22.828528275730381</v>
      </c>
      <c r="H11207" s="40">
        <v>186.63333399999999</v>
      </c>
      <c r="I11207" s="40">
        <v>25.58946278418501</v>
      </c>
      <c r="L11207" s="40"/>
      <c r="M11207" s="40"/>
      <c r="N11207" s="40"/>
    </row>
    <row r="11208" spans="4:14" x14ac:dyDescent="0.25">
      <c r="D11208" s="40"/>
      <c r="F11208" s="40">
        <v>186.65</v>
      </c>
      <c r="G11208" s="40">
        <v>22.828528275730381</v>
      </c>
      <c r="H11208" s="40">
        <v>186.65000000000003</v>
      </c>
      <c r="I11208" s="40">
        <v>25.58946278418501</v>
      </c>
      <c r="L11208" s="40"/>
      <c r="M11208" s="40"/>
      <c r="N11208" s="40"/>
    </row>
    <row r="11209" spans="4:14" x14ac:dyDescent="0.25">
      <c r="D11209" s="40"/>
      <c r="F11209" s="40">
        <v>186.66666699999999</v>
      </c>
      <c r="G11209" s="40">
        <v>22.833283519820601</v>
      </c>
      <c r="H11209" s="40">
        <v>186.66666700000002</v>
      </c>
      <c r="I11209" s="40">
        <v>25.592815520328269</v>
      </c>
      <c r="L11209" s="40"/>
      <c r="M11209" s="40"/>
      <c r="N11209" s="40"/>
    </row>
    <row r="11210" spans="4:14" x14ac:dyDescent="0.25">
      <c r="D11210" s="40"/>
      <c r="F11210" s="40">
        <v>186.68333299999998</v>
      </c>
      <c r="G11210" s="40">
        <v>22.833283519820601</v>
      </c>
      <c r="H11210" s="40">
        <v>186.683334</v>
      </c>
      <c r="I11210" s="40">
        <v>25.592815520328269</v>
      </c>
      <c r="L11210" s="40"/>
      <c r="M11210" s="40"/>
      <c r="N11210" s="40"/>
    </row>
    <row r="11211" spans="4:14" x14ac:dyDescent="0.25">
      <c r="D11211" s="40"/>
      <c r="F11211" s="40">
        <v>186.70000000000002</v>
      </c>
      <c r="G11211" s="40">
        <v>22.838038763910692</v>
      </c>
      <c r="H11211" s="40">
        <v>186.7</v>
      </c>
      <c r="I11211" s="40">
        <v>25.592815520328269</v>
      </c>
      <c r="L11211" s="40"/>
      <c r="M11211" s="40"/>
      <c r="N11211" s="40"/>
    </row>
    <row r="11212" spans="4:14" x14ac:dyDescent="0.25">
      <c r="D11212" s="40"/>
      <c r="F11212" s="40">
        <v>186.716667</v>
      </c>
      <c r="G11212" s="40">
        <v>22.838038763910692</v>
      </c>
      <c r="H11212" s="40">
        <v>186.71666700000003</v>
      </c>
      <c r="I11212" s="40">
        <v>25.592815520328269</v>
      </c>
      <c r="L11212" s="40"/>
      <c r="M11212" s="40"/>
      <c r="N11212" s="40"/>
    </row>
    <row r="11213" spans="4:14" x14ac:dyDescent="0.25">
      <c r="D11213" s="40"/>
      <c r="F11213" s="40">
        <v>186.73333299999999</v>
      </c>
      <c r="G11213" s="40">
        <v>22.838038763910692</v>
      </c>
      <c r="H11213" s="40">
        <v>186.73333400000001</v>
      </c>
      <c r="I11213" s="40">
        <v>25.596069646585033</v>
      </c>
      <c r="L11213" s="40"/>
      <c r="M11213" s="40"/>
      <c r="N11213" s="40"/>
    </row>
    <row r="11214" spans="4:14" x14ac:dyDescent="0.25">
      <c r="D11214" s="40"/>
      <c r="F11214" s="40">
        <v>186.74999999999997</v>
      </c>
      <c r="G11214" s="40">
        <v>22.838038763910692</v>
      </c>
      <c r="H11214" s="40">
        <v>186.75</v>
      </c>
      <c r="I11214" s="40">
        <v>25.596069646585033</v>
      </c>
      <c r="L11214" s="40"/>
      <c r="M11214" s="40"/>
      <c r="N11214" s="40"/>
    </row>
    <row r="11215" spans="4:14" x14ac:dyDescent="0.25">
      <c r="D11215" s="40"/>
      <c r="F11215" s="40">
        <v>186.76666700000001</v>
      </c>
      <c r="G11215" s="40">
        <v>22.838038763910692</v>
      </c>
      <c r="H11215" s="40">
        <v>186.76666699999998</v>
      </c>
      <c r="I11215" s="40">
        <v>25.596069646585033</v>
      </c>
      <c r="L11215" s="40"/>
      <c r="M11215" s="40"/>
      <c r="N11215" s="40"/>
    </row>
    <row r="11216" spans="4:14" x14ac:dyDescent="0.25">
      <c r="D11216" s="40"/>
      <c r="F11216" s="40">
        <v>186.783333</v>
      </c>
      <c r="G11216" s="40">
        <v>22.838038763910692</v>
      </c>
      <c r="H11216" s="40">
        <v>186.78333400000002</v>
      </c>
      <c r="I11216" s="40">
        <v>25.596069646585033</v>
      </c>
      <c r="L11216" s="40"/>
      <c r="M11216" s="40"/>
      <c r="N11216" s="40"/>
    </row>
    <row r="11217" spans="4:14" x14ac:dyDescent="0.25">
      <c r="D11217" s="40"/>
      <c r="F11217" s="40">
        <v>186.79999999999998</v>
      </c>
      <c r="G11217" s="40">
        <v>22.838038763910692</v>
      </c>
      <c r="H11217" s="40">
        <v>186.8</v>
      </c>
      <c r="I11217" s="40">
        <v>25.599422382728463</v>
      </c>
      <c r="L11217" s="40"/>
      <c r="M11217" s="40"/>
      <c r="N11217" s="40"/>
    </row>
    <row r="11218" spans="4:14" x14ac:dyDescent="0.25">
      <c r="D11218" s="40"/>
      <c r="F11218" s="40">
        <v>186.81666699999997</v>
      </c>
      <c r="G11218" s="40">
        <v>22.838038763910692</v>
      </c>
      <c r="H11218" s="40">
        <v>186.816667</v>
      </c>
      <c r="I11218" s="40">
        <v>25.599422382728463</v>
      </c>
      <c r="L11218" s="40"/>
      <c r="M11218" s="40"/>
      <c r="N11218" s="40"/>
    </row>
    <row r="11219" spans="4:14" x14ac:dyDescent="0.25">
      <c r="D11219" s="40"/>
      <c r="F11219" s="40">
        <v>186.83333300000001</v>
      </c>
      <c r="G11219" s="40">
        <v>22.838038763910692</v>
      </c>
      <c r="H11219" s="40">
        <v>186.83333399999998</v>
      </c>
      <c r="I11219" s="40">
        <v>25.599422382728463</v>
      </c>
      <c r="L11219" s="40"/>
      <c r="M11219" s="40"/>
      <c r="N11219" s="40"/>
    </row>
    <row r="11220" spans="4:14" x14ac:dyDescent="0.25">
      <c r="D11220" s="40"/>
      <c r="F11220" s="40">
        <v>186.85</v>
      </c>
      <c r="G11220" s="40">
        <v>22.838038763910692</v>
      </c>
      <c r="H11220" s="40">
        <v>186.85000000000002</v>
      </c>
      <c r="I11220" s="40">
        <v>25.599422382728463</v>
      </c>
      <c r="L11220" s="40"/>
      <c r="M11220" s="40"/>
      <c r="N11220" s="40"/>
    </row>
    <row r="11221" spans="4:14" x14ac:dyDescent="0.25">
      <c r="D11221" s="40"/>
      <c r="F11221" s="40">
        <v>186.86666699999998</v>
      </c>
      <c r="G11221" s="40">
        <v>22.838038763910692</v>
      </c>
      <c r="H11221" s="40">
        <v>186.86666700000001</v>
      </c>
      <c r="I11221" s="40">
        <v>25.599422382728463</v>
      </c>
      <c r="L11221" s="40"/>
      <c r="M11221" s="40"/>
      <c r="N11221" s="40"/>
    </row>
    <row r="11222" spans="4:14" x14ac:dyDescent="0.25">
      <c r="D11222" s="40"/>
      <c r="F11222" s="40">
        <v>186.88333300000002</v>
      </c>
      <c r="G11222" s="40">
        <v>22.838038763910692</v>
      </c>
      <c r="H11222" s="40">
        <v>186.88333399999999</v>
      </c>
      <c r="I11222" s="40">
        <v>25.602775118871719</v>
      </c>
      <c r="L11222" s="40"/>
      <c r="M11222" s="40"/>
      <c r="N11222" s="40"/>
    </row>
    <row r="11223" spans="4:14" x14ac:dyDescent="0.25">
      <c r="D11223" s="40"/>
      <c r="F11223" s="40">
        <v>186.9</v>
      </c>
      <c r="G11223" s="40">
        <v>22.838038763910692</v>
      </c>
      <c r="H11223" s="40">
        <v>186.90000000000003</v>
      </c>
      <c r="I11223" s="40">
        <v>25.602775118871719</v>
      </c>
      <c r="L11223" s="40"/>
      <c r="M11223" s="40"/>
      <c r="N11223" s="40"/>
    </row>
    <row r="11224" spans="4:14" x14ac:dyDescent="0.25">
      <c r="D11224" s="40"/>
      <c r="F11224" s="40">
        <v>186.91666699999999</v>
      </c>
      <c r="G11224" s="40">
        <v>22.838038763910692</v>
      </c>
      <c r="H11224" s="40">
        <v>186.91666700000002</v>
      </c>
      <c r="I11224" s="40">
        <v>25.602775118871719</v>
      </c>
      <c r="L11224" s="40"/>
      <c r="M11224" s="40"/>
      <c r="N11224" s="40"/>
    </row>
    <row r="11225" spans="4:14" x14ac:dyDescent="0.25">
      <c r="D11225" s="40"/>
      <c r="F11225" s="40">
        <v>186.93333299999998</v>
      </c>
      <c r="G11225" s="40">
        <v>22.838038763910692</v>
      </c>
      <c r="H11225" s="40">
        <v>186.933334</v>
      </c>
      <c r="I11225" s="40">
        <v>25.606029245128482</v>
      </c>
      <c r="L11225" s="40"/>
      <c r="M11225" s="40"/>
      <c r="N11225" s="40"/>
    </row>
    <row r="11226" spans="4:14" x14ac:dyDescent="0.25">
      <c r="D11226" s="40"/>
      <c r="F11226" s="40">
        <v>186.95000000000002</v>
      </c>
      <c r="G11226" s="40">
        <v>22.838038763910692</v>
      </c>
      <c r="H11226" s="40">
        <v>186.95</v>
      </c>
      <c r="I11226" s="40">
        <v>25.606029245128482</v>
      </c>
      <c r="L11226" s="40"/>
      <c r="M11226" s="40"/>
      <c r="N11226" s="40"/>
    </row>
    <row r="11227" spans="4:14" x14ac:dyDescent="0.25">
      <c r="D11227" s="40"/>
      <c r="F11227" s="40">
        <v>186.966667</v>
      </c>
      <c r="G11227" s="40">
        <v>22.838038763910692</v>
      </c>
      <c r="H11227" s="40">
        <v>186.96666700000003</v>
      </c>
      <c r="I11227" s="40">
        <v>25.606029245128482</v>
      </c>
      <c r="L11227" s="40"/>
      <c r="M11227" s="40"/>
      <c r="N11227" s="40"/>
    </row>
    <row r="11228" spans="4:14" x14ac:dyDescent="0.25">
      <c r="D11228" s="40"/>
      <c r="F11228" s="40">
        <v>186.98333299999999</v>
      </c>
      <c r="G11228" s="40">
        <v>22.838038763910692</v>
      </c>
      <c r="H11228" s="40">
        <v>186.98333400000001</v>
      </c>
      <c r="I11228" s="40">
        <v>25.606029245128482</v>
      </c>
      <c r="L11228" s="40"/>
      <c r="M11228" s="40"/>
      <c r="N11228" s="40"/>
    </row>
    <row r="11229" spans="4:14" x14ac:dyDescent="0.25">
      <c r="D11229" s="40"/>
      <c r="F11229" s="40">
        <v>186.99999999999997</v>
      </c>
      <c r="G11229" s="40">
        <v>22.838038763910692</v>
      </c>
      <c r="H11229" s="40">
        <v>187</v>
      </c>
      <c r="I11229" s="40">
        <v>25.609381981271742</v>
      </c>
      <c r="L11229" s="40"/>
      <c r="M11229" s="40"/>
      <c r="N11229" s="40"/>
    </row>
    <row r="11230" spans="4:14" x14ac:dyDescent="0.25">
      <c r="D11230" s="40"/>
      <c r="F11230" s="40">
        <v>187.01666700000001</v>
      </c>
      <c r="G11230" s="40">
        <v>22.838038763910692</v>
      </c>
      <c r="H11230" s="40">
        <v>187.01666699999998</v>
      </c>
      <c r="I11230" s="40">
        <v>25.609381981271742</v>
      </c>
      <c r="L11230" s="40"/>
      <c r="M11230" s="40"/>
      <c r="N11230" s="40"/>
    </row>
    <row r="11231" spans="4:14" x14ac:dyDescent="0.25">
      <c r="D11231" s="40"/>
      <c r="F11231" s="40">
        <v>187.033333</v>
      </c>
      <c r="G11231" s="40">
        <v>22.833283519820601</v>
      </c>
      <c r="H11231" s="40">
        <v>187.03333400000002</v>
      </c>
      <c r="I11231" s="40">
        <v>25.609381981271742</v>
      </c>
      <c r="L11231" s="40"/>
      <c r="M11231" s="40"/>
      <c r="N11231" s="40"/>
    </row>
    <row r="11232" spans="4:14" x14ac:dyDescent="0.25">
      <c r="D11232" s="40"/>
      <c r="F11232" s="40">
        <v>187.04999999999998</v>
      </c>
      <c r="G11232" s="40">
        <v>22.833283519820601</v>
      </c>
      <c r="H11232" s="40">
        <v>187.05</v>
      </c>
      <c r="I11232" s="40">
        <v>25.609381981271742</v>
      </c>
      <c r="L11232" s="40"/>
      <c r="M11232" s="40"/>
      <c r="N11232" s="40"/>
    </row>
    <row r="11233" spans="4:14" x14ac:dyDescent="0.25">
      <c r="D11233" s="40"/>
      <c r="F11233" s="40">
        <v>187.06666699999997</v>
      </c>
      <c r="G11233" s="40">
        <v>22.833283519820601</v>
      </c>
      <c r="H11233" s="40">
        <v>187.066667</v>
      </c>
      <c r="I11233" s="40">
        <v>25.612734717415172</v>
      </c>
      <c r="L11233" s="40"/>
      <c r="M11233" s="40"/>
      <c r="N11233" s="40"/>
    </row>
    <row r="11234" spans="4:14" x14ac:dyDescent="0.25">
      <c r="D11234" s="40"/>
      <c r="F11234" s="40">
        <v>187.08333300000001</v>
      </c>
      <c r="G11234" s="40">
        <v>22.833283519820601</v>
      </c>
      <c r="H11234" s="40">
        <v>187.08333399999998</v>
      </c>
      <c r="I11234" s="40">
        <v>25.612734717415172</v>
      </c>
      <c r="L11234" s="40"/>
      <c r="M11234" s="40"/>
      <c r="N11234" s="40"/>
    </row>
    <row r="11235" spans="4:14" x14ac:dyDescent="0.25">
      <c r="D11235" s="40"/>
      <c r="F11235" s="40">
        <v>187.1</v>
      </c>
      <c r="G11235" s="40">
        <v>22.833283519820601</v>
      </c>
      <c r="H11235" s="40">
        <v>187.10000000000002</v>
      </c>
      <c r="I11235" s="40">
        <v>25.612734717415172</v>
      </c>
      <c r="L11235" s="40"/>
      <c r="M11235" s="40"/>
      <c r="N11235" s="40"/>
    </row>
    <row r="11236" spans="4:14" x14ac:dyDescent="0.25">
      <c r="D11236" s="40"/>
      <c r="F11236" s="40">
        <v>187.11666699999998</v>
      </c>
      <c r="G11236" s="40">
        <v>22.833283519820601</v>
      </c>
      <c r="H11236" s="40">
        <v>187.11666700000001</v>
      </c>
      <c r="I11236" s="40">
        <v>25.615988843671762</v>
      </c>
      <c r="L11236" s="40"/>
      <c r="M11236" s="40"/>
      <c r="N11236" s="40"/>
    </row>
    <row r="11237" spans="4:14" x14ac:dyDescent="0.25">
      <c r="D11237" s="40"/>
      <c r="F11237" s="40">
        <v>187.13333300000002</v>
      </c>
      <c r="G11237" s="40">
        <v>22.833283519820601</v>
      </c>
      <c r="H11237" s="40">
        <v>187.13333399999999</v>
      </c>
      <c r="I11237" s="40">
        <v>25.615988843671762</v>
      </c>
      <c r="L11237" s="40"/>
      <c r="M11237" s="40"/>
      <c r="N11237" s="40"/>
    </row>
    <row r="11238" spans="4:14" x14ac:dyDescent="0.25">
      <c r="D11238" s="40"/>
      <c r="F11238" s="40">
        <v>187.15</v>
      </c>
      <c r="G11238" s="40">
        <v>22.833283519820601</v>
      </c>
      <c r="H11238" s="40">
        <v>187.15000000000003</v>
      </c>
      <c r="I11238" s="40">
        <v>25.615988843671762</v>
      </c>
      <c r="L11238" s="40"/>
      <c r="M11238" s="40"/>
      <c r="N11238" s="40"/>
    </row>
    <row r="11239" spans="4:14" x14ac:dyDescent="0.25">
      <c r="D11239" s="40"/>
      <c r="F11239" s="40">
        <v>187.16666699999999</v>
      </c>
      <c r="G11239" s="40">
        <v>22.833283519820601</v>
      </c>
      <c r="H11239" s="40">
        <v>187.16666700000002</v>
      </c>
      <c r="I11239" s="40">
        <v>25.615988843671762</v>
      </c>
      <c r="L11239" s="40"/>
      <c r="M11239" s="40"/>
      <c r="N11239" s="40"/>
    </row>
    <row r="11240" spans="4:14" x14ac:dyDescent="0.25">
      <c r="D11240" s="40"/>
      <c r="F11240" s="40">
        <v>187.18333299999998</v>
      </c>
      <c r="G11240" s="40">
        <v>22.833283519820601</v>
      </c>
      <c r="H11240" s="40">
        <v>187.183334</v>
      </c>
      <c r="I11240" s="40">
        <v>25.619341579815192</v>
      </c>
      <c r="L11240" s="40"/>
      <c r="M11240" s="40"/>
      <c r="N11240" s="40"/>
    </row>
    <row r="11241" spans="4:14" x14ac:dyDescent="0.25">
      <c r="D11241" s="40"/>
      <c r="F11241" s="40">
        <v>187.20000000000002</v>
      </c>
      <c r="G11241" s="40">
        <v>22.833283519820601</v>
      </c>
      <c r="H11241" s="40">
        <v>187.2</v>
      </c>
      <c r="I11241" s="40">
        <v>25.619341579815192</v>
      </c>
      <c r="L11241" s="40"/>
      <c r="M11241" s="40"/>
      <c r="N11241" s="40"/>
    </row>
    <row r="11242" spans="4:14" x14ac:dyDescent="0.25">
      <c r="D11242" s="40"/>
      <c r="F11242" s="40">
        <v>187.216667</v>
      </c>
      <c r="G11242" s="40">
        <v>22.833283519820601</v>
      </c>
      <c r="H11242" s="40">
        <v>187.21666700000003</v>
      </c>
      <c r="I11242" s="40">
        <v>25.619341579815192</v>
      </c>
      <c r="L11242" s="40"/>
      <c r="M11242" s="40"/>
      <c r="N11242" s="40"/>
    </row>
    <row r="11243" spans="4:14" x14ac:dyDescent="0.25">
      <c r="D11243" s="40"/>
      <c r="F11243" s="40">
        <v>187.23333299999999</v>
      </c>
      <c r="G11243" s="40">
        <v>22.833283519820601</v>
      </c>
      <c r="H11243" s="40">
        <v>187.23333400000001</v>
      </c>
      <c r="I11243" s="40">
        <v>25.622694315958448</v>
      </c>
      <c r="L11243" s="40"/>
      <c r="M11243" s="40"/>
      <c r="N11243" s="40"/>
    </row>
    <row r="11244" spans="4:14" x14ac:dyDescent="0.25">
      <c r="D11244" s="40"/>
      <c r="F11244" s="40">
        <v>187.24999999999997</v>
      </c>
      <c r="G11244" s="40">
        <v>22.833283519820601</v>
      </c>
      <c r="H11244" s="40">
        <v>187.25</v>
      </c>
      <c r="I11244" s="40">
        <v>25.622694315958448</v>
      </c>
      <c r="L11244" s="40"/>
      <c r="M11244" s="40"/>
      <c r="N11244" s="40"/>
    </row>
    <row r="11245" spans="4:14" x14ac:dyDescent="0.25">
      <c r="D11245" s="40"/>
      <c r="F11245" s="40">
        <v>187.26666700000001</v>
      </c>
      <c r="G11245" s="40">
        <v>22.833283519820601</v>
      </c>
      <c r="H11245" s="40">
        <v>187.26666699999998</v>
      </c>
      <c r="I11245" s="40">
        <v>25.622694315958448</v>
      </c>
      <c r="L11245" s="40"/>
      <c r="M11245" s="40"/>
      <c r="N11245" s="40"/>
    </row>
    <row r="11246" spans="4:14" x14ac:dyDescent="0.25">
      <c r="D11246" s="40"/>
      <c r="F11246" s="40">
        <v>187.283333</v>
      </c>
      <c r="G11246" s="40">
        <v>22.833283519820601</v>
      </c>
      <c r="H11246" s="40">
        <v>187.28333400000002</v>
      </c>
      <c r="I11246" s="40">
        <v>25.625948442215211</v>
      </c>
      <c r="L11246" s="40"/>
      <c r="M11246" s="40"/>
      <c r="N11246" s="40"/>
    </row>
    <row r="11247" spans="4:14" x14ac:dyDescent="0.25">
      <c r="D11247" s="40"/>
      <c r="F11247" s="40">
        <v>187.29999999999998</v>
      </c>
      <c r="G11247" s="40">
        <v>22.833283519820601</v>
      </c>
      <c r="H11247" s="40">
        <v>187.3</v>
      </c>
      <c r="I11247" s="40">
        <v>25.625948442215211</v>
      </c>
      <c r="L11247" s="40"/>
      <c r="M11247" s="40"/>
      <c r="N11247" s="40"/>
    </row>
    <row r="11248" spans="4:14" x14ac:dyDescent="0.25">
      <c r="D11248" s="40"/>
      <c r="F11248" s="40">
        <v>187.31666699999997</v>
      </c>
      <c r="G11248" s="40">
        <v>22.833283519820601</v>
      </c>
      <c r="H11248" s="40">
        <v>187.316667</v>
      </c>
      <c r="I11248" s="40">
        <v>25.625948442215211</v>
      </c>
      <c r="L11248" s="40"/>
      <c r="M11248" s="40"/>
      <c r="N11248" s="40"/>
    </row>
    <row r="11249" spans="4:14" x14ac:dyDescent="0.25">
      <c r="D11249" s="40"/>
      <c r="F11249" s="40">
        <v>187.33333300000001</v>
      </c>
      <c r="G11249" s="40">
        <v>22.833283519820601</v>
      </c>
      <c r="H11249" s="40">
        <v>187.33333399999998</v>
      </c>
      <c r="I11249" s="40">
        <v>25.629301178358471</v>
      </c>
      <c r="L11249" s="40"/>
      <c r="M11249" s="40"/>
      <c r="N11249" s="40"/>
    </row>
    <row r="11250" spans="4:14" x14ac:dyDescent="0.25">
      <c r="D11250" s="40"/>
      <c r="F11250" s="40">
        <v>187.35</v>
      </c>
      <c r="G11250" s="40">
        <v>22.833283519820601</v>
      </c>
      <c r="H11250" s="40">
        <v>187.35000000000002</v>
      </c>
      <c r="I11250" s="40">
        <v>25.629301178358471</v>
      </c>
      <c r="L11250" s="40"/>
      <c r="M11250" s="40"/>
      <c r="N11250" s="40"/>
    </row>
    <row r="11251" spans="4:14" x14ac:dyDescent="0.25">
      <c r="D11251" s="40"/>
      <c r="F11251" s="40">
        <v>187.36666699999998</v>
      </c>
      <c r="G11251" s="40">
        <v>22.833283519820601</v>
      </c>
      <c r="H11251" s="40">
        <v>187.36666700000001</v>
      </c>
      <c r="I11251" s="40">
        <v>25.629301178358471</v>
      </c>
      <c r="L11251" s="40"/>
      <c r="M11251" s="40"/>
      <c r="N11251" s="40"/>
    </row>
    <row r="11252" spans="4:14" x14ac:dyDescent="0.25">
      <c r="D11252" s="40"/>
      <c r="F11252" s="40">
        <v>187.38333300000002</v>
      </c>
      <c r="G11252" s="40">
        <v>22.833283519820601</v>
      </c>
      <c r="H11252" s="40">
        <v>187.38333399999999</v>
      </c>
      <c r="I11252" s="40">
        <v>25.632653914501905</v>
      </c>
      <c r="L11252" s="40"/>
      <c r="M11252" s="40"/>
      <c r="N11252" s="40"/>
    </row>
    <row r="11253" spans="4:14" x14ac:dyDescent="0.25">
      <c r="D11253" s="40"/>
      <c r="F11253" s="40">
        <v>187.4</v>
      </c>
      <c r="G11253" s="40">
        <v>22.833283519820601</v>
      </c>
      <c r="H11253" s="40">
        <v>187.40000000000003</v>
      </c>
      <c r="I11253" s="40">
        <v>25.632653914501905</v>
      </c>
      <c r="L11253" s="40"/>
      <c r="M11253" s="40"/>
      <c r="N11253" s="40"/>
    </row>
    <row r="11254" spans="4:14" x14ac:dyDescent="0.25">
      <c r="D11254" s="40"/>
      <c r="F11254" s="40">
        <v>187.41666699999999</v>
      </c>
      <c r="G11254" s="40">
        <v>22.833283519820601</v>
      </c>
      <c r="H11254" s="40">
        <v>187.41666700000002</v>
      </c>
      <c r="I11254" s="40">
        <v>25.632653914501905</v>
      </c>
      <c r="L11254" s="40"/>
      <c r="M11254" s="40"/>
      <c r="N11254" s="40"/>
    </row>
    <row r="11255" spans="4:14" x14ac:dyDescent="0.25">
      <c r="D11255" s="40"/>
      <c r="F11255" s="40">
        <v>187.43333299999998</v>
      </c>
      <c r="G11255" s="40">
        <v>22.838038763910692</v>
      </c>
      <c r="H11255" s="40">
        <v>187.433334</v>
      </c>
      <c r="I11255" s="40">
        <v>25.636006650645157</v>
      </c>
      <c r="L11255" s="40"/>
      <c r="M11255" s="40"/>
      <c r="N11255" s="40"/>
    </row>
    <row r="11256" spans="4:14" x14ac:dyDescent="0.25">
      <c r="D11256" s="40"/>
      <c r="F11256" s="40">
        <v>187.45000000000002</v>
      </c>
      <c r="G11256" s="40">
        <v>22.838038763910692</v>
      </c>
      <c r="H11256" s="40">
        <v>187.45</v>
      </c>
      <c r="I11256" s="40">
        <v>25.636006650645157</v>
      </c>
      <c r="L11256" s="40"/>
      <c r="M11256" s="40"/>
      <c r="N11256" s="40"/>
    </row>
    <row r="11257" spans="4:14" x14ac:dyDescent="0.25">
      <c r="D11257" s="40"/>
      <c r="F11257" s="40">
        <v>187.466667</v>
      </c>
      <c r="G11257" s="40">
        <v>22.838038763910692</v>
      </c>
      <c r="H11257" s="40">
        <v>187.46666700000003</v>
      </c>
      <c r="I11257" s="40">
        <v>25.636006650645157</v>
      </c>
      <c r="L11257" s="40"/>
      <c r="M11257" s="40"/>
      <c r="N11257" s="40"/>
    </row>
    <row r="11258" spans="4:14" x14ac:dyDescent="0.25">
      <c r="D11258" s="40"/>
      <c r="F11258" s="40">
        <v>187.48333299999999</v>
      </c>
      <c r="G11258" s="40">
        <v>22.838038763910692</v>
      </c>
      <c r="H11258" s="40">
        <v>187.48333400000001</v>
      </c>
      <c r="I11258" s="40">
        <v>25.639260776901921</v>
      </c>
      <c r="L11258" s="40"/>
      <c r="M11258" s="40"/>
      <c r="N11258" s="40"/>
    </row>
    <row r="11259" spans="4:14" x14ac:dyDescent="0.25">
      <c r="D11259" s="40"/>
      <c r="F11259" s="40">
        <v>187.49999999999997</v>
      </c>
      <c r="G11259" s="40">
        <v>22.833283519820601</v>
      </c>
      <c r="H11259" s="40">
        <v>187.5</v>
      </c>
      <c r="I11259" s="40">
        <v>25.639260776901921</v>
      </c>
      <c r="L11259" s="40"/>
      <c r="M11259" s="40"/>
      <c r="N11259" s="40"/>
    </row>
    <row r="11260" spans="4:14" x14ac:dyDescent="0.25">
      <c r="D11260" s="40"/>
      <c r="F11260" s="40">
        <v>187.51666700000001</v>
      </c>
      <c r="G11260" s="40">
        <v>22.838038763910692</v>
      </c>
      <c r="H11260" s="40">
        <v>187.51666699999998</v>
      </c>
      <c r="I11260" s="40">
        <v>25.639260776901921</v>
      </c>
      <c r="L11260" s="40"/>
      <c r="M11260" s="40"/>
      <c r="N11260" s="40"/>
    </row>
    <row r="11261" spans="4:14" x14ac:dyDescent="0.25">
      <c r="D11261" s="40"/>
      <c r="F11261" s="40">
        <v>187.533333</v>
      </c>
      <c r="G11261" s="40">
        <v>22.833283519820601</v>
      </c>
      <c r="H11261" s="40">
        <v>187.53333400000002</v>
      </c>
      <c r="I11261" s="40">
        <v>25.64261351304518</v>
      </c>
      <c r="L11261" s="40"/>
      <c r="M11261" s="40"/>
      <c r="N11261" s="40"/>
    </row>
    <row r="11262" spans="4:14" x14ac:dyDescent="0.25">
      <c r="D11262" s="40"/>
      <c r="F11262" s="40">
        <v>187.54999999999998</v>
      </c>
      <c r="G11262" s="40">
        <v>22.833283519820601</v>
      </c>
      <c r="H11262" s="40">
        <v>187.55</v>
      </c>
      <c r="I11262" s="40">
        <v>25.64261351304518</v>
      </c>
      <c r="L11262" s="40"/>
      <c r="M11262" s="40"/>
      <c r="N11262" s="40"/>
    </row>
    <row r="11263" spans="4:14" x14ac:dyDescent="0.25">
      <c r="D11263" s="40"/>
      <c r="F11263" s="40">
        <v>187.56666699999997</v>
      </c>
      <c r="G11263" s="40">
        <v>22.833283519820601</v>
      </c>
      <c r="H11263" s="40">
        <v>187.566667</v>
      </c>
      <c r="I11263" s="40">
        <v>25.64261351304518</v>
      </c>
      <c r="L11263" s="40"/>
      <c r="M11263" s="40"/>
      <c r="N11263" s="40"/>
    </row>
    <row r="11264" spans="4:14" x14ac:dyDescent="0.25">
      <c r="D11264" s="40"/>
      <c r="F11264" s="40">
        <v>187.58333300000001</v>
      </c>
      <c r="G11264" s="40">
        <v>22.833283519820601</v>
      </c>
      <c r="H11264" s="40">
        <v>187.58333399999998</v>
      </c>
      <c r="I11264" s="40">
        <v>25.645966249188437</v>
      </c>
      <c r="L11264" s="40"/>
      <c r="M11264" s="40"/>
      <c r="N11264" s="40"/>
    </row>
    <row r="11265" spans="4:14" x14ac:dyDescent="0.25">
      <c r="D11265" s="40"/>
      <c r="F11265" s="40">
        <v>187.6</v>
      </c>
      <c r="G11265" s="40">
        <v>22.838038763910692</v>
      </c>
      <c r="H11265" s="40">
        <v>187.60000000000002</v>
      </c>
      <c r="I11265" s="40">
        <v>25.645966249188437</v>
      </c>
      <c r="L11265" s="40"/>
      <c r="M11265" s="40"/>
      <c r="N11265" s="40"/>
    </row>
    <row r="11266" spans="4:14" x14ac:dyDescent="0.25">
      <c r="D11266" s="40"/>
      <c r="F11266" s="40">
        <v>187.61666699999998</v>
      </c>
      <c r="G11266" s="40">
        <v>22.838038763910692</v>
      </c>
      <c r="H11266" s="40">
        <v>187.61666700000001</v>
      </c>
      <c r="I11266" s="40">
        <v>25.645966249188437</v>
      </c>
      <c r="L11266" s="40"/>
      <c r="M11266" s="40"/>
      <c r="N11266" s="40"/>
    </row>
    <row r="11267" spans="4:14" x14ac:dyDescent="0.25">
      <c r="D11267" s="40"/>
      <c r="F11267" s="40">
        <v>187.63333300000002</v>
      </c>
      <c r="G11267" s="40">
        <v>22.838038763910692</v>
      </c>
      <c r="H11267" s="40">
        <v>187.63333399999999</v>
      </c>
      <c r="I11267" s="40">
        <v>25.645966249188437</v>
      </c>
      <c r="L11267" s="40"/>
      <c r="M11267" s="40"/>
      <c r="N11267" s="40"/>
    </row>
    <row r="11268" spans="4:14" x14ac:dyDescent="0.25">
      <c r="D11268" s="40"/>
      <c r="F11268" s="40">
        <v>187.65</v>
      </c>
      <c r="G11268" s="40">
        <v>22.838038763910692</v>
      </c>
      <c r="H11268" s="40">
        <v>187.65000000000003</v>
      </c>
      <c r="I11268" s="40">
        <v>25.6492203754452</v>
      </c>
      <c r="L11268" s="40"/>
      <c r="M11268" s="40"/>
      <c r="N11268" s="40"/>
    </row>
    <row r="11269" spans="4:14" x14ac:dyDescent="0.25">
      <c r="D11269" s="40"/>
      <c r="F11269" s="40">
        <v>187.66666699999999</v>
      </c>
      <c r="G11269" s="40">
        <v>22.838038763910692</v>
      </c>
      <c r="H11269" s="40">
        <v>187.66666700000002</v>
      </c>
      <c r="I11269" s="40">
        <v>25.6492203754452</v>
      </c>
      <c r="L11269" s="40"/>
      <c r="M11269" s="40"/>
      <c r="N11269" s="40"/>
    </row>
    <row r="11270" spans="4:14" x14ac:dyDescent="0.25">
      <c r="D11270" s="40"/>
      <c r="F11270" s="40">
        <v>187.68333299999998</v>
      </c>
      <c r="G11270" s="40">
        <v>22.838038763910692</v>
      </c>
      <c r="H11270" s="40">
        <v>187.683334</v>
      </c>
      <c r="I11270" s="40">
        <v>25.6492203754452</v>
      </c>
      <c r="L11270" s="40"/>
      <c r="M11270" s="40"/>
      <c r="N11270" s="40"/>
    </row>
    <row r="11271" spans="4:14" x14ac:dyDescent="0.25">
      <c r="D11271" s="40"/>
      <c r="F11271" s="40">
        <v>187.70000000000002</v>
      </c>
      <c r="G11271" s="40">
        <v>22.842654147880594</v>
      </c>
      <c r="H11271" s="40">
        <v>187.7</v>
      </c>
      <c r="I11271" s="40">
        <v>25.6492203754452</v>
      </c>
      <c r="L11271" s="40"/>
      <c r="M11271" s="40"/>
      <c r="N11271" s="40"/>
    </row>
    <row r="11272" spans="4:14" x14ac:dyDescent="0.25">
      <c r="D11272" s="40"/>
      <c r="F11272" s="40">
        <v>187.716667</v>
      </c>
      <c r="G11272" s="40">
        <v>22.842654147880594</v>
      </c>
      <c r="H11272" s="40">
        <v>187.71666700000003</v>
      </c>
      <c r="I11272" s="40">
        <v>25.652573111588634</v>
      </c>
      <c r="L11272" s="40"/>
      <c r="M11272" s="40"/>
      <c r="N11272" s="40"/>
    </row>
    <row r="11273" spans="4:14" x14ac:dyDescent="0.25">
      <c r="D11273" s="40"/>
      <c r="F11273" s="40">
        <v>187.73333299999999</v>
      </c>
      <c r="G11273" s="40">
        <v>22.842654147880594</v>
      </c>
      <c r="H11273" s="40">
        <v>187.73333400000001</v>
      </c>
      <c r="I11273" s="40">
        <v>25.652573111588634</v>
      </c>
      <c r="L11273" s="40"/>
      <c r="M11273" s="40"/>
      <c r="N11273" s="40"/>
    </row>
    <row r="11274" spans="4:14" x14ac:dyDescent="0.25">
      <c r="D11274" s="40"/>
      <c r="F11274" s="40">
        <v>187.74999999999997</v>
      </c>
      <c r="G11274" s="40">
        <v>22.842654147880594</v>
      </c>
      <c r="H11274" s="40">
        <v>187.75</v>
      </c>
      <c r="I11274" s="40">
        <v>25.652573111588634</v>
      </c>
      <c r="L11274" s="40"/>
      <c r="M11274" s="40"/>
      <c r="N11274" s="40"/>
    </row>
    <row r="11275" spans="4:14" x14ac:dyDescent="0.25">
      <c r="D11275" s="40"/>
      <c r="F11275" s="40">
        <v>187.76666700000001</v>
      </c>
      <c r="G11275" s="40">
        <v>22.842654147880594</v>
      </c>
      <c r="H11275" s="40">
        <v>187.76666699999998</v>
      </c>
      <c r="I11275" s="40">
        <v>25.652573111588634</v>
      </c>
      <c r="L11275" s="40"/>
      <c r="M11275" s="40"/>
      <c r="N11275" s="40"/>
    </row>
    <row r="11276" spans="4:14" x14ac:dyDescent="0.25">
      <c r="D11276" s="40"/>
      <c r="F11276" s="40">
        <v>187.783333</v>
      </c>
      <c r="G11276" s="40">
        <v>22.842654147880594</v>
      </c>
      <c r="H11276" s="40">
        <v>187.78333400000002</v>
      </c>
      <c r="I11276" s="40">
        <v>25.65592584773189</v>
      </c>
      <c r="L11276" s="40"/>
      <c r="M11276" s="40"/>
      <c r="N11276" s="40"/>
    </row>
    <row r="11277" spans="4:14" x14ac:dyDescent="0.25">
      <c r="D11277" s="40"/>
      <c r="F11277" s="40">
        <v>187.79999999999998</v>
      </c>
      <c r="G11277" s="40">
        <v>22.842654147880594</v>
      </c>
      <c r="H11277" s="40">
        <v>187.8</v>
      </c>
      <c r="I11277" s="40">
        <v>25.65592584773189</v>
      </c>
      <c r="L11277" s="40"/>
      <c r="M11277" s="40"/>
      <c r="N11277" s="40"/>
    </row>
    <row r="11278" spans="4:14" x14ac:dyDescent="0.25">
      <c r="D11278" s="40"/>
      <c r="F11278" s="40">
        <v>187.81666699999997</v>
      </c>
      <c r="G11278" s="40">
        <v>22.842654147880594</v>
      </c>
      <c r="H11278" s="40">
        <v>187.816667</v>
      </c>
      <c r="I11278" s="40">
        <v>25.65592584773189</v>
      </c>
      <c r="L11278" s="40"/>
      <c r="M11278" s="40"/>
      <c r="N11278" s="40"/>
    </row>
    <row r="11279" spans="4:14" x14ac:dyDescent="0.25">
      <c r="D11279" s="40"/>
      <c r="F11279" s="40">
        <v>187.83333300000001</v>
      </c>
      <c r="G11279" s="40">
        <v>22.842654147880594</v>
      </c>
      <c r="H11279" s="40">
        <v>187.83333399999998</v>
      </c>
      <c r="I11279" s="40">
        <v>25.65592584773189</v>
      </c>
      <c r="L11279" s="40"/>
      <c r="M11279" s="40"/>
      <c r="N11279" s="40"/>
    </row>
    <row r="11280" spans="4:14" x14ac:dyDescent="0.25">
      <c r="D11280" s="40"/>
      <c r="F11280" s="40">
        <v>187.85</v>
      </c>
      <c r="G11280" s="40">
        <v>22.842654147880594</v>
      </c>
      <c r="H11280" s="40">
        <v>187.85000000000002</v>
      </c>
      <c r="I11280" s="40">
        <v>25.65592584773189</v>
      </c>
      <c r="L11280" s="40"/>
      <c r="M11280" s="40"/>
      <c r="N11280" s="40"/>
    </row>
    <row r="11281" spans="4:14" x14ac:dyDescent="0.25">
      <c r="D11281" s="40"/>
      <c r="F11281" s="40">
        <v>187.86666699999998</v>
      </c>
      <c r="G11281" s="40">
        <v>22.842654147880594</v>
      </c>
      <c r="H11281" s="40">
        <v>187.86666700000001</v>
      </c>
      <c r="I11281" s="40">
        <v>25.65917997398865</v>
      </c>
      <c r="L11281" s="40"/>
      <c r="M11281" s="40"/>
      <c r="N11281" s="40"/>
    </row>
    <row r="11282" spans="4:14" x14ac:dyDescent="0.25">
      <c r="D11282" s="40"/>
      <c r="F11282" s="40">
        <v>187.88333300000002</v>
      </c>
      <c r="G11282" s="40">
        <v>22.842654147880594</v>
      </c>
      <c r="H11282" s="40">
        <v>187.88333399999999</v>
      </c>
      <c r="I11282" s="40">
        <v>25.65917997398865</v>
      </c>
      <c r="L11282" s="40"/>
      <c r="M11282" s="40"/>
      <c r="N11282" s="40"/>
    </row>
    <row r="11283" spans="4:14" x14ac:dyDescent="0.25">
      <c r="D11283" s="40"/>
      <c r="F11283" s="40">
        <v>187.9</v>
      </c>
      <c r="G11283" s="40">
        <v>22.842654147880594</v>
      </c>
      <c r="H11283" s="40">
        <v>187.90000000000003</v>
      </c>
      <c r="I11283" s="40">
        <v>25.65917997398865</v>
      </c>
      <c r="L11283" s="40"/>
      <c r="M11283" s="40"/>
      <c r="N11283" s="40"/>
    </row>
    <row r="11284" spans="4:14" x14ac:dyDescent="0.25">
      <c r="D11284" s="40"/>
      <c r="F11284" s="40">
        <v>187.91666699999999</v>
      </c>
      <c r="G11284" s="40">
        <v>22.842654147880594</v>
      </c>
      <c r="H11284" s="40">
        <v>187.91666700000002</v>
      </c>
      <c r="I11284" s="40">
        <v>25.65917997398865</v>
      </c>
      <c r="L11284" s="40"/>
      <c r="M11284" s="40"/>
      <c r="N11284" s="40"/>
    </row>
    <row r="11285" spans="4:14" x14ac:dyDescent="0.25">
      <c r="D11285" s="40"/>
      <c r="F11285" s="40">
        <v>187.93333299999998</v>
      </c>
      <c r="G11285" s="40">
        <v>22.842654147880594</v>
      </c>
      <c r="H11285" s="40">
        <v>187.933334</v>
      </c>
      <c r="I11285" s="40">
        <v>25.662532710131909</v>
      </c>
      <c r="L11285" s="40"/>
      <c r="M11285" s="40"/>
      <c r="N11285" s="40"/>
    </row>
    <row r="11286" spans="4:14" x14ac:dyDescent="0.25">
      <c r="D11286" s="40"/>
      <c r="F11286" s="40">
        <v>187.95000000000002</v>
      </c>
      <c r="G11286" s="40">
        <v>22.842654147880594</v>
      </c>
      <c r="H11286" s="40">
        <v>187.95</v>
      </c>
      <c r="I11286" s="40">
        <v>25.662532710131909</v>
      </c>
      <c r="L11286" s="40"/>
      <c r="M11286" s="40"/>
      <c r="N11286" s="40"/>
    </row>
    <row r="11287" spans="4:14" x14ac:dyDescent="0.25">
      <c r="D11287" s="40"/>
      <c r="F11287" s="40">
        <v>187.966667</v>
      </c>
      <c r="G11287" s="40">
        <v>22.842654147880594</v>
      </c>
      <c r="H11287" s="40">
        <v>187.96666700000003</v>
      </c>
      <c r="I11287" s="40">
        <v>25.662532710131909</v>
      </c>
      <c r="L11287" s="40"/>
      <c r="M11287" s="40"/>
      <c r="N11287" s="40"/>
    </row>
    <row r="11288" spans="4:14" x14ac:dyDescent="0.25">
      <c r="D11288" s="40"/>
      <c r="F11288" s="40">
        <v>187.98333299999999</v>
      </c>
      <c r="G11288" s="40">
        <v>22.842654147880594</v>
      </c>
      <c r="H11288" s="40">
        <v>187.98333400000001</v>
      </c>
      <c r="I11288" s="40">
        <v>25.662532710131909</v>
      </c>
      <c r="L11288" s="40"/>
      <c r="M11288" s="40"/>
      <c r="N11288" s="40"/>
    </row>
    <row r="11289" spans="4:14" x14ac:dyDescent="0.25">
      <c r="D11289" s="40"/>
      <c r="F11289" s="40">
        <v>187.99999999999997</v>
      </c>
      <c r="G11289" s="40">
        <v>22.847409391970814</v>
      </c>
      <c r="H11289" s="40">
        <v>188</v>
      </c>
      <c r="I11289" s="40">
        <v>25.662532710131909</v>
      </c>
      <c r="L11289" s="40"/>
      <c r="M11289" s="40"/>
      <c r="N11289" s="40"/>
    </row>
    <row r="11290" spans="4:14" x14ac:dyDescent="0.25">
      <c r="D11290" s="40"/>
      <c r="F11290" s="40">
        <v>188.01666700000001</v>
      </c>
      <c r="G11290" s="40">
        <v>22.847409391970814</v>
      </c>
      <c r="H11290" s="40">
        <v>188.01666699999998</v>
      </c>
      <c r="I11290" s="40">
        <v>25.665885446275343</v>
      </c>
      <c r="L11290" s="40"/>
      <c r="M11290" s="40"/>
      <c r="N11290" s="40"/>
    </row>
    <row r="11291" spans="4:14" x14ac:dyDescent="0.25">
      <c r="D11291" s="40"/>
      <c r="F11291" s="40">
        <v>188.033333</v>
      </c>
      <c r="G11291" s="40">
        <v>22.847409391970814</v>
      </c>
      <c r="H11291" s="40">
        <v>188.03333400000002</v>
      </c>
      <c r="I11291" s="40">
        <v>25.665885446275343</v>
      </c>
      <c r="L11291" s="40"/>
      <c r="M11291" s="40"/>
      <c r="N11291" s="40"/>
    </row>
    <row r="11292" spans="4:14" x14ac:dyDescent="0.25">
      <c r="D11292" s="40"/>
      <c r="F11292" s="40">
        <v>188.04999999999998</v>
      </c>
      <c r="G11292" s="40">
        <v>22.847409391970814</v>
      </c>
      <c r="H11292" s="40">
        <v>188.05</v>
      </c>
      <c r="I11292" s="40">
        <v>25.665885446275343</v>
      </c>
      <c r="L11292" s="40"/>
      <c r="M11292" s="40"/>
      <c r="N11292" s="40"/>
    </row>
    <row r="11293" spans="4:14" x14ac:dyDescent="0.25">
      <c r="D11293" s="40"/>
      <c r="F11293" s="40">
        <v>188.06666699999997</v>
      </c>
      <c r="G11293" s="40">
        <v>22.847409391970814</v>
      </c>
      <c r="H11293" s="40">
        <v>188.066667</v>
      </c>
      <c r="I11293" s="40">
        <v>25.665885446275343</v>
      </c>
      <c r="L11293" s="40"/>
      <c r="M11293" s="40"/>
      <c r="N11293" s="40"/>
    </row>
    <row r="11294" spans="4:14" x14ac:dyDescent="0.25">
      <c r="D11294" s="40"/>
      <c r="F11294" s="40">
        <v>188.08333300000001</v>
      </c>
      <c r="G11294" s="40">
        <v>22.847409391970814</v>
      </c>
      <c r="H11294" s="40">
        <v>188.08333399999998</v>
      </c>
      <c r="I11294" s="40">
        <v>25.665885446275343</v>
      </c>
      <c r="L11294" s="40"/>
      <c r="M11294" s="40"/>
      <c r="N11294" s="40"/>
    </row>
    <row r="11295" spans="4:14" x14ac:dyDescent="0.25">
      <c r="D11295" s="40"/>
      <c r="F11295" s="40">
        <v>188.1</v>
      </c>
      <c r="G11295" s="40">
        <v>22.847409391970814</v>
      </c>
      <c r="H11295" s="40">
        <v>188.10000000000002</v>
      </c>
      <c r="I11295" s="40">
        <v>25.669139572532107</v>
      </c>
      <c r="L11295" s="40"/>
      <c r="M11295" s="40"/>
      <c r="N11295" s="40"/>
    </row>
    <row r="11296" spans="4:14" x14ac:dyDescent="0.25">
      <c r="D11296" s="40"/>
      <c r="F11296" s="40">
        <v>188.11666699999998</v>
      </c>
      <c r="G11296" s="40">
        <v>22.847409391970814</v>
      </c>
      <c r="H11296" s="40">
        <v>188.11666700000001</v>
      </c>
      <c r="I11296" s="40">
        <v>25.669139572532107</v>
      </c>
      <c r="L11296" s="40"/>
      <c r="M11296" s="40"/>
      <c r="N11296" s="40"/>
    </row>
    <row r="11297" spans="4:14" x14ac:dyDescent="0.25">
      <c r="D11297" s="40"/>
      <c r="F11297" s="40">
        <v>188.13333300000002</v>
      </c>
      <c r="G11297" s="40">
        <v>22.847409391970814</v>
      </c>
      <c r="H11297" s="40">
        <v>188.13333399999999</v>
      </c>
      <c r="I11297" s="40">
        <v>25.669139572532107</v>
      </c>
      <c r="L11297" s="40"/>
      <c r="M11297" s="40"/>
      <c r="N11297" s="40"/>
    </row>
    <row r="11298" spans="4:14" x14ac:dyDescent="0.25">
      <c r="D11298" s="40"/>
      <c r="F11298" s="40">
        <v>188.15</v>
      </c>
      <c r="G11298" s="40">
        <v>22.847409391970814</v>
      </c>
      <c r="H11298" s="40">
        <v>188.15000000000003</v>
      </c>
      <c r="I11298" s="40">
        <v>25.669139572532107</v>
      </c>
      <c r="L11298" s="40"/>
      <c r="M11298" s="40"/>
      <c r="N11298" s="40"/>
    </row>
    <row r="11299" spans="4:14" x14ac:dyDescent="0.25">
      <c r="D11299" s="40"/>
      <c r="F11299" s="40">
        <v>188.16666699999999</v>
      </c>
      <c r="G11299" s="40">
        <v>22.847409391970814</v>
      </c>
      <c r="H11299" s="40">
        <v>188.16666700000002</v>
      </c>
      <c r="I11299" s="40">
        <v>25.672492308675363</v>
      </c>
      <c r="L11299" s="40"/>
      <c r="M11299" s="40"/>
      <c r="N11299" s="40"/>
    </row>
    <row r="11300" spans="4:14" x14ac:dyDescent="0.25">
      <c r="D11300" s="40"/>
      <c r="F11300" s="40">
        <v>188.18333299999998</v>
      </c>
      <c r="G11300" s="40">
        <v>22.847409391970814</v>
      </c>
      <c r="H11300" s="40">
        <v>188.183334</v>
      </c>
      <c r="I11300" s="40">
        <v>25.672492308675363</v>
      </c>
      <c r="L11300" s="40"/>
      <c r="M11300" s="40"/>
      <c r="N11300" s="40"/>
    </row>
    <row r="11301" spans="4:14" x14ac:dyDescent="0.25">
      <c r="D11301" s="40"/>
      <c r="F11301" s="40">
        <v>188.20000000000002</v>
      </c>
      <c r="G11301" s="40">
        <v>22.847409391970814</v>
      </c>
      <c r="H11301" s="40">
        <v>188.2</v>
      </c>
      <c r="I11301" s="40">
        <v>25.672492308675363</v>
      </c>
      <c r="L11301" s="40"/>
      <c r="M11301" s="40"/>
      <c r="N11301" s="40"/>
    </row>
    <row r="11302" spans="4:14" x14ac:dyDescent="0.25">
      <c r="D11302" s="40"/>
      <c r="F11302" s="40">
        <v>188.216667</v>
      </c>
      <c r="G11302" s="40">
        <v>22.847409391970814</v>
      </c>
      <c r="H11302" s="40">
        <v>188.21666700000003</v>
      </c>
      <c r="I11302" s="40">
        <v>25.672492308675363</v>
      </c>
      <c r="L11302" s="40"/>
      <c r="M11302" s="40"/>
      <c r="N11302" s="40"/>
    </row>
    <row r="11303" spans="4:14" x14ac:dyDescent="0.25">
      <c r="D11303" s="40"/>
      <c r="F11303" s="40">
        <v>188.23333299999999</v>
      </c>
      <c r="G11303" s="40">
        <v>22.847409391970814</v>
      </c>
      <c r="H11303" s="40">
        <v>188.23333400000001</v>
      </c>
      <c r="I11303" s="40">
        <v>25.675845044818619</v>
      </c>
      <c r="L11303" s="40"/>
      <c r="M11303" s="40"/>
      <c r="N11303" s="40"/>
    </row>
    <row r="11304" spans="4:14" x14ac:dyDescent="0.25">
      <c r="D11304" s="40"/>
      <c r="F11304" s="40">
        <v>188.24999999999997</v>
      </c>
      <c r="G11304" s="40">
        <v>22.852164636060909</v>
      </c>
      <c r="H11304" s="40">
        <v>188.25</v>
      </c>
      <c r="I11304" s="40">
        <v>25.675845044818619</v>
      </c>
      <c r="L11304" s="40"/>
      <c r="M11304" s="40"/>
      <c r="N11304" s="40"/>
    </row>
    <row r="11305" spans="4:14" x14ac:dyDescent="0.25">
      <c r="D11305" s="40"/>
      <c r="F11305" s="40">
        <v>188.26666700000001</v>
      </c>
      <c r="G11305" s="40">
        <v>22.852164636060909</v>
      </c>
      <c r="H11305" s="40">
        <v>188.26666699999998</v>
      </c>
      <c r="I11305" s="40">
        <v>25.675845044818619</v>
      </c>
      <c r="L11305" s="40"/>
      <c r="M11305" s="40"/>
      <c r="N11305" s="40"/>
    </row>
    <row r="11306" spans="4:14" x14ac:dyDescent="0.25">
      <c r="D11306" s="40"/>
      <c r="F11306" s="40">
        <v>188.283333</v>
      </c>
      <c r="G11306" s="40">
        <v>22.852164636060909</v>
      </c>
      <c r="H11306" s="40">
        <v>188.28333400000002</v>
      </c>
      <c r="I11306" s="40">
        <v>25.675845044818619</v>
      </c>
      <c r="L11306" s="40"/>
      <c r="M11306" s="40"/>
      <c r="N11306" s="40"/>
    </row>
    <row r="11307" spans="4:14" x14ac:dyDescent="0.25">
      <c r="D11307" s="40"/>
      <c r="F11307" s="40">
        <v>188.29999999999998</v>
      </c>
      <c r="G11307" s="40">
        <v>22.852164636060909</v>
      </c>
      <c r="H11307" s="40">
        <v>188.3</v>
      </c>
      <c r="I11307" s="40">
        <v>25.679099171075382</v>
      </c>
      <c r="L11307" s="40"/>
      <c r="M11307" s="40"/>
      <c r="N11307" s="40"/>
    </row>
    <row r="11308" spans="4:14" x14ac:dyDescent="0.25">
      <c r="D11308" s="40"/>
      <c r="F11308" s="40">
        <v>188.31666699999997</v>
      </c>
      <c r="G11308" s="40">
        <v>22.852164636060909</v>
      </c>
      <c r="H11308" s="40">
        <v>188.316667</v>
      </c>
      <c r="I11308" s="40">
        <v>25.679099171075382</v>
      </c>
      <c r="L11308" s="40"/>
      <c r="M11308" s="40"/>
      <c r="N11308" s="40"/>
    </row>
    <row r="11309" spans="4:14" x14ac:dyDescent="0.25">
      <c r="D11309" s="40"/>
      <c r="F11309" s="40">
        <v>188.33333300000001</v>
      </c>
      <c r="G11309" s="40">
        <v>22.852164636060909</v>
      </c>
      <c r="H11309" s="40">
        <v>188.33333399999998</v>
      </c>
      <c r="I11309" s="40">
        <v>25.679099171075382</v>
      </c>
      <c r="L11309" s="40"/>
      <c r="M11309" s="40"/>
      <c r="N11309" s="40"/>
    </row>
    <row r="11310" spans="4:14" x14ac:dyDescent="0.25">
      <c r="D11310" s="40"/>
      <c r="F11310" s="40">
        <v>188.35</v>
      </c>
      <c r="G11310" s="40">
        <v>22.852164636060909</v>
      </c>
      <c r="H11310" s="40">
        <v>188.35000000000002</v>
      </c>
      <c r="I11310" s="40">
        <v>25.679099171075382</v>
      </c>
      <c r="L11310" s="40"/>
      <c r="M11310" s="40"/>
      <c r="N11310" s="40"/>
    </row>
    <row r="11311" spans="4:14" x14ac:dyDescent="0.25">
      <c r="D11311" s="40"/>
      <c r="F11311" s="40">
        <v>188.36666699999998</v>
      </c>
      <c r="G11311" s="40">
        <v>22.852164636060909</v>
      </c>
      <c r="H11311" s="40">
        <v>188.36666700000001</v>
      </c>
      <c r="I11311" s="40">
        <v>25.682451907218638</v>
      </c>
      <c r="L11311" s="40"/>
      <c r="M11311" s="40"/>
      <c r="N11311" s="40"/>
    </row>
    <row r="11312" spans="4:14" x14ac:dyDescent="0.25">
      <c r="D11312" s="40"/>
      <c r="F11312" s="40">
        <v>188.38333300000002</v>
      </c>
      <c r="G11312" s="40">
        <v>22.852164636060909</v>
      </c>
      <c r="H11312" s="40">
        <v>188.38333399999999</v>
      </c>
      <c r="I11312" s="40">
        <v>25.682451907218638</v>
      </c>
      <c r="L11312" s="40"/>
      <c r="M11312" s="40"/>
      <c r="N11312" s="40"/>
    </row>
    <row r="11313" spans="4:14" x14ac:dyDescent="0.25">
      <c r="D11313" s="40"/>
      <c r="F11313" s="40">
        <v>188.4</v>
      </c>
      <c r="G11313" s="40">
        <v>22.852164636060909</v>
      </c>
      <c r="H11313" s="40">
        <v>188.40000000000003</v>
      </c>
      <c r="I11313" s="40">
        <v>25.682451907218638</v>
      </c>
      <c r="L11313" s="40"/>
      <c r="M11313" s="40"/>
      <c r="N11313" s="40"/>
    </row>
    <row r="11314" spans="4:14" x14ac:dyDescent="0.25">
      <c r="D11314" s="40"/>
      <c r="F11314" s="40">
        <v>188.41666699999999</v>
      </c>
      <c r="G11314" s="40">
        <v>22.852164636060909</v>
      </c>
      <c r="H11314" s="40">
        <v>188.41666700000002</v>
      </c>
      <c r="I11314" s="40">
        <v>25.682451907218638</v>
      </c>
      <c r="L11314" s="40"/>
      <c r="M11314" s="40"/>
      <c r="N11314" s="40"/>
    </row>
    <row r="11315" spans="4:14" x14ac:dyDescent="0.25">
      <c r="D11315" s="40"/>
      <c r="F11315" s="40">
        <v>188.43333299999998</v>
      </c>
      <c r="G11315" s="40">
        <v>22.852164636060909</v>
      </c>
      <c r="H11315" s="40">
        <v>188.433334</v>
      </c>
      <c r="I11315" s="40">
        <v>25.682451907218638</v>
      </c>
      <c r="L11315" s="40"/>
      <c r="M11315" s="40"/>
      <c r="N11315" s="40"/>
    </row>
    <row r="11316" spans="4:14" x14ac:dyDescent="0.25">
      <c r="D11316" s="40"/>
      <c r="F11316" s="40">
        <v>188.45000000000002</v>
      </c>
      <c r="G11316" s="40">
        <v>22.852164636060909</v>
      </c>
      <c r="H11316" s="40">
        <v>188.45</v>
      </c>
      <c r="I11316" s="40">
        <v>25.682451907218638</v>
      </c>
      <c r="L11316" s="40"/>
      <c r="M11316" s="40"/>
      <c r="N11316" s="40"/>
    </row>
    <row r="11317" spans="4:14" x14ac:dyDescent="0.25">
      <c r="D11317" s="40"/>
      <c r="F11317" s="40">
        <v>188.466667</v>
      </c>
      <c r="G11317" s="40">
        <v>22.852164636060909</v>
      </c>
      <c r="H11317" s="40">
        <v>188.46666700000003</v>
      </c>
      <c r="I11317" s="40">
        <v>25.685804643362072</v>
      </c>
      <c r="L11317" s="40"/>
      <c r="M11317" s="40"/>
      <c r="N11317" s="40"/>
    </row>
    <row r="11318" spans="4:14" x14ac:dyDescent="0.25">
      <c r="D11318" s="40"/>
      <c r="F11318" s="40">
        <v>188.48333299999999</v>
      </c>
      <c r="G11318" s="40">
        <v>22.847409391970814</v>
      </c>
      <c r="H11318" s="40">
        <v>188.48333400000001</v>
      </c>
      <c r="I11318" s="40">
        <v>25.685804643362072</v>
      </c>
      <c r="L11318" s="40"/>
      <c r="M11318" s="40"/>
      <c r="N11318" s="40"/>
    </row>
    <row r="11319" spans="4:14" x14ac:dyDescent="0.25">
      <c r="D11319" s="40"/>
      <c r="F11319" s="40">
        <v>188.49999999999997</v>
      </c>
      <c r="G11319" s="40">
        <v>22.852164636060909</v>
      </c>
      <c r="H11319" s="40">
        <v>188.5</v>
      </c>
      <c r="I11319" s="40">
        <v>25.685804643362072</v>
      </c>
      <c r="L11319" s="40"/>
      <c r="M11319" s="40"/>
      <c r="N11319" s="40"/>
    </row>
    <row r="11320" spans="4:14" x14ac:dyDescent="0.25">
      <c r="D11320" s="40"/>
      <c r="F11320" s="40">
        <v>188.51666700000001</v>
      </c>
      <c r="G11320" s="40">
        <v>22.852164636060909</v>
      </c>
      <c r="H11320" s="40">
        <v>188.51666699999998</v>
      </c>
      <c r="I11320" s="40">
        <v>25.685804643362072</v>
      </c>
      <c r="L11320" s="40"/>
      <c r="M11320" s="40"/>
      <c r="N11320" s="40"/>
    </row>
    <row r="11321" spans="4:14" x14ac:dyDescent="0.25">
      <c r="D11321" s="40"/>
      <c r="F11321" s="40">
        <v>188.533333</v>
      </c>
      <c r="G11321" s="40">
        <v>22.852164636060909</v>
      </c>
      <c r="H11321" s="40">
        <v>188.53333400000002</v>
      </c>
      <c r="I11321" s="40">
        <v>25.685804643362072</v>
      </c>
      <c r="L11321" s="40"/>
      <c r="M11321" s="40"/>
      <c r="N11321" s="40"/>
    </row>
    <row r="11322" spans="4:14" x14ac:dyDescent="0.25">
      <c r="D11322" s="40"/>
      <c r="F11322" s="40">
        <v>188.54999999999998</v>
      </c>
      <c r="G11322" s="40">
        <v>22.852164636060909</v>
      </c>
      <c r="H11322" s="40">
        <v>188.55</v>
      </c>
      <c r="I11322" s="40">
        <v>25.685804643362072</v>
      </c>
      <c r="L11322" s="40"/>
      <c r="M11322" s="40"/>
      <c r="N11322" s="40"/>
    </row>
    <row r="11323" spans="4:14" x14ac:dyDescent="0.25">
      <c r="D11323" s="40"/>
      <c r="F11323" s="40">
        <v>188.56666699999997</v>
      </c>
      <c r="G11323" s="40">
        <v>22.852164636060909</v>
      </c>
      <c r="H11323" s="40">
        <v>188.566667</v>
      </c>
      <c r="I11323" s="40">
        <v>25.689058769618835</v>
      </c>
      <c r="L11323" s="40"/>
      <c r="M11323" s="40"/>
      <c r="N11323" s="40"/>
    </row>
    <row r="11324" spans="4:14" x14ac:dyDescent="0.25">
      <c r="D11324" s="40"/>
      <c r="F11324" s="40">
        <v>188.58333300000001</v>
      </c>
      <c r="G11324" s="40">
        <v>22.852164636060909</v>
      </c>
      <c r="H11324" s="40">
        <v>188.58333399999998</v>
      </c>
      <c r="I11324" s="40">
        <v>25.689058769618835</v>
      </c>
      <c r="L11324" s="40"/>
      <c r="M11324" s="40"/>
      <c r="N11324" s="40"/>
    </row>
    <row r="11325" spans="4:14" x14ac:dyDescent="0.25">
      <c r="D11325" s="40"/>
      <c r="F11325" s="40">
        <v>188.6</v>
      </c>
      <c r="G11325" s="40">
        <v>22.852164636060909</v>
      </c>
      <c r="H11325" s="40">
        <v>188.60000000000002</v>
      </c>
      <c r="I11325" s="40">
        <v>25.689058769618835</v>
      </c>
      <c r="L11325" s="40"/>
      <c r="M11325" s="40"/>
      <c r="N11325" s="40"/>
    </row>
    <row r="11326" spans="4:14" x14ac:dyDescent="0.25">
      <c r="D11326" s="40"/>
      <c r="F11326" s="40">
        <v>188.61666699999998</v>
      </c>
      <c r="G11326" s="40">
        <v>22.852164636060909</v>
      </c>
      <c r="H11326" s="40">
        <v>188.61666700000001</v>
      </c>
      <c r="I11326" s="40">
        <v>25.689058769618835</v>
      </c>
      <c r="L11326" s="40"/>
      <c r="M11326" s="40"/>
      <c r="N11326" s="40"/>
    </row>
    <row r="11327" spans="4:14" x14ac:dyDescent="0.25">
      <c r="D11327" s="40"/>
      <c r="F11327" s="40">
        <v>188.63333300000002</v>
      </c>
      <c r="G11327" s="40">
        <v>22.856780020030808</v>
      </c>
      <c r="H11327" s="40">
        <v>188.63333399999999</v>
      </c>
      <c r="I11327" s="40">
        <v>25.692411505762095</v>
      </c>
      <c r="L11327" s="40"/>
      <c r="M11327" s="40"/>
      <c r="N11327" s="40"/>
    </row>
    <row r="11328" spans="4:14" x14ac:dyDescent="0.25">
      <c r="D11328" s="40"/>
      <c r="F11328" s="40">
        <v>188.65</v>
      </c>
      <c r="G11328" s="40">
        <v>22.856780020030808</v>
      </c>
      <c r="H11328" s="40">
        <v>188.65000000000003</v>
      </c>
      <c r="I11328" s="40">
        <v>25.692411505762095</v>
      </c>
      <c r="L11328" s="40"/>
      <c r="M11328" s="40"/>
      <c r="N11328" s="40"/>
    </row>
    <row r="11329" spans="4:14" x14ac:dyDescent="0.25">
      <c r="D11329" s="40"/>
      <c r="F11329" s="40">
        <v>188.66666699999999</v>
      </c>
      <c r="G11329" s="40">
        <v>22.856780020030808</v>
      </c>
      <c r="H11329" s="40">
        <v>188.66666700000002</v>
      </c>
      <c r="I11329" s="40">
        <v>25.692411505762095</v>
      </c>
      <c r="L11329" s="40"/>
      <c r="M11329" s="40"/>
      <c r="N11329" s="40"/>
    </row>
    <row r="11330" spans="4:14" x14ac:dyDescent="0.25">
      <c r="D11330" s="40"/>
      <c r="F11330" s="40">
        <v>188.68333299999998</v>
      </c>
      <c r="G11330" s="40">
        <v>22.856780020030808</v>
      </c>
      <c r="H11330" s="40">
        <v>188.683334</v>
      </c>
      <c r="I11330" s="40">
        <v>25.692411505762095</v>
      </c>
      <c r="L11330" s="40"/>
      <c r="M11330" s="40"/>
      <c r="N11330" s="40"/>
    </row>
    <row r="11331" spans="4:14" x14ac:dyDescent="0.25">
      <c r="D11331" s="40"/>
      <c r="F11331" s="40">
        <v>188.70000000000002</v>
      </c>
      <c r="G11331" s="40">
        <v>22.856780020030808</v>
      </c>
      <c r="H11331" s="40">
        <v>188.7</v>
      </c>
      <c r="I11331" s="40">
        <v>25.692411505762095</v>
      </c>
      <c r="L11331" s="40"/>
      <c r="M11331" s="40"/>
      <c r="N11331" s="40"/>
    </row>
    <row r="11332" spans="4:14" x14ac:dyDescent="0.25">
      <c r="D11332" s="40"/>
      <c r="F11332" s="40">
        <v>188.716667</v>
      </c>
      <c r="G11332" s="40">
        <v>22.861535264121031</v>
      </c>
      <c r="H11332" s="40">
        <v>188.71666700000003</v>
      </c>
      <c r="I11332" s="40">
        <v>25.695764241905348</v>
      </c>
      <c r="L11332" s="40"/>
      <c r="M11332" s="40"/>
      <c r="N11332" s="40"/>
    </row>
    <row r="11333" spans="4:14" x14ac:dyDescent="0.25">
      <c r="D11333" s="40"/>
      <c r="F11333" s="40">
        <v>188.73333299999999</v>
      </c>
      <c r="G11333" s="40">
        <v>22.861535264121031</v>
      </c>
      <c r="H11333" s="40">
        <v>188.73333400000001</v>
      </c>
      <c r="I11333" s="40">
        <v>25.695764241905348</v>
      </c>
      <c r="L11333" s="40"/>
      <c r="M11333" s="40"/>
      <c r="N11333" s="40"/>
    </row>
    <row r="11334" spans="4:14" x14ac:dyDescent="0.25">
      <c r="D11334" s="40"/>
      <c r="F11334" s="40">
        <v>188.74999999999997</v>
      </c>
      <c r="G11334" s="40">
        <v>22.861535264121031</v>
      </c>
      <c r="H11334" s="40">
        <v>188.75</v>
      </c>
      <c r="I11334" s="40">
        <v>25.695764241905348</v>
      </c>
      <c r="L11334" s="40"/>
      <c r="M11334" s="40"/>
      <c r="N11334" s="40"/>
    </row>
    <row r="11335" spans="4:14" x14ac:dyDescent="0.25">
      <c r="D11335" s="40"/>
      <c r="F11335" s="40">
        <v>188.76666700000001</v>
      </c>
      <c r="G11335" s="40">
        <v>22.866290508211122</v>
      </c>
      <c r="H11335" s="40">
        <v>188.76666699999998</v>
      </c>
      <c r="I11335" s="40">
        <v>25.695764241905348</v>
      </c>
      <c r="L11335" s="40"/>
      <c r="M11335" s="40"/>
      <c r="N11335" s="40"/>
    </row>
    <row r="11336" spans="4:14" x14ac:dyDescent="0.25">
      <c r="D11336" s="40"/>
      <c r="F11336" s="40">
        <v>188.783333</v>
      </c>
      <c r="G11336" s="40">
        <v>22.866290508211122</v>
      </c>
      <c r="H11336" s="40">
        <v>188.78333400000002</v>
      </c>
      <c r="I11336" s="40">
        <v>25.695764241905348</v>
      </c>
      <c r="L11336" s="40"/>
      <c r="M11336" s="40"/>
      <c r="N11336" s="40"/>
    </row>
    <row r="11337" spans="4:14" x14ac:dyDescent="0.25">
      <c r="D11337" s="40"/>
      <c r="F11337" s="40">
        <v>188.79999999999998</v>
      </c>
      <c r="G11337" s="40">
        <v>22.866290508211122</v>
      </c>
      <c r="H11337" s="40">
        <v>188.8</v>
      </c>
      <c r="I11337" s="40">
        <v>25.699018368162111</v>
      </c>
      <c r="L11337" s="40"/>
      <c r="M11337" s="40"/>
      <c r="N11337" s="40"/>
    </row>
    <row r="11338" spans="4:14" x14ac:dyDescent="0.25">
      <c r="D11338" s="40"/>
      <c r="F11338" s="40">
        <v>188.81666699999997</v>
      </c>
      <c r="G11338" s="40">
        <v>22.870905892181025</v>
      </c>
      <c r="H11338" s="40">
        <v>188.816667</v>
      </c>
      <c r="I11338" s="40">
        <v>25.699018368162111</v>
      </c>
      <c r="L11338" s="40"/>
      <c r="M11338" s="40"/>
      <c r="N11338" s="40"/>
    </row>
    <row r="11339" spans="4:14" x14ac:dyDescent="0.25">
      <c r="D11339" s="40"/>
      <c r="F11339" s="40">
        <v>188.83333300000001</v>
      </c>
      <c r="G11339" s="40">
        <v>22.870905892181025</v>
      </c>
      <c r="H11339" s="40">
        <v>188.83333399999998</v>
      </c>
      <c r="I11339" s="40">
        <v>25.699018368162111</v>
      </c>
      <c r="L11339" s="40"/>
      <c r="M11339" s="40"/>
      <c r="N11339" s="40"/>
    </row>
    <row r="11340" spans="4:14" x14ac:dyDescent="0.25">
      <c r="D11340" s="40"/>
      <c r="F11340" s="40">
        <v>188.85</v>
      </c>
      <c r="G11340" s="40">
        <v>22.870905892181025</v>
      </c>
      <c r="H11340" s="40">
        <v>188.85000000000002</v>
      </c>
      <c r="I11340" s="40">
        <v>25.699018368162111</v>
      </c>
      <c r="L11340" s="40"/>
      <c r="M11340" s="40"/>
      <c r="N11340" s="40"/>
    </row>
    <row r="11341" spans="4:14" x14ac:dyDescent="0.25">
      <c r="D11341" s="40"/>
      <c r="F11341" s="40">
        <v>188.86666699999998</v>
      </c>
      <c r="G11341" s="40">
        <v>22.870905892181025</v>
      </c>
      <c r="H11341" s="40">
        <v>188.86666700000001</v>
      </c>
      <c r="I11341" s="40">
        <v>25.702371104305371</v>
      </c>
      <c r="L11341" s="40"/>
      <c r="M11341" s="40"/>
      <c r="N11341" s="40"/>
    </row>
    <row r="11342" spans="4:14" x14ac:dyDescent="0.25">
      <c r="D11342" s="40"/>
      <c r="F11342" s="40">
        <v>188.88333300000002</v>
      </c>
      <c r="G11342" s="40">
        <v>22.870905892181025</v>
      </c>
      <c r="H11342" s="40">
        <v>188.88333399999999</v>
      </c>
      <c r="I11342" s="40">
        <v>25.702371104305371</v>
      </c>
      <c r="L11342" s="40"/>
      <c r="M11342" s="40"/>
      <c r="N11342" s="40"/>
    </row>
    <row r="11343" spans="4:14" x14ac:dyDescent="0.25">
      <c r="D11343" s="40"/>
      <c r="F11343" s="40">
        <v>188.9</v>
      </c>
      <c r="G11343" s="40">
        <v>22.875661136271244</v>
      </c>
      <c r="H11343" s="40">
        <v>188.90000000000003</v>
      </c>
      <c r="I11343" s="40">
        <v>25.702371104305371</v>
      </c>
      <c r="L11343" s="40"/>
      <c r="M11343" s="40"/>
      <c r="N11343" s="40"/>
    </row>
    <row r="11344" spans="4:14" x14ac:dyDescent="0.25">
      <c r="D11344" s="40"/>
      <c r="F11344" s="40">
        <v>188.91666699999999</v>
      </c>
      <c r="G11344" s="40">
        <v>22.875661136271244</v>
      </c>
      <c r="H11344" s="40">
        <v>188.91666700000002</v>
      </c>
      <c r="I11344" s="40">
        <v>25.705723840448801</v>
      </c>
      <c r="L11344" s="40"/>
      <c r="M11344" s="40"/>
      <c r="N11344" s="40"/>
    </row>
    <row r="11345" spans="4:14" x14ac:dyDescent="0.25">
      <c r="D11345" s="40"/>
      <c r="F11345" s="40">
        <v>188.93333299999998</v>
      </c>
      <c r="G11345" s="40">
        <v>22.875661136271244</v>
      </c>
      <c r="H11345" s="40">
        <v>188.933334</v>
      </c>
      <c r="I11345" s="40">
        <v>25.705723840448801</v>
      </c>
      <c r="L11345" s="40"/>
      <c r="M11345" s="40"/>
      <c r="N11345" s="40"/>
    </row>
    <row r="11346" spans="4:14" x14ac:dyDescent="0.25">
      <c r="D11346" s="40"/>
      <c r="F11346" s="40">
        <v>188.95000000000002</v>
      </c>
      <c r="G11346" s="40">
        <v>22.875661136271244</v>
      </c>
      <c r="H11346" s="40">
        <v>188.95</v>
      </c>
      <c r="I11346" s="40">
        <v>25.705723840448801</v>
      </c>
      <c r="L11346" s="40"/>
      <c r="M11346" s="40"/>
      <c r="N11346" s="40"/>
    </row>
    <row r="11347" spans="4:14" x14ac:dyDescent="0.25">
      <c r="D11347" s="40"/>
      <c r="F11347" s="40">
        <v>188.966667</v>
      </c>
      <c r="G11347" s="40">
        <v>22.875661136271244</v>
      </c>
      <c r="H11347" s="40">
        <v>188.96666700000003</v>
      </c>
      <c r="I11347" s="40">
        <v>25.708977966705564</v>
      </c>
      <c r="L11347" s="40"/>
      <c r="M11347" s="40"/>
      <c r="N11347" s="40"/>
    </row>
    <row r="11348" spans="4:14" x14ac:dyDescent="0.25">
      <c r="D11348" s="40"/>
      <c r="F11348" s="40">
        <v>188.98333299999999</v>
      </c>
      <c r="G11348" s="40">
        <v>22.875661136271244</v>
      </c>
      <c r="H11348" s="40">
        <v>188.98333400000001</v>
      </c>
      <c r="I11348" s="40">
        <v>25.708977966705564</v>
      </c>
      <c r="L11348" s="40"/>
      <c r="M11348" s="40"/>
      <c r="N11348" s="40"/>
    </row>
    <row r="11349" spans="4:14" x14ac:dyDescent="0.25">
      <c r="D11349" s="40"/>
      <c r="F11349" s="40">
        <v>188.99999999999997</v>
      </c>
      <c r="G11349" s="40">
        <v>22.875661136271244</v>
      </c>
      <c r="H11349" s="40">
        <v>189</v>
      </c>
      <c r="I11349" s="40">
        <v>25.708977966705564</v>
      </c>
      <c r="L11349" s="40"/>
      <c r="M11349" s="40"/>
      <c r="N11349" s="40"/>
    </row>
    <row r="11350" spans="4:14" x14ac:dyDescent="0.25">
      <c r="D11350" s="40"/>
      <c r="F11350" s="40">
        <v>189.01666700000001</v>
      </c>
      <c r="G11350" s="40">
        <v>22.875661136271244</v>
      </c>
      <c r="H11350" s="40">
        <v>189.01666699999998</v>
      </c>
      <c r="I11350" s="40">
        <v>25.708977966705564</v>
      </c>
      <c r="L11350" s="40"/>
      <c r="M11350" s="40"/>
      <c r="N11350" s="40"/>
    </row>
    <row r="11351" spans="4:14" x14ac:dyDescent="0.25">
      <c r="D11351" s="40"/>
      <c r="F11351" s="40">
        <v>189.033333</v>
      </c>
      <c r="G11351" s="40">
        <v>22.875661136271244</v>
      </c>
      <c r="H11351" s="40">
        <v>189.03333400000002</v>
      </c>
      <c r="I11351" s="40">
        <v>25.712330702848824</v>
      </c>
      <c r="L11351" s="40"/>
      <c r="M11351" s="40"/>
      <c r="N11351" s="40"/>
    </row>
    <row r="11352" spans="4:14" x14ac:dyDescent="0.25">
      <c r="D11352" s="40"/>
      <c r="F11352" s="40">
        <v>189.04999999999998</v>
      </c>
      <c r="G11352" s="40">
        <v>22.875661136271244</v>
      </c>
      <c r="H11352" s="40">
        <v>189.05</v>
      </c>
      <c r="I11352" s="40">
        <v>25.712330702848824</v>
      </c>
      <c r="L11352" s="40"/>
      <c r="M11352" s="40"/>
      <c r="N11352" s="40"/>
    </row>
    <row r="11353" spans="4:14" x14ac:dyDescent="0.25">
      <c r="D11353" s="40"/>
      <c r="F11353" s="40">
        <v>189.06666699999997</v>
      </c>
      <c r="G11353" s="40">
        <v>22.870905892181025</v>
      </c>
      <c r="H11353" s="40">
        <v>189.066667</v>
      </c>
      <c r="I11353" s="40">
        <v>25.712330702848824</v>
      </c>
      <c r="L11353" s="40"/>
      <c r="M11353" s="40"/>
      <c r="N11353" s="40"/>
    </row>
    <row r="11354" spans="4:14" x14ac:dyDescent="0.25">
      <c r="D11354" s="40"/>
      <c r="F11354" s="40">
        <v>189.08333300000001</v>
      </c>
      <c r="G11354" s="40">
        <v>22.870905892181025</v>
      </c>
      <c r="H11354" s="40">
        <v>189.08333399999998</v>
      </c>
      <c r="I11354" s="40">
        <v>25.712330702848824</v>
      </c>
      <c r="L11354" s="40"/>
      <c r="M11354" s="40"/>
      <c r="N11354" s="40"/>
    </row>
    <row r="11355" spans="4:14" x14ac:dyDescent="0.25">
      <c r="D11355" s="40"/>
      <c r="F11355" s="40">
        <v>189.1</v>
      </c>
      <c r="G11355" s="40">
        <v>22.870905892181025</v>
      </c>
      <c r="H11355" s="40">
        <v>189.10000000000002</v>
      </c>
      <c r="I11355" s="40">
        <v>25.715683438992077</v>
      </c>
      <c r="L11355" s="40"/>
      <c r="M11355" s="40"/>
      <c r="N11355" s="40"/>
    </row>
    <row r="11356" spans="4:14" x14ac:dyDescent="0.25">
      <c r="D11356" s="40"/>
      <c r="F11356" s="40">
        <v>189.11666699999998</v>
      </c>
      <c r="G11356" s="40">
        <v>22.866290508211122</v>
      </c>
      <c r="H11356" s="40">
        <v>189.11666700000001</v>
      </c>
      <c r="I11356" s="40">
        <v>25.715683438992077</v>
      </c>
      <c r="L11356" s="40"/>
      <c r="M11356" s="40"/>
      <c r="N11356" s="40"/>
    </row>
    <row r="11357" spans="4:14" x14ac:dyDescent="0.25">
      <c r="D11357" s="40"/>
      <c r="F11357" s="40">
        <v>189.13333300000002</v>
      </c>
      <c r="G11357" s="40">
        <v>22.866290508211122</v>
      </c>
      <c r="H11357" s="40">
        <v>189.13333399999999</v>
      </c>
      <c r="I11357" s="40">
        <v>25.715683438992077</v>
      </c>
      <c r="L11357" s="40"/>
      <c r="M11357" s="40"/>
      <c r="N11357" s="40"/>
    </row>
    <row r="11358" spans="4:14" x14ac:dyDescent="0.25">
      <c r="D11358" s="40"/>
      <c r="F11358" s="40">
        <v>189.15</v>
      </c>
      <c r="G11358" s="40">
        <v>22.861535264121031</v>
      </c>
      <c r="H11358" s="40">
        <v>189.15000000000003</v>
      </c>
      <c r="I11358" s="40">
        <v>25.71893756524884</v>
      </c>
      <c r="L11358" s="40"/>
      <c r="M11358" s="40"/>
      <c r="N11358" s="40"/>
    </row>
    <row r="11359" spans="4:14" x14ac:dyDescent="0.25">
      <c r="D11359" s="40"/>
      <c r="F11359" s="40">
        <v>189.16666699999999</v>
      </c>
      <c r="G11359" s="40">
        <v>22.861535264121031</v>
      </c>
      <c r="H11359" s="40">
        <v>189.16666700000002</v>
      </c>
      <c r="I11359" s="40">
        <v>25.71893756524884</v>
      </c>
      <c r="L11359" s="40"/>
      <c r="M11359" s="40"/>
      <c r="N11359" s="40"/>
    </row>
    <row r="11360" spans="4:14" x14ac:dyDescent="0.25">
      <c r="D11360" s="40"/>
      <c r="F11360" s="40">
        <v>189.18333299999998</v>
      </c>
      <c r="G11360" s="40">
        <v>22.856780020030808</v>
      </c>
      <c r="H11360" s="40">
        <v>189.183334</v>
      </c>
      <c r="I11360" s="40">
        <v>25.71893756524884</v>
      </c>
      <c r="L11360" s="40"/>
      <c r="M11360" s="40"/>
      <c r="N11360" s="40"/>
    </row>
    <row r="11361" spans="4:14" x14ac:dyDescent="0.25">
      <c r="D11361" s="40"/>
      <c r="F11361" s="40">
        <v>189.20000000000002</v>
      </c>
      <c r="G11361" s="40">
        <v>22.856780020030808</v>
      </c>
      <c r="H11361" s="40">
        <v>189.2</v>
      </c>
      <c r="I11361" s="40">
        <v>25.722290301392274</v>
      </c>
      <c r="L11361" s="40"/>
      <c r="M11361" s="40"/>
      <c r="N11361" s="40"/>
    </row>
    <row r="11362" spans="4:14" x14ac:dyDescent="0.25">
      <c r="D11362" s="40"/>
      <c r="F11362" s="40">
        <v>189.216667</v>
      </c>
      <c r="G11362" s="40">
        <v>22.852164636060909</v>
      </c>
      <c r="H11362" s="40">
        <v>189.21666700000003</v>
      </c>
      <c r="I11362" s="40">
        <v>25.722290301392274</v>
      </c>
      <c r="L11362" s="40"/>
      <c r="M11362" s="40"/>
      <c r="N11362" s="40"/>
    </row>
    <row r="11363" spans="4:14" x14ac:dyDescent="0.25">
      <c r="D11363" s="40"/>
      <c r="F11363" s="40">
        <v>189.23333299999999</v>
      </c>
      <c r="G11363" s="40">
        <v>22.852164636060909</v>
      </c>
      <c r="H11363" s="40">
        <v>189.23333400000001</v>
      </c>
      <c r="I11363" s="40">
        <v>25.722290301392274</v>
      </c>
      <c r="L11363" s="40"/>
      <c r="M11363" s="40"/>
      <c r="N11363" s="40"/>
    </row>
    <row r="11364" spans="4:14" x14ac:dyDescent="0.25">
      <c r="D11364" s="40"/>
      <c r="F11364" s="40">
        <v>189.24999999999997</v>
      </c>
      <c r="G11364" s="40">
        <v>22.852164636060909</v>
      </c>
      <c r="H11364" s="40">
        <v>189.25</v>
      </c>
      <c r="I11364" s="40">
        <v>25.722290301392274</v>
      </c>
      <c r="L11364" s="40"/>
      <c r="M11364" s="40"/>
      <c r="N11364" s="40"/>
    </row>
    <row r="11365" spans="4:14" x14ac:dyDescent="0.25">
      <c r="D11365" s="40"/>
      <c r="F11365" s="40">
        <v>189.26666700000001</v>
      </c>
      <c r="G11365" s="40">
        <v>22.852164636060909</v>
      </c>
      <c r="H11365" s="40">
        <v>189.26666699999998</v>
      </c>
      <c r="I11365" s="40">
        <v>25.725643037535534</v>
      </c>
      <c r="L11365" s="40"/>
      <c r="M11365" s="40"/>
      <c r="N11365" s="40"/>
    </row>
    <row r="11366" spans="4:14" x14ac:dyDescent="0.25">
      <c r="D11366" s="40"/>
      <c r="F11366" s="40">
        <v>189.283333</v>
      </c>
      <c r="G11366" s="40">
        <v>22.852164636060909</v>
      </c>
      <c r="H11366" s="40">
        <v>189.28333400000002</v>
      </c>
      <c r="I11366" s="40">
        <v>25.725643037535534</v>
      </c>
      <c r="L11366" s="40"/>
      <c r="M11366" s="40"/>
      <c r="N11366" s="40"/>
    </row>
    <row r="11367" spans="4:14" x14ac:dyDescent="0.25">
      <c r="D11367" s="40"/>
      <c r="F11367" s="40">
        <v>189.29999999999998</v>
      </c>
      <c r="G11367" s="40">
        <v>22.852164636060909</v>
      </c>
      <c r="H11367" s="40">
        <v>189.3</v>
      </c>
      <c r="I11367" s="40">
        <v>25.725643037535534</v>
      </c>
      <c r="L11367" s="40"/>
      <c r="M11367" s="40"/>
      <c r="N11367" s="40"/>
    </row>
    <row r="11368" spans="4:14" x14ac:dyDescent="0.25">
      <c r="D11368" s="40"/>
      <c r="F11368" s="40">
        <v>189.31666699999997</v>
      </c>
      <c r="G11368" s="40">
        <v>22.852164636060909</v>
      </c>
      <c r="H11368" s="40">
        <v>189.316667</v>
      </c>
      <c r="I11368" s="40">
        <v>25.725643037535534</v>
      </c>
      <c r="L11368" s="40"/>
      <c r="M11368" s="40"/>
      <c r="N11368" s="40"/>
    </row>
    <row r="11369" spans="4:14" x14ac:dyDescent="0.25">
      <c r="D11369" s="40"/>
      <c r="F11369" s="40">
        <v>189.33333300000001</v>
      </c>
      <c r="G11369" s="40">
        <v>22.852164636060909</v>
      </c>
      <c r="H11369" s="40">
        <v>189.33333399999998</v>
      </c>
      <c r="I11369" s="40">
        <v>25.728897163792297</v>
      </c>
      <c r="L11369" s="40"/>
      <c r="M11369" s="40"/>
      <c r="N11369" s="40"/>
    </row>
    <row r="11370" spans="4:14" x14ac:dyDescent="0.25">
      <c r="D11370" s="40"/>
      <c r="F11370" s="40">
        <v>189.35</v>
      </c>
      <c r="G11370" s="40">
        <v>22.856780020030808</v>
      </c>
      <c r="H11370" s="40">
        <v>189.35000000000002</v>
      </c>
      <c r="I11370" s="40">
        <v>25.728897163792297</v>
      </c>
      <c r="L11370" s="40"/>
      <c r="M11370" s="40"/>
      <c r="N11370" s="40"/>
    </row>
    <row r="11371" spans="4:14" x14ac:dyDescent="0.25">
      <c r="D11371" s="40"/>
      <c r="F11371" s="40">
        <v>189.36666699999998</v>
      </c>
      <c r="G11371" s="40">
        <v>22.856780020030808</v>
      </c>
      <c r="H11371" s="40">
        <v>189.36666700000001</v>
      </c>
      <c r="I11371" s="40">
        <v>25.728897163792297</v>
      </c>
      <c r="L11371" s="40"/>
      <c r="M11371" s="40"/>
      <c r="N11371" s="40"/>
    </row>
    <row r="11372" spans="4:14" x14ac:dyDescent="0.25">
      <c r="D11372" s="40"/>
      <c r="F11372" s="40">
        <v>189.38333300000002</v>
      </c>
      <c r="G11372" s="40">
        <v>22.856780020030808</v>
      </c>
      <c r="H11372" s="40">
        <v>189.38333399999999</v>
      </c>
      <c r="I11372" s="40">
        <v>25.732249899935553</v>
      </c>
      <c r="L11372" s="40"/>
      <c r="M11372" s="40"/>
      <c r="N11372" s="40"/>
    </row>
    <row r="11373" spans="4:14" x14ac:dyDescent="0.25">
      <c r="D11373" s="40"/>
      <c r="F11373" s="40">
        <v>189.4</v>
      </c>
      <c r="G11373" s="40">
        <v>22.852164636060909</v>
      </c>
      <c r="H11373" s="40">
        <v>189.40000000000003</v>
      </c>
      <c r="I11373" s="40">
        <v>25.732249899935553</v>
      </c>
      <c r="L11373" s="40"/>
      <c r="M11373" s="40"/>
      <c r="N11373" s="40"/>
    </row>
    <row r="11374" spans="4:14" x14ac:dyDescent="0.25">
      <c r="D11374" s="40"/>
      <c r="F11374" s="40">
        <v>189.41666699999999</v>
      </c>
      <c r="G11374" s="40">
        <v>22.856780020030808</v>
      </c>
      <c r="H11374" s="40">
        <v>189.41666700000002</v>
      </c>
      <c r="I11374" s="40">
        <v>25.732249899935553</v>
      </c>
      <c r="L11374" s="40"/>
      <c r="M11374" s="40"/>
      <c r="N11374" s="40"/>
    </row>
    <row r="11375" spans="4:14" x14ac:dyDescent="0.25">
      <c r="D11375" s="40"/>
      <c r="F11375" s="40">
        <v>189.43333299999998</v>
      </c>
      <c r="G11375" s="40">
        <v>22.856780020030808</v>
      </c>
      <c r="H11375" s="40">
        <v>189.433334</v>
      </c>
      <c r="I11375" s="40">
        <v>25.735602636078809</v>
      </c>
      <c r="L11375" s="40"/>
      <c r="M11375" s="40"/>
      <c r="N11375" s="40"/>
    </row>
    <row r="11376" spans="4:14" x14ac:dyDescent="0.25">
      <c r="D11376" s="40"/>
      <c r="F11376" s="40">
        <v>189.45000000000002</v>
      </c>
      <c r="G11376" s="40">
        <v>22.856780020030808</v>
      </c>
      <c r="H11376" s="40">
        <v>189.45</v>
      </c>
      <c r="I11376" s="40">
        <v>25.735602636078809</v>
      </c>
      <c r="L11376" s="40"/>
      <c r="M11376" s="40"/>
      <c r="N11376" s="40"/>
    </row>
    <row r="11377" spans="4:14" x14ac:dyDescent="0.25">
      <c r="D11377" s="40"/>
      <c r="F11377" s="40">
        <v>189.466667</v>
      </c>
      <c r="G11377" s="40">
        <v>22.856780020030808</v>
      </c>
      <c r="H11377" s="40">
        <v>189.46666700000003</v>
      </c>
      <c r="I11377" s="40">
        <v>25.735602636078809</v>
      </c>
      <c r="L11377" s="40"/>
      <c r="M11377" s="40"/>
      <c r="N11377" s="40"/>
    </row>
    <row r="11378" spans="4:14" x14ac:dyDescent="0.25">
      <c r="D11378" s="40"/>
      <c r="F11378" s="40">
        <v>189.48333299999999</v>
      </c>
      <c r="G11378" s="40">
        <v>22.856780020030808</v>
      </c>
      <c r="H11378" s="40">
        <v>189.48333400000001</v>
      </c>
      <c r="I11378" s="40">
        <v>25.735602636078809</v>
      </c>
      <c r="L11378" s="40"/>
      <c r="M11378" s="40"/>
      <c r="N11378" s="40"/>
    </row>
    <row r="11379" spans="4:14" x14ac:dyDescent="0.25">
      <c r="D11379" s="40"/>
      <c r="F11379" s="40">
        <v>189.49999999999997</v>
      </c>
      <c r="G11379" s="40">
        <v>22.856780020030808</v>
      </c>
      <c r="H11379" s="40">
        <v>189.5</v>
      </c>
      <c r="I11379" s="40">
        <v>25.738856762335573</v>
      </c>
      <c r="L11379" s="40"/>
      <c r="M11379" s="40"/>
      <c r="N11379" s="40"/>
    </row>
    <row r="11380" spans="4:14" x14ac:dyDescent="0.25">
      <c r="D11380" s="40"/>
      <c r="F11380" s="40">
        <v>189.51666700000001</v>
      </c>
      <c r="G11380" s="40">
        <v>22.861535264121031</v>
      </c>
      <c r="H11380" s="40">
        <v>189.51666699999998</v>
      </c>
      <c r="I11380" s="40">
        <v>25.738856762335573</v>
      </c>
      <c r="L11380" s="40"/>
      <c r="M11380" s="40"/>
      <c r="N11380" s="40"/>
    </row>
    <row r="11381" spans="4:14" x14ac:dyDescent="0.25">
      <c r="D11381" s="40"/>
      <c r="F11381" s="40">
        <v>189.533333</v>
      </c>
      <c r="G11381" s="40">
        <v>22.861535264121031</v>
      </c>
      <c r="H11381" s="40">
        <v>189.53333400000002</v>
      </c>
      <c r="I11381" s="40">
        <v>25.738856762335573</v>
      </c>
      <c r="L11381" s="40"/>
      <c r="M11381" s="40"/>
      <c r="N11381" s="40"/>
    </row>
    <row r="11382" spans="4:14" x14ac:dyDescent="0.25">
      <c r="D11382" s="40"/>
      <c r="F11382" s="40">
        <v>189.54999999999998</v>
      </c>
      <c r="G11382" s="40">
        <v>22.861535264121031</v>
      </c>
      <c r="H11382" s="40">
        <v>189.55</v>
      </c>
      <c r="I11382" s="40">
        <v>25.742209498479006</v>
      </c>
      <c r="L11382" s="40"/>
      <c r="M11382" s="40"/>
      <c r="N11382" s="40"/>
    </row>
    <row r="11383" spans="4:14" x14ac:dyDescent="0.25">
      <c r="D11383" s="40"/>
      <c r="F11383" s="40">
        <v>189.56666699999997</v>
      </c>
      <c r="G11383" s="40">
        <v>22.861535264121031</v>
      </c>
      <c r="H11383" s="40">
        <v>189.566667</v>
      </c>
      <c r="I11383" s="40">
        <v>25.742209498479006</v>
      </c>
      <c r="L11383" s="40"/>
      <c r="M11383" s="40"/>
      <c r="N11383" s="40"/>
    </row>
    <row r="11384" spans="4:14" x14ac:dyDescent="0.25">
      <c r="D11384" s="40"/>
      <c r="F11384" s="40">
        <v>189.58333300000001</v>
      </c>
      <c r="G11384" s="40">
        <v>22.861535264121031</v>
      </c>
      <c r="H11384" s="40">
        <v>189.58333399999998</v>
      </c>
      <c r="I11384" s="40">
        <v>25.742209498479006</v>
      </c>
      <c r="L11384" s="40"/>
      <c r="M11384" s="40"/>
      <c r="N11384" s="40"/>
    </row>
    <row r="11385" spans="4:14" x14ac:dyDescent="0.25">
      <c r="D11385" s="40"/>
      <c r="F11385" s="40">
        <v>189.6</v>
      </c>
      <c r="G11385" s="40">
        <v>22.861535264121031</v>
      </c>
      <c r="H11385" s="40">
        <v>189.60000000000002</v>
      </c>
      <c r="I11385" s="40">
        <v>25.742209498479006</v>
      </c>
      <c r="L11385" s="40"/>
      <c r="M11385" s="40"/>
      <c r="N11385" s="40"/>
    </row>
    <row r="11386" spans="4:14" x14ac:dyDescent="0.25">
      <c r="D11386" s="40"/>
      <c r="F11386" s="40">
        <v>189.61666699999998</v>
      </c>
      <c r="G11386" s="40">
        <v>22.866290508211122</v>
      </c>
      <c r="H11386" s="40">
        <v>189.61666700000001</v>
      </c>
      <c r="I11386" s="40">
        <v>25.745562234622263</v>
      </c>
      <c r="L11386" s="40"/>
      <c r="M11386" s="40"/>
      <c r="N11386" s="40"/>
    </row>
    <row r="11387" spans="4:14" x14ac:dyDescent="0.25">
      <c r="D11387" s="40"/>
      <c r="F11387" s="40">
        <v>189.63333300000002</v>
      </c>
      <c r="G11387" s="40">
        <v>22.866290508211122</v>
      </c>
      <c r="H11387" s="40">
        <v>189.63333399999999</v>
      </c>
      <c r="I11387" s="40">
        <v>25.745562234622263</v>
      </c>
      <c r="L11387" s="40"/>
      <c r="M11387" s="40"/>
      <c r="N11387" s="40"/>
    </row>
    <row r="11388" spans="4:14" x14ac:dyDescent="0.25">
      <c r="D11388" s="40"/>
      <c r="F11388" s="40">
        <v>189.65</v>
      </c>
      <c r="G11388" s="40">
        <v>22.866290508211122</v>
      </c>
      <c r="H11388" s="40">
        <v>189.65000000000003</v>
      </c>
      <c r="I11388" s="40">
        <v>25.745562234622263</v>
      </c>
      <c r="L11388" s="40"/>
      <c r="M11388" s="40"/>
      <c r="N11388" s="40"/>
    </row>
    <row r="11389" spans="4:14" x14ac:dyDescent="0.25">
      <c r="D11389" s="40"/>
      <c r="F11389" s="40">
        <v>189.66666699999999</v>
      </c>
      <c r="G11389" s="40">
        <v>22.866290508211122</v>
      </c>
      <c r="H11389" s="40">
        <v>189.66666700000002</v>
      </c>
      <c r="I11389" s="40">
        <v>25.745562234622263</v>
      </c>
      <c r="L11389" s="40"/>
      <c r="M11389" s="40"/>
      <c r="N11389" s="40"/>
    </row>
    <row r="11390" spans="4:14" x14ac:dyDescent="0.25">
      <c r="D11390" s="40"/>
      <c r="F11390" s="40">
        <v>189.68333299999998</v>
      </c>
      <c r="G11390" s="40">
        <v>22.866290508211122</v>
      </c>
      <c r="H11390" s="40">
        <v>189.683334</v>
      </c>
      <c r="I11390" s="40">
        <v>25.748816360879026</v>
      </c>
      <c r="L11390" s="40"/>
      <c r="M11390" s="40"/>
      <c r="N11390" s="40"/>
    </row>
    <row r="11391" spans="4:14" x14ac:dyDescent="0.25">
      <c r="D11391" s="40"/>
      <c r="F11391" s="40">
        <v>189.70000000000002</v>
      </c>
      <c r="G11391" s="40">
        <v>22.866290508211122</v>
      </c>
      <c r="H11391" s="40">
        <v>189.7</v>
      </c>
      <c r="I11391" s="40">
        <v>25.748816360879026</v>
      </c>
      <c r="L11391" s="40"/>
      <c r="M11391" s="40"/>
      <c r="N11391" s="40"/>
    </row>
    <row r="11392" spans="4:14" x14ac:dyDescent="0.25">
      <c r="D11392" s="40"/>
      <c r="F11392" s="40">
        <v>189.716667</v>
      </c>
      <c r="G11392" s="40">
        <v>22.866290508211122</v>
      </c>
      <c r="H11392" s="40">
        <v>189.71666700000003</v>
      </c>
      <c r="I11392" s="40">
        <v>25.748816360879026</v>
      </c>
      <c r="L11392" s="40"/>
      <c r="M11392" s="40"/>
      <c r="N11392" s="40"/>
    </row>
    <row r="11393" spans="4:14" x14ac:dyDescent="0.25">
      <c r="D11393" s="40"/>
      <c r="F11393" s="40">
        <v>189.73333299999999</v>
      </c>
      <c r="G11393" s="40">
        <v>22.866290508211122</v>
      </c>
      <c r="H11393" s="40">
        <v>189.73333400000001</v>
      </c>
      <c r="I11393" s="40">
        <v>25.748816360879026</v>
      </c>
      <c r="L11393" s="40"/>
      <c r="M11393" s="40"/>
      <c r="N11393" s="40"/>
    </row>
    <row r="11394" spans="4:14" x14ac:dyDescent="0.25">
      <c r="D11394" s="40"/>
      <c r="F11394" s="40">
        <v>189.74999999999997</v>
      </c>
      <c r="G11394" s="40">
        <v>22.866290508211122</v>
      </c>
      <c r="H11394" s="40">
        <v>189.75</v>
      </c>
      <c r="I11394" s="40">
        <v>25.748816360879026</v>
      </c>
      <c r="L11394" s="40"/>
      <c r="M11394" s="40"/>
      <c r="N11394" s="40"/>
    </row>
    <row r="11395" spans="4:14" x14ac:dyDescent="0.25">
      <c r="D11395" s="40"/>
      <c r="F11395" s="40">
        <v>189.76666700000001</v>
      </c>
      <c r="G11395" s="40">
        <v>22.866290508211122</v>
      </c>
      <c r="H11395" s="40">
        <v>189.76666699999998</v>
      </c>
      <c r="I11395" s="40">
        <v>25.752169097022282</v>
      </c>
      <c r="L11395" s="40"/>
      <c r="M11395" s="40"/>
      <c r="N11395" s="40"/>
    </row>
    <row r="11396" spans="4:14" x14ac:dyDescent="0.25">
      <c r="D11396" s="40"/>
      <c r="F11396" s="40">
        <v>189.783333</v>
      </c>
      <c r="G11396" s="40">
        <v>22.866290508211122</v>
      </c>
      <c r="H11396" s="40">
        <v>189.78333400000002</v>
      </c>
      <c r="I11396" s="40">
        <v>25.752169097022282</v>
      </c>
      <c r="L11396" s="40"/>
      <c r="M11396" s="40"/>
      <c r="N11396" s="40"/>
    </row>
    <row r="11397" spans="4:14" x14ac:dyDescent="0.25">
      <c r="D11397" s="40"/>
      <c r="F11397" s="40">
        <v>189.79999999999998</v>
      </c>
      <c r="G11397" s="40">
        <v>22.866290508211122</v>
      </c>
      <c r="H11397" s="40">
        <v>189.8</v>
      </c>
      <c r="I11397" s="40">
        <v>25.752169097022282</v>
      </c>
      <c r="L11397" s="40"/>
      <c r="M11397" s="40"/>
      <c r="N11397" s="40"/>
    </row>
    <row r="11398" spans="4:14" x14ac:dyDescent="0.25">
      <c r="D11398" s="40"/>
      <c r="F11398" s="40">
        <v>189.81666699999997</v>
      </c>
      <c r="G11398" s="40">
        <v>22.866290508211122</v>
      </c>
      <c r="H11398" s="40">
        <v>189.816667</v>
      </c>
      <c r="I11398" s="40">
        <v>25.752169097022282</v>
      </c>
      <c r="L11398" s="40"/>
      <c r="M11398" s="40"/>
      <c r="N11398" s="40"/>
    </row>
    <row r="11399" spans="4:14" x14ac:dyDescent="0.25">
      <c r="D11399" s="40"/>
      <c r="F11399" s="40">
        <v>189.83333300000001</v>
      </c>
      <c r="G11399" s="40">
        <v>22.866290508211122</v>
      </c>
      <c r="H11399" s="40">
        <v>189.83333399999998</v>
      </c>
      <c r="I11399" s="40">
        <v>25.755521833165712</v>
      </c>
      <c r="L11399" s="40"/>
      <c r="M11399" s="40"/>
      <c r="N11399" s="40"/>
    </row>
    <row r="11400" spans="4:14" x14ac:dyDescent="0.25">
      <c r="D11400" s="40"/>
      <c r="F11400" s="40">
        <v>189.85</v>
      </c>
      <c r="G11400" s="40">
        <v>22.866290508211122</v>
      </c>
      <c r="H11400" s="40">
        <v>189.85000000000002</v>
      </c>
      <c r="I11400" s="40">
        <v>25.755521833165712</v>
      </c>
      <c r="L11400" s="40"/>
      <c r="M11400" s="40"/>
      <c r="N11400" s="40"/>
    </row>
    <row r="11401" spans="4:14" x14ac:dyDescent="0.25">
      <c r="D11401" s="40"/>
      <c r="F11401" s="40">
        <v>189.86666699999998</v>
      </c>
      <c r="G11401" s="40">
        <v>22.861535264121031</v>
      </c>
      <c r="H11401" s="40">
        <v>189.86666700000001</v>
      </c>
      <c r="I11401" s="40">
        <v>25.755521833165712</v>
      </c>
      <c r="L11401" s="40"/>
      <c r="M11401" s="40"/>
      <c r="N11401" s="40"/>
    </row>
    <row r="11402" spans="4:14" x14ac:dyDescent="0.25">
      <c r="D11402" s="40"/>
      <c r="F11402" s="40">
        <v>189.88333300000002</v>
      </c>
      <c r="G11402" s="40">
        <v>22.861535264121031</v>
      </c>
      <c r="H11402" s="40">
        <v>189.88333399999999</v>
      </c>
      <c r="I11402" s="40">
        <v>25.755521833165712</v>
      </c>
      <c r="L11402" s="40"/>
      <c r="M11402" s="40"/>
      <c r="N11402" s="40"/>
    </row>
    <row r="11403" spans="4:14" x14ac:dyDescent="0.25">
      <c r="D11403" s="40"/>
      <c r="F11403" s="40">
        <v>189.9</v>
      </c>
      <c r="G11403" s="40">
        <v>22.861535264121031</v>
      </c>
      <c r="H11403" s="40">
        <v>189.90000000000003</v>
      </c>
      <c r="I11403" s="40">
        <v>25.758874569308972</v>
      </c>
      <c r="L11403" s="40"/>
      <c r="M11403" s="40"/>
      <c r="N11403" s="40"/>
    </row>
    <row r="11404" spans="4:14" x14ac:dyDescent="0.25">
      <c r="D11404" s="40"/>
      <c r="F11404" s="40">
        <v>189.91666699999999</v>
      </c>
      <c r="G11404" s="40">
        <v>22.861535264121031</v>
      </c>
      <c r="H11404" s="40">
        <v>189.91666700000002</v>
      </c>
      <c r="I11404" s="40">
        <v>25.758874569308972</v>
      </c>
      <c r="L11404" s="40"/>
      <c r="M11404" s="40"/>
      <c r="N11404" s="40"/>
    </row>
    <row r="11405" spans="4:14" x14ac:dyDescent="0.25">
      <c r="D11405" s="40"/>
      <c r="F11405" s="40">
        <v>189.93333299999998</v>
      </c>
      <c r="G11405" s="40">
        <v>22.861535264121031</v>
      </c>
      <c r="H11405" s="40">
        <v>189.933334</v>
      </c>
      <c r="I11405" s="40">
        <v>25.758874569308972</v>
      </c>
      <c r="L11405" s="40"/>
      <c r="M11405" s="40"/>
      <c r="N11405" s="40"/>
    </row>
    <row r="11406" spans="4:14" x14ac:dyDescent="0.25">
      <c r="D11406" s="40"/>
      <c r="F11406" s="40">
        <v>189.95000000000002</v>
      </c>
      <c r="G11406" s="40">
        <v>22.861535264121031</v>
      </c>
      <c r="H11406" s="40">
        <v>189.95</v>
      </c>
      <c r="I11406" s="40">
        <v>25.762128695565735</v>
      </c>
      <c r="L11406" s="40"/>
      <c r="M11406" s="40"/>
      <c r="N11406" s="40"/>
    </row>
    <row r="11407" spans="4:14" x14ac:dyDescent="0.25">
      <c r="D11407" s="40"/>
      <c r="F11407" s="40">
        <v>189.966667</v>
      </c>
      <c r="G11407" s="40">
        <v>22.861535264121031</v>
      </c>
      <c r="H11407" s="40">
        <v>189.96666700000003</v>
      </c>
      <c r="I11407" s="40">
        <v>25.762128695565735</v>
      </c>
      <c r="L11407" s="40"/>
      <c r="M11407" s="40"/>
      <c r="N11407" s="40"/>
    </row>
    <row r="11408" spans="4:14" x14ac:dyDescent="0.25">
      <c r="D11408" s="40"/>
      <c r="F11408" s="40">
        <v>189.98333299999999</v>
      </c>
      <c r="G11408" s="40">
        <v>22.861535264121031</v>
      </c>
      <c r="H11408" s="40">
        <v>189.98333400000001</v>
      </c>
      <c r="I11408" s="40">
        <v>25.762128695565735</v>
      </c>
      <c r="L11408" s="40"/>
      <c r="M11408" s="40"/>
      <c r="N11408" s="40"/>
    </row>
    <row r="11409" spans="4:14" x14ac:dyDescent="0.25">
      <c r="D11409" s="40"/>
      <c r="F11409" s="40">
        <v>189.99999999999997</v>
      </c>
      <c r="G11409" s="40">
        <v>22.866290508211122</v>
      </c>
      <c r="H11409" s="40">
        <v>190</v>
      </c>
      <c r="I11409" s="40">
        <v>25.762128695565735</v>
      </c>
      <c r="L11409" s="40"/>
      <c r="M11409" s="40"/>
      <c r="N11409" s="40"/>
    </row>
    <row r="11410" spans="4:14" x14ac:dyDescent="0.25">
      <c r="D11410" s="40"/>
      <c r="F11410" s="40">
        <v>190.01666700000001</v>
      </c>
      <c r="G11410" s="40">
        <v>22.861535264121031</v>
      </c>
      <c r="H11410" s="40">
        <v>190.01666699999998</v>
      </c>
      <c r="I11410" s="40">
        <v>25.762128695565735</v>
      </c>
      <c r="L11410" s="40"/>
      <c r="M11410" s="40"/>
      <c r="N11410" s="40"/>
    </row>
    <row r="11411" spans="4:14" x14ac:dyDescent="0.25">
      <c r="D11411" s="40"/>
      <c r="F11411" s="40">
        <v>190.033333</v>
      </c>
      <c r="G11411" s="40">
        <v>22.861535264121031</v>
      </c>
      <c r="H11411" s="40">
        <v>190.03333400000002</v>
      </c>
      <c r="I11411" s="40">
        <v>25.762128695565735</v>
      </c>
      <c r="L11411" s="40"/>
      <c r="M11411" s="40"/>
      <c r="N11411" s="40"/>
    </row>
    <row r="11412" spans="4:14" x14ac:dyDescent="0.25">
      <c r="D11412" s="40"/>
      <c r="F11412" s="40">
        <v>190.04999999999998</v>
      </c>
      <c r="G11412" s="40">
        <v>22.861535264121031</v>
      </c>
      <c r="H11412" s="40">
        <v>190.05</v>
      </c>
      <c r="I11412" s="40">
        <v>25.765481431708992</v>
      </c>
      <c r="L11412" s="40"/>
      <c r="M11412" s="40"/>
      <c r="N11412" s="40"/>
    </row>
    <row r="11413" spans="4:14" x14ac:dyDescent="0.25">
      <c r="D11413" s="40"/>
      <c r="F11413" s="40">
        <v>190.06666699999997</v>
      </c>
      <c r="G11413" s="40">
        <v>22.861535264121031</v>
      </c>
      <c r="H11413" s="40">
        <v>190.066667</v>
      </c>
      <c r="I11413" s="40">
        <v>25.765481431708992</v>
      </c>
      <c r="L11413" s="40"/>
      <c r="M11413" s="40"/>
      <c r="N11413" s="40"/>
    </row>
    <row r="11414" spans="4:14" x14ac:dyDescent="0.25">
      <c r="D11414" s="40"/>
      <c r="F11414" s="40">
        <v>190.08333300000001</v>
      </c>
      <c r="G11414" s="40">
        <v>22.861535264121031</v>
      </c>
      <c r="H11414" s="40">
        <v>190.08333399999998</v>
      </c>
      <c r="I11414" s="40">
        <v>25.765481431708992</v>
      </c>
      <c r="L11414" s="40"/>
      <c r="M11414" s="40"/>
      <c r="N11414" s="40"/>
    </row>
    <row r="11415" spans="4:14" x14ac:dyDescent="0.25">
      <c r="D11415" s="40"/>
      <c r="F11415" s="40">
        <v>190.1</v>
      </c>
      <c r="G11415" s="40">
        <v>22.861535264121031</v>
      </c>
      <c r="H11415" s="40">
        <v>190.10000000000002</v>
      </c>
      <c r="I11415" s="40">
        <v>25.768834167852251</v>
      </c>
      <c r="L11415" s="40"/>
      <c r="M11415" s="40"/>
      <c r="N11415" s="40"/>
    </row>
    <row r="11416" spans="4:14" x14ac:dyDescent="0.25">
      <c r="D11416" s="40"/>
      <c r="F11416" s="40">
        <v>190.11666699999998</v>
      </c>
      <c r="G11416" s="40">
        <v>22.866290508211122</v>
      </c>
      <c r="H11416" s="40">
        <v>190.11666700000001</v>
      </c>
      <c r="I11416" s="40">
        <v>25.768834167852251</v>
      </c>
      <c r="L11416" s="40"/>
      <c r="M11416" s="40"/>
      <c r="N11416" s="40"/>
    </row>
    <row r="11417" spans="4:14" x14ac:dyDescent="0.25">
      <c r="D11417" s="40"/>
      <c r="F11417" s="40">
        <v>190.13333300000002</v>
      </c>
      <c r="G11417" s="40">
        <v>22.866290508211122</v>
      </c>
      <c r="H11417" s="40">
        <v>190.13333399999999</v>
      </c>
      <c r="I11417" s="40">
        <v>25.768834167852251</v>
      </c>
      <c r="L11417" s="40"/>
      <c r="M11417" s="40"/>
      <c r="N11417" s="40"/>
    </row>
    <row r="11418" spans="4:14" x14ac:dyDescent="0.25">
      <c r="D11418" s="40"/>
      <c r="F11418" s="40">
        <v>190.15</v>
      </c>
      <c r="G11418" s="40">
        <v>22.870905892181025</v>
      </c>
      <c r="H11418" s="40">
        <v>190.15000000000003</v>
      </c>
      <c r="I11418" s="40">
        <v>25.768834167852251</v>
      </c>
      <c r="L11418" s="40"/>
      <c r="M11418" s="40"/>
      <c r="N11418" s="40"/>
    </row>
    <row r="11419" spans="4:14" x14ac:dyDescent="0.25">
      <c r="D11419" s="40"/>
      <c r="F11419" s="40">
        <v>190.16666699999999</v>
      </c>
      <c r="G11419" s="40">
        <v>22.870905892181025</v>
      </c>
      <c r="H11419" s="40">
        <v>190.16666700000002</v>
      </c>
      <c r="I11419" s="40">
        <v>25.772088294109015</v>
      </c>
      <c r="L11419" s="40"/>
      <c r="M11419" s="40"/>
      <c r="N11419" s="40"/>
    </row>
    <row r="11420" spans="4:14" x14ac:dyDescent="0.25">
      <c r="D11420" s="40"/>
      <c r="F11420" s="40">
        <v>190.18333299999998</v>
      </c>
      <c r="G11420" s="40">
        <v>22.870905892181025</v>
      </c>
      <c r="H11420" s="40">
        <v>190.183334</v>
      </c>
      <c r="I11420" s="40">
        <v>25.772088294109015</v>
      </c>
      <c r="L11420" s="40"/>
      <c r="M11420" s="40"/>
      <c r="N11420" s="40"/>
    </row>
    <row r="11421" spans="4:14" x14ac:dyDescent="0.25">
      <c r="D11421" s="40"/>
      <c r="F11421" s="40">
        <v>190.20000000000002</v>
      </c>
      <c r="G11421" s="40">
        <v>22.870905892181025</v>
      </c>
      <c r="H11421" s="40">
        <v>190.2</v>
      </c>
      <c r="I11421" s="40">
        <v>25.772088294109015</v>
      </c>
      <c r="L11421" s="40"/>
      <c r="M11421" s="40"/>
      <c r="N11421" s="40"/>
    </row>
    <row r="11422" spans="4:14" x14ac:dyDescent="0.25">
      <c r="D11422" s="40"/>
      <c r="F11422" s="40">
        <v>190.216667</v>
      </c>
      <c r="G11422" s="40">
        <v>22.870905892181025</v>
      </c>
      <c r="H11422" s="40">
        <v>190.21666700000003</v>
      </c>
      <c r="I11422" s="40">
        <v>25.775441030252445</v>
      </c>
      <c r="L11422" s="40"/>
      <c r="M11422" s="40"/>
      <c r="N11422" s="40"/>
    </row>
    <row r="11423" spans="4:14" x14ac:dyDescent="0.25">
      <c r="D11423" s="40"/>
      <c r="F11423" s="40">
        <v>190.23333299999999</v>
      </c>
      <c r="G11423" s="40">
        <v>22.875661136271244</v>
      </c>
      <c r="H11423" s="40">
        <v>190.23333400000001</v>
      </c>
      <c r="I11423" s="40">
        <v>25.775441030252445</v>
      </c>
      <c r="L11423" s="40"/>
      <c r="M11423" s="40"/>
      <c r="N11423" s="40"/>
    </row>
    <row r="11424" spans="4:14" x14ac:dyDescent="0.25">
      <c r="D11424" s="40"/>
      <c r="F11424" s="40">
        <v>190.24999999999997</v>
      </c>
      <c r="G11424" s="40">
        <v>22.875661136271244</v>
      </c>
      <c r="H11424" s="40">
        <v>190.25</v>
      </c>
      <c r="I11424" s="40">
        <v>25.775441030252445</v>
      </c>
      <c r="L11424" s="40"/>
      <c r="M11424" s="40"/>
      <c r="N11424" s="40"/>
    </row>
    <row r="11425" spans="4:14" x14ac:dyDescent="0.25">
      <c r="D11425" s="40"/>
      <c r="F11425" s="40">
        <v>190.26666700000001</v>
      </c>
      <c r="G11425" s="40">
        <v>22.875661136271244</v>
      </c>
      <c r="H11425" s="40">
        <v>190.26666699999998</v>
      </c>
      <c r="I11425" s="40">
        <v>25.778793766395701</v>
      </c>
      <c r="L11425" s="40"/>
      <c r="M11425" s="40"/>
      <c r="N11425" s="40"/>
    </row>
    <row r="11426" spans="4:14" x14ac:dyDescent="0.25">
      <c r="D11426" s="40"/>
      <c r="F11426" s="40">
        <v>190.283333</v>
      </c>
      <c r="G11426" s="40">
        <v>22.875661136271244</v>
      </c>
      <c r="H11426" s="40">
        <v>190.28333400000002</v>
      </c>
      <c r="I11426" s="40">
        <v>25.778793766395701</v>
      </c>
      <c r="L11426" s="40"/>
      <c r="M11426" s="40"/>
      <c r="N11426" s="40"/>
    </row>
    <row r="11427" spans="4:14" x14ac:dyDescent="0.25">
      <c r="D11427" s="40"/>
      <c r="F11427" s="40">
        <v>190.29999999999998</v>
      </c>
      <c r="G11427" s="40">
        <v>22.875661136271244</v>
      </c>
      <c r="H11427" s="40">
        <v>190.3</v>
      </c>
      <c r="I11427" s="40">
        <v>25.778793766395701</v>
      </c>
      <c r="L11427" s="40"/>
      <c r="M11427" s="40"/>
      <c r="N11427" s="40"/>
    </row>
    <row r="11428" spans="4:14" x14ac:dyDescent="0.25">
      <c r="D11428" s="40"/>
      <c r="F11428" s="40">
        <v>190.31666699999997</v>
      </c>
      <c r="G11428" s="40">
        <v>22.88041638036146</v>
      </c>
      <c r="H11428" s="40">
        <v>190.316667</v>
      </c>
      <c r="I11428" s="40">
        <v>25.778793766395701</v>
      </c>
      <c r="L11428" s="40"/>
      <c r="M11428" s="40"/>
      <c r="N11428" s="40"/>
    </row>
    <row r="11429" spans="4:14" x14ac:dyDescent="0.25">
      <c r="D11429" s="40"/>
      <c r="F11429" s="40">
        <v>190.33333300000001</v>
      </c>
      <c r="G11429" s="40">
        <v>22.88041638036146</v>
      </c>
      <c r="H11429" s="40">
        <v>190.33333399999998</v>
      </c>
      <c r="I11429" s="40">
        <v>25.778793766395701</v>
      </c>
      <c r="L11429" s="40"/>
      <c r="M11429" s="40"/>
      <c r="N11429" s="40"/>
    </row>
    <row r="11430" spans="4:14" x14ac:dyDescent="0.25">
      <c r="D11430" s="40"/>
      <c r="F11430" s="40">
        <v>190.35</v>
      </c>
      <c r="G11430" s="40">
        <v>22.88041638036146</v>
      </c>
      <c r="H11430" s="40">
        <v>190.35000000000002</v>
      </c>
      <c r="I11430" s="40">
        <v>25.782047892652464</v>
      </c>
      <c r="L11430" s="40"/>
      <c r="M11430" s="40"/>
      <c r="N11430" s="40"/>
    </row>
    <row r="11431" spans="4:14" x14ac:dyDescent="0.25">
      <c r="D11431" s="40"/>
      <c r="F11431" s="40">
        <v>190.36666699999998</v>
      </c>
      <c r="G11431" s="40">
        <v>22.88041638036146</v>
      </c>
      <c r="H11431" s="40">
        <v>190.36666700000001</v>
      </c>
      <c r="I11431" s="40">
        <v>25.782047892652464</v>
      </c>
      <c r="L11431" s="40"/>
      <c r="M11431" s="40"/>
      <c r="N11431" s="40"/>
    </row>
    <row r="11432" spans="4:14" x14ac:dyDescent="0.25">
      <c r="D11432" s="40"/>
      <c r="F11432" s="40">
        <v>190.38333300000002</v>
      </c>
      <c r="G11432" s="40">
        <v>22.885031764331238</v>
      </c>
      <c r="H11432" s="40">
        <v>190.38333399999999</v>
      </c>
      <c r="I11432" s="40">
        <v>25.782047892652464</v>
      </c>
      <c r="L11432" s="40"/>
      <c r="M11432" s="40"/>
      <c r="N11432" s="40"/>
    </row>
    <row r="11433" spans="4:14" x14ac:dyDescent="0.25">
      <c r="D11433" s="40"/>
      <c r="F11433" s="40">
        <v>190.4</v>
      </c>
      <c r="G11433" s="40">
        <v>22.885031764331238</v>
      </c>
      <c r="H11433" s="40">
        <v>190.40000000000003</v>
      </c>
      <c r="I11433" s="40">
        <v>25.782047892652464</v>
      </c>
      <c r="L11433" s="40"/>
      <c r="M11433" s="40"/>
      <c r="N11433" s="40"/>
    </row>
    <row r="11434" spans="4:14" x14ac:dyDescent="0.25">
      <c r="D11434" s="40"/>
      <c r="F11434" s="40">
        <v>190.41666699999999</v>
      </c>
      <c r="G11434" s="40">
        <v>22.889787008421457</v>
      </c>
      <c r="H11434" s="40">
        <v>190.41666700000002</v>
      </c>
      <c r="I11434" s="40">
        <v>25.785400628795724</v>
      </c>
      <c r="L11434" s="40"/>
      <c r="M11434" s="40"/>
      <c r="N11434" s="40"/>
    </row>
    <row r="11435" spans="4:14" x14ac:dyDescent="0.25">
      <c r="D11435" s="40"/>
      <c r="F11435" s="40">
        <v>190.43333299999998</v>
      </c>
      <c r="G11435" s="40">
        <v>22.889787008421457</v>
      </c>
      <c r="H11435" s="40">
        <v>190.433334</v>
      </c>
      <c r="I11435" s="40">
        <v>25.785400628795724</v>
      </c>
      <c r="L11435" s="40"/>
      <c r="M11435" s="40"/>
      <c r="N11435" s="40"/>
    </row>
    <row r="11436" spans="4:14" x14ac:dyDescent="0.25">
      <c r="D11436" s="40"/>
      <c r="F11436" s="40">
        <v>190.45000000000002</v>
      </c>
      <c r="G11436" s="40">
        <v>22.889787008421457</v>
      </c>
      <c r="H11436" s="40">
        <v>190.45</v>
      </c>
      <c r="I11436" s="40">
        <v>25.785400628795724</v>
      </c>
      <c r="L11436" s="40"/>
      <c r="M11436" s="40"/>
      <c r="N11436" s="40"/>
    </row>
    <row r="11437" spans="4:14" x14ac:dyDescent="0.25">
      <c r="D11437" s="40"/>
      <c r="F11437" s="40">
        <v>190.466667</v>
      </c>
      <c r="G11437" s="40">
        <v>22.894542252511677</v>
      </c>
      <c r="H11437" s="40">
        <v>190.46666700000003</v>
      </c>
      <c r="I11437" s="40">
        <v>25.788753364939154</v>
      </c>
      <c r="L11437" s="40"/>
      <c r="M11437" s="40"/>
      <c r="N11437" s="40"/>
    </row>
    <row r="11438" spans="4:14" x14ac:dyDescent="0.25">
      <c r="D11438" s="40"/>
      <c r="F11438" s="40">
        <v>190.48333299999999</v>
      </c>
      <c r="G11438" s="40">
        <v>22.894542252511677</v>
      </c>
      <c r="H11438" s="40">
        <v>190.48333400000001</v>
      </c>
      <c r="I11438" s="40">
        <v>25.788753364939154</v>
      </c>
      <c r="L11438" s="40"/>
      <c r="M11438" s="40"/>
      <c r="N11438" s="40"/>
    </row>
    <row r="11439" spans="4:14" x14ac:dyDescent="0.25">
      <c r="D11439" s="40"/>
      <c r="F11439" s="40">
        <v>190.49999999999997</v>
      </c>
      <c r="G11439" s="40">
        <v>22.894542252511677</v>
      </c>
      <c r="H11439" s="40">
        <v>190.5</v>
      </c>
      <c r="I11439" s="40">
        <v>25.788753364939154</v>
      </c>
      <c r="L11439" s="40"/>
      <c r="M11439" s="40"/>
      <c r="N11439" s="40"/>
    </row>
    <row r="11440" spans="4:14" x14ac:dyDescent="0.25">
      <c r="D11440" s="40"/>
      <c r="F11440" s="40">
        <v>190.51666700000001</v>
      </c>
      <c r="G11440" s="40">
        <v>22.889787008421457</v>
      </c>
      <c r="H11440" s="40">
        <v>190.51666699999998</v>
      </c>
      <c r="I11440" s="40">
        <v>25.788753364939154</v>
      </c>
      <c r="L11440" s="40"/>
      <c r="M11440" s="40"/>
      <c r="N11440" s="40"/>
    </row>
    <row r="11441" spans="4:14" x14ac:dyDescent="0.25">
      <c r="D11441" s="40"/>
      <c r="F11441" s="40">
        <v>190.533333</v>
      </c>
      <c r="G11441" s="40">
        <v>22.889787008421457</v>
      </c>
      <c r="H11441" s="40">
        <v>190.53333400000002</v>
      </c>
      <c r="I11441" s="40">
        <v>25.788753364939154</v>
      </c>
      <c r="L11441" s="40"/>
      <c r="M11441" s="40"/>
      <c r="N11441" s="40"/>
    </row>
    <row r="11442" spans="4:14" x14ac:dyDescent="0.25">
      <c r="D11442" s="40"/>
      <c r="F11442" s="40">
        <v>190.54999999999998</v>
      </c>
      <c r="G11442" s="40">
        <v>22.885031764331238</v>
      </c>
      <c r="H11442" s="40">
        <v>190.55</v>
      </c>
      <c r="I11442" s="40">
        <v>25.788753364939154</v>
      </c>
      <c r="L11442" s="40"/>
      <c r="M11442" s="40"/>
      <c r="N11442" s="40"/>
    </row>
    <row r="11443" spans="4:14" x14ac:dyDescent="0.25">
      <c r="D11443" s="40"/>
      <c r="F11443" s="40">
        <v>190.56666699999997</v>
      </c>
      <c r="G11443" s="40">
        <v>22.885031764331238</v>
      </c>
      <c r="H11443" s="40">
        <v>190.566667</v>
      </c>
      <c r="I11443" s="40">
        <v>25.788753364939154</v>
      </c>
      <c r="L11443" s="40"/>
      <c r="M11443" s="40"/>
      <c r="N11443" s="40"/>
    </row>
    <row r="11444" spans="4:14" x14ac:dyDescent="0.25">
      <c r="D11444" s="40"/>
      <c r="F11444" s="40">
        <v>190.58333300000001</v>
      </c>
      <c r="G11444" s="40">
        <v>22.885031764331238</v>
      </c>
      <c r="H11444" s="40">
        <v>190.58333399999998</v>
      </c>
      <c r="I11444" s="40">
        <v>25.792007491195744</v>
      </c>
      <c r="L11444" s="40"/>
      <c r="M11444" s="40"/>
      <c r="N11444" s="40"/>
    </row>
    <row r="11445" spans="4:14" x14ac:dyDescent="0.25">
      <c r="D11445" s="40"/>
      <c r="F11445" s="40">
        <v>190.6</v>
      </c>
      <c r="G11445" s="40">
        <v>22.885031764331238</v>
      </c>
      <c r="H11445" s="40">
        <v>190.60000000000002</v>
      </c>
      <c r="I11445" s="40">
        <v>25.792007491195744</v>
      </c>
      <c r="L11445" s="40"/>
      <c r="M11445" s="40"/>
      <c r="N11445" s="40"/>
    </row>
    <row r="11446" spans="4:14" x14ac:dyDescent="0.25">
      <c r="D11446" s="40"/>
      <c r="F11446" s="40">
        <v>190.61666699999998</v>
      </c>
      <c r="G11446" s="40">
        <v>22.885031764331238</v>
      </c>
      <c r="H11446" s="40">
        <v>190.61666700000001</v>
      </c>
      <c r="I11446" s="40">
        <v>25.792007491195744</v>
      </c>
      <c r="L11446" s="40"/>
      <c r="M11446" s="40"/>
      <c r="N11446" s="40"/>
    </row>
    <row r="11447" spans="4:14" x14ac:dyDescent="0.25">
      <c r="D11447" s="40"/>
      <c r="F11447" s="40">
        <v>190.63333300000002</v>
      </c>
      <c r="G11447" s="40">
        <v>22.885031764331238</v>
      </c>
      <c r="H11447" s="40">
        <v>190.63333399999999</v>
      </c>
      <c r="I11447" s="40">
        <v>25.792007491195744</v>
      </c>
      <c r="L11447" s="40"/>
      <c r="M11447" s="40"/>
      <c r="N11447" s="40"/>
    </row>
    <row r="11448" spans="4:14" x14ac:dyDescent="0.25">
      <c r="D11448" s="40"/>
      <c r="F11448" s="40">
        <v>190.65</v>
      </c>
      <c r="G11448" s="40">
        <v>22.885031764331238</v>
      </c>
      <c r="H11448" s="40">
        <v>190.65000000000003</v>
      </c>
      <c r="I11448" s="40">
        <v>25.792007491195744</v>
      </c>
      <c r="L11448" s="40"/>
      <c r="M11448" s="40"/>
      <c r="N11448" s="40"/>
    </row>
    <row r="11449" spans="4:14" x14ac:dyDescent="0.25">
      <c r="D11449" s="40"/>
      <c r="F11449" s="40">
        <v>190.66666699999999</v>
      </c>
      <c r="G11449" s="40">
        <v>22.88041638036146</v>
      </c>
      <c r="H11449" s="40">
        <v>190.66666700000002</v>
      </c>
      <c r="I11449" s="40">
        <v>25.792007491195744</v>
      </c>
      <c r="L11449" s="40"/>
      <c r="M11449" s="40"/>
      <c r="N11449" s="40"/>
    </row>
    <row r="11450" spans="4:14" x14ac:dyDescent="0.25">
      <c r="D11450" s="40"/>
      <c r="F11450" s="40">
        <v>190.68333299999998</v>
      </c>
      <c r="G11450" s="40">
        <v>22.88041638036146</v>
      </c>
      <c r="H11450" s="40">
        <v>190.683334</v>
      </c>
      <c r="I11450" s="40">
        <v>25.792007491195744</v>
      </c>
      <c r="L11450" s="40"/>
      <c r="M11450" s="40"/>
      <c r="N11450" s="40"/>
    </row>
    <row r="11451" spans="4:14" x14ac:dyDescent="0.25">
      <c r="D11451" s="40"/>
      <c r="F11451" s="40">
        <v>190.70000000000002</v>
      </c>
      <c r="G11451" s="40">
        <v>22.88041638036146</v>
      </c>
      <c r="H11451" s="40">
        <v>190.7</v>
      </c>
      <c r="I11451" s="40">
        <v>25.795360227339174</v>
      </c>
      <c r="L11451" s="40"/>
      <c r="M11451" s="40"/>
      <c r="N11451" s="40"/>
    </row>
    <row r="11452" spans="4:14" x14ac:dyDescent="0.25">
      <c r="D11452" s="40"/>
      <c r="F11452" s="40">
        <v>190.716667</v>
      </c>
      <c r="G11452" s="40">
        <v>22.88041638036146</v>
      </c>
      <c r="H11452" s="40">
        <v>190.71666700000003</v>
      </c>
      <c r="I11452" s="40">
        <v>25.795360227339174</v>
      </c>
      <c r="L11452" s="40"/>
      <c r="M11452" s="40"/>
      <c r="N11452" s="40"/>
    </row>
    <row r="11453" spans="4:14" x14ac:dyDescent="0.25">
      <c r="D11453" s="40"/>
      <c r="F11453" s="40">
        <v>190.73333299999999</v>
      </c>
      <c r="G11453" s="40">
        <v>22.875661136271244</v>
      </c>
      <c r="H11453" s="40">
        <v>190.73333400000001</v>
      </c>
      <c r="I11453" s="40">
        <v>25.795360227339174</v>
      </c>
      <c r="L11453" s="40"/>
      <c r="M11453" s="40"/>
      <c r="N11453" s="40"/>
    </row>
    <row r="11454" spans="4:14" x14ac:dyDescent="0.25">
      <c r="D11454" s="40"/>
      <c r="F11454" s="40">
        <v>190.74999999999997</v>
      </c>
      <c r="G11454" s="40">
        <v>22.875661136271244</v>
      </c>
      <c r="H11454" s="40">
        <v>190.75</v>
      </c>
      <c r="I11454" s="40">
        <v>25.795360227339174</v>
      </c>
      <c r="L11454" s="40"/>
      <c r="M11454" s="40"/>
      <c r="N11454" s="40"/>
    </row>
    <row r="11455" spans="4:14" x14ac:dyDescent="0.25">
      <c r="D11455" s="40"/>
      <c r="F11455" s="40">
        <v>190.76666700000001</v>
      </c>
      <c r="G11455" s="40">
        <v>22.870905892181025</v>
      </c>
      <c r="H11455" s="40">
        <v>190.76666699999998</v>
      </c>
      <c r="I11455" s="40">
        <v>25.795360227339174</v>
      </c>
      <c r="L11455" s="40"/>
      <c r="M11455" s="40"/>
      <c r="N11455" s="40"/>
    </row>
    <row r="11456" spans="4:14" x14ac:dyDescent="0.25">
      <c r="D11456" s="40"/>
      <c r="F11456" s="40">
        <v>190.783333</v>
      </c>
      <c r="G11456" s="40">
        <v>22.866290508211122</v>
      </c>
      <c r="H11456" s="40">
        <v>190.78333400000002</v>
      </c>
      <c r="I11456" s="40">
        <v>25.79871296348243</v>
      </c>
      <c r="L11456" s="40"/>
      <c r="M11456" s="40"/>
      <c r="N11456" s="40"/>
    </row>
    <row r="11457" spans="4:14" x14ac:dyDescent="0.25">
      <c r="D11457" s="40"/>
      <c r="F11457" s="40">
        <v>190.79999999999998</v>
      </c>
      <c r="G11457" s="40">
        <v>22.866290508211122</v>
      </c>
      <c r="H11457" s="40">
        <v>190.8</v>
      </c>
      <c r="I11457" s="40">
        <v>25.79871296348243</v>
      </c>
      <c r="L11457" s="40"/>
      <c r="M11457" s="40"/>
      <c r="N11457" s="40"/>
    </row>
    <row r="11458" spans="4:14" x14ac:dyDescent="0.25">
      <c r="D11458" s="40"/>
      <c r="F11458" s="40">
        <v>190.81666699999997</v>
      </c>
      <c r="G11458" s="40">
        <v>22.861535264121031</v>
      </c>
      <c r="H11458" s="40">
        <v>190.816667</v>
      </c>
      <c r="I11458" s="40">
        <v>25.79871296348243</v>
      </c>
      <c r="L11458" s="40"/>
      <c r="M11458" s="40"/>
      <c r="N11458" s="40"/>
    </row>
    <row r="11459" spans="4:14" x14ac:dyDescent="0.25">
      <c r="D11459" s="40"/>
      <c r="F11459" s="40">
        <v>190.83333300000001</v>
      </c>
      <c r="G11459" s="40">
        <v>22.861535264121031</v>
      </c>
      <c r="H11459" s="40">
        <v>190.83333399999998</v>
      </c>
      <c r="I11459" s="40">
        <v>25.79871296348243</v>
      </c>
      <c r="L11459" s="40"/>
      <c r="M11459" s="40"/>
      <c r="N11459" s="40"/>
    </row>
    <row r="11460" spans="4:14" x14ac:dyDescent="0.25">
      <c r="D11460" s="40"/>
      <c r="F11460" s="40">
        <v>190.85</v>
      </c>
      <c r="G11460" s="40">
        <v>22.856780020030808</v>
      </c>
      <c r="H11460" s="40">
        <v>190.85000000000002</v>
      </c>
      <c r="I11460" s="40">
        <v>25.79871296348243</v>
      </c>
      <c r="L11460" s="40"/>
      <c r="M11460" s="40"/>
      <c r="N11460" s="40"/>
    </row>
    <row r="11461" spans="4:14" x14ac:dyDescent="0.25">
      <c r="D11461" s="40"/>
      <c r="F11461" s="40">
        <v>190.86666699999998</v>
      </c>
      <c r="G11461" s="40">
        <v>22.856780020030808</v>
      </c>
      <c r="H11461" s="40">
        <v>190.86666700000001</v>
      </c>
      <c r="I11461" s="40">
        <v>25.801967089739193</v>
      </c>
      <c r="L11461" s="40"/>
      <c r="M11461" s="40"/>
      <c r="N11461" s="40"/>
    </row>
    <row r="11462" spans="4:14" x14ac:dyDescent="0.25">
      <c r="D11462" s="40"/>
      <c r="F11462" s="40">
        <v>190.88333300000002</v>
      </c>
      <c r="G11462" s="40">
        <v>22.856780020030808</v>
      </c>
      <c r="H11462" s="40">
        <v>190.88333399999999</v>
      </c>
      <c r="I11462" s="40">
        <v>25.801967089739193</v>
      </c>
      <c r="L11462" s="40"/>
      <c r="M11462" s="40"/>
      <c r="N11462" s="40"/>
    </row>
    <row r="11463" spans="4:14" x14ac:dyDescent="0.25">
      <c r="D11463" s="40"/>
      <c r="F11463" s="40">
        <v>190.9</v>
      </c>
      <c r="G11463" s="40">
        <v>22.856780020030808</v>
      </c>
      <c r="H11463" s="40">
        <v>190.90000000000003</v>
      </c>
      <c r="I11463" s="40">
        <v>25.801967089739193</v>
      </c>
      <c r="L11463" s="40"/>
      <c r="M11463" s="40"/>
      <c r="N11463" s="40"/>
    </row>
    <row r="11464" spans="4:14" x14ac:dyDescent="0.25">
      <c r="D11464" s="40"/>
      <c r="F11464" s="40">
        <v>190.91666699999999</v>
      </c>
      <c r="G11464" s="40">
        <v>22.856780020030808</v>
      </c>
      <c r="H11464" s="40">
        <v>190.91666700000002</v>
      </c>
      <c r="I11464" s="40">
        <v>25.801967089739193</v>
      </c>
      <c r="L11464" s="40"/>
      <c r="M11464" s="40"/>
      <c r="N11464" s="40"/>
    </row>
    <row r="11465" spans="4:14" x14ac:dyDescent="0.25">
      <c r="D11465" s="40"/>
      <c r="F11465" s="40">
        <v>190.93333299999998</v>
      </c>
      <c r="G11465" s="40">
        <v>22.856780020030808</v>
      </c>
      <c r="H11465" s="40">
        <v>190.933334</v>
      </c>
      <c r="I11465" s="40">
        <v>25.805319825882453</v>
      </c>
      <c r="L11465" s="40"/>
      <c r="M11465" s="40"/>
      <c r="N11465" s="40"/>
    </row>
    <row r="11466" spans="4:14" x14ac:dyDescent="0.25">
      <c r="D11466" s="40"/>
      <c r="F11466" s="40">
        <v>190.95000000000002</v>
      </c>
      <c r="G11466" s="40">
        <v>22.856780020030808</v>
      </c>
      <c r="H11466" s="40">
        <v>190.95</v>
      </c>
      <c r="I11466" s="40">
        <v>25.805319825882453</v>
      </c>
      <c r="L11466" s="40"/>
      <c r="M11466" s="40"/>
      <c r="N11466" s="40"/>
    </row>
    <row r="11467" spans="4:14" x14ac:dyDescent="0.25">
      <c r="D11467" s="40"/>
      <c r="F11467" s="40">
        <v>190.966667</v>
      </c>
      <c r="G11467" s="40">
        <v>22.856780020030808</v>
      </c>
      <c r="H11467" s="40">
        <v>190.96666700000003</v>
      </c>
      <c r="I11467" s="40">
        <v>25.805319825882453</v>
      </c>
      <c r="L11467" s="40"/>
      <c r="M11467" s="40"/>
      <c r="N11467" s="40"/>
    </row>
    <row r="11468" spans="4:14" x14ac:dyDescent="0.25">
      <c r="D11468" s="40"/>
      <c r="F11468" s="40">
        <v>190.98333299999999</v>
      </c>
      <c r="G11468" s="40">
        <v>22.856780020030808</v>
      </c>
      <c r="H11468" s="40">
        <v>190.98333400000001</v>
      </c>
      <c r="I11468" s="40">
        <v>25.805319825882453</v>
      </c>
      <c r="L11468" s="40"/>
      <c r="M11468" s="40"/>
      <c r="N11468" s="40"/>
    </row>
    <row r="11469" spans="4:14" x14ac:dyDescent="0.25">
      <c r="D11469" s="40"/>
      <c r="F11469" s="40">
        <v>190.99999999999997</v>
      </c>
      <c r="G11469" s="40">
        <v>22.856780020030808</v>
      </c>
      <c r="H11469" s="40">
        <v>191</v>
      </c>
      <c r="I11469" s="40">
        <v>25.808672562025887</v>
      </c>
      <c r="L11469" s="40"/>
      <c r="M11469" s="40"/>
      <c r="N11469" s="40"/>
    </row>
    <row r="11470" spans="4:14" x14ac:dyDescent="0.25">
      <c r="D11470" s="40"/>
      <c r="F11470" s="40">
        <v>191.01666700000001</v>
      </c>
      <c r="G11470" s="40">
        <v>22.856780020030808</v>
      </c>
      <c r="H11470" s="40">
        <v>191.01666699999998</v>
      </c>
      <c r="I11470" s="40">
        <v>25.808672562025887</v>
      </c>
      <c r="L11470" s="40"/>
      <c r="M11470" s="40"/>
      <c r="N11470" s="40"/>
    </row>
    <row r="11471" spans="4:14" x14ac:dyDescent="0.25">
      <c r="D11471" s="40"/>
      <c r="F11471" s="40">
        <v>191.033333</v>
      </c>
      <c r="G11471" s="40">
        <v>22.856780020030808</v>
      </c>
      <c r="H11471" s="40">
        <v>191.03333400000002</v>
      </c>
      <c r="I11471" s="40">
        <v>25.808672562025887</v>
      </c>
      <c r="L11471" s="40"/>
      <c r="M11471" s="40"/>
      <c r="N11471" s="40"/>
    </row>
    <row r="11472" spans="4:14" x14ac:dyDescent="0.25">
      <c r="D11472" s="40"/>
      <c r="F11472" s="40">
        <v>191.04999999999998</v>
      </c>
      <c r="G11472" s="40">
        <v>22.856780020030808</v>
      </c>
      <c r="H11472" s="40">
        <v>191.05</v>
      </c>
      <c r="I11472" s="40">
        <v>25.808672562025887</v>
      </c>
      <c r="L11472" s="40"/>
      <c r="M11472" s="40"/>
      <c r="N11472" s="40"/>
    </row>
    <row r="11473" spans="4:14" x14ac:dyDescent="0.25">
      <c r="D11473" s="40"/>
      <c r="F11473" s="40">
        <v>191.06666699999997</v>
      </c>
      <c r="G11473" s="40">
        <v>22.856780020030808</v>
      </c>
      <c r="H11473" s="40">
        <v>191.066667</v>
      </c>
      <c r="I11473" s="40">
        <v>25.81192668828265</v>
      </c>
      <c r="L11473" s="40"/>
      <c r="M11473" s="40"/>
      <c r="N11473" s="40"/>
    </row>
    <row r="11474" spans="4:14" x14ac:dyDescent="0.25">
      <c r="D11474" s="40"/>
      <c r="F11474" s="40">
        <v>191.08333300000001</v>
      </c>
      <c r="G11474" s="40">
        <v>22.856780020030808</v>
      </c>
      <c r="H11474" s="40">
        <v>191.08333399999998</v>
      </c>
      <c r="I11474" s="40">
        <v>25.81192668828265</v>
      </c>
      <c r="L11474" s="40"/>
      <c r="M11474" s="40"/>
      <c r="N11474" s="40"/>
    </row>
    <row r="11475" spans="4:14" x14ac:dyDescent="0.25">
      <c r="D11475" s="40"/>
      <c r="F11475" s="40">
        <v>191.1</v>
      </c>
      <c r="G11475" s="40">
        <v>22.856780020030808</v>
      </c>
      <c r="H11475" s="40">
        <v>191.10000000000002</v>
      </c>
      <c r="I11475" s="40">
        <v>25.81192668828265</v>
      </c>
      <c r="L11475" s="40"/>
      <c r="M11475" s="40"/>
      <c r="N11475" s="40"/>
    </row>
    <row r="11476" spans="4:14" x14ac:dyDescent="0.25">
      <c r="D11476" s="40"/>
      <c r="F11476" s="40">
        <v>191.11666699999998</v>
      </c>
      <c r="G11476" s="40">
        <v>22.856780020030808</v>
      </c>
      <c r="H11476" s="40">
        <v>191.11666700000001</v>
      </c>
      <c r="I11476" s="40">
        <v>25.81192668828265</v>
      </c>
      <c r="L11476" s="40"/>
      <c r="M11476" s="40"/>
      <c r="N11476" s="40"/>
    </row>
    <row r="11477" spans="4:14" x14ac:dyDescent="0.25">
      <c r="D11477" s="40"/>
      <c r="F11477" s="40">
        <v>191.13333300000002</v>
      </c>
      <c r="G11477" s="40">
        <v>22.856780020030808</v>
      </c>
      <c r="H11477" s="40">
        <v>191.13333399999999</v>
      </c>
      <c r="I11477" s="40">
        <v>25.815279424425903</v>
      </c>
      <c r="L11477" s="40"/>
      <c r="M11477" s="40"/>
      <c r="N11477" s="40"/>
    </row>
    <row r="11478" spans="4:14" x14ac:dyDescent="0.25">
      <c r="D11478" s="40"/>
      <c r="F11478" s="40">
        <v>191.15</v>
      </c>
      <c r="G11478" s="40">
        <v>22.861535264121031</v>
      </c>
      <c r="H11478" s="40">
        <v>191.15000000000003</v>
      </c>
      <c r="I11478" s="40">
        <v>25.815279424425903</v>
      </c>
      <c r="L11478" s="40"/>
      <c r="M11478" s="40"/>
      <c r="N11478" s="40"/>
    </row>
    <row r="11479" spans="4:14" x14ac:dyDescent="0.25">
      <c r="D11479" s="40"/>
      <c r="F11479" s="40">
        <v>191.16666699999999</v>
      </c>
      <c r="G11479" s="40">
        <v>22.861535264121031</v>
      </c>
      <c r="H11479" s="40">
        <v>191.16666700000002</v>
      </c>
      <c r="I11479" s="40">
        <v>25.815279424425903</v>
      </c>
      <c r="L11479" s="40"/>
      <c r="M11479" s="40"/>
      <c r="N11479" s="40"/>
    </row>
    <row r="11480" spans="4:14" x14ac:dyDescent="0.25">
      <c r="D11480" s="40"/>
      <c r="F11480" s="40">
        <v>191.18333299999998</v>
      </c>
      <c r="G11480" s="40">
        <v>22.861535264121031</v>
      </c>
      <c r="H11480" s="40">
        <v>191.183334</v>
      </c>
      <c r="I11480" s="40">
        <v>25.818632160569162</v>
      </c>
      <c r="L11480" s="40"/>
      <c r="M11480" s="40"/>
      <c r="N11480" s="40"/>
    </row>
    <row r="11481" spans="4:14" x14ac:dyDescent="0.25">
      <c r="D11481" s="40"/>
      <c r="F11481" s="40">
        <v>191.20000000000002</v>
      </c>
      <c r="G11481" s="40">
        <v>22.861535264121031</v>
      </c>
      <c r="H11481" s="40">
        <v>191.2</v>
      </c>
      <c r="I11481" s="40">
        <v>25.818632160569162</v>
      </c>
      <c r="L11481" s="40"/>
      <c r="M11481" s="40"/>
      <c r="N11481" s="40"/>
    </row>
    <row r="11482" spans="4:14" x14ac:dyDescent="0.25">
      <c r="D11482" s="40"/>
      <c r="F11482" s="40">
        <v>191.216667</v>
      </c>
      <c r="G11482" s="40">
        <v>22.861535264121031</v>
      </c>
      <c r="H11482" s="40">
        <v>191.21666700000003</v>
      </c>
      <c r="I11482" s="40">
        <v>25.818632160569162</v>
      </c>
      <c r="L11482" s="40"/>
      <c r="M11482" s="40"/>
      <c r="N11482" s="40"/>
    </row>
    <row r="11483" spans="4:14" x14ac:dyDescent="0.25">
      <c r="D11483" s="40"/>
      <c r="F11483" s="40">
        <v>191.23333299999999</v>
      </c>
      <c r="G11483" s="40">
        <v>22.866290508211122</v>
      </c>
      <c r="H11483" s="40">
        <v>191.23333400000001</v>
      </c>
      <c r="I11483" s="40">
        <v>25.818632160569162</v>
      </c>
      <c r="L11483" s="40"/>
      <c r="M11483" s="40"/>
      <c r="N11483" s="40"/>
    </row>
    <row r="11484" spans="4:14" x14ac:dyDescent="0.25">
      <c r="D11484" s="40"/>
      <c r="F11484" s="40">
        <v>191.24999999999997</v>
      </c>
      <c r="G11484" s="40">
        <v>22.866290508211122</v>
      </c>
      <c r="H11484" s="40">
        <v>191.25</v>
      </c>
      <c r="I11484" s="40">
        <v>25.821886286825926</v>
      </c>
      <c r="L11484" s="40"/>
      <c r="M11484" s="40"/>
      <c r="N11484" s="40"/>
    </row>
    <row r="11485" spans="4:14" x14ac:dyDescent="0.25">
      <c r="D11485" s="40"/>
      <c r="F11485" s="40">
        <v>191.26666700000001</v>
      </c>
      <c r="G11485" s="40">
        <v>22.866290508211122</v>
      </c>
      <c r="H11485" s="40">
        <v>191.26666699999998</v>
      </c>
      <c r="I11485" s="40">
        <v>25.821886286825926</v>
      </c>
      <c r="L11485" s="40"/>
      <c r="M11485" s="40"/>
      <c r="N11485" s="40"/>
    </row>
    <row r="11486" spans="4:14" x14ac:dyDescent="0.25">
      <c r="D11486" s="40"/>
      <c r="F11486" s="40">
        <v>191.283333</v>
      </c>
      <c r="G11486" s="40">
        <v>22.866290508211122</v>
      </c>
      <c r="H11486" s="40">
        <v>191.28333400000002</v>
      </c>
      <c r="I11486" s="40">
        <v>25.821886286825926</v>
      </c>
      <c r="L11486" s="40"/>
      <c r="M11486" s="40"/>
      <c r="N11486" s="40"/>
    </row>
    <row r="11487" spans="4:14" x14ac:dyDescent="0.25">
      <c r="D11487" s="40"/>
      <c r="F11487" s="40">
        <v>191.29999999999998</v>
      </c>
      <c r="G11487" s="40">
        <v>22.866290508211122</v>
      </c>
      <c r="H11487" s="40">
        <v>191.3</v>
      </c>
      <c r="I11487" s="40">
        <v>25.821886286825926</v>
      </c>
      <c r="L11487" s="40"/>
      <c r="M11487" s="40"/>
      <c r="N11487" s="40"/>
    </row>
    <row r="11488" spans="4:14" x14ac:dyDescent="0.25">
      <c r="D11488" s="40"/>
      <c r="F11488" s="40">
        <v>191.31666699999997</v>
      </c>
      <c r="G11488" s="40">
        <v>22.870905892181025</v>
      </c>
      <c r="H11488" s="40">
        <v>191.316667</v>
      </c>
      <c r="I11488" s="40">
        <v>25.825239022969182</v>
      </c>
      <c r="L11488" s="40"/>
      <c r="M11488" s="40"/>
      <c r="N11488" s="40"/>
    </row>
    <row r="11489" spans="4:14" x14ac:dyDescent="0.25">
      <c r="D11489" s="40"/>
      <c r="F11489" s="40">
        <v>191.33333300000001</v>
      </c>
      <c r="G11489" s="40">
        <v>22.870905892181025</v>
      </c>
      <c r="H11489" s="40">
        <v>191.33333399999998</v>
      </c>
      <c r="I11489" s="40">
        <v>25.825239022969182</v>
      </c>
      <c r="L11489" s="40"/>
      <c r="M11489" s="40"/>
      <c r="N11489" s="40"/>
    </row>
    <row r="11490" spans="4:14" x14ac:dyDescent="0.25">
      <c r="D11490" s="40"/>
      <c r="F11490" s="40">
        <v>191.35</v>
      </c>
      <c r="G11490" s="40">
        <v>22.870905892181025</v>
      </c>
      <c r="H11490" s="40">
        <v>191.35000000000002</v>
      </c>
      <c r="I11490" s="40">
        <v>25.825239022969182</v>
      </c>
      <c r="L11490" s="40"/>
      <c r="M11490" s="40"/>
      <c r="N11490" s="40"/>
    </row>
    <row r="11491" spans="4:14" x14ac:dyDescent="0.25">
      <c r="D11491" s="40"/>
      <c r="F11491" s="40">
        <v>191.36666699999998</v>
      </c>
      <c r="G11491" s="40">
        <v>22.870905892181025</v>
      </c>
      <c r="H11491" s="40">
        <v>191.36666700000001</v>
      </c>
      <c r="I11491" s="40">
        <v>25.825239022969182</v>
      </c>
      <c r="L11491" s="40"/>
      <c r="M11491" s="40"/>
      <c r="N11491" s="40"/>
    </row>
    <row r="11492" spans="4:14" x14ac:dyDescent="0.25">
      <c r="D11492" s="40"/>
      <c r="F11492" s="40">
        <v>191.38333300000002</v>
      </c>
      <c r="G11492" s="40">
        <v>22.870905892181025</v>
      </c>
      <c r="H11492" s="40">
        <v>191.38333399999999</v>
      </c>
      <c r="I11492" s="40">
        <v>25.828591759112616</v>
      </c>
      <c r="L11492" s="40"/>
      <c r="M11492" s="40"/>
      <c r="N11492" s="40"/>
    </row>
    <row r="11493" spans="4:14" x14ac:dyDescent="0.25">
      <c r="D11493" s="40"/>
      <c r="F11493" s="40">
        <v>191.4</v>
      </c>
      <c r="G11493" s="40">
        <v>22.870905892181025</v>
      </c>
      <c r="H11493" s="40">
        <v>191.40000000000003</v>
      </c>
      <c r="I11493" s="40">
        <v>25.828591759112616</v>
      </c>
      <c r="L11493" s="40"/>
      <c r="M11493" s="40"/>
      <c r="N11493" s="40"/>
    </row>
    <row r="11494" spans="4:14" x14ac:dyDescent="0.25">
      <c r="D11494" s="40"/>
      <c r="F11494" s="40">
        <v>191.41666699999999</v>
      </c>
      <c r="G11494" s="40">
        <v>22.870905892181025</v>
      </c>
      <c r="H11494" s="40">
        <v>191.41666700000002</v>
      </c>
      <c r="I11494" s="40">
        <v>25.828591759112616</v>
      </c>
      <c r="L11494" s="40"/>
      <c r="M11494" s="40"/>
      <c r="N11494" s="40"/>
    </row>
    <row r="11495" spans="4:14" x14ac:dyDescent="0.25">
      <c r="D11495" s="40"/>
      <c r="F11495" s="40">
        <v>191.43333299999998</v>
      </c>
      <c r="G11495" s="40">
        <v>22.870905892181025</v>
      </c>
      <c r="H11495" s="40">
        <v>191.433334</v>
      </c>
      <c r="I11495" s="40">
        <v>25.828591759112616</v>
      </c>
      <c r="L11495" s="40"/>
      <c r="M11495" s="40"/>
      <c r="N11495" s="40"/>
    </row>
    <row r="11496" spans="4:14" x14ac:dyDescent="0.25">
      <c r="D11496" s="40"/>
      <c r="F11496" s="40">
        <v>191.45000000000002</v>
      </c>
      <c r="G11496" s="40">
        <v>22.875661136271244</v>
      </c>
      <c r="H11496" s="40">
        <v>191.45</v>
      </c>
      <c r="I11496" s="40">
        <v>25.831845885369379</v>
      </c>
      <c r="L11496" s="40"/>
      <c r="M11496" s="40"/>
      <c r="N11496" s="40"/>
    </row>
    <row r="11497" spans="4:14" x14ac:dyDescent="0.25">
      <c r="D11497" s="40"/>
      <c r="F11497" s="40">
        <v>191.466667</v>
      </c>
      <c r="G11497" s="40">
        <v>22.875661136271244</v>
      </c>
      <c r="H11497" s="40">
        <v>191.46666700000003</v>
      </c>
      <c r="I11497" s="40">
        <v>25.831845885369379</v>
      </c>
      <c r="L11497" s="40"/>
      <c r="M11497" s="40"/>
      <c r="N11497" s="40"/>
    </row>
    <row r="11498" spans="4:14" x14ac:dyDescent="0.25">
      <c r="D11498" s="40"/>
      <c r="F11498" s="40">
        <v>191.48333299999999</v>
      </c>
      <c r="G11498" s="40">
        <v>22.875661136271244</v>
      </c>
      <c r="H11498" s="40">
        <v>191.48333400000001</v>
      </c>
      <c r="I11498" s="40">
        <v>25.831845885369379</v>
      </c>
      <c r="L11498" s="40"/>
      <c r="M11498" s="40"/>
      <c r="N11498" s="40"/>
    </row>
    <row r="11499" spans="4:14" x14ac:dyDescent="0.25">
      <c r="D11499" s="40"/>
      <c r="F11499" s="40">
        <v>191.49999999999997</v>
      </c>
      <c r="G11499" s="40">
        <v>22.875661136271244</v>
      </c>
      <c r="H11499" s="40">
        <v>191.5</v>
      </c>
      <c r="I11499" s="40">
        <v>25.831845885369379</v>
      </c>
      <c r="L11499" s="40"/>
      <c r="M11499" s="40"/>
      <c r="N11499" s="40"/>
    </row>
    <row r="11500" spans="4:14" x14ac:dyDescent="0.25">
      <c r="D11500" s="40"/>
      <c r="F11500" s="40">
        <v>191.51666700000001</v>
      </c>
      <c r="G11500" s="40">
        <v>22.875661136271244</v>
      </c>
      <c r="H11500" s="40">
        <v>191.51666699999998</v>
      </c>
      <c r="I11500" s="40">
        <v>25.835198621512632</v>
      </c>
      <c r="L11500" s="40"/>
      <c r="M11500" s="40"/>
      <c r="N11500" s="40"/>
    </row>
    <row r="11501" spans="4:14" x14ac:dyDescent="0.25">
      <c r="D11501" s="40"/>
      <c r="F11501" s="40">
        <v>191.533333</v>
      </c>
      <c r="G11501" s="40">
        <v>22.875661136271244</v>
      </c>
      <c r="H11501" s="40">
        <v>191.53333400000002</v>
      </c>
      <c r="I11501" s="40">
        <v>25.835198621512632</v>
      </c>
      <c r="L11501" s="40"/>
      <c r="M11501" s="40"/>
      <c r="N11501" s="40"/>
    </row>
    <row r="11502" spans="4:14" x14ac:dyDescent="0.25">
      <c r="D11502" s="40"/>
      <c r="F11502" s="40">
        <v>191.54999999999998</v>
      </c>
      <c r="G11502" s="40">
        <v>22.875661136271244</v>
      </c>
      <c r="H11502" s="40">
        <v>191.55</v>
      </c>
      <c r="I11502" s="40">
        <v>25.835198621512632</v>
      </c>
      <c r="L11502" s="40"/>
      <c r="M11502" s="40"/>
      <c r="N11502" s="40"/>
    </row>
    <row r="11503" spans="4:14" x14ac:dyDescent="0.25">
      <c r="D11503" s="40"/>
      <c r="F11503" s="40">
        <v>191.56666699999997</v>
      </c>
      <c r="G11503" s="40">
        <v>22.875661136271244</v>
      </c>
      <c r="H11503" s="40">
        <v>191.566667</v>
      </c>
      <c r="I11503" s="40">
        <v>25.835198621512632</v>
      </c>
      <c r="L11503" s="40"/>
      <c r="M11503" s="40"/>
      <c r="N11503" s="40"/>
    </row>
    <row r="11504" spans="4:14" x14ac:dyDescent="0.25">
      <c r="D11504" s="40"/>
      <c r="F11504" s="40">
        <v>191.58333300000001</v>
      </c>
      <c r="G11504" s="40">
        <v>22.875661136271244</v>
      </c>
      <c r="H11504" s="40">
        <v>191.58333399999998</v>
      </c>
      <c r="I11504" s="40">
        <v>25.838551357655891</v>
      </c>
      <c r="L11504" s="40"/>
      <c r="M11504" s="40"/>
      <c r="N11504" s="40"/>
    </row>
    <row r="11505" spans="4:14" x14ac:dyDescent="0.25">
      <c r="D11505" s="40"/>
      <c r="F11505" s="40">
        <v>191.6</v>
      </c>
      <c r="G11505" s="40">
        <v>22.875661136271244</v>
      </c>
      <c r="H11505" s="40">
        <v>191.60000000000002</v>
      </c>
      <c r="I11505" s="40">
        <v>25.838551357655891</v>
      </c>
      <c r="L11505" s="40"/>
      <c r="M11505" s="40"/>
      <c r="N11505" s="40"/>
    </row>
    <row r="11506" spans="4:14" x14ac:dyDescent="0.25">
      <c r="D11506" s="40"/>
      <c r="F11506" s="40">
        <v>191.61666699999998</v>
      </c>
      <c r="G11506" s="40">
        <v>22.875661136271244</v>
      </c>
      <c r="H11506" s="40">
        <v>191.61666700000001</v>
      </c>
      <c r="I11506" s="40">
        <v>25.838551357655891</v>
      </c>
      <c r="L11506" s="40"/>
      <c r="M11506" s="40"/>
      <c r="N11506" s="40"/>
    </row>
    <row r="11507" spans="4:14" x14ac:dyDescent="0.25">
      <c r="D11507" s="40"/>
      <c r="F11507" s="40">
        <v>191.63333300000002</v>
      </c>
      <c r="G11507" s="40">
        <v>22.875661136271244</v>
      </c>
      <c r="H11507" s="40">
        <v>191.63333399999999</v>
      </c>
      <c r="I11507" s="40">
        <v>25.838551357655891</v>
      </c>
      <c r="L11507" s="40"/>
      <c r="M11507" s="40"/>
      <c r="N11507" s="40"/>
    </row>
    <row r="11508" spans="4:14" x14ac:dyDescent="0.25">
      <c r="D11508" s="40"/>
      <c r="F11508" s="40">
        <v>191.65</v>
      </c>
      <c r="G11508" s="40">
        <v>22.875661136271244</v>
      </c>
      <c r="H11508" s="40">
        <v>191.65000000000003</v>
      </c>
      <c r="I11508" s="40">
        <v>25.841805483912655</v>
      </c>
      <c r="L11508" s="40"/>
      <c r="M11508" s="40"/>
      <c r="N11508" s="40"/>
    </row>
    <row r="11509" spans="4:14" x14ac:dyDescent="0.25">
      <c r="D11509" s="40"/>
      <c r="F11509" s="40">
        <v>191.66666699999999</v>
      </c>
      <c r="G11509" s="40">
        <v>22.875661136271244</v>
      </c>
      <c r="H11509" s="40">
        <v>191.66666700000002</v>
      </c>
      <c r="I11509" s="40">
        <v>25.841805483912655</v>
      </c>
      <c r="L11509" s="40"/>
      <c r="M11509" s="40"/>
      <c r="N11509" s="40"/>
    </row>
    <row r="11510" spans="4:14" x14ac:dyDescent="0.25">
      <c r="D11510" s="40"/>
      <c r="F11510" s="40">
        <v>191.68333299999998</v>
      </c>
      <c r="G11510" s="40">
        <v>22.875661136271244</v>
      </c>
      <c r="H11510" s="40">
        <v>191.683334</v>
      </c>
      <c r="I11510" s="40">
        <v>25.841805483912655</v>
      </c>
      <c r="L11510" s="40"/>
      <c r="M11510" s="40"/>
      <c r="N11510" s="40"/>
    </row>
    <row r="11511" spans="4:14" x14ac:dyDescent="0.25">
      <c r="D11511" s="40"/>
      <c r="F11511" s="40">
        <v>191.70000000000002</v>
      </c>
      <c r="G11511" s="40">
        <v>22.875661136271244</v>
      </c>
      <c r="H11511" s="40">
        <v>191.7</v>
      </c>
      <c r="I11511" s="40">
        <v>25.841805483912655</v>
      </c>
      <c r="L11511" s="40"/>
      <c r="M11511" s="40"/>
      <c r="N11511" s="40"/>
    </row>
    <row r="11512" spans="4:14" x14ac:dyDescent="0.25">
      <c r="D11512" s="40"/>
      <c r="F11512" s="40">
        <v>191.716667</v>
      </c>
      <c r="G11512" s="40">
        <v>22.875661136271244</v>
      </c>
      <c r="H11512" s="40">
        <v>191.71666700000003</v>
      </c>
      <c r="I11512" s="40">
        <v>25.841805483912655</v>
      </c>
      <c r="L11512" s="40"/>
      <c r="M11512" s="40"/>
      <c r="N11512" s="40"/>
    </row>
    <row r="11513" spans="4:14" x14ac:dyDescent="0.25">
      <c r="D11513" s="40"/>
      <c r="F11513" s="40">
        <v>191.73333299999999</v>
      </c>
      <c r="G11513" s="40">
        <v>22.875661136271244</v>
      </c>
      <c r="H11513" s="40">
        <v>191.73333400000001</v>
      </c>
      <c r="I11513" s="40">
        <v>25.845158220056089</v>
      </c>
      <c r="L11513" s="40"/>
      <c r="M11513" s="40"/>
      <c r="N11513" s="40"/>
    </row>
    <row r="11514" spans="4:14" x14ac:dyDescent="0.25">
      <c r="D11514" s="40"/>
      <c r="F11514" s="40">
        <v>191.74999999999997</v>
      </c>
      <c r="G11514" s="40">
        <v>22.875661136271244</v>
      </c>
      <c r="H11514" s="40">
        <v>191.75</v>
      </c>
      <c r="I11514" s="40">
        <v>25.845158220056089</v>
      </c>
      <c r="L11514" s="40"/>
      <c r="M11514" s="40"/>
      <c r="N11514" s="40"/>
    </row>
    <row r="11515" spans="4:14" x14ac:dyDescent="0.25">
      <c r="D11515" s="40"/>
      <c r="F11515" s="40">
        <v>191.76666700000001</v>
      </c>
      <c r="G11515" s="40">
        <v>22.875661136271244</v>
      </c>
      <c r="H11515" s="40">
        <v>191.76666699999998</v>
      </c>
      <c r="I11515" s="40">
        <v>25.845158220056089</v>
      </c>
      <c r="L11515" s="40"/>
      <c r="M11515" s="40"/>
      <c r="N11515" s="40"/>
    </row>
    <row r="11516" spans="4:14" x14ac:dyDescent="0.25">
      <c r="D11516" s="40"/>
      <c r="F11516" s="40">
        <v>191.783333</v>
      </c>
      <c r="G11516" s="40">
        <v>22.875661136271244</v>
      </c>
      <c r="H11516" s="40">
        <v>191.78333400000002</v>
      </c>
      <c r="I11516" s="40">
        <v>25.845158220056089</v>
      </c>
      <c r="L11516" s="40"/>
      <c r="M11516" s="40"/>
      <c r="N11516" s="40"/>
    </row>
    <row r="11517" spans="4:14" x14ac:dyDescent="0.25">
      <c r="D11517" s="40"/>
      <c r="F11517" s="40">
        <v>191.79999999999998</v>
      </c>
      <c r="G11517" s="40">
        <v>22.875661136271244</v>
      </c>
      <c r="H11517" s="40">
        <v>191.8</v>
      </c>
      <c r="I11517" s="40">
        <v>25.845158220056089</v>
      </c>
      <c r="L11517" s="40"/>
      <c r="M11517" s="40"/>
      <c r="N11517" s="40"/>
    </row>
    <row r="11518" spans="4:14" x14ac:dyDescent="0.25">
      <c r="D11518" s="40"/>
      <c r="F11518" s="40">
        <v>191.81666699999997</v>
      </c>
      <c r="G11518" s="40">
        <v>22.875661136271244</v>
      </c>
      <c r="H11518" s="40">
        <v>191.816667</v>
      </c>
      <c r="I11518" s="40">
        <v>25.848510956199345</v>
      </c>
      <c r="L11518" s="40"/>
      <c r="M11518" s="40"/>
      <c r="N11518" s="40"/>
    </row>
    <row r="11519" spans="4:14" x14ac:dyDescent="0.25">
      <c r="D11519" s="40"/>
      <c r="F11519" s="40">
        <v>191.83333300000001</v>
      </c>
      <c r="G11519" s="40">
        <v>22.875661136271244</v>
      </c>
      <c r="H11519" s="40">
        <v>191.83333399999998</v>
      </c>
      <c r="I11519" s="40">
        <v>25.848510956199345</v>
      </c>
      <c r="L11519" s="40"/>
      <c r="M11519" s="40"/>
      <c r="N11519" s="40"/>
    </row>
    <row r="11520" spans="4:14" x14ac:dyDescent="0.25">
      <c r="D11520" s="40"/>
      <c r="F11520" s="40">
        <v>191.85</v>
      </c>
      <c r="G11520" s="40">
        <v>22.88041638036146</v>
      </c>
      <c r="H11520" s="40">
        <v>191.85000000000002</v>
      </c>
      <c r="I11520" s="40">
        <v>25.848510956199345</v>
      </c>
      <c r="L11520" s="40"/>
      <c r="M11520" s="40"/>
      <c r="N11520" s="40"/>
    </row>
    <row r="11521" spans="4:14" x14ac:dyDescent="0.25">
      <c r="D11521" s="40"/>
      <c r="F11521" s="40">
        <v>191.86666699999998</v>
      </c>
      <c r="G11521" s="40">
        <v>22.88041638036146</v>
      </c>
      <c r="H11521" s="40">
        <v>191.86666700000001</v>
      </c>
      <c r="I11521" s="40">
        <v>25.848510956199345</v>
      </c>
      <c r="L11521" s="40"/>
      <c r="M11521" s="40"/>
      <c r="N11521" s="40"/>
    </row>
    <row r="11522" spans="4:14" x14ac:dyDescent="0.25">
      <c r="D11522" s="40"/>
      <c r="F11522" s="40">
        <v>191.88333300000002</v>
      </c>
      <c r="G11522" s="40">
        <v>22.88041638036146</v>
      </c>
      <c r="H11522" s="40">
        <v>191.88333399999999</v>
      </c>
      <c r="I11522" s="40">
        <v>25.848510956199345</v>
      </c>
      <c r="L11522" s="40"/>
      <c r="M11522" s="40"/>
      <c r="N11522" s="40"/>
    </row>
    <row r="11523" spans="4:14" x14ac:dyDescent="0.25">
      <c r="D11523" s="40"/>
      <c r="F11523" s="40">
        <v>191.9</v>
      </c>
      <c r="G11523" s="40">
        <v>22.88041638036146</v>
      </c>
      <c r="H11523" s="40">
        <v>191.90000000000003</v>
      </c>
      <c r="I11523" s="40">
        <v>25.851765082456108</v>
      </c>
      <c r="L11523" s="40"/>
      <c r="M11523" s="40"/>
      <c r="N11523" s="40"/>
    </row>
    <row r="11524" spans="4:14" x14ac:dyDescent="0.25">
      <c r="D11524" s="40"/>
      <c r="F11524" s="40">
        <v>191.91666699999999</v>
      </c>
      <c r="G11524" s="40">
        <v>22.88041638036146</v>
      </c>
      <c r="H11524" s="40">
        <v>191.91666700000002</v>
      </c>
      <c r="I11524" s="40">
        <v>25.851765082456108</v>
      </c>
      <c r="L11524" s="40"/>
      <c r="M11524" s="40"/>
      <c r="N11524" s="40"/>
    </row>
    <row r="11525" spans="4:14" x14ac:dyDescent="0.25">
      <c r="D11525" s="40"/>
      <c r="F11525" s="40">
        <v>191.93333299999998</v>
      </c>
      <c r="G11525" s="40">
        <v>22.88041638036146</v>
      </c>
      <c r="H11525" s="40">
        <v>191.933334</v>
      </c>
      <c r="I11525" s="40">
        <v>25.851765082456108</v>
      </c>
      <c r="L11525" s="40"/>
      <c r="M11525" s="40"/>
      <c r="N11525" s="40"/>
    </row>
    <row r="11526" spans="4:14" x14ac:dyDescent="0.25">
      <c r="D11526" s="40"/>
      <c r="F11526" s="40">
        <v>191.95000000000002</v>
      </c>
      <c r="G11526" s="40">
        <v>22.88041638036146</v>
      </c>
      <c r="H11526" s="40">
        <v>191.95</v>
      </c>
      <c r="I11526" s="40">
        <v>25.851765082456108</v>
      </c>
      <c r="L11526" s="40"/>
      <c r="M11526" s="40"/>
      <c r="N11526" s="40"/>
    </row>
    <row r="11527" spans="4:14" x14ac:dyDescent="0.25">
      <c r="D11527" s="40"/>
      <c r="F11527" s="40">
        <v>191.966667</v>
      </c>
      <c r="G11527" s="40">
        <v>22.885031764331238</v>
      </c>
      <c r="H11527" s="40">
        <v>191.96666700000003</v>
      </c>
      <c r="I11527" s="40">
        <v>25.851765082456108</v>
      </c>
      <c r="L11527" s="40"/>
      <c r="M11527" s="40"/>
      <c r="N11527" s="40"/>
    </row>
    <row r="11528" spans="4:14" x14ac:dyDescent="0.25">
      <c r="D11528" s="40"/>
      <c r="F11528" s="40">
        <v>191.98333299999999</v>
      </c>
      <c r="G11528" s="40">
        <v>22.885031764331238</v>
      </c>
      <c r="H11528" s="40">
        <v>191.98333400000001</v>
      </c>
      <c r="I11528" s="40">
        <v>25.851765082456108</v>
      </c>
      <c r="L11528" s="40"/>
      <c r="M11528" s="40"/>
      <c r="N11528" s="40"/>
    </row>
    <row r="11529" spans="4:14" x14ac:dyDescent="0.25">
      <c r="D11529" s="40"/>
      <c r="F11529" s="40">
        <v>191.99999999999997</v>
      </c>
      <c r="G11529" s="40">
        <v>22.885031764331238</v>
      </c>
      <c r="H11529" s="40">
        <v>192</v>
      </c>
      <c r="I11529" s="40">
        <v>25.855117818599364</v>
      </c>
      <c r="L11529" s="40"/>
      <c r="M11529" s="40"/>
      <c r="N11529" s="40"/>
    </row>
    <row r="11530" spans="4:14" x14ac:dyDescent="0.25">
      <c r="D11530" s="40"/>
      <c r="F11530" s="40">
        <v>192.01666700000001</v>
      </c>
      <c r="G11530" s="40">
        <v>22.885031764331238</v>
      </c>
      <c r="H11530" s="40">
        <v>192.01666699999998</v>
      </c>
      <c r="I11530" s="40">
        <v>25.855117818599364</v>
      </c>
      <c r="L11530" s="40"/>
      <c r="M11530" s="40"/>
      <c r="N11530" s="40"/>
    </row>
    <row r="11531" spans="4:14" x14ac:dyDescent="0.25">
      <c r="D11531" s="40"/>
      <c r="F11531" s="40">
        <v>192.033333</v>
      </c>
      <c r="G11531" s="40">
        <v>22.889787008421457</v>
      </c>
      <c r="H11531" s="40">
        <v>192.03333400000002</v>
      </c>
      <c r="I11531" s="40">
        <v>25.855117818599364</v>
      </c>
      <c r="L11531" s="40"/>
      <c r="M11531" s="40"/>
      <c r="N11531" s="40"/>
    </row>
    <row r="11532" spans="4:14" x14ac:dyDescent="0.25">
      <c r="D11532" s="40"/>
      <c r="F11532" s="40">
        <v>192.04999999999998</v>
      </c>
      <c r="G11532" s="40">
        <v>22.889787008421457</v>
      </c>
      <c r="H11532" s="40">
        <v>192.05</v>
      </c>
      <c r="I11532" s="40">
        <v>25.855117818599364</v>
      </c>
      <c r="L11532" s="40"/>
      <c r="M11532" s="40"/>
      <c r="N11532" s="40"/>
    </row>
    <row r="11533" spans="4:14" x14ac:dyDescent="0.25">
      <c r="D11533" s="40"/>
      <c r="F11533" s="40">
        <v>192.06666699999997</v>
      </c>
      <c r="G11533" s="40">
        <v>22.889787008421457</v>
      </c>
      <c r="H11533" s="40">
        <v>192.066667</v>
      </c>
      <c r="I11533" s="40">
        <v>25.855117818599364</v>
      </c>
      <c r="L11533" s="40"/>
      <c r="M11533" s="40"/>
      <c r="N11533" s="40"/>
    </row>
    <row r="11534" spans="4:14" x14ac:dyDescent="0.25">
      <c r="D11534" s="40"/>
      <c r="F11534" s="40">
        <v>192.08333300000001</v>
      </c>
      <c r="G11534" s="40">
        <v>22.894542252511677</v>
      </c>
      <c r="H11534" s="40">
        <v>192.08333399999998</v>
      </c>
      <c r="I11534" s="40">
        <v>25.855117818599364</v>
      </c>
      <c r="L11534" s="40"/>
      <c r="M11534" s="40"/>
      <c r="N11534" s="40"/>
    </row>
    <row r="11535" spans="4:14" x14ac:dyDescent="0.25">
      <c r="D11535" s="40"/>
      <c r="F11535" s="40">
        <v>192.1</v>
      </c>
      <c r="G11535" s="40">
        <v>22.894542252511677</v>
      </c>
      <c r="H11535" s="40">
        <v>192.10000000000002</v>
      </c>
      <c r="I11535" s="40">
        <v>25.85847055474262</v>
      </c>
      <c r="L11535" s="40"/>
      <c r="M11535" s="40"/>
      <c r="N11535" s="40"/>
    </row>
    <row r="11536" spans="4:14" x14ac:dyDescent="0.25">
      <c r="D11536" s="40"/>
      <c r="F11536" s="40">
        <v>192.11666699999998</v>
      </c>
      <c r="G11536" s="40">
        <v>22.894542252511677</v>
      </c>
      <c r="H11536" s="40">
        <v>192.11666700000001</v>
      </c>
      <c r="I11536" s="40">
        <v>25.85847055474262</v>
      </c>
      <c r="L11536" s="40"/>
      <c r="M11536" s="40"/>
      <c r="N11536" s="40"/>
    </row>
    <row r="11537" spans="4:14" x14ac:dyDescent="0.25">
      <c r="D11537" s="40"/>
      <c r="F11537" s="40">
        <v>192.13333300000002</v>
      </c>
      <c r="G11537" s="40">
        <v>22.894542252511677</v>
      </c>
      <c r="H11537" s="40">
        <v>192.13333399999999</v>
      </c>
      <c r="I11537" s="40">
        <v>25.85847055474262</v>
      </c>
      <c r="L11537" s="40"/>
      <c r="M11537" s="40"/>
      <c r="N11537" s="40"/>
    </row>
    <row r="11538" spans="4:14" x14ac:dyDescent="0.25">
      <c r="D11538" s="40"/>
      <c r="F11538" s="40">
        <v>192.15</v>
      </c>
      <c r="G11538" s="40">
        <v>22.894542252511677</v>
      </c>
      <c r="H11538" s="40">
        <v>192.15000000000003</v>
      </c>
      <c r="I11538" s="40">
        <v>25.85847055474262</v>
      </c>
      <c r="L11538" s="40"/>
      <c r="M11538" s="40"/>
      <c r="N11538" s="40"/>
    </row>
    <row r="11539" spans="4:14" x14ac:dyDescent="0.25">
      <c r="D11539" s="40"/>
      <c r="F11539" s="40">
        <v>192.16666699999999</v>
      </c>
      <c r="G11539" s="40">
        <v>22.894542252511677</v>
      </c>
      <c r="H11539" s="40">
        <v>192.16666700000002</v>
      </c>
      <c r="I11539" s="40">
        <v>25.85847055474262</v>
      </c>
      <c r="L11539" s="40"/>
      <c r="M11539" s="40"/>
      <c r="N11539" s="40"/>
    </row>
    <row r="11540" spans="4:14" x14ac:dyDescent="0.25">
      <c r="D11540" s="40"/>
      <c r="F11540" s="40">
        <v>192.18333299999998</v>
      </c>
      <c r="G11540" s="40">
        <v>22.894542252511677</v>
      </c>
      <c r="H11540" s="40">
        <v>192.183334</v>
      </c>
      <c r="I11540" s="40">
        <v>25.861724680999384</v>
      </c>
      <c r="L11540" s="40"/>
      <c r="M11540" s="40"/>
      <c r="N11540" s="40"/>
    </row>
    <row r="11541" spans="4:14" x14ac:dyDescent="0.25">
      <c r="D11541" s="40"/>
      <c r="F11541" s="40">
        <v>192.20000000000002</v>
      </c>
      <c r="G11541" s="40">
        <v>22.894542252511677</v>
      </c>
      <c r="H11541" s="40">
        <v>192.2</v>
      </c>
      <c r="I11541" s="40">
        <v>25.861724680999384</v>
      </c>
      <c r="L11541" s="40"/>
      <c r="M11541" s="40"/>
      <c r="N11541" s="40"/>
    </row>
    <row r="11542" spans="4:14" x14ac:dyDescent="0.25">
      <c r="D11542" s="40"/>
      <c r="F11542" s="40">
        <v>192.216667</v>
      </c>
      <c r="G11542" s="40">
        <v>22.894542252511677</v>
      </c>
      <c r="H11542" s="40">
        <v>192.21666700000003</v>
      </c>
      <c r="I11542" s="40">
        <v>25.861724680999384</v>
      </c>
      <c r="L11542" s="40"/>
      <c r="M11542" s="40"/>
      <c r="N11542" s="40"/>
    </row>
    <row r="11543" spans="4:14" x14ac:dyDescent="0.25">
      <c r="D11543" s="40"/>
      <c r="F11543" s="40">
        <v>192.23333299999999</v>
      </c>
      <c r="G11543" s="40">
        <v>22.894542252511677</v>
      </c>
      <c r="H11543" s="40">
        <v>192.23333400000001</v>
      </c>
      <c r="I11543" s="40">
        <v>25.865077417142817</v>
      </c>
      <c r="L11543" s="40"/>
      <c r="M11543" s="40"/>
      <c r="N11543" s="40"/>
    </row>
    <row r="11544" spans="4:14" x14ac:dyDescent="0.25">
      <c r="D11544" s="40"/>
      <c r="F11544" s="40">
        <v>192.24999999999997</v>
      </c>
      <c r="G11544" s="40">
        <v>22.894542252511677</v>
      </c>
      <c r="H11544" s="40">
        <v>192.25</v>
      </c>
      <c r="I11544" s="40">
        <v>25.865077417142817</v>
      </c>
      <c r="L11544" s="40"/>
      <c r="M11544" s="40"/>
      <c r="N11544" s="40"/>
    </row>
    <row r="11545" spans="4:14" x14ac:dyDescent="0.25">
      <c r="D11545" s="40"/>
      <c r="F11545" s="40">
        <v>192.26666700000001</v>
      </c>
      <c r="G11545" s="40">
        <v>22.899157636481455</v>
      </c>
      <c r="H11545" s="40">
        <v>192.26666699999998</v>
      </c>
      <c r="I11545" s="40">
        <v>25.865077417142817</v>
      </c>
      <c r="L11545" s="40"/>
      <c r="M11545" s="40"/>
      <c r="N11545" s="40"/>
    </row>
    <row r="11546" spans="4:14" x14ac:dyDescent="0.25">
      <c r="D11546" s="40"/>
      <c r="F11546" s="40">
        <v>192.283333</v>
      </c>
      <c r="G11546" s="40">
        <v>22.899157636481455</v>
      </c>
      <c r="H11546" s="40">
        <v>192.28333400000002</v>
      </c>
      <c r="I11546" s="40">
        <v>25.865077417142817</v>
      </c>
      <c r="L11546" s="40"/>
      <c r="M11546" s="40"/>
      <c r="N11546" s="40"/>
    </row>
    <row r="11547" spans="4:14" x14ac:dyDescent="0.25">
      <c r="D11547" s="40"/>
      <c r="F11547" s="40">
        <v>192.29999999999998</v>
      </c>
      <c r="G11547" s="40">
        <v>22.899157636481455</v>
      </c>
      <c r="H11547" s="40">
        <v>192.3</v>
      </c>
      <c r="I11547" s="40">
        <v>25.865077417142817</v>
      </c>
      <c r="L11547" s="40"/>
      <c r="M11547" s="40"/>
      <c r="N11547" s="40"/>
    </row>
    <row r="11548" spans="4:14" x14ac:dyDescent="0.25">
      <c r="D11548" s="40"/>
      <c r="F11548" s="40">
        <v>192.31666699999997</v>
      </c>
      <c r="G11548" s="40">
        <v>22.899157636481455</v>
      </c>
      <c r="H11548" s="40">
        <v>192.316667</v>
      </c>
      <c r="I11548" s="40">
        <v>25.868430153286077</v>
      </c>
      <c r="L11548" s="40"/>
      <c r="M11548" s="40"/>
      <c r="N11548" s="40"/>
    </row>
    <row r="11549" spans="4:14" x14ac:dyDescent="0.25">
      <c r="D11549" s="40"/>
      <c r="F11549" s="40">
        <v>192.33333300000001</v>
      </c>
      <c r="G11549" s="40">
        <v>22.899157636481455</v>
      </c>
      <c r="H11549" s="40">
        <v>192.33333399999998</v>
      </c>
      <c r="I11549" s="40">
        <v>25.868430153286077</v>
      </c>
      <c r="L11549" s="40"/>
      <c r="M11549" s="40"/>
      <c r="N11549" s="40"/>
    </row>
    <row r="11550" spans="4:14" x14ac:dyDescent="0.25">
      <c r="D11550" s="40"/>
      <c r="F11550" s="40">
        <v>192.35</v>
      </c>
      <c r="G11550" s="40">
        <v>22.899157636481455</v>
      </c>
      <c r="H11550" s="40">
        <v>192.35000000000002</v>
      </c>
      <c r="I11550" s="40">
        <v>25.868430153286077</v>
      </c>
      <c r="L11550" s="40"/>
      <c r="M11550" s="40"/>
      <c r="N11550" s="40"/>
    </row>
    <row r="11551" spans="4:14" x14ac:dyDescent="0.25">
      <c r="D11551" s="40"/>
      <c r="F11551" s="40">
        <v>192.36666699999998</v>
      </c>
      <c r="G11551" s="40">
        <v>22.894542252511677</v>
      </c>
      <c r="H11551" s="40">
        <v>192.36666700000001</v>
      </c>
      <c r="I11551" s="40">
        <v>25.868430153286077</v>
      </c>
      <c r="L11551" s="40"/>
      <c r="M11551" s="40"/>
      <c r="N11551" s="40"/>
    </row>
    <row r="11552" spans="4:14" x14ac:dyDescent="0.25">
      <c r="D11552" s="40"/>
      <c r="F11552" s="40">
        <v>192.38333300000002</v>
      </c>
      <c r="G11552" s="40">
        <v>22.894542252511677</v>
      </c>
      <c r="H11552" s="40">
        <v>192.38333399999999</v>
      </c>
      <c r="I11552" s="40">
        <v>25.871684279542841</v>
      </c>
      <c r="L11552" s="40"/>
      <c r="M11552" s="40"/>
      <c r="N11552" s="40"/>
    </row>
    <row r="11553" spans="4:14" x14ac:dyDescent="0.25">
      <c r="D11553" s="40"/>
      <c r="F11553" s="40">
        <v>192.4</v>
      </c>
      <c r="G11553" s="40">
        <v>22.894542252511677</v>
      </c>
      <c r="H11553" s="40">
        <v>192.40000000000003</v>
      </c>
      <c r="I11553" s="40">
        <v>25.871684279542841</v>
      </c>
      <c r="L11553" s="40"/>
      <c r="M11553" s="40"/>
      <c r="N11553" s="40"/>
    </row>
    <row r="11554" spans="4:14" x14ac:dyDescent="0.25">
      <c r="D11554" s="40"/>
      <c r="F11554" s="40">
        <v>192.41666699999999</v>
      </c>
      <c r="G11554" s="40">
        <v>22.894542252511677</v>
      </c>
      <c r="H11554" s="40">
        <v>192.41666700000002</v>
      </c>
      <c r="I11554" s="40">
        <v>25.871684279542841</v>
      </c>
      <c r="L11554" s="40"/>
      <c r="M11554" s="40"/>
      <c r="N11554" s="40"/>
    </row>
    <row r="11555" spans="4:14" x14ac:dyDescent="0.25">
      <c r="D11555" s="40"/>
      <c r="F11555" s="40">
        <v>192.43333299999998</v>
      </c>
      <c r="G11555" s="40">
        <v>22.894542252511677</v>
      </c>
      <c r="H11555" s="40">
        <v>192.433334</v>
      </c>
      <c r="I11555" s="40">
        <v>25.871684279542841</v>
      </c>
      <c r="L11555" s="40"/>
      <c r="M11555" s="40"/>
      <c r="N11555" s="40"/>
    </row>
    <row r="11556" spans="4:14" x14ac:dyDescent="0.25">
      <c r="D11556" s="40"/>
      <c r="F11556" s="40">
        <v>192.45000000000002</v>
      </c>
      <c r="G11556" s="40">
        <v>22.894542252511677</v>
      </c>
      <c r="H11556" s="40">
        <v>192.45</v>
      </c>
      <c r="I11556" s="40">
        <v>25.875037015686093</v>
      </c>
      <c r="L11556" s="40"/>
      <c r="M11556" s="40"/>
      <c r="N11556" s="40"/>
    </row>
    <row r="11557" spans="4:14" x14ac:dyDescent="0.25">
      <c r="D11557" s="40"/>
      <c r="F11557" s="40">
        <v>192.466667</v>
      </c>
      <c r="G11557" s="40">
        <v>22.894542252511677</v>
      </c>
      <c r="H11557" s="40">
        <v>192.46666700000003</v>
      </c>
      <c r="I11557" s="40">
        <v>25.875037015686093</v>
      </c>
      <c r="L11557" s="40"/>
      <c r="M11557" s="40"/>
      <c r="N11557" s="40"/>
    </row>
    <row r="11558" spans="4:14" x14ac:dyDescent="0.25">
      <c r="D11558" s="40"/>
      <c r="F11558" s="40">
        <v>192.48333299999999</v>
      </c>
      <c r="G11558" s="40">
        <v>22.894542252511677</v>
      </c>
      <c r="H11558" s="40">
        <v>192.48333400000001</v>
      </c>
      <c r="I11558" s="40">
        <v>25.875037015686093</v>
      </c>
      <c r="L11558" s="40"/>
      <c r="M11558" s="40"/>
      <c r="N11558" s="40"/>
    </row>
    <row r="11559" spans="4:14" x14ac:dyDescent="0.25">
      <c r="D11559" s="40"/>
      <c r="F11559" s="40">
        <v>192.49999999999997</v>
      </c>
      <c r="G11559" s="40">
        <v>22.894542252511677</v>
      </c>
      <c r="H11559" s="40">
        <v>192.5</v>
      </c>
      <c r="I11559" s="40">
        <v>25.878389751829527</v>
      </c>
      <c r="L11559" s="40"/>
      <c r="M11559" s="40"/>
      <c r="N11559" s="40"/>
    </row>
    <row r="11560" spans="4:14" x14ac:dyDescent="0.25">
      <c r="D11560" s="40"/>
      <c r="F11560" s="40">
        <v>192.51666700000001</v>
      </c>
      <c r="G11560" s="40">
        <v>22.894542252511677</v>
      </c>
      <c r="H11560" s="40">
        <v>192.51666699999998</v>
      </c>
      <c r="I11560" s="40">
        <v>25.878389751829527</v>
      </c>
      <c r="L11560" s="40"/>
      <c r="M11560" s="40"/>
      <c r="N11560" s="40"/>
    </row>
    <row r="11561" spans="4:14" x14ac:dyDescent="0.25">
      <c r="D11561" s="40"/>
      <c r="F11561" s="40">
        <v>192.533333</v>
      </c>
      <c r="G11561" s="40">
        <v>22.894542252511677</v>
      </c>
      <c r="H11561" s="40">
        <v>192.53333400000002</v>
      </c>
      <c r="I11561" s="40">
        <v>25.878389751829527</v>
      </c>
      <c r="L11561" s="40"/>
      <c r="M11561" s="40"/>
      <c r="N11561" s="40"/>
    </row>
    <row r="11562" spans="4:14" x14ac:dyDescent="0.25">
      <c r="D11562" s="40"/>
      <c r="F11562" s="40">
        <v>192.54999999999998</v>
      </c>
      <c r="G11562" s="40">
        <v>22.894542252511677</v>
      </c>
      <c r="H11562" s="40">
        <v>192.55</v>
      </c>
      <c r="I11562" s="40">
        <v>25.881643878086113</v>
      </c>
      <c r="L11562" s="40"/>
      <c r="M11562" s="40"/>
      <c r="N11562" s="40"/>
    </row>
    <row r="11563" spans="4:14" x14ac:dyDescent="0.25">
      <c r="D11563" s="40"/>
      <c r="F11563" s="40">
        <v>192.56666699999997</v>
      </c>
      <c r="G11563" s="40">
        <v>22.894542252511677</v>
      </c>
      <c r="H11563" s="40">
        <v>192.566667</v>
      </c>
      <c r="I11563" s="40">
        <v>25.881643878086113</v>
      </c>
      <c r="L11563" s="40"/>
      <c r="M11563" s="40"/>
      <c r="N11563" s="40"/>
    </row>
    <row r="11564" spans="4:14" x14ac:dyDescent="0.25">
      <c r="D11564" s="40"/>
      <c r="F11564" s="40">
        <v>192.58333300000001</v>
      </c>
      <c r="G11564" s="40">
        <v>22.894542252511677</v>
      </c>
      <c r="H11564" s="40">
        <v>192.58333399999998</v>
      </c>
      <c r="I11564" s="40">
        <v>25.881643878086113</v>
      </c>
      <c r="L11564" s="40"/>
      <c r="M11564" s="40"/>
      <c r="N11564" s="40"/>
    </row>
    <row r="11565" spans="4:14" x14ac:dyDescent="0.25">
      <c r="D11565" s="40"/>
      <c r="F11565" s="40">
        <v>192.6</v>
      </c>
      <c r="G11565" s="40">
        <v>22.894542252511677</v>
      </c>
      <c r="H11565" s="40">
        <v>192.60000000000002</v>
      </c>
      <c r="I11565" s="40">
        <v>25.881643878086113</v>
      </c>
      <c r="L11565" s="40"/>
      <c r="M11565" s="40"/>
      <c r="N11565" s="40"/>
    </row>
    <row r="11566" spans="4:14" x14ac:dyDescent="0.25">
      <c r="D11566" s="40"/>
      <c r="F11566" s="40">
        <v>192.61666699999998</v>
      </c>
      <c r="G11566" s="40">
        <v>22.899157636481455</v>
      </c>
      <c r="H11566" s="40">
        <v>192.61666700000001</v>
      </c>
      <c r="I11566" s="40">
        <v>25.884996614229546</v>
      </c>
      <c r="L11566" s="40"/>
      <c r="M11566" s="40"/>
      <c r="N11566" s="40"/>
    </row>
    <row r="11567" spans="4:14" x14ac:dyDescent="0.25">
      <c r="D11567" s="40"/>
      <c r="F11567" s="40">
        <v>192.63333300000002</v>
      </c>
      <c r="G11567" s="40">
        <v>22.899157636481455</v>
      </c>
      <c r="H11567" s="40">
        <v>192.63333399999999</v>
      </c>
      <c r="I11567" s="40">
        <v>25.884996614229546</v>
      </c>
      <c r="L11567" s="40"/>
      <c r="M11567" s="40"/>
      <c r="N11567" s="40"/>
    </row>
    <row r="11568" spans="4:14" x14ac:dyDescent="0.25">
      <c r="D11568" s="40"/>
      <c r="F11568" s="40">
        <v>192.65</v>
      </c>
      <c r="G11568" s="40">
        <v>22.899157636481455</v>
      </c>
      <c r="H11568" s="40">
        <v>192.65000000000003</v>
      </c>
      <c r="I11568" s="40">
        <v>25.884996614229546</v>
      </c>
      <c r="L11568" s="40"/>
      <c r="M11568" s="40"/>
      <c r="N11568" s="40"/>
    </row>
    <row r="11569" spans="4:14" x14ac:dyDescent="0.25">
      <c r="D11569" s="40"/>
      <c r="F11569" s="40">
        <v>192.66666699999999</v>
      </c>
      <c r="G11569" s="40">
        <v>22.899157636481455</v>
      </c>
      <c r="H11569" s="40">
        <v>192.66666700000002</v>
      </c>
      <c r="I11569" s="40">
        <v>25.888349350372806</v>
      </c>
      <c r="L11569" s="40"/>
      <c r="M11569" s="40"/>
      <c r="N11569" s="40"/>
    </row>
    <row r="11570" spans="4:14" x14ac:dyDescent="0.25">
      <c r="D11570" s="40"/>
      <c r="F11570" s="40">
        <v>192.68333299999998</v>
      </c>
      <c r="G11570" s="40">
        <v>22.899157636481455</v>
      </c>
      <c r="H11570" s="40">
        <v>192.683334</v>
      </c>
      <c r="I11570" s="40">
        <v>25.888349350372806</v>
      </c>
      <c r="L11570" s="40"/>
      <c r="M11570" s="40"/>
      <c r="N11570" s="40"/>
    </row>
    <row r="11571" spans="4:14" x14ac:dyDescent="0.25">
      <c r="D11571" s="40"/>
      <c r="F11571" s="40">
        <v>192.70000000000002</v>
      </c>
      <c r="G11571" s="40">
        <v>22.899157636481455</v>
      </c>
      <c r="H11571" s="40">
        <v>192.7</v>
      </c>
      <c r="I11571" s="40">
        <v>25.888349350372806</v>
      </c>
      <c r="L11571" s="40"/>
      <c r="M11571" s="40"/>
      <c r="N11571" s="40"/>
    </row>
    <row r="11572" spans="4:14" x14ac:dyDescent="0.25">
      <c r="D11572" s="40"/>
      <c r="F11572" s="40">
        <v>192.716667</v>
      </c>
      <c r="G11572" s="40">
        <v>22.903912880571674</v>
      </c>
      <c r="H11572" s="40">
        <v>192.71666700000003</v>
      </c>
      <c r="I11572" s="40">
        <v>25.891702086516062</v>
      </c>
      <c r="L11572" s="40"/>
      <c r="M11572" s="40"/>
      <c r="N11572" s="40"/>
    </row>
    <row r="11573" spans="4:14" x14ac:dyDescent="0.25">
      <c r="D11573" s="40"/>
      <c r="F11573" s="40">
        <v>192.73333299999999</v>
      </c>
      <c r="G11573" s="40">
        <v>22.903912880571674</v>
      </c>
      <c r="H11573" s="40">
        <v>192.73333400000001</v>
      </c>
      <c r="I11573" s="40">
        <v>25.891702086516062</v>
      </c>
      <c r="L11573" s="40"/>
      <c r="M11573" s="40"/>
      <c r="N11573" s="40"/>
    </row>
    <row r="11574" spans="4:14" x14ac:dyDescent="0.25">
      <c r="D11574" s="40"/>
      <c r="F11574" s="40">
        <v>192.74999999999997</v>
      </c>
      <c r="G11574" s="40">
        <v>22.903912880571674</v>
      </c>
      <c r="H11574" s="40">
        <v>192.75</v>
      </c>
      <c r="I11574" s="40">
        <v>25.891702086516062</v>
      </c>
      <c r="L11574" s="40"/>
      <c r="M11574" s="40"/>
      <c r="N11574" s="40"/>
    </row>
    <row r="11575" spans="4:14" x14ac:dyDescent="0.25">
      <c r="D11575" s="40"/>
      <c r="F11575" s="40">
        <v>192.76666700000001</v>
      </c>
      <c r="G11575" s="40">
        <v>22.908668124661894</v>
      </c>
      <c r="H11575" s="40">
        <v>192.76666699999998</v>
      </c>
      <c r="I11575" s="40">
        <v>25.894956212772826</v>
      </c>
      <c r="L11575" s="40"/>
      <c r="M11575" s="40"/>
      <c r="N11575" s="40"/>
    </row>
    <row r="11576" spans="4:14" x14ac:dyDescent="0.25">
      <c r="D11576" s="40"/>
      <c r="F11576" s="40">
        <v>192.783333</v>
      </c>
      <c r="G11576" s="40">
        <v>22.908668124661894</v>
      </c>
      <c r="H11576" s="40">
        <v>192.78333400000002</v>
      </c>
      <c r="I11576" s="40">
        <v>25.894956212772826</v>
      </c>
      <c r="L11576" s="40"/>
      <c r="M11576" s="40"/>
      <c r="N11576" s="40"/>
    </row>
    <row r="11577" spans="4:14" x14ac:dyDescent="0.25">
      <c r="D11577" s="40"/>
      <c r="F11577" s="40">
        <v>192.79999999999998</v>
      </c>
      <c r="G11577" s="40">
        <v>22.908668124661894</v>
      </c>
      <c r="H11577" s="40">
        <v>192.8</v>
      </c>
      <c r="I11577" s="40">
        <v>25.894956212772826</v>
      </c>
      <c r="L11577" s="40"/>
      <c r="M11577" s="40"/>
      <c r="N11577" s="40"/>
    </row>
    <row r="11578" spans="4:14" x14ac:dyDescent="0.25">
      <c r="D11578" s="40"/>
      <c r="F11578" s="40">
        <v>192.81666699999997</v>
      </c>
      <c r="G11578" s="40">
        <v>22.908668124661894</v>
      </c>
      <c r="H11578" s="40">
        <v>192.816667</v>
      </c>
      <c r="I11578" s="40">
        <v>25.898308948916256</v>
      </c>
      <c r="L11578" s="40"/>
      <c r="M11578" s="40"/>
      <c r="N11578" s="40"/>
    </row>
    <row r="11579" spans="4:14" x14ac:dyDescent="0.25">
      <c r="D11579" s="40"/>
      <c r="F11579" s="40">
        <v>192.83333300000001</v>
      </c>
      <c r="G11579" s="40">
        <v>22.908668124661894</v>
      </c>
      <c r="H11579" s="40">
        <v>192.83333399999998</v>
      </c>
      <c r="I11579" s="40">
        <v>25.898308948916256</v>
      </c>
      <c r="L11579" s="40"/>
      <c r="M11579" s="40"/>
      <c r="N11579" s="40"/>
    </row>
    <row r="11580" spans="4:14" x14ac:dyDescent="0.25">
      <c r="D11580" s="40"/>
      <c r="F11580" s="40">
        <v>192.85</v>
      </c>
      <c r="G11580" s="40">
        <v>22.903912880571674</v>
      </c>
      <c r="H11580" s="40">
        <v>192.85000000000002</v>
      </c>
      <c r="I11580" s="40">
        <v>25.898308948916256</v>
      </c>
      <c r="L11580" s="40"/>
      <c r="M11580" s="40"/>
      <c r="N11580" s="40"/>
    </row>
    <row r="11581" spans="4:14" x14ac:dyDescent="0.25">
      <c r="D11581" s="40"/>
      <c r="F11581" s="40">
        <v>192.86666699999998</v>
      </c>
      <c r="G11581" s="40">
        <v>22.903912880571674</v>
      </c>
      <c r="H11581" s="40">
        <v>192.86666700000001</v>
      </c>
      <c r="I11581" s="40">
        <v>25.898308948916256</v>
      </c>
      <c r="L11581" s="40"/>
      <c r="M11581" s="40"/>
      <c r="N11581" s="40"/>
    </row>
    <row r="11582" spans="4:14" x14ac:dyDescent="0.25">
      <c r="D11582" s="40"/>
      <c r="F11582" s="40">
        <v>192.88333300000002</v>
      </c>
      <c r="G11582" s="40">
        <v>22.903912880571674</v>
      </c>
      <c r="H11582" s="40">
        <v>192.88333399999999</v>
      </c>
      <c r="I11582" s="40">
        <v>25.901661685059516</v>
      </c>
      <c r="L11582" s="40"/>
      <c r="M11582" s="40"/>
      <c r="N11582" s="40"/>
    </row>
    <row r="11583" spans="4:14" x14ac:dyDescent="0.25">
      <c r="D11583" s="40"/>
      <c r="F11583" s="40">
        <v>192.9</v>
      </c>
      <c r="G11583" s="40">
        <v>22.903912880571674</v>
      </c>
      <c r="H11583" s="40">
        <v>192.90000000000003</v>
      </c>
      <c r="I11583" s="40">
        <v>25.901661685059516</v>
      </c>
      <c r="L11583" s="40"/>
      <c r="M11583" s="40"/>
      <c r="N11583" s="40"/>
    </row>
    <row r="11584" spans="4:14" x14ac:dyDescent="0.25">
      <c r="D11584" s="40"/>
      <c r="F11584" s="40">
        <v>192.91666699999999</v>
      </c>
      <c r="G11584" s="40">
        <v>22.899157636481455</v>
      </c>
      <c r="H11584" s="40">
        <v>192.91666700000002</v>
      </c>
      <c r="I11584" s="40">
        <v>25.901661685059516</v>
      </c>
      <c r="L11584" s="40"/>
      <c r="M11584" s="40"/>
      <c r="N11584" s="40"/>
    </row>
    <row r="11585" spans="4:14" x14ac:dyDescent="0.25">
      <c r="D11585" s="40"/>
      <c r="F11585" s="40">
        <v>192.93333299999998</v>
      </c>
      <c r="G11585" s="40">
        <v>22.899157636481455</v>
      </c>
      <c r="H11585" s="40">
        <v>192.933334</v>
      </c>
      <c r="I11585" s="40">
        <v>25.901661685059516</v>
      </c>
      <c r="L11585" s="40"/>
      <c r="M11585" s="40"/>
      <c r="N11585" s="40"/>
    </row>
    <row r="11586" spans="4:14" x14ac:dyDescent="0.25">
      <c r="D11586" s="40"/>
      <c r="F11586" s="40">
        <v>192.95000000000002</v>
      </c>
      <c r="G11586" s="40">
        <v>22.899157636481455</v>
      </c>
      <c r="H11586" s="40">
        <v>192.95</v>
      </c>
      <c r="I11586" s="40">
        <v>25.901661685059516</v>
      </c>
      <c r="L11586" s="40"/>
      <c r="M11586" s="40"/>
      <c r="N11586" s="40"/>
    </row>
    <row r="11587" spans="4:14" x14ac:dyDescent="0.25">
      <c r="D11587" s="40"/>
      <c r="F11587" s="40">
        <v>192.966667</v>
      </c>
      <c r="G11587" s="40">
        <v>22.899157636481455</v>
      </c>
      <c r="H11587" s="40">
        <v>192.96666700000003</v>
      </c>
      <c r="I11587" s="40">
        <v>25.904915811316279</v>
      </c>
      <c r="L11587" s="40"/>
      <c r="M11587" s="40"/>
      <c r="N11587" s="40"/>
    </row>
    <row r="11588" spans="4:14" x14ac:dyDescent="0.25">
      <c r="D11588" s="40"/>
      <c r="F11588" s="40">
        <v>192.98333299999999</v>
      </c>
      <c r="G11588" s="40">
        <v>22.899157636481455</v>
      </c>
      <c r="H11588" s="40">
        <v>192.98333400000001</v>
      </c>
      <c r="I11588" s="40">
        <v>25.904915811316279</v>
      </c>
      <c r="L11588" s="40"/>
      <c r="M11588" s="40"/>
      <c r="N11588" s="40"/>
    </row>
    <row r="11589" spans="4:14" x14ac:dyDescent="0.25">
      <c r="D11589" s="40"/>
      <c r="F11589" s="40">
        <v>192.99999999999997</v>
      </c>
      <c r="G11589" s="40">
        <v>22.899157636481455</v>
      </c>
      <c r="H11589" s="40">
        <v>193</v>
      </c>
      <c r="I11589" s="40">
        <v>25.904915811316279</v>
      </c>
      <c r="L11589" s="40"/>
      <c r="M11589" s="40"/>
      <c r="N11589" s="40"/>
    </row>
    <row r="11590" spans="4:14" x14ac:dyDescent="0.25">
      <c r="D11590" s="40"/>
      <c r="F11590" s="40">
        <v>193.01666700000001</v>
      </c>
      <c r="G11590" s="40">
        <v>22.899157636481455</v>
      </c>
      <c r="H11590" s="40">
        <v>193.01666699999998</v>
      </c>
      <c r="I11590" s="40">
        <v>25.904915811316279</v>
      </c>
      <c r="L11590" s="40"/>
      <c r="M11590" s="40"/>
      <c r="N11590" s="40"/>
    </row>
    <row r="11591" spans="4:14" x14ac:dyDescent="0.25">
      <c r="D11591" s="40"/>
      <c r="F11591" s="40">
        <v>193.033333</v>
      </c>
      <c r="G11591" s="40">
        <v>22.899157636481455</v>
      </c>
      <c r="H11591" s="40">
        <v>193.03333400000002</v>
      </c>
      <c r="I11591" s="40">
        <v>25.908268547459535</v>
      </c>
      <c r="L11591" s="40"/>
      <c r="M11591" s="40"/>
      <c r="N11591" s="40"/>
    </row>
    <row r="11592" spans="4:14" x14ac:dyDescent="0.25">
      <c r="D11592" s="40"/>
      <c r="F11592" s="40">
        <v>193.04999999999998</v>
      </c>
      <c r="G11592" s="40">
        <v>22.899157636481455</v>
      </c>
      <c r="H11592" s="40">
        <v>193.05</v>
      </c>
      <c r="I11592" s="40">
        <v>25.908268547459535</v>
      </c>
      <c r="L11592" s="40"/>
      <c r="M11592" s="40"/>
      <c r="N11592" s="40"/>
    </row>
    <row r="11593" spans="4:14" x14ac:dyDescent="0.25">
      <c r="D11593" s="40"/>
      <c r="F11593" s="40">
        <v>193.06666699999997</v>
      </c>
      <c r="G11593" s="40">
        <v>22.894542252511677</v>
      </c>
      <c r="H11593" s="40">
        <v>193.066667</v>
      </c>
      <c r="I11593" s="40">
        <v>25.908268547459535</v>
      </c>
      <c r="L11593" s="40"/>
      <c r="M11593" s="40"/>
      <c r="N11593" s="40"/>
    </row>
    <row r="11594" spans="4:14" x14ac:dyDescent="0.25">
      <c r="D11594" s="40"/>
      <c r="F11594" s="40">
        <v>193.08333300000001</v>
      </c>
      <c r="G11594" s="40">
        <v>22.894542252511677</v>
      </c>
      <c r="H11594" s="40">
        <v>193.08333399999998</v>
      </c>
      <c r="I11594" s="40">
        <v>25.908268547459535</v>
      </c>
      <c r="L11594" s="40"/>
      <c r="M11594" s="40"/>
      <c r="N11594" s="40"/>
    </row>
    <row r="11595" spans="4:14" x14ac:dyDescent="0.25">
      <c r="D11595" s="40"/>
      <c r="F11595" s="40">
        <v>193.1</v>
      </c>
      <c r="G11595" s="40">
        <v>22.894542252511677</v>
      </c>
      <c r="H11595" s="40">
        <v>193.10000000000002</v>
      </c>
      <c r="I11595" s="40">
        <v>25.908268547459535</v>
      </c>
      <c r="L11595" s="40"/>
      <c r="M11595" s="40"/>
      <c r="N11595" s="40"/>
    </row>
    <row r="11596" spans="4:14" x14ac:dyDescent="0.25">
      <c r="D11596" s="40"/>
      <c r="F11596" s="40">
        <v>193.11666699999998</v>
      </c>
      <c r="G11596" s="40">
        <v>22.894542252511677</v>
      </c>
      <c r="H11596" s="40">
        <v>193.11666700000001</v>
      </c>
      <c r="I11596" s="40">
        <v>25.911621283602965</v>
      </c>
      <c r="L11596" s="40"/>
      <c r="M11596" s="40"/>
      <c r="N11596" s="40"/>
    </row>
    <row r="11597" spans="4:14" x14ac:dyDescent="0.25">
      <c r="D11597" s="40"/>
      <c r="F11597" s="40">
        <v>193.13333300000002</v>
      </c>
      <c r="G11597" s="40">
        <v>22.894542252511677</v>
      </c>
      <c r="H11597" s="40">
        <v>193.13333399999999</v>
      </c>
      <c r="I11597" s="40">
        <v>25.911621283602965</v>
      </c>
      <c r="L11597" s="40"/>
      <c r="M11597" s="40"/>
      <c r="N11597" s="40"/>
    </row>
    <row r="11598" spans="4:14" x14ac:dyDescent="0.25">
      <c r="D11598" s="40"/>
      <c r="F11598" s="40">
        <v>193.15</v>
      </c>
      <c r="G11598" s="40">
        <v>22.889787008421457</v>
      </c>
      <c r="H11598" s="40">
        <v>193.15000000000003</v>
      </c>
      <c r="I11598" s="40">
        <v>25.911621283602965</v>
      </c>
      <c r="L11598" s="40"/>
      <c r="M11598" s="40"/>
      <c r="N11598" s="40"/>
    </row>
    <row r="11599" spans="4:14" x14ac:dyDescent="0.25">
      <c r="D11599" s="40"/>
      <c r="F11599" s="40">
        <v>193.16666699999999</v>
      </c>
      <c r="G11599" s="40">
        <v>22.889787008421457</v>
      </c>
      <c r="H11599" s="40">
        <v>193.16666700000002</v>
      </c>
      <c r="I11599" s="40">
        <v>25.911621283602965</v>
      </c>
      <c r="L11599" s="40"/>
      <c r="M11599" s="40"/>
      <c r="N11599" s="40"/>
    </row>
    <row r="11600" spans="4:14" x14ac:dyDescent="0.25">
      <c r="D11600" s="40"/>
      <c r="F11600" s="40">
        <v>193.18333299999998</v>
      </c>
      <c r="G11600" s="40">
        <v>22.889787008421457</v>
      </c>
      <c r="H11600" s="40">
        <v>193.183334</v>
      </c>
      <c r="I11600" s="40">
        <v>25.911621283602965</v>
      </c>
      <c r="L11600" s="40"/>
      <c r="M11600" s="40"/>
      <c r="N11600" s="40"/>
    </row>
    <row r="11601" spans="4:14" x14ac:dyDescent="0.25">
      <c r="D11601" s="40"/>
      <c r="F11601" s="40">
        <v>193.20000000000002</v>
      </c>
      <c r="G11601" s="40">
        <v>22.889787008421457</v>
      </c>
      <c r="H11601" s="40">
        <v>193.2</v>
      </c>
      <c r="I11601" s="40">
        <v>25.914875409859558</v>
      </c>
      <c r="L11601" s="40"/>
      <c r="M11601" s="40"/>
      <c r="N11601" s="40"/>
    </row>
    <row r="11602" spans="4:14" x14ac:dyDescent="0.25">
      <c r="D11602" s="40"/>
      <c r="F11602" s="40">
        <v>193.216667</v>
      </c>
      <c r="G11602" s="40">
        <v>22.889787008421457</v>
      </c>
      <c r="H11602" s="40">
        <v>193.21666700000003</v>
      </c>
      <c r="I11602" s="40">
        <v>25.914875409859558</v>
      </c>
      <c r="L11602" s="40"/>
      <c r="M11602" s="40"/>
      <c r="N11602" s="40"/>
    </row>
    <row r="11603" spans="4:14" x14ac:dyDescent="0.25">
      <c r="D11603" s="40"/>
      <c r="F11603" s="40">
        <v>193.23333299999999</v>
      </c>
      <c r="G11603" s="40">
        <v>22.889787008421457</v>
      </c>
      <c r="H11603" s="40">
        <v>193.23333400000001</v>
      </c>
      <c r="I11603" s="40">
        <v>25.914875409859558</v>
      </c>
      <c r="L11603" s="40"/>
      <c r="M11603" s="40"/>
      <c r="N11603" s="40"/>
    </row>
    <row r="11604" spans="4:14" x14ac:dyDescent="0.25">
      <c r="D11604" s="40"/>
      <c r="F11604" s="40">
        <v>193.24999999999997</v>
      </c>
      <c r="G11604" s="40">
        <v>22.894542252511677</v>
      </c>
      <c r="H11604" s="40">
        <v>193.25</v>
      </c>
      <c r="I11604" s="40">
        <v>25.914875409859558</v>
      </c>
      <c r="L11604" s="40"/>
      <c r="M11604" s="40"/>
      <c r="N11604" s="40"/>
    </row>
    <row r="11605" spans="4:14" x14ac:dyDescent="0.25">
      <c r="D11605" s="40"/>
      <c r="F11605" s="40">
        <v>193.26666700000001</v>
      </c>
      <c r="G11605" s="40">
        <v>22.894542252511677</v>
      </c>
      <c r="H11605" s="40">
        <v>193.26666699999998</v>
      </c>
      <c r="I11605" s="40">
        <v>25.914875409859558</v>
      </c>
      <c r="L11605" s="40"/>
      <c r="M11605" s="40"/>
      <c r="N11605" s="40"/>
    </row>
    <row r="11606" spans="4:14" x14ac:dyDescent="0.25">
      <c r="D11606" s="40"/>
      <c r="F11606" s="40">
        <v>193.283333</v>
      </c>
      <c r="G11606" s="40">
        <v>22.899157636481455</v>
      </c>
      <c r="H11606" s="40">
        <v>193.28333400000002</v>
      </c>
      <c r="I11606" s="40">
        <v>25.918228146002985</v>
      </c>
      <c r="L11606" s="40"/>
      <c r="M11606" s="40"/>
      <c r="N11606" s="40"/>
    </row>
    <row r="11607" spans="4:14" x14ac:dyDescent="0.25">
      <c r="D11607" s="40"/>
      <c r="F11607" s="40">
        <v>193.29999999999998</v>
      </c>
      <c r="G11607" s="40">
        <v>22.899157636481455</v>
      </c>
      <c r="H11607" s="40">
        <v>193.3</v>
      </c>
      <c r="I11607" s="40">
        <v>25.918228146002985</v>
      </c>
      <c r="L11607" s="40"/>
      <c r="M11607" s="40"/>
      <c r="N11607" s="40"/>
    </row>
    <row r="11608" spans="4:14" x14ac:dyDescent="0.25">
      <c r="D11608" s="40"/>
      <c r="F11608" s="40">
        <v>193.31666699999997</v>
      </c>
      <c r="G11608" s="40">
        <v>22.903912880571674</v>
      </c>
      <c r="H11608" s="40">
        <v>193.316667</v>
      </c>
      <c r="I11608" s="40">
        <v>25.918228146002985</v>
      </c>
      <c r="L11608" s="40"/>
      <c r="M11608" s="40"/>
      <c r="N11608" s="40"/>
    </row>
    <row r="11609" spans="4:14" x14ac:dyDescent="0.25">
      <c r="D11609" s="40"/>
      <c r="F11609" s="40">
        <v>193.33333300000001</v>
      </c>
      <c r="G11609" s="40">
        <v>22.903912880571674</v>
      </c>
      <c r="H11609" s="40">
        <v>193.33333399999998</v>
      </c>
      <c r="I11609" s="40">
        <v>25.921580882146245</v>
      </c>
      <c r="L11609" s="40"/>
      <c r="M11609" s="40"/>
      <c r="N11609" s="40"/>
    </row>
    <row r="11610" spans="4:14" x14ac:dyDescent="0.25">
      <c r="D11610" s="40"/>
      <c r="F11610" s="40">
        <v>193.35</v>
      </c>
      <c r="G11610" s="40">
        <v>22.903912880571674</v>
      </c>
      <c r="H11610" s="40">
        <v>193.35000000000002</v>
      </c>
      <c r="I11610" s="40">
        <v>25.921580882146245</v>
      </c>
      <c r="L11610" s="40"/>
      <c r="M11610" s="40"/>
      <c r="N11610" s="40"/>
    </row>
    <row r="11611" spans="4:14" x14ac:dyDescent="0.25">
      <c r="D11611" s="40"/>
      <c r="F11611" s="40">
        <v>193.36666699999998</v>
      </c>
      <c r="G11611" s="40">
        <v>22.903912880571674</v>
      </c>
      <c r="H11611" s="40">
        <v>193.36666700000001</v>
      </c>
      <c r="I11611" s="40">
        <v>25.921580882146245</v>
      </c>
      <c r="L11611" s="40"/>
      <c r="M11611" s="40"/>
      <c r="N11611" s="40"/>
    </row>
    <row r="11612" spans="4:14" x14ac:dyDescent="0.25">
      <c r="D11612" s="40"/>
      <c r="F11612" s="40">
        <v>193.38333300000002</v>
      </c>
      <c r="G11612" s="40">
        <v>22.903912880571674</v>
      </c>
      <c r="H11612" s="40">
        <v>193.38333399999999</v>
      </c>
      <c r="I11612" s="40">
        <v>25.921580882146245</v>
      </c>
      <c r="L11612" s="40"/>
      <c r="M11612" s="40"/>
      <c r="N11612" s="40"/>
    </row>
    <row r="11613" spans="4:14" x14ac:dyDescent="0.25">
      <c r="D11613" s="40"/>
      <c r="F11613" s="40">
        <v>193.4</v>
      </c>
      <c r="G11613" s="40">
        <v>22.903912880571674</v>
      </c>
      <c r="H11613" s="40">
        <v>193.40000000000003</v>
      </c>
      <c r="I11613" s="40">
        <v>25.924835008403008</v>
      </c>
      <c r="L11613" s="40"/>
      <c r="M11613" s="40"/>
      <c r="N11613" s="40"/>
    </row>
    <row r="11614" spans="4:14" x14ac:dyDescent="0.25">
      <c r="D11614" s="40"/>
      <c r="F11614" s="40">
        <v>193.41666699999999</v>
      </c>
      <c r="G11614" s="40">
        <v>22.908668124661894</v>
      </c>
      <c r="H11614" s="40">
        <v>193.41666700000002</v>
      </c>
      <c r="I11614" s="40">
        <v>25.924835008403008</v>
      </c>
      <c r="L11614" s="40"/>
      <c r="M11614" s="40"/>
      <c r="N11614" s="40"/>
    </row>
    <row r="11615" spans="4:14" x14ac:dyDescent="0.25">
      <c r="D11615" s="40"/>
      <c r="F11615" s="40">
        <v>193.43333299999998</v>
      </c>
      <c r="G11615" s="40">
        <v>22.908668124661894</v>
      </c>
      <c r="H11615" s="40">
        <v>193.433334</v>
      </c>
      <c r="I11615" s="40">
        <v>25.924835008403008</v>
      </c>
      <c r="L11615" s="40"/>
      <c r="M11615" s="40"/>
      <c r="N11615" s="40"/>
    </row>
    <row r="11616" spans="4:14" x14ac:dyDescent="0.25">
      <c r="D11616" s="40"/>
      <c r="F11616" s="40">
        <v>193.45000000000002</v>
      </c>
      <c r="G11616" s="40">
        <v>22.908668124661894</v>
      </c>
      <c r="H11616" s="40">
        <v>193.45</v>
      </c>
      <c r="I11616" s="40">
        <v>25.924835008403008</v>
      </c>
      <c r="L11616" s="40"/>
      <c r="M11616" s="40"/>
      <c r="N11616" s="40"/>
    </row>
    <row r="11617" spans="4:14" x14ac:dyDescent="0.25">
      <c r="D11617" s="40"/>
      <c r="F11617" s="40">
        <v>193.466667</v>
      </c>
      <c r="G11617" s="40">
        <v>22.908668124661894</v>
      </c>
      <c r="H11617" s="40">
        <v>193.46666700000003</v>
      </c>
      <c r="I11617" s="40">
        <v>25.924835008403008</v>
      </c>
      <c r="L11617" s="40"/>
      <c r="M11617" s="40"/>
      <c r="N11617" s="40"/>
    </row>
    <row r="11618" spans="4:14" x14ac:dyDescent="0.25">
      <c r="D11618" s="40"/>
      <c r="F11618" s="40">
        <v>193.48333299999999</v>
      </c>
      <c r="G11618" s="40">
        <v>22.913283508631793</v>
      </c>
      <c r="H11618" s="40">
        <v>193.48333400000001</v>
      </c>
      <c r="I11618" s="40">
        <v>25.928187744546264</v>
      </c>
      <c r="L11618" s="40"/>
      <c r="M11618" s="40"/>
      <c r="N11618" s="40"/>
    </row>
    <row r="11619" spans="4:14" x14ac:dyDescent="0.25">
      <c r="D11619" s="40"/>
      <c r="F11619" s="40">
        <v>193.49999999999997</v>
      </c>
      <c r="G11619" s="40">
        <v>22.913283508631793</v>
      </c>
      <c r="H11619" s="40">
        <v>193.5</v>
      </c>
      <c r="I11619" s="40">
        <v>25.928187744546264</v>
      </c>
      <c r="L11619" s="40"/>
      <c r="M11619" s="40"/>
      <c r="N11619" s="40"/>
    </row>
    <row r="11620" spans="4:14" x14ac:dyDescent="0.25">
      <c r="D11620" s="40"/>
      <c r="F11620" s="40">
        <v>193.51666700000001</v>
      </c>
      <c r="G11620" s="40">
        <v>22.913283508631793</v>
      </c>
      <c r="H11620" s="40">
        <v>193.51666699999998</v>
      </c>
      <c r="I11620" s="40">
        <v>25.928187744546264</v>
      </c>
      <c r="L11620" s="40"/>
      <c r="M11620" s="40"/>
      <c r="N11620" s="40"/>
    </row>
    <row r="11621" spans="4:14" x14ac:dyDescent="0.25">
      <c r="D11621" s="40"/>
      <c r="F11621" s="40">
        <v>193.533333</v>
      </c>
      <c r="G11621" s="40">
        <v>22.913283508631793</v>
      </c>
      <c r="H11621" s="40">
        <v>193.53333400000002</v>
      </c>
      <c r="I11621" s="40">
        <v>25.928187744546264</v>
      </c>
      <c r="L11621" s="40"/>
      <c r="M11621" s="40"/>
      <c r="N11621" s="40"/>
    </row>
    <row r="11622" spans="4:14" x14ac:dyDescent="0.25">
      <c r="D11622" s="40"/>
      <c r="F11622" s="40">
        <v>193.54999999999998</v>
      </c>
      <c r="G11622" s="40">
        <v>22.913283508631793</v>
      </c>
      <c r="H11622" s="40">
        <v>193.55</v>
      </c>
      <c r="I11622" s="40">
        <v>25.928187744546264</v>
      </c>
      <c r="L11622" s="40"/>
      <c r="M11622" s="40"/>
      <c r="N11622" s="40"/>
    </row>
    <row r="11623" spans="4:14" x14ac:dyDescent="0.25">
      <c r="D11623" s="40"/>
      <c r="F11623" s="40">
        <v>193.56666699999997</v>
      </c>
      <c r="G11623" s="40">
        <v>22.913283508631793</v>
      </c>
      <c r="H11623" s="40">
        <v>193.566667</v>
      </c>
      <c r="I11623" s="40">
        <v>25.931540480689694</v>
      </c>
      <c r="L11623" s="40"/>
      <c r="M11623" s="40"/>
      <c r="N11623" s="40"/>
    </row>
    <row r="11624" spans="4:14" x14ac:dyDescent="0.25">
      <c r="D11624" s="40"/>
      <c r="F11624" s="40">
        <v>193.58333300000001</v>
      </c>
      <c r="G11624" s="40">
        <v>22.918038752721888</v>
      </c>
      <c r="H11624" s="40">
        <v>193.58333399999998</v>
      </c>
      <c r="I11624" s="40">
        <v>25.931540480689694</v>
      </c>
      <c r="L11624" s="40"/>
      <c r="M11624" s="40"/>
      <c r="N11624" s="40"/>
    </row>
    <row r="11625" spans="4:14" x14ac:dyDescent="0.25">
      <c r="D11625" s="40"/>
      <c r="F11625" s="40">
        <v>193.6</v>
      </c>
      <c r="G11625" s="40">
        <v>22.913283508631793</v>
      </c>
      <c r="H11625" s="40">
        <v>193.60000000000002</v>
      </c>
      <c r="I11625" s="40">
        <v>25.931540480689694</v>
      </c>
      <c r="L11625" s="40"/>
      <c r="M11625" s="40"/>
      <c r="N11625" s="40"/>
    </row>
    <row r="11626" spans="4:14" x14ac:dyDescent="0.25">
      <c r="D11626" s="40"/>
      <c r="F11626" s="40">
        <v>193.61666699999998</v>
      </c>
      <c r="G11626" s="40">
        <v>22.913283508631793</v>
      </c>
      <c r="H11626" s="40">
        <v>193.61666700000001</v>
      </c>
      <c r="I11626" s="40">
        <v>25.931540480689694</v>
      </c>
      <c r="L11626" s="40"/>
      <c r="M11626" s="40"/>
      <c r="N11626" s="40"/>
    </row>
    <row r="11627" spans="4:14" x14ac:dyDescent="0.25">
      <c r="D11627" s="40"/>
      <c r="F11627" s="40">
        <v>193.63333300000002</v>
      </c>
      <c r="G11627" s="40">
        <v>22.913283508631793</v>
      </c>
      <c r="H11627" s="40">
        <v>193.63333399999999</v>
      </c>
      <c r="I11627" s="40">
        <v>25.934794606946458</v>
      </c>
      <c r="L11627" s="40"/>
      <c r="M11627" s="40"/>
      <c r="N11627" s="40"/>
    </row>
    <row r="11628" spans="4:14" x14ac:dyDescent="0.25">
      <c r="D11628" s="40"/>
      <c r="F11628" s="40">
        <v>193.65</v>
      </c>
      <c r="G11628" s="40">
        <v>22.913283508631793</v>
      </c>
      <c r="H11628" s="40">
        <v>193.65000000000003</v>
      </c>
      <c r="I11628" s="40">
        <v>25.934794606946458</v>
      </c>
      <c r="L11628" s="40"/>
      <c r="M11628" s="40"/>
      <c r="N11628" s="40"/>
    </row>
    <row r="11629" spans="4:14" x14ac:dyDescent="0.25">
      <c r="D11629" s="40"/>
      <c r="F11629" s="40">
        <v>193.66666699999999</v>
      </c>
      <c r="G11629" s="40">
        <v>22.913283508631793</v>
      </c>
      <c r="H11629" s="40">
        <v>193.66666700000002</v>
      </c>
      <c r="I11629" s="40">
        <v>25.934794606946458</v>
      </c>
      <c r="L11629" s="40"/>
      <c r="M11629" s="40"/>
      <c r="N11629" s="40"/>
    </row>
    <row r="11630" spans="4:14" x14ac:dyDescent="0.25">
      <c r="D11630" s="40"/>
      <c r="F11630" s="40">
        <v>193.68333299999998</v>
      </c>
      <c r="G11630" s="40">
        <v>22.913283508631793</v>
      </c>
      <c r="H11630" s="40">
        <v>193.683334</v>
      </c>
      <c r="I11630" s="40">
        <v>25.934794606946458</v>
      </c>
      <c r="L11630" s="40"/>
      <c r="M11630" s="40"/>
      <c r="N11630" s="40"/>
    </row>
    <row r="11631" spans="4:14" x14ac:dyDescent="0.25">
      <c r="D11631" s="40"/>
      <c r="F11631" s="40">
        <v>193.70000000000002</v>
      </c>
      <c r="G11631" s="40">
        <v>22.908668124661894</v>
      </c>
      <c r="H11631" s="40">
        <v>193.7</v>
      </c>
      <c r="I11631" s="40">
        <v>25.934794606946458</v>
      </c>
      <c r="L11631" s="40"/>
      <c r="M11631" s="40"/>
      <c r="N11631" s="40"/>
    </row>
    <row r="11632" spans="4:14" x14ac:dyDescent="0.25">
      <c r="D11632" s="40"/>
      <c r="F11632" s="40">
        <v>193.716667</v>
      </c>
      <c r="G11632" s="40">
        <v>22.908668124661894</v>
      </c>
      <c r="H11632" s="40">
        <v>193.71666700000003</v>
      </c>
      <c r="I11632" s="40">
        <v>25.934794606946458</v>
      </c>
      <c r="L11632" s="40"/>
      <c r="M11632" s="40"/>
      <c r="N11632" s="40"/>
    </row>
    <row r="11633" spans="4:14" x14ac:dyDescent="0.25">
      <c r="D11633" s="40"/>
      <c r="F11633" s="40">
        <v>193.73333299999999</v>
      </c>
      <c r="G11633" s="40">
        <v>22.908668124661894</v>
      </c>
      <c r="H11633" s="40">
        <v>193.73333400000001</v>
      </c>
      <c r="I11633" s="40">
        <v>25.938147343089717</v>
      </c>
      <c r="L11633" s="40"/>
      <c r="M11633" s="40"/>
      <c r="N11633" s="40"/>
    </row>
    <row r="11634" spans="4:14" x14ac:dyDescent="0.25">
      <c r="D11634" s="40"/>
      <c r="F11634" s="40">
        <v>193.74999999999997</v>
      </c>
      <c r="G11634" s="40">
        <v>22.903912880571674</v>
      </c>
      <c r="H11634" s="40">
        <v>193.75</v>
      </c>
      <c r="I11634" s="40">
        <v>25.938147343089717</v>
      </c>
      <c r="L11634" s="40"/>
      <c r="M11634" s="40"/>
      <c r="N11634" s="40"/>
    </row>
    <row r="11635" spans="4:14" x14ac:dyDescent="0.25">
      <c r="D11635" s="40"/>
      <c r="F11635" s="40">
        <v>193.76666700000001</v>
      </c>
      <c r="G11635" s="40">
        <v>22.903912880571674</v>
      </c>
      <c r="H11635" s="40">
        <v>193.76666699999998</v>
      </c>
      <c r="I11635" s="40">
        <v>25.938147343089717</v>
      </c>
      <c r="L11635" s="40"/>
      <c r="M11635" s="40"/>
      <c r="N11635" s="40"/>
    </row>
    <row r="11636" spans="4:14" x14ac:dyDescent="0.25">
      <c r="D11636" s="40"/>
      <c r="F11636" s="40">
        <v>193.783333</v>
      </c>
      <c r="G11636" s="40">
        <v>22.903912880571674</v>
      </c>
      <c r="H11636" s="40">
        <v>193.78333400000002</v>
      </c>
      <c r="I11636" s="40">
        <v>25.938147343089717</v>
      </c>
      <c r="L11636" s="40"/>
      <c r="M11636" s="40"/>
      <c r="N11636" s="40"/>
    </row>
    <row r="11637" spans="4:14" x14ac:dyDescent="0.25">
      <c r="D11637" s="40"/>
      <c r="F11637" s="40">
        <v>193.79999999999998</v>
      </c>
      <c r="G11637" s="40">
        <v>22.903912880571674</v>
      </c>
      <c r="H11637" s="40">
        <v>193.8</v>
      </c>
      <c r="I11637" s="40">
        <v>25.941500079232974</v>
      </c>
      <c r="L11637" s="40"/>
      <c r="M11637" s="40"/>
      <c r="N11637" s="40"/>
    </row>
    <row r="11638" spans="4:14" x14ac:dyDescent="0.25">
      <c r="D11638" s="40"/>
      <c r="F11638" s="40">
        <v>193.81666699999997</v>
      </c>
      <c r="G11638" s="40">
        <v>22.903912880571674</v>
      </c>
      <c r="H11638" s="40">
        <v>193.816667</v>
      </c>
      <c r="I11638" s="40">
        <v>25.941500079232974</v>
      </c>
      <c r="L11638" s="40"/>
      <c r="M11638" s="40"/>
      <c r="N11638" s="40"/>
    </row>
    <row r="11639" spans="4:14" x14ac:dyDescent="0.25">
      <c r="D11639" s="40"/>
      <c r="F11639" s="40">
        <v>193.83333300000001</v>
      </c>
      <c r="G11639" s="40">
        <v>22.908668124661894</v>
      </c>
      <c r="H11639" s="40">
        <v>193.83333399999998</v>
      </c>
      <c r="I11639" s="40">
        <v>25.941500079232974</v>
      </c>
      <c r="L11639" s="40"/>
      <c r="M11639" s="40"/>
      <c r="N11639" s="40"/>
    </row>
    <row r="11640" spans="4:14" x14ac:dyDescent="0.25">
      <c r="D11640" s="40"/>
      <c r="F11640" s="40">
        <v>193.85</v>
      </c>
      <c r="G11640" s="40">
        <v>22.908668124661894</v>
      </c>
      <c r="H11640" s="40">
        <v>193.85000000000002</v>
      </c>
      <c r="I11640" s="40">
        <v>25.941500079232974</v>
      </c>
      <c r="L11640" s="40"/>
      <c r="M11640" s="40"/>
      <c r="N11640" s="40"/>
    </row>
    <row r="11641" spans="4:14" x14ac:dyDescent="0.25">
      <c r="D11641" s="40"/>
      <c r="F11641" s="40">
        <v>193.86666699999998</v>
      </c>
      <c r="G11641" s="40">
        <v>22.908668124661894</v>
      </c>
      <c r="H11641" s="40">
        <v>193.86666700000001</v>
      </c>
      <c r="I11641" s="40">
        <v>25.941500079232974</v>
      </c>
      <c r="L11641" s="40"/>
      <c r="M11641" s="40"/>
      <c r="N11641" s="40"/>
    </row>
    <row r="11642" spans="4:14" x14ac:dyDescent="0.25">
      <c r="D11642" s="40"/>
      <c r="F11642" s="40">
        <v>193.88333300000002</v>
      </c>
      <c r="G11642" s="40">
        <v>22.903912880571674</v>
      </c>
      <c r="H11642" s="40">
        <v>193.88333399999999</v>
      </c>
      <c r="I11642" s="40">
        <v>25.944754205489737</v>
      </c>
      <c r="L11642" s="40"/>
      <c r="M11642" s="40"/>
      <c r="N11642" s="40"/>
    </row>
    <row r="11643" spans="4:14" x14ac:dyDescent="0.25">
      <c r="D11643" s="40"/>
      <c r="F11643" s="40">
        <v>193.9</v>
      </c>
      <c r="G11643" s="40">
        <v>22.903912880571674</v>
      </c>
      <c r="H11643" s="40">
        <v>193.90000000000003</v>
      </c>
      <c r="I11643" s="40">
        <v>25.944754205489737</v>
      </c>
      <c r="L11643" s="40"/>
      <c r="M11643" s="40"/>
      <c r="N11643" s="40"/>
    </row>
    <row r="11644" spans="4:14" x14ac:dyDescent="0.25">
      <c r="D11644" s="40"/>
      <c r="F11644" s="40">
        <v>193.91666699999999</v>
      </c>
      <c r="G11644" s="40">
        <v>22.903912880571674</v>
      </c>
      <c r="H11644" s="40">
        <v>193.91666700000002</v>
      </c>
      <c r="I11644" s="40">
        <v>25.944754205489737</v>
      </c>
      <c r="L11644" s="40"/>
      <c r="M11644" s="40"/>
      <c r="N11644" s="40"/>
    </row>
    <row r="11645" spans="4:14" x14ac:dyDescent="0.25">
      <c r="D11645" s="40"/>
      <c r="F11645" s="40">
        <v>193.93333299999998</v>
      </c>
      <c r="G11645" s="40">
        <v>22.903912880571674</v>
      </c>
      <c r="H11645" s="40">
        <v>193.933334</v>
      </c>
      <c r="I11645" s="40">
        <v>25.944754205489737</v>
      </c>
      <c r="L11645" s="40"/>
      <c r="M11645" s="40"/>
      <c r="N11645" s="40"/>
    </row>
    <row r="11646" spans="4:14" x14ac:dyDescent="0.25">
      <c r="D11646" s="40"/>
      <c r="F11646" s="40">
        <v>193.95000000000002</v>
      </c>
      <c r="G11646" s="40">
        <v>22.903912880571674</v>
      </c>
      <c r="H11646" s="40">
        <v>193.95</v>
      </c>
      <c r="I11646" s="40">
        <v>25.944754205489737</v>
      </c>
      <c r="L11646" s="40"/>
      <c r="M11646" s="40"/>
      <c r="N11646" s="40"/>
    </row>
    <row r="11647" spans="4:14" x14ac:dyDescent="0.25">
      <c r="D11647" s="40"/>
      <c r="F11647" s="40">
        <v>193.966667</v>
      </c>
      <c r="G11647" s="40">
        <v>22.903912880571674</v>
      </c>
      <c r="H11647" s="40">
        <v>193.96666700000003</v>
      </c>
      <c r="I11647" s="40">
        <v>25.944754205489737</v>
      </c>
      <c r="L11647" s="40"/>
      <c r="M11647" s="40"/>
      <c r="N11647" s="40"/>
    </row>
    <row r="11648" spans="4:14" x14ac:dyDescent="0.25">
      <c r="D11648" s="40"/>
      <c r="F11648" s="40">
        <v>193.98333299999999</v>
      </c>
      <c r="G11648" s="40">
        <v>22.903912880571674</v>
      </c>
      <c r="H11648" s="40">
        <v>193.98333400000001</v>
      </c>
      <c r="I11648" s="40">
        <v>25.944754205489737</v>
      </c>
      <c r="L11648" s="40"/>
      <c r="M11648" s="40"/>
      <c r="N11648" s="40"/>
    </row>
    <row r="11649" spans="4:14" x14ac:dyDescent="0.25">
      <c r="D11649" s="40"/>
      <c r="F11649" s="40">
        <v>193.99999999999997</v>
      </c>
      <c r="G11649" s="40">
        <v>22.903912880571674</v>
      </c>
      <c r="H11649" s="40">
        <v>194</v>
      </c>
      <c r="I11649" s="40">
        <v>25.948106941632997</v>
      </c>
      <c r="L11649" s="40"/>
      <c r="M11649" s="40"/>
      <c r="N11649" s="40"/>
    </row>
    <row r="11650" spans="4:14" x14ac:dyDescent="0.25">
      <c r="D11650" s="40"/>
      <c r="F11650" s="40">
        <v>194.01666700000001</v>
      </c>
      <c r="G11650" s="40">
        <v>22.908668124661894</v>
      </c>
      <c r="H11650" s="40">
        <v>194.01666699999998</v>
      </c>
      <c r="I11650" s="40">
        <v>25.948106941632997</v>
      </c>
      <c r="L11650" s="40"/>
      <c r="M11650" s="40"/>
      <c r="N11650" s="40"/>
    </row>
    <row r="11651" spans="4:14" x14ac:dyDescent="0.25">
      <c r="D11651" s="40"/>
      <c r="F11651" s="40">
        <v>194.033333</v>
      </c>
      <c r="G11651" s="40">
        <v>22.908668124661894</v>
      </c>
      <c r="H11651" s="40">
        <v>194.03333400000002</v>
      </c>
      <c r="I11651" s="40">
        <v>25.948106941632997</v>
      </c>
      <c r="L11651" s="40"/>
      <c r="M11651" s="40"/>
      <c r="N11651" s="40"/>
    </row>
    <row r="11652" spans="4:14" x14ac:dyDescent="0.25">
      <c r="D11652" s="40"/>
      <c r="F11652" s="40">
        <v>194.04999999999998</v>
      </c>
      <c r="G11652" s="40">
        <v>22.908668124661894</v>
      </c>
      <c r="H11652" s="40">
        <v>194.05</v>
      </c>
      <c r="I11652" s="40">
        <v>25.948106941632997</v>
      </c>
      <c r="L11652" s="40"/>
      <c r="M11652" s="40"/>
      <c r="N11652" s="40"/>
    </row>
    <row r="11653" spans="4:14" x14ac:dyDescent="0.25">
      <c r="D11653" s="40"/>
      <c r="F11653" s="40">
        <v>194.06666699999997</v>
      </c>
      <c r="G11653" s="40">
        <v>22.908668124661894</v>
      </c>
      <c r="H11653" s="40">
        <v>194.066667</v>
      </c>
      <c r="I11653" s="40">
        <v>25.948106941632997</v>
      </c>
      <c r="L11653" s="40"/>
      <c r="M11653" s="40"/>
      <c r="N11653" s="40"/>
    </row>
    <row r="11654" spans="4:14" x14ac:dyDescent="0.25">
      <c r="D11654" s="40"/>
      <c r="F11654" s="40">
        <v>194.08333300000001</v>
      </c>
      <c r="G11654" s="40">
        <v>22.908668124661894</v>
      </c>
      <c r="H11654" s="40">
        <v>194.08333399999998</v>
      </c>
      <c r="I11654" s="40">
        <v>25.948106941632997</v>
      </c>
      <c r="L11654" s="40"/>
      <c r="M11654" s="40"/>
      <c r="N11654" s="40"/>
    </row>
    <row r="11655" spans="4:14" x14ac:dyDescent="0.25">
      <c r="D11655" s="40"/>
      <c r="F11655" s="40">
        <v>194.1</v>
      </c>
      <c r="G11655" s="40">
        <v>22.908668124661894</v>
      </c>
      <c r="H11655" s="40">
        <v>194.10000000000002</v>
      </c>
      <c r="I11655" s="40">
        <v>25.951459677776427</v>
      </c>
      <c r="L11655" s="40"/>
      <c r="M11655" s="40"/>
      <c r="N11655" s="40"/>
    </row>
    <row r="11656" spans="4:14" x14ac:dyDescent="0.25">
      <c r="D11656" s="40"/>
      <c r="F11656" s="40">
        <v>194.11666699999998</v>
      </c>
      <c r="G11656" s="40">
        <v>22.913283508631793</v>
      </c>
      <c r="H11656" s="40">
        <v>194.11666700000001</v>
      </c>
      <c r="I11656" s="40">
        <v>25.951459677776427</v>
      </c>
      <c r="L11656" s="40"/>
      <c r="M11656" s="40"/>
      <c r="N11656" s="40"/>
    </row>
    <row r="11657" spans="4:14" x14ac:dyDescent="0.25">
      <c r="D11657" s="40"/>
      <c r="F11657" s="40">
        <v>194.13333300000002</v>
      </c>
      <c r="G11657" s="40">
        <v>22.913283508631793</v>
      </c>
      <c r="H11657" s="40">
        <v>194.13333399999999</v>
      </c>
      <c r="I11657" s="40">
        <v>25.951459677776427</v>
      </c>
      <c r="L11657" s="40"/>
      <c r="M11657" s="40"/>
      <c r="N11657" s="40"/>
    </row>
    <row r="11658" spans="4:14" x14ac:dyDescent="0.25">
      <c r="D11658" s="40"/>
      <c r="F11658" s="40">
        <v>194.15</v>
      </c>
      <c r="G11658" s="40">
        <v>22.913283508631793</v>
      </c>
      <c r="H11658" s="40">
        <v>194.15000000000003</v>
      </c>
      <c r="I11658" s="40">
        <v>25.951459677776427</v>
      </c>
      <c r="L11658" s="40"/>
      <c r="M11658" s="40"/>
      <c r="N11658" s="40"/>
    </row>
    <row r="11659" spans="4:14" x14ac:dyDescent="0.25">
      <c r="D11659" s="40"/>
      <c r="F11659" s="40">
        <v>194.16666699999999</v>
      </c>
      <c r="G11659" s="40">
        <v>22.918038752721888</v>
      </c>
      <c r="H11659" s="40">
        <v>194.16666700000002</v>
      </c>
      <c r="I11659" s="40">
        <v>25.951459677776427</v>
      </c>
      <c r="L11659" s="40"/>
      <c r="M11659" s="40"/>
      <c r="N11659" s="40"/>
    </row>
    <row r="11660" spans="4:14" x14ac:dyDescent="0.25">
      <c r="D11660" s="40"/>
      <c r="F11660" s="40">
        <v>194.18333299999998</v>
      </c>
      <c r="G11660" s="40">
        <v>22.918038752721888</v>
      </c>
      <c r="H11660" s="40">
        <v>194.183334</v>
      </c>
      <c r="I11660" s="40">
        <v>25.95471380403319</v>
      </c>
      <c r="L11660" s="40"/>
      <c r="M11660" s="40"/>
      <c r="N11660" s="40"/>
    </row>
    <row r="11661" spans="4:14" x14ac:dyDescent="0.25">
      <c r="D11661" s="40"/>
      <c r="F11661" s="40">
        <v>194.20000000000002</v>
      </c>
      <c r="G11661" s="40">
        <v>22.918038752721888</v>
      </c>
      <c r="H11661" s="40">
        <v>194.2</v>
      </c>
      <c r="I11661" s="40">
        <v>25.95471380403319</v>
      </c>
      <c r="L11661" s="40"/>
      <c r="M11661" s="40"/>
      <c r="N11661" s="40"/>
    </row>
    <row r="11662" spans="4:14" x14ac:dyDescent="0.25">
      <c r="D11662" s="40"/>
      <c r="F11662" s="40">
        <v>194.216667</v>
      </c>
      <c r="G11662" s="40">
        <v>22.922793996812107</v>
      </c>
      <c r="H11662" s="40">
        <v>194.21666700000003</v>
      </c>
      <c r="I11662" s="40">
        <v>25.95471380403319</v>
      </c>
      <c r="L11662" s="40"/>
      <c r="M11662" s="40"/>
      <c r="N11662" s="40"/>
    </row>
    <row r="11663" spans="4:14" x14ac:dyDescent="0.25">
      <c r="D11663" s="40"/>
      <c r="F11663" s="40">
        <v>194.23333299999999</v>
      </c>
      <c r="G11663" s="40">
        <v>22.922793996812107</v>
      </c>
      <c r="H11663" s="40">
        <v>194.23333400000001</v>
      </c>
      <c r="I11663" s="40">
        <v>25.95471380403319</v>
      </c>
      <c r="L11663" s="40"/>
      <c r="M11663" s="40"/>
      <c r="N11663" s="40"/>
    </row>
    <row r="11664" spans="4:14" x14ac:dyDescent="0.25">
      <c r="D11664" s="40"/>
      <c r="F11664" s="40">
        <v>194.24999999999997</v>
      </c>
      <c r="G11664" s="40">
        <v>22.922793996812107</v>
      </c>
      <c r="H11664" s="40">
        <v>194.25</v>
      </c>
      <c r="I11664" s="40">
        <v>25.95471380403319</v>
      </c>
      <c r="L11664" s="40"/>
      <c r="M11664" s="40"/>
      <c r="N11664" s="40"/>
    </row>
    <row r="11665" spans="4:14" x14ac:dyDescent="0.25">
      <c r="D11665" s="40"/>
      <c r="F11665" s="40">
        <v>194.26666700000001</v>
      </c>
      <c r="G11665" s="40">
        <v>22.922793996812107</v>
      </c>
      <c r="H11665" s="40">
        <v>194.26666699999998</v>
      </c>
      <c r="I11665" s="40">
        <v>25.958066540176446</v>
      </c>
      <c r="L11665" s="40"/>
      <c r="M11665" s="40"/>
      <c r="N11665" s="40"/>
    </row>
    <row r="11666" spans="4:14" x14ac:dyDescent="0.25">
      <c r="D11666" s="40"/>
      <c r="F11666" s="40">
        <v>194.283333</v>
      </c>
      <c r="G11666" s="40">
        <v>22.922793996812107</v>
      </c>
      <c r="H11666" s="40">
        <v>194.28333400000002</v>
      </c>
      <c r="I11666" s="40">
        <v>25.958066540176446</v>
      </c>
      <c r="L11666" s="40"/>
      <c r="M11666" s="40"/>
      <c r="N11666" s="40"/>
    </row>
    <row r="11667" spans="4:14" x14ac:dyDescent="0.25">
      <c r="D11667" s="40"/>
      <c r="F11667" s="40">
        <v>194.29999999999998</v>
      </c>
      <c r="G11667" s="40">
        <v>22.922793996812107</v>
      </c>
      <c r="H11667" s="40">
        <v>194.3</v>
      </c>
      <c r="I11667" s="40">
        <v>25.958066540176446</v>
      </c>
      <c r="L11667" s="40"/>
      <c r="M11667" s="40"/>
      <c r="N11667" s="40"/>
    </row>
    <row r="11668" spans="4:14" x14ac:dyDescent="0.25">
      <c r="D11668" s="40"/>
      <c r="F11668" s="40">
        <v>194.31666699999997</v>
      </c>
      <c r="G11668" s="40">
        <v>22.922793996812107</v>
      </c>
      <c r="H11668" s="40">
        <v>194.316667</v>
      </c>
      <c r="I11668" s="40">
        <v>25.961419276319706</v>
      </c>
      <c r="L11668" s="40"/>
      <c r="M11668" s="40"/>
      <c r="N11668" s="40"/>
    </row>
    <row r="11669" spans="4:14" x14ac:dyDescent="0.25">
      <c r="D11669" s="40"/>
      <c r="F11669" s="40">
        <v>194.33333300000001</v>
      </c>
      <c r="G11669" s="40">
        <v>22.922793996812107</v>
      </c>
      <c r="H11669" s="40">
        <v>194.33333399999998</v>
      </c>
      <c r="I11669" s="40">
        <v>25.961419276319706</v>
      </c>
      <c r="L11669" s="40"/>
      <c r="M11669" s="40"/>
      <c r="N11669" s="40"/>
    </row>
    <row r="11670" spans="4:14" x14ac:dyDescent="0.25">
      <c r="D11670" s="40"/>
      <c r="F11670" s="40">
        <v>194.35</v>
      </c>
      <c r="G11670" s="40">
        <v>22.922793996812107</v>
      </c>
      <c r="H11670" s="40">
        <v>194.35000000000002</v>
      </c>
      <c r="I11670" s="40">
        <v>25.961419276319706</v>
      </c>
      <c r="L11670" s="40"/>
      <c r="M11670" s="40"/>
      <c r="N11670" s="40"/>
    </row>
    <row r="11671" spans="4:14" x14ac:dyDescent="0.25">
      <c r="D11671" s="40"/>
      <c r="F11671" s="40">
        <v>194.36666699999998</v>
      </c>
      <c r="G11671" s="40">
        <v>22.922793996812107</v>
      </c>
      <c r="H11671" s="40">
        <v>194.36666700000001</v>
      </c>
      <c r="I11671" s="40">
        <v>25.961419276319706</v>
      </c>
      <c r="L11671" s="40"/>
      <c r="M11671" s="40"/>
      <c r="N11671" s="40"/>
    </row>
    <row r="11672" spans="4:14" x14ac:dyDescent="0.25">
      <c r="D11672" s="40"/>
      <c r="F11672" s="40">
        <v>194.38333300000002</v>
      </c>
      <c r="G11672" s="40">
        <v>22.922793996812107</v>
      </c>
      <c r="H11672" s="40">
        <v>194.38333399999999</v>
      </c>
      <c r="I11672" s="40">
        <v>25.964673402576466</v>
      </c>
      <c r="L11672" s="40"/>
      <c r="M11672" s="40"/>
      <c r="N11672" s="40"/>
    </row>
    <row r="11673" spans="4:14" x14ac:dyDescent="0.25">
      <c r="D11673" s="40"/>
      <c r="F11673" s="40">
        <v>194.4</v>
      </c>
      <c r="G11673" s="40">
        <v>22.922793996812107</v>
      </c>
      <c r="H11673" s="40">
        <v>194.40000000000003</v>
      </c>
      <c r="I11673" s="40">
        <v>25.964673402576466</v>
      </c>
      <c r="L11673" s="40"/>
      <c r="M11673" s="40"/>
      <c r="N11673" s="40"/>
    </row>
    <row r="11674" spans="4:14" x14ac:dyDescent="0.25">
      <c r="D11674" s="40"/>
      <c r="F11674" s="40">
        <v>194.41666699999999</v>
      </c>
      <c r="G11674" s="40">
        <v>22.918038752721888</v>
      </c>
      <c r="H11674" s="40">
        <v>194.41666700000002</v>
      </c>
      <c r="I11674" s="40">
        <v>25.964673402576466</v>
      </c>
      <c r="L11674" s="40"/>
      <c r="M11674" s="40"/>
      <c r="N11674" s="40"/>
    </row>
    <row r="11675" spans="4:14" x14ac:dyDescent="0.25">
      <c r="D11675" s="40"/>
      <c r="F11675" s="40">
        <v>194.43333299999998</v>
      </c>
      <c r="G11675" s="40">
        <v>22.918038752721888</v>
      </c>
      <c r="H11675" s="40">
        <v>194.433334</v>
      </c>
      <c r="I11675" s="40">
        <v>25.964673402576466</v>
      </c>
      <c r="L11675" s="40"/>
      <c r="M11675" s="40"/>
      <c r="N11675" s="40"/>
    </row>
    <row r="11676" spans="4:14" x14ac:dyDescent="0.25">
      <c r="D11676" s="40"/>
      <c r="F11676" s="40">
        <v>194.45000000000002</v>
      </c>
      <c r="G11676" s="40">
        <v>22.918038752721888</v>
      </c>
      <c r="H11676" s="40">
        <v>194.45</v>
      </c>
      <c r="I11676" s="40">
        <v>25.968026138719726</v>
      </c>
      <c r="L11676" s="40"/>
      <c r="M11676" s="40"/>
      <c r="N11676" s="40"/>
    </row>
    <row r="11677" spans="4:14" x14ac:dyDescent="0.25">
      <c r="D11677" s="40"/>
      <c r="F11677" s="40">
        <v>194.466667</v>
      </c>
      <c r="G11677" s="40">
        <v>22.918038752721888</v>
      </c>
      <c r="H11677" s="40">
        <v>194.46666700000003</v>
      </c>
      <c r="I11677" s="40">
        <v>25.968026138719726</v>
      </c>
      <c r="L11677" s="40"/>
      <c r="M11677" s="40"/>
      <c r="N11677" s="40"/>
    </row>
    <row r="11678" spans="4:14" x14ac:dyDescent="0.25">
      <c r="D11678" s="40"/>
      <c r="F11678" s="40">
        <v>194.48333299999999</v>
      </c>
      <c r="G11678" s="40">
        <v>22.918038752721888</v>
      </c>
      <c r="H11678" s="40">
        <v>194.48333400000001</v>
      </c>
      <c r="I11678" s="40">
        <v>25.968026138719726</v>
      </c>
      <c r="L11678" s="40"/>
      <c r="M11678" s="40"/>
      <c r="N11678" s="40"/>
    </row>
    <row r="11679" spans="4:14" x14ac:dyDescent="0.25">
      <c r="D11679" s="40"/>
      <c r="F11679" s="40">
        <v>194.49999999999997</v>
      </c>
      <c r="G11679" s="40">
        <v>22.918038752721888</v>
      </c>
      <c r="H11679" s="40">
        <v>194.5</v>
      </c>
      <c r="I11679" s="40">
        <v>25.971378874863156</v>
      </c>
      <c r="L11679" s="40"/>
      <c r="M11679" s="40"/>
      <c r="N11679" s="40"/>
    </row>
    <row r="11680" spans="4:14" x14ac:dyDescent="0.25">
      <c r="D11680" s="40"/>
      <c r="F11680" s="40">
        <v>194.51666700000001</v>
      </c>
      <c r="G11680" s="40">
        <v>22.918038752721888</v>
      </c>
      <c r="H11680" s="40">
        <v>194.51666699999998</v>
      </c>
      <c r="I11680" s="40">
        <v>25.971378874863156</v>
      </c>
      <c r="L11680" s="40"/>
      <c r="M11680" s="40"/>
      <c r="N11680" s="40"/>
    </row>
    <row r="11681" spans="4:14" x14ac:dyDescent="0.25">
      <c r="D11681" s="40"/>
      <c r="F11681" s="40">
        <v>194.533333</v>
      </c>
      <c r="G11681" s="40">
        <v>22.913283508631793</v>
      </c>
      <c r="H11681" s="40">
        <v>194.53333400000002</v>
      </c>
      <c r="I11681" s="40">
        <v>25.971378874863156</v>
      </c>
      <c r="L11681" s="40"/>
      <c r="M11681" s="40"/>
      <c r="N11681" s="40"/>
    </row>
    <row r="11682" spans="4:14" x14ac:dyDescent="0.25">
      <c r="D11682" s="40"/>
      <c r="F11682" s="40">
        <v>194.54999999999998</v>
      </c>
      <c r="G11682" s="40">
        <v>22.913283508631793</v>
      </c>
      <c r="H11682" s="40">
        <v>194.55</v>
      </c>
      <c r="I11682" s="40">
        <v>25.971378874863156</v>
      </c>
      <c r="L11682" s="40"/>
      <c r="M11682" s="40"/>
      <c r="N11682" s="40"/>
    </row>
    <row r="11683" spans="4:14" x14ac:dyDescent="0.25">
      <c r="D11683" s="40"/>
      <c r="F11683" s="40">
        <v>194.56666699999997</v>
      </c>
      <c r="G11683" s="40">
        <v>22.913283508631793</v>
      </c>
      <c r="H11683" s="40">
        <v>194.566667</v>
      </c>
      <c r="I11683" s="40">
        <v>25.971378874863156</v>
      </c>
      <c r="L11683" s="40"/>
      <c r="M11683" s="40"/>
      <c r="N11683" s="40"/>
    </row>
    <row r="11684" spans="4:14" x14ac:dyDescent="0.25">
      <c r="D11684" s="40"/>
      <c r="F11684" s="40">
        <v>194.58333300000001</v>
      </c>
      <c r="G11684" s="40">
        <v>22.913283508631793</v>
      </c>
      <c r="H11684" s="40">
        <v>194.58333399999998</v>
      </c>
      <c r="I11684" s="40">
        <v>25.974633001119919</v>
      </c>
      <c r="L11684" s="40"/>
      <c r="M11684" s="40"/>
      <c r="N11684" s="40"/>
    </row>
    <row r="11685" spans="4:14" x14ac:dyDescent="0.25">
      <c r="D11685" s="40"/>
      <c r="F11685" s="40">
        <v>194.6</v>
      </c>
      <c r="G11685" s="40">
        <v>22.913283508631793</v>
      </c>
      <c r="H11685" s="40">
        <v>194.60000000000002</v>
      </c>
      <c r="I11685" s="40">
        <v>25.974633001119919</v>
      </c>
      <c r="L11685" s="40"/>
      <c r="M11685" s="40"/>
      <c r="N11685" s="40"/>
    </row>
    <row r="11686" spans="4:14" x14ac:dyDescent="0.25">
      <c r="D11686" s="40"/>
      <c r="F11686" s="40">
        <v>194.61666699999998</v>
      </c>
      <c r="G11686" s="40">
        <v>22.913283508631793</v>
      </c>
      <c r="H11686" s="40">
        <v>194.61666700000001</v>
      </c>
      <c r="I11686" s="40">
        <v>25.974633001119919</v>
      </c>
      <c r="L11686" s="40"/>
      <c r="M11686" s="40"/>
      <c r="N11686" s="40"/>
    </row>
    <row r="11687" spans="4:14" x14ac:dyDescent="0.25">
      <c r="D11687" s="40"/>
      <c r="F11687" s="40">
        <v>194.63333300000002</v>
      </c>
      <c r="G11687" s="40">
        <v>22.913283508631793</v>
      </c>
      <c r="H11687" s="40">
        <v>194.63333399999999</v>
      </c>
      <c r="I11687" s="40">
        <v>25.974633001119919</v>
      </c>
      <c r="L11687" s="40"/>
      <c r="M11687" s="40"/>
      <c r="N11687" s="40"/>
    </row>
    <row r="11688" spans="4:14" x14ac:dyDescent="0.25">
      <c r="D11688" s="40"/>
      <c r="F11688" s="40">
        <v>194.65</v>
      </c>
      <c r="G11688" s="40">
        <v>22.913283508631793</v>
      </c>
      <c r="H11688" s="40">
        <v>194.65000000000003</v>
      </c>
      <c r="I11688" s="40">
        <v>25.977985737263175</v>
      </c>
      <c r="L11688" s="40"/>
      <c r="M11688" s="40"/>
      <c r="N11688" s="40"/>
    </row>
    <row r="11689" spans="4:14" x14ac:dyDescent="0.25">
      <c r="D11689" s="40"/>
      <c r="F11689" s="40">
        <v>194.66666699999999</v>
      </c>
      <c r="G11689" s="40">
        <v>22.913283508631793</v>
      </c>
      <c r="H11689" s="40">
        <v>194.66666700000002</v>
      </c>
      <c r="I11689" s="40">
        <v>25.977985737263175</v>
      </c>
      <c r="L11689" s="40"/>
      <c r="M11689" s="40"/>
      <c r="N11689" s="40"/>
    </row>
    <row r="11690" spans="4:14" x14ac:dyDescent="0.25">
      <c r="D11690" s="40"/>
      <c r="F11690" s="40">
        <v>194.68333299999998</v>
      </c>
      <c r="G11690" s="40">
        <v>22.913283508631793</v>
      </c>
      <c r="H11690" s="40">
        <v>194.683334</v>
      </c>
      <c r="I11690" s="40">
        <v>25.977985737263175</v>
      </c>
      <c r="L11690" s="40"/>
      <c r="M11690" s="40"/>
      <c r="N11690" s="40"/>
    </row>
    <row r="11691" spans="4:14" x14ac:dyDescent="0.25">
      <c r="D11691" s="40"/>
      <c r="F11691" s="40">
        <v>194.70000000000002</v>
      </c>
      <c r="G11691" s="40">
        <v>22.913283508631793</v>
      </c>
      <c r="H11691" s="40">
        <v>194.7</v>
      </c>
      <c r="I11691" s="40">
        <v>25.977985737263175</v>
      </c>
      <c r="L11691" s="40"/>
      <c r="M11691" s="40"/>
      <c r="N11691" s="40"/>
    </row>
    <row r="11692" spans="4:14" x14ac:dyDescent="0.25">
      <c r="D11692" s="40"/>
      <c r="F11692" s="40">
        <v>194.716667</v>
      </c>
      <c r="G11692" s="40">
        <v>22.913283508631793</v>
      </c>
      <c r="H11692" s="40">
        <v>194.71666700000003</v>
      </c>
      <c r="I11692" s="40">
        <v>25.981338473406435</v>
      </c>
      <c r="L11692" s="40"/>
      <c r="M11692" s="40"/>
      <c r="N11692" s="40"/>
    </row>
    <row r="11693" spans="4:14" x14ac:dyDescent="0.25">
      <c r="D11693" s="40"/>
      <c r="F11693" s="40">
        <v>194.73333299999999</v>
      </c>
      <c r="G11693" s="40">
        <v>22.913283508631793</v>
      </c>
      <c r="H11693" s="40">
        <v>194.73333400000001</v>
      </c>
      <c r="I11693" s="40">
        <v>25.981338473406435</v>
      </c>
      <c r="L11693" s="40"/>
      <c r="M11693" s="40"/>
      <c r="N11693" s="40"/>
    </row>
    <row r="11694" spans="4:14" x14ac:dyDescent="0.25">
      <c r="D11694" s="40"/>
      <c r="F11694" s="40">
        <v>194.74999999999997</v>
      </c>
      <c r="G11694" s="40">
        <v>22.913283508631793</v>
      </c>
      <c r="H11694" s="40">
        <v>194.75</v>
      </c>
      <c r="I11694" s="40">
        <v>25.981338473406435</v>
      </c>
      <c r="L11694" s="40"/>
      <c r="M11694" s="40"/>
      <c r="N11694" s="40"/>
    </row>
    <row r="11695" spans="4:14" x14ac:dyDescent="0.25">
      <c r="D11695" s="40"/>
      <c r="F11695" s="40">
        <v>194.76666700000001</v>
      </c>
      <c r="G11695" s="40">
        <v>22.913283508631793</v>
      </c>
      <c r="H11695" s="40">
        <v>194.76666699999998</v>
      </c>
      <c r="I11695" s="40">
        <v>25.981338473406435</v>
      </c>
      <c r="L11695" s="40"/>
      <c r="M11695" s="40"/>
      <c r="N11695" s="40"/>
    </row>
    <row r="11696" spans="4:14" x14ac:dyDescent="0.25">
      <c r="D11696" s="40"/>
      <c r="F11696" s="40">
        <v>194.783333</v>
      </c>
      <c r="G11696" s="40">
        <v>22.913283508631793</v>
      </c>
      <c r="H11696" s="40">
        <v>194.78333400000002</v>
      </c>
      <c r="I11696" s="40">
        <v>25.981338473406435</v>
      </c>
      <c r="L11696" s="40"/>
      <c r="M11696" s="40"/>
      <c r="N11696" s="40"/>
    </row>
    <row r="11697" spans="4:14" x14ac:dyDescent="0.25">
      <c r="D11697" s="40"/>
      <c r="F11697" s="40">
        <v>194.79999999999998</v>
      </c>
      <c r="G11697" s="40">
        <v>22.913283508631793</v>
      </c>
      <c r="H11697" s="40">
        <v>194.8</v>
      </c>
      <c r="I11697" s="40">
        <v>25.981338473406435</v>
      </c>
      <c r="L11697" s="40"/>
      <c r="M11697" s="40"/>
      <c r="N11697" s="40"/>
    </row>
    <row r="11698" spans="4:14" x14ac:dyDescent="0.25">
      <c r="D11698" s="40"/>
      <c r="F11698" s="40">
        <v>194.81666699999997</v>
      </c>
      <c r="G11698" s="40">
        <v>22.913283508631793</v>
      </c>
      <c r="H11698" s="40">
        <v>194.816667</v>
      </c>
      <c r="I11698" s="40">
        <v>25.981338473406435</v>
      </c>
      <c r="L11698" s="40"/>
      <c r="M11698" s="40"/>
      <c r="N11698" s="40"/>
    </row>
    <row r="11699" spans="4:14" x14ac:dyDescent="0.25">
      <c r="D11699" s="40"/>
      <c r="F11699" s="40">
        <v>194.83333300000001</v>
      </c>
      <c r="G11699" s="40">
        <v>22.913283508631793</v>
      </c>
      <c r="H11699" s="40">
        <v>194.83333399999998</v>
      </c>
      <c r="I11699" s="40">
        <v>25.981338473406435</v>
      </c>
      <c r="L11699" s="40"/>
      <c r="M11699" s="40"/>
      <c r="N11699" s="40"/>
    </row>
    <row r="11700" spans="4:14" x14ac:dyDescent="0.25">
      <c r="D11700" s="40"/>
      <c r="F11700" s="40">
        <v>194.85</v>
      </c>
      <c r="G11700" s="40">
        <v>22.913283508631793</v>
      </c>
      <c r="H11700" s="40">
        <v>194.85000000000002</v>
      </c>
      <c r="I11700" s="40">
        <v>25.984592599663198</v>
      </c>
      <c r="L11700" s="40"/>
      <c r="M11700" s="40"/>
      <c r="N11700" s="40"/>
    </row>
    <row r="11701" spans="4:14" x14ac:dyDescent="0.25">
      <c r="D11701" s="40"/>
      <c r="F11701" s="40">
        <v>194.86666699999998</v>
      </c>
      <c r="G11701" s="40">
        <v>22.913283508631793</v>
      </c>
      <c r="H11701" s="40">
        <v>194.86666700000001</v>
      </c>
      <c r="I11701" s="40">
        <v>25.984592599663198</v>
      </c>
      <c r="L11701" s="40"/>
      <c r="M11701" s="40"/>
      <c r="N11701" s="40"/>
    </row>
    <row r="11702" spans="4:14" x14ac:dyDescent="0.25">
      <c r="D11702" s="40"/>
      <c r="F11702" s="40">
        <v>194.88333300000002</v>
      </c>
      <c r="G11702" s="40">
        <v>22.913283508631793</v>
      </c>
      <c r="H11702" s="40">
        <v>194.88333399999999</v>
      </c>
      <c r="I11702" s="40">
        <v>25.984592599663198</v>
      </c>
      <c r="L11702" s="40"/>
      <c r="M11702" s="40"/>
      <c r="N11702" s="40"/>
    </row>
    <row r="11703" spans="4:14" x14ac:dyDescent="0.25">
      <c r="D11703" s="40"/>
      <c r="F11703" s="40">
        <v>194.9</v>
      </c>
      <c r="G11703" s="40">
        <v>22.913283508631793</v>
      </c>
      <c r="H11703" s="40">
        <v>194.90000000000003</v>
      </c>
      <c r="I11703" s="40">
        <v>25.984592599663198</v>
      </c>
      <c r="L11703" s="40"/>
      <c r="M11703" s="40"/>
      <c r="N11703" s="40"/>
    </row>
    <row r="11704" spans="4:14" x14ac:dyDescent="0.25">
      <c r="D11704" s="40"/>
      <c r="F11704" s="40">
        <v>194.91666699999999</v>
      </c>
      <c r="G11704" s="40">
        <v>22.913283508631793</v>
      </c>
      <c r="H11704" s="40">
        <v>194.91666700000002</v>
      </c>
      <c r="I11704" s="40">
        <v>25.984592599663198</v>
      </c>
      <c r="L11704" s="40"/>
      <c r="M11704" s="40"/>
      <c r="N11704" s="40"/>
    </row>
    <row r="11705" spans="4:14" x14ac:dyDescent="0.25">
      <c r="D11705" s="40"/>
      <c r="F11705" s="40">
        <v>194.93333299999998</v>
      </c>
      <c r="G11705" s="40">
        <v>22.913283508631793</v>
      </c>
      <c r="H11705" s="40">
        <v>194.933334</v>
      </c>
      <c r="I11705" s="40">
        <v>25.984592599663198</v>
      </c>
      <c r="L11705" s="40"/>
      <c r="M11705" s="40"/>
      <c r="N11705" s="40"/>
    </row>
    <row r="11706" spans="4:14" x14ac:dyDescent="0.25">
      <c r="D11706" s="40"/>
      <c r="F11706" s="40">
        <v>194.95000000000002</v>
      </c>
      <c r="G11706" s="40">
        <v>22.913283508631793</v>
      </c>
      <c r="H11706" s="40">
        <v>194.95</v>
      </c>
      <c r="I11706" s="40">
        <v>25.987945335806632</v>
      </c>
      <c r="L11706" s="40"/>
      <c r="M11706" s="40"/>
      <c r="N11706" s="40"/>
    </row>
    <row r="11707" spans="4:14" x14ac:dyDescent="0.25">
      <c r="D11707" s="40"/>
      <c r="F11707" s="40">
        <v>194.966667</v>
      </c>
      <c r="G11707" s="40">
        <v>22.913283508631793</v>
      </c>
      <c r="H11707" s="40">
        <v>194.96666700000003</v>
      </c>
      <c r="I11707" s="40">
        <v>25.987945335806632</v>
      </c>
      <c r="L11707" s="40"/>
      <c r="M11707" s="40"/>
      <c r="N11707" s="40"/>
    </row>
    <row r="11708" spans="4:14" x14ac:dyDescent="0.25">
      <c r="D11708" s="40"/>
      <c r="F11708" s="40">
        <v>194.98333299999999</v>
      </c>
      <c r="G11708" s="40">
        <v>22.913283508631793</v>
      </c>
      <c r="H11708" s="40">
        <v>194.98333400000001</v>
      </c>
      <c r="I11708" s="40">
        <v>25.987945335806632</v>
      </c>
      <c r="L11708" s="40"/>
      <c r="M11708" s="40"/>
      <c r="N11708" s="40"/>
    </row>
    <row r="11709" spans="4:14" x14ac:dyDescent="0.25">
      <c r="D11709" s="40"/>
      <c r="F11709" s="40">
        <v>194.99999999999997</v>
      </c>
      <c r="G11709" s="40">
        <v>22.913283508631793</v>
      </c>
      <c r="H11709" s="40">
        <v>195</v>
      </c>
      <c r="I11709" s="40">
        <v>25.987945335806632</v>
      </c>
      <c r="L11709" s="40"/>
      <c r="M11709" s="40"/>
      <c r="N11709" s="40"/>
    </row>
    <row r="11710" spans="4:14" x14ac:dyDescent="0.25">
      <c r="D11710" s="40"/>
      <c r="F11710" s="40">
        <v>195.01666700000001</v>
      </c>
      <c r="G11710" s="40">
        <v>22.913283508631793</v>
      </c>
      <c r="H11710" s="40">
        <v>195.01666699999998</v>
      </c>
      <c r="I11710" s="40">
        <v>25.987945335806632</v>
      </c>
      <c r="L11710" s="40"/>
      <c r="M11710" s="40"/>
      <c r="N11710" s="40"/>
    </row>
    <row r="11711" spans="4:14" x14ac:dyDescent="0.25">
      <c r="D11711" s="40"/>
      <c r="F11711" s="40">
        <v>195.033333</v>
      </c>
      <c r="G11711" s="40">
        <v>22.913283508631793</v>
      </c>
      <c r="H11711" s="40">
        <v>195.03333400000002</v>
      </c>
      <c r="I11711" s="40">
        <v>25.991298071949885</v>
      </c>
      <c r="L11711" s="40"/>
      <c r="M11711" s="40"/>
      <c r="N11711" s="40"/>
    </row>
    <row r="11712" spans="4:14" x14ac:dyDescent="0.25">
      <c r="D11712" s="40"/>
      <c r="F11712" s="40">
        <v>195.04999999999998</v>
      </c>
      <c r="G11712" s="40">
        <v>22.913283508631793</v>
      </c>
      <c r="H11712" s="40">
        <v>195.05</v>
      </c>
      <c r="I11712" s="40">
        <v>25.991298071949885</v>
      </c>
      <c r="L11712" s="40"/>
      <c r="M11712" s="40"/>
      <c r="N11712" s="40"/>
    </row>
    <row r="11713" spans="4:14" x14ac:dyDescent="0.25">
      <c r="D11713" s="40"/>
      <c r="F11713" s="40">
        <v>195.06666699999997</v>
      </c>
      <c r="G11713" s="40">
        <v>22.908668124661894</v>
      </c>
      <c r="H11713" s="40">
        <v>195.066667</v>
      </c>
      <c r="I11713" s="40">
        <v>25.991298071949885</v>
      </c>
      <c r="L11713" s="40"/>
      <c r="M11713" s="40"/>
      <c r="N11713" s="40"/>
    </row>
    <row r="11714" spans="4:14" x14ac:dyDescent="0.25">
      <c r="D11714" s="40"/>
      <c r="F11714" s="40">
        <v>195.08333300000001</v>
      </c>
      <c r="G11714" s="40">
        <v>22.908668124661894</v>
      </c>
      <c r="H11714" s="40">
        <v>195.08333399999998</v>
      </c>
      <c r="I11714" s="40">
        <v>25.991298071949885</v>
      </c>
      <c r="L11714" s="40"/>
      <c r="M11714" s="40"/>
      <c r="N11714" s="40"/>
    </row>
    <row r="11715" spans="4:14" x14ac:dyDescent="0.25">
      <c r="D11715" s="40"/>
      <c r="F11715" s="40">
        <v>195.1</v>
      </c>
      <c r="G11715" s="40">
        <v>22.908668124661894</v>
      </c>
      <c r="H11715" s="40">
        <v>195.10000000000002</v>
      </c>
      <c r="I11715" s="40">
        <v>25.991298071949885</v>
      </c>
      <c r="L11715" s="40"/>
      <c r="M11715" s="40"/>
      <c r="N11715" s="40"/>
    </row>
    <row r="11716" spans="4:14" x14ac:dyDescent="0.25">
      <c r="D11716" s="40"/>
      <c r="F11716" s="40">
        <v>195.11666699999998</v>
      </c>
      <c r="G11716" s="40">
        <v>22.908668124661894</v>
      </c>
      <c r="H11716" s="40">
        <v>195.11666700000001</v>
      </c>
      <c r="I11716" s="40">
        <v>25.991298071949885</v>
      </c>
      <c r="L11716" s="40"/>
      <c r="M11716" s="40"/>
      <c r="N11716" s="40"/>
    </row>
    <row r="11717" spans="4:14" x14ac:dyDescent="0.25">
      <c r="D11717" s="40"/>
      <c r="F11717" s="40">
        <v>195.13333300000002</v>
      </c>
      <c r="G11717" s="40">
        <v>22.908668124661894</v>
      </c>
      <c r="H11717" s="40">
        <v>195.13333399999999</v>
      </c>
      <c r="I11717" s="40">
        <v>25.991298071949885</v>
      </c>
      <c r="L11717" s="40"/>
      <c r="M11717" s="40"/>
      <c r="N11717" s="40"/>
    </row>
    <row r="11718" spans="4:14" x14ac:dyDescent="0.25">
      <c r="D11718" s="40"/>
      <c r="F11718" s="40">
        <v>195.15</v>
      </c>
      <c r="G11718" s="40">
        <v>22.908668124661894</v>
      </c>
      <c r="H11718" s="40">
        <v>195.15000000000003</v>
      </c>
      <c r="I11718" s="40">
        <v>25.991298071949885</v>
      </c>
      <c r="L11718" s="40"/>
      <c r="M11718" s="40"/>
      <c r="N11718" s="40"/>
    </row>
    <row r="11719" spans="4:14" x14ac:dyDescent="0.25">
      <c r="D11719" s="40"/>
      <c r="F11719" s="40">
        <v>195.16666699999999</v>
      </c>
      <c r="G11719" s="40">
        <v>22.908668124661894</v>
      </c>
      <c r="H11719" s="40">
        <v>195.16666700000002</v>
      </c>
      <c r="I11719" s="40">
        <v>25.994552198206648</v>
      </c>
      <c r="L11719" s="40"/>
      <c r="M11719" s="40"/>
      <c r="N11719" s="40"/>
    </row>
    <row r="11720" spans="4:14" x14ac:dyDescent="0.25">
      <c r="D11720" s="40"/>
      <c r="F11720" s="40">
        <v>195.18333299999998</v>
      </c>
      <c r="G11720" s="40">
        <v>22.908668124661894</v>
      </c>
      <c r="H11720" s="40">
        <v>195.183334</v>
      </c>
      <c r="I11720" s="40">
        <v>25.994552198206648</v>
      </c>
      <c r="L11720" s="40"/>
      <c r="M11720" s="40"/>
      <c r="N11720" s="40"/>
    </row>
    <row r="11721" spans="4:14" x14ac:dyDescent="0.25">
      <c r="D11721" s="40"/>
      <c r="F11721" s="40">
        <v>195.20000000000002</v>
      </c>
      <c r="G11721" s="40">
        <v>22.913283508631793</v>
      </c>
      <c r="H11721" s="40">
        <v>195.2</v>
      </c>
      <c r="I11721" s="40">
        <v>25.994552198206648</v>
      </c>
      <c r="L11721" s="40"/>
      <c r="M11721" s="40"/>
      <c r="N11721" s="40"/>
    </row>
    <row r="11722" spans="4:14" x14ac:dyDescent="0.25">
      <c r="D11722" s="40"/>
      <c r="F11722" s="40">
        <v>195.216667</v>
      </c>
      <c r="G11722" s="40">
        <v>22.913283508631793</v>
      </c>
      <c r="H11722" s="40">
        <v>195.21666700000003</v>
      </c>
      <c r="I11722" s="40">
        <v>25.994552198206648</v>
      </c>
      <c r="L11722" s="40"/>
      <c r="M11722" s="40"/>
      <c r="N11722" s="40"/>
    </row>
    <row r="11723" spans="4:14" x14ac:dyDescent="0.25">
      <c r="D11723" s="40"/>
      <c r="F11723" s="40">
        <v>195.23333299999999</v>
      </c>
      <c r="G11723" s="40">
        <v>22.918038752721888</v>
      </c>
      <c r="H11723" s="40">
        <v>195.23333400000001</v>
      </c>
      <c r="I11723" s="40">
        <v>25.994552198206648</v>
      </c>
      <c r="L11723" s="40"/>
      <c r="M11723" s="40"/>
      <c r="N11723" s="40"/>
    </row>
    <row r="11724" spans="4:14" x14ac:dyDescent="0.25">
      <c r="D11724" s="40"/>
      <c r="F11724" s="40">
        <v>195.24999999999997</v>
      </c>
      <c r="G11724" s="40">
        <v>22.918038752721888</v>
      </c>
      <c r="H11724" s="40">
        <v>195.25</v>
      </c>
      <c r="I11724" s="40">
        <v>25.997904934349908</v>
      </c>
      <c r="L11724" s="40"/>
      <c r="M11724" s="40"/>
      <c r="N11724" s="40"/>
    </row>
    <row r="11725" spans="4:14" x14ac:dyDescent="0.25">
      <c r="D11725" s="40"/>
      <c r="F11725" s="40">
        <v>195.26666700000001</v>
      </c>
      <c r="G11725" s="40">
        <v>22.918038752721888</v>
      </c>
      <c r="H11725" s="40">
        <v>195.26666699999998</v>
      </c>
      <c r="I11725" s="40">
        <v>25.994552198206648</v>
      </c>
      <c r="L11725" s="40"/>
      <c r="M11725" s="40"/>
      <c r="N11725" s="40"/>
    </row>
    <row r="11726" spans="4:14" x14ac:dyDescent="0.25">
      <c r="D11726" s="40"/>
      <c r="F11726" s="40">
        <v>195.283333</v>
      </c>
      <c r="G11726" s="40">
        <v>22.922793996812107</v>
      </c>
      <c r="H11726" s="40">
        <v>195.28333400000002</v>
      </c>
      <c r="I11726" s="40">
        <v>25.994552198206648</v>
      </c>
      <c r="L11726" s="40"/>
      <c r="M11726" s="40"/>
      <c r="N11726" s="40"/>
    </row>
    <row r="11727" spans="4:14" x14ac:dyDescent="0.25">
      <c r="D11727" s="40"/>
      <c r="F11727" s="40">
        <v>195.29999999999998</v>
      </c>
      <c r="G11727" s="40">
        <v>22.922793996812107</v>
      </c>
      <c r="H11727" s="40">
        <v>195.3</v>
      </c>
      <c r="I11727" s="40">
        <v>25.997904934349908</v>
      </c>
      <c r="L11727" s="40"/>
      <c r="M11727" s="40"/>
      <c r="N11727" s="40"/>
    </row>
    <row r="11728" spans="4:14" x14ac:dyDescent="0.25">
      <c r="D11728" s="40"/>
      <c r="F11728" s="40">
        <v>195.31666699999997</v>
      </c>
      <c r="G11728" s="40">
        <v>22.922793996812107</v>
      </c>
      <c r="H11728" s="40">
        <v>195.316667</v>
      </c>
      <c r="I11728" s="40">
        <v>25.997904934349908</v>
      </c>
      <c r="L11728" s="40"/>
      <c r="M11728" s="40"/>
      <c r="N11728" s="40"/>
    </row>
    <row r="11729" spans="4:14" x14ac:dyDescent="0.25">
      <c r="D11729" s="40"/>
      <c r="F11729" s="40">
        <v>195.33333300000001</v>
      </c>
      <c r="G11729" s="40">
        <v>22.927409380782006</v>
      </c>
      <c r="H11729" s="40">
        <v>195.33333399999998</v>
      </c>
      <c r="I11729" s="40">
        <v>25.997904934349908</v>
      </c>
      <c r="L11729" s="40"/>
      <c r="M11729" s="40"/>
      <c r="N11729" s="40"/>
    </row>
    <row r="11730" spans="4:14" x14ac:dyDescent="0.25">
      <c r="D11730" s="40"/>
      <c r="F11730" s="40">
        <v>195.35</v>
      </c>
      <c r="G11730" s="40">
        <v>22.927409380782006</v>
      </c>
      <c r="H11730" s="40">
        <v>195.35000000000002</v>
      </c>
      <c r="I11730" s="40">
        <v>26.001257670493164</v>
      </c>
      <c r="L11730" s="40"/>
      <c r="M11730" s="40"/>
      <c r="N11730" s="40"/>
    </row>
    <row r="11731" spans="4:14" x14ac:dyDescent="0.25">
      <c r="D11731" s="40"/>
      <c r="F11731" s="40">
        <v>195.36666699999998</v>
      </c>
      <c r="G11731" s="40">
        <v>22.927409380782006</v>
      </c>
      <c r="H11731" s="40">
        <v>195.36666700000001</v>
      </c>
      <c r="I11731" s="40">
        <v>26.001257670493164</v>
      </c>
      <c r="L11731" s="40"/>
      <c r="M11731" s="40"/>
      <c r="N11731" s="40"/>
    </row>
    <row r="11732" spans="4:14" x14ac:dyDescent="0.25">
      <c r="D11732" s="40"/>
      <c r="F11732" s="40">
        <v>195.38333300000002</v>
      </c>
      <c r="G11732" s="40">
        <v>22.927409380782006</v>
      </c>
      <c r="H11732" s="40">
        <v>195.38333399999999</v>
      </c>
      <c r="I11732" s="40">
        <v>26.001257670493164</v>
      </c>
      <c r="L11732" s="40"/>
      <c r="M11732" s="40"/>
      <c r="N11732" s="40"/>
    </row>
    <row r="11733" spans="4:14" x14ac:dyDescent="0.25">
      <c r="D11733" s="40"/>
      <c r="F11733" s="40">
        <v>195.4</v>
      </c>
      <c r="G11733" s="40">
        <v>22.927409380782006</v>
      </c>
      <c r="H11733" s="40">
        <v>195.40000000000003</v>
      </c>
      <c r="I11733" s="40">
        <v>26.001257670493164</v>
      </c>
      <c r="L11733" s="40"/>
      <c r="M11733" s="40"/>
      <c r="N11733" s="40"/>
    </row>
    <row r="11734" spans="4:14" x14ac:dyDescent="0.25">
      <c r="D11734" s="40"/>
      <c r="F11734" s="40">
        <v>195.41666699999999</v>
      </c>
      <c r="G11734" s="40">
        <v>22.927409380782006</v>
      </c>
      <c r="H11734" s="40">
        <v>195.41666700000002</v>
      </c>
      <c r="I11734" s="40">
        <v>26.001257670493164</v>
      </c>
      <c r="L11734" s="40"/>
      <c r="M11734" s="40"/>
      <c r="N11734" s="40"/>
    </row>
    <row r="11735" spans="4:14" x14ac:dyDescent="0.25">
      <c r="D11735" s="40"/>
      <c r="F11735" s="40">
        <v>195.43333299999998</v>
      </c>
      <c r="G11735" s="40">
        <v>22.927409380782006</v>
      </c>
      <c r="H11735" s="40">
        <v>195.433334</v>
      </c>
      <c r="I11735" s="40">
        <v>26.004511796749927</v>
      </c>
      <c r="L11735" s="40"/>
      <c r="M11735" s="40"/>
      <c r="N11735" s="40"/>
    </row>
    <row r="11736" spans="4:14" x14ac:dyDescent="0.25">
      <c r="D11736" s="40"/>
      <c r="F11736" s="40">
        <v>195.45000000000002</v>
      </c>
      <c r="G11736" s="40">
        <v>22.922793996812107</v>
      </c>
      <c r="H11736" s="40">
        <v>195.45</v>
      </c>
      <c r="I11736" s="40">
        <v>26.004511796749927</v>
      </c>
      <c r="L11736" s="40"/>
      <c r="M11736" s="40"/>
      <c r="N11736" s="40"/>
    </row>
    <row r="11737" spans="4:14" x14ac:dyDescent="0.25">
      <c r="D11737" s="40"/>
      <c r="F11737" s="40">
        <v>195.466667</v>
      </c>
      <c r="G11737" s="40">
        <v>22.922793996812107</v>
      </c>
      <c r="H11737" s="40">
        <v>195.46666700000003</v>
      </c>
      <c r="I11737" s="40">
        <v>26.004511796749927</v>
      </c>
      <c r="L11737" s="40"/>
      <c r="M11737" s="40"/>
      <c r="N11737" s="40"/>
    </row>
    <row r="11738" spans="4:14" x14ac:dyDescent="0.25">
      <c r="D11738" s="40"/>
      <c r="F11738" s="40">
        <v>195.48333299999999</v>
      </c>
      <c r="G11738" s="40">
        <v>22.922793996812107</v>
      </c>
      <c r="H11738" s="40">
        <v>195.48333400000001</v>
      </c>
      <c r="I11738" s="40">
        <v>26.004511796749927</v>
      </c>
      <c r="L11738" s="40"/>
      <c r="M11738" s="40"/>
      <c r="N11738" s="40"/>
    </row>
    <row r="11739" spans="4:14" x14ac:dyDescent="0.25">
      <c r="D11739" s="40"/>
      <c r="F11739" s="40">
        <v>195.49999999999997</v>
      </c>
      <c r="G11739" s="40">
        <v>22.922793996812107</v>
      </c>
      <c r="H11739" s="40">
        <v>195.5</v>
      </c>
      <c r="I11739" s="40">
        <v>26.004511796749927</v>
      </c>
      <c r="L11739" s="40"/>
      <c r="M11739" s="40"/>
      <c r="N11739" s="40"/>
    </row>
    <row r="11740" spans="4:14" x14ac:dyDescent="0.25">
      <c r="D11740" s="40"/>
      <c r="F11740" s="40">
        <v>195.51666700000001</v>
      </c>
      <c r="G11740" s="40">
        <v>22.922793996812107</v>
      </c>
      <c r="H11740" s="40">
        <v>195.51666699999998</v>
      </c>
      <c r="I11740" s="40">
        <v>26.007864532893361</v>
      </c>
      <c r="L11740" s="40"/>
      <c r="M11740" s="40"/>
      <c r="N11740" s="40"/>
    </row>
    <row r="11741" spans="4:14" x14ac:dyDescent="0.25">
      <c r="D11741" s="40"/>
      <c r="F11741" s="40">
        <v>195.533333</v>
      </c>
      <c r="G11741" s="40">
        <v>22.922793996812107</v>
      </c>
      <c r="H11741" s="40">
        <v>195.53333400000002</v>
      </c>
      <c r="I11741" s="40">
        <v>26.007864532893361</v>
      </c>
      <c r="L11741" s="40"/>
      <c r="M11741" s="40"/>
      <c r="N11741" s="40"/>
    </row>
    <row r="11742" spans="4:14" x14ac:dyDescent="0.25">
      <c r="D11742" s="40"/>
      <c r="F11742" s="40">
        <v>195.54999999999998</v>
      </c>
      <c r="G11742" s="40">
        <v>22.922793996812107</v>
      </c>
      <c r="H11742" s="40">
        <v>195.55</v>
      </c>
      <c r="I11742" s="40">
        <v>26.007864532893361</v>
      </c>
      <c r="L11742" s="40"/>
      <c r="M11742" s="40"/>
      <c r="N11742" s="40"/>
    </row>
    <row r="11743" spans="4:14" x14ac:dyDescent="0.25">
      <c r="D11743" s="40"/>
      <c r="F11743" s="40">
        <v>195.56666699999997</v>
      </c>
      <c r="G11743" s="40">
        <v>22.922793996812107</v>
      </c>
      <c r="H11743" s="40">
        <v>195.566667</v>
      </c>
      <c r="I11743" s="40">
        <v>26.007864532893361</v>
      </c>
      <c r="L11743" s="40"/>
      <c r="M11743" s="40"/>
      <c r="N11743" s="40"/>
    </row>
    <row r="11744" spans="4:14" x14ac:dyDescent="0.25">
      <c r="D11744" s="40"/>
      <c r="F11744" s="40">
        <v>195.58333300000001</v>
      </c>
      <c r="G11744" s="40">
        <v>22.918038752721888</v>
      </c>
      <c r="H11744" s="40">
        <v>195.58333399999998</v>
      </c>
      <c r="I11744" s="40">
        <v>26.011217269036617</v>
      </c>
      <c r="L11744" s="40"/>
      <c r="M11744" s="40"/>
      <c r="N11744" s="40"/>
    </row>
    <row r="11745" spans="4:14" x14ac:dyDescent="0.25">
      <c r="D11745" s="40"/>
      <c r="F11745" s="40">
        <v>195.6</v>
      </c>
      <c r="G11745" s="40">
        <v>22.918038752721888</v>
      </c>
      <c r="H11745" s="40">
        <v>195.60000000000002</v>
      </c>
      <c r="I11745" s="40">
        <v>26.011217269036617</v>
      </c>
      <c r="L11745" s="40"/>
      <c r="M11745" s="40"/>
      <c r="N11745" s="40"/>
    </row>
    <row r="11746" spans="4:14" x14ac:dyDescent="0.25">
      <c r="D11746" s="40"/>
      <c r="F11746" s="40">
        <v>195.61666699999998</v>
      </c>
      <c r="G11746" s="40">
        <v>22.918038752721888</v>
      </c>
      <c r="H11746" s="40">
        <v>195.61666700000001</v>
      </c>
      <c r="I11746" s="40">
        <v>26.011217269036617</v>
      </c>
      <c r="L11746" s="40"/>
      <c r="M11746" s="40"/>
      <c r="N11746" s="40"/>
    </row>
    <row r="11747" spans="4:14" x14ac:dyDescent="0.25">
      <c r="D11747" s="40"/>
      <c r="F11747" s="40">
        <v>195.63333300000002</v>
      </c>
      <c r="G11747" s="40">
        <v>22.913283508631793</v>
      </c>
      <c r="H11747" s="40">
        <v>195.63333399999999</v>
      </c>
      <c r="I11747" s="40">
        <v>26.011217269036617</v>
      </c>
      <c r="L11747" s="40"/>
      <c r="M11747" s="40"/>
      <c r="N11747" s="40"/>
    </row>
    <row r="11748" spans="4:14" x14ac:dyDescent="0.25">
      <c r="D11748" s="40"/>
      <c r="F11748" s="40">
        <v>195.65</v>
      </c>
      <c r="G11748" s="40">
        <v>22.908668124661894</v>
      </c>
      <c r="H11748" s="40">
        <v>195.65000000000003</v>
      </c>
      <c r="I11748" s="40">
        <v>26.014570005179873</v>
      </c>
      <c r="L11748" s="40"/>
      <c r="M11748" s="40"/>
      <c r="N11748" s="40"/>
    </row>
    <row r="11749" spans="4:14" x14ac:dyDescent="0.25">
      <c r="D11749" s="40"/>
      <c r="F11749" s="40">
        <v>195.66666699999999</v>
      </c>
      <c r="G11749" s="40">
        <v>22.908668124661894</v>
      </c>
      <c r="H11749" s="40">
        <v>195.66666700000002</v>
      </c>
      <c r="I11749" s="40">
        <v>26.014570005179873</v>
      </c>
      <c r="L11749" s="40"/>
      <c r="M11749" s="40"/>
      <c r="N11749" s="40"/>
    </row>
    <row r="11750" spans="4:14" x14ac:dyDescent="0.25">
      <c r="D11750" s="40"/>
      <c r="F11750" s="40">
        <v>195.68333299999998</v>
      </c>
      <c r="G11750" s="40">
        <v>22.903912880571674</v>
      </c>
      <c r="H11750" s="40">
        <v>195.683334</v>
      </c>
      <c r="I11750" s="40">
        <v>26.014570005179873</v>
      </c>
      <c r="L11750" s="40"/>
      <c r="M11750" s="40"/>
      <c r="N11750" s="40"/>
    </row>
    <row r="11751" spans="4:14" x14ac:dyDescent="0.25">
      <c r="D11751" s="40"/>
      <c r="F11751" s="40">
        <v>195.70000000000002</v>
      </c>
      <c r="G11751" s="40">
        <v>22.903912880571674</v>
      </c>
      <c r="H11751" s="40">
        <v>195.7</v>
      </c>
      <c r="I11751" s="40">
        <v>26.017824131436637</v>
      </c>
      <c r="L11751" s="40"/>
      <c r="M11751" s="40"/>
      <c r="N11751" s="40"/>
    </row>
    <row r="11752" spans="4:14" x14ac:dyDescent="0.25">
      <c r="D11752" s="40"/>
      <c r="F11752" s="40">
        <v>195.716667</v>
      </c>
      <c r="G11752" s="40">
        <v>22.903912880571674</v>
      </c>
      <c r="H11752" s="40">
        <v>195.71666700000003</v>
      </c>
      <c r="I11752" s="40">
        <v>26.017824131436637</v>
      </c>
      <c r="L11752" s="40"/>
      <c r="M11752" s="40"/>
      <c r="N11752" s="40"/>
    </row>
    <row r="11753" spans="4:14" x14ac:dyDescent="0.25">
      <c r="D11753" s="40"/>
      <c r="F11753" s="40">
        <v>195.73333299999999</v>
      </c>
      <c r="G11753" s="40">
        <v>22.899157636481455</v>
      </c>
      <c r="H11753" s="40">
        <v>195.73333400000001</v>
      </c>
      <c r="I11753" s="40">
        <v>26.017824131436637</v>
      </c>
      <c r="L11753" s="40"/>
      <c r="M11753" s="40"/>
      <c r="N11753" s="40"/>
    </row>
    <row r="11754" spans="4:14" x14ac:dyDescent="0.25">
      <c r="D11754" s="40"/>
      <c r="F11754" s="40">
        <v>195.74999999999997</v>
      </c>
      <c r="G11754" s="40">
        <v>22.899157636481455</v>
      </c>
      <c r="H11754" s="40">
        <v>195.75</v>
      </c>
      <c r="I11754" s="40">
        <v>26.017824131436637</v>
      </c>
      <c r="L11754" s="40"/>
      <c r="M11754" s="40"/>
      <c r="N11754" s="40"/>
    </row>
    <row r="11755" spans="4:14" x14ac:dyDescent="0.25">
      <c r="D11755" s="40"/>
      <c r="F11755" s="40">
        <v>195.76666700000001</v>
      </c>
      <c r="G11755" s="40">
        <v>22.899157636481455</v>
      </c>
      <c r="H11755" s="40">
        <v>195.76666699999998</v>
      </c>
      <c r="I11755" s="40">
        <v>26.021176867580071</v>
      </c>
      <c r="L11755" s="40"/>
      <c r="M11755" s="40"/>
      <c r="N11755" s="40"/>
    </row>
    <row r="11756" spans="4:14" x14ac:dyDescent="0.25">
      <c r="D11756" s="40"/>
      <c r="F11756" s="40">
        <v>195.783333</v>
      </c>
      <c r="G11756" s="40">
        <v>22.899157636481455</v>
      </c>
      <c r="H11756" s="40">
        <v>195.78333400000002</v>
      </c>
      <c r="I11756" s="40">
        <v>26.021176867580071</v>
      </c>
      <c r="L11756" s="40"/>
      <c r="M11756" s="40"/>
      <c r="N11756" s="40"/>
    </row>
    <row r="11757" spans="4:14" x14ac:dyDescent="0.25">
      <c r="D11757" s="40"/>
      <c r="F11757" s="40">
        <v>195.79999999999998</v>
      </c>
      <c r="G11757" s="40">
        <v>22.899157636481455</v>
      </c>
      <c r="H11757" s="40">
        <v>195.8</v>
      </c>
      <c r="I11757" s="40">
        <v>26.021176867580071</v>
      </c>
      <c r="L11757" s="40"/>
      <c r="M11757" s="40"/>
      <c r="N11757" s="40"/>
    </row>
    <row r="11758" spans="4:14" x14ac:dyDescent="0.25">
      <c r="D11758" s="40"/>
      <c r="F11758" s="40">
        <v>195.81666699999997</v>
      </c>
      <c r="G11758" s="40">
        <v>22.899157636481455</v>
      </c>
      <c r="H11758" s="40">
        <v>195.816667</v>
      </c>
      <c r="I11758" s="40">
        <v>26.024529603723327</v>
      </c>
      <c r="L11758" s="40"/>
      <c r="M11758" s="40"/>
      <c r="N11758" s="40"/>
    </row>
    <row r="11759" spans="4:14" x14ac:dyDescent="0.25">
      <c r="D11759" s="40"/>
      <c r="F11759" s="40">
        <v>195.83333300000001</v>
      </c>
      <c r="G11759" s="40">
        <v>22.899157636481455</v>
      </c>
      <c r="H11759" s="40">
        <v>195.83333399999998</v>
      </c>
      <c r="I11759" s="40">
        <v>26.024529603723327</v>
      </c>
      <c r="L11759" s="40"/>
      <c r="M11759" s="40"/>
      <c r="N11759" s="40"/>
    </row>
    <row r="11760" spans="4:14" x14ac:dyDescent="0.25">
      <c r="D11760" s="40"/>
      <c r="F11760" s="40">
        <v>195.85</v>
      </c>
      <c r="G11760" s="40">
        <v>22.899157636481455</v>
      </c>
      <c r="H11760" s="40">
        <v>195.85000000000002</v>
      </c>
      <c r="I11760" s="40">
        <v>26.024529603723327</v>
      </c>
      <c r="L11760" s="40"/>
      <c r="M11760" s="40"/>
      <c r="N11760" s="40"/>
    </row>
    <row r="11761" spans="4:14" x14ac:dyDescent="0.25">
      <c r="D11761" s="40"/>
      <c r="F11761" s="40">
        <v>195.86666699999998</v>
      </c>
      <c r="G11761" s="40">
        <v>22.899157636481455</v>
      </c>
      <c r="H11761" s="40">
        <v>195.86666700000001</v>
      </c>
      <c r="I11761" s="40">
        <v>26.024529603723327</v>
      </c>
      <c r="L11761" s="40"/>
      <c r="M11761" s="40"/>
      <c r="N11761" s="40"/>
    </row>
    <row r="11762" spans="4:14" x14ac:dyDescent="0.25">
      <c r="D11762" s="40"/>
      <c r="F11762" s="40">
        <v>195.88333300000002</v>
      </c>
      <c r="G11762" s="40">
        <v>22.899157636481455</v>
      </c>
      <c r="H11762" s="40">
        <v>195.88333399999999</v>
      </c>
      <c r="I11762" s="40">
        <v>26.02778372998009</v>
      </c>
      <c r="L11762" s="40"/>
      <c r="M11762" s="40"/>
      <c r="N11762" s="40"/>
    </row>
    <row r="11763" spans="4:14" x14ac:dyDescent="0.25">
      <c r="D11763" s="40"/>
      <c r="F11763" s="40">
        <v>195.9</v>
      </c>
      <c r="G11763" s="40">
        <v>22.899157636481455</v>
      </c>
      <c r="H11763" s="40">
        <v>195.90000000000003</v>
      </c>
      <c r="I11763" s="40">
        <v>26.02778372998009</v>
      </c>
      <c r="L11763" s="40"/>
      <c r="M11763" s="40"/>
      <c r="N11763" s="40"/>
    </row>
    <row r="11764" spans="4:14" x14ac:dyDescent="0.25">
      <c r="D11764" s="40"/>
      <c r="F11764" s="40">
        <v>195.91666699999999</v>
      </c>
      <c r="G11764" s="40">
        <v>22.899157636481455</v>
      </c>
      <c r="H11764" s="40">
        <v>195.91666700000002</v>
      </c>
      <c r="I11764" s="40">
        <v>26.03113646612335</v>
      </c>
      <c r="L11764" s="40"/>
      <c r="M11764" s="40"/>
      <c r="N11764" s="40"/>
    </row>
    <row r="11765" spans="4:14" x14ac:dyDescent="0.25">
      <c r="D11765" s="40"/>
      <c r="F11765" s="40">
        <v>195.93333299999998</v>
      </c>
      <c r="G11765" s="40">
        <v>22.899157636481455</v>
      </c>
      <c r="H11765" s="40">
        <v>195.933334</v>
      </c>
      <c r="I11765" s="40">
        <v>26.03113646612335</v>
      </c>
      <c r="L11765" s="40"/>
      <c r="M11765" s="40"/>
      <c r="N11765" s="40"/>
    </row>
    <row r="11766" spans="4:14" x14ac:dyDescent="0.25">
      <c r="D11766" s="40"/>
      <c r="F11766" s="40">
        <v>195.95000000000002</v>
      </c>
      <c r="G11766" s="40">
        <v>22.899157636481455</v>
      </c>
      <c r="H11766" s="40">
        <v>195.95</v>
      </c>
      <c r="I11766" s="40">
        <v>26.03113646612335</v>
      </c>
      <c r="L11766" s="40"/>
      <c r="M11766" s="40"/>
      <c r="N11766" s="40"/>
    </row>
    <row r="11767" spans="4:14" x14ac:dyDescent="0.25">
      <c r="D11767" s="40"/>
      <c r="F11767" s="40">
        <v>195.966667</v>
      </c>
      <c r="G11767" s="40">
        <v>22.899157636481455</v>
      </c>
      <c r="H11767" s="40">
        <v>195.96666700000003</v>
      </c>
      <c r="I11767" s="40">
        <v>26.034489202266602</v>
      </c>
      <c r="L11767" s="40"/>
      <c r="M11767" s="40"/>
      <c r="N11767" s="40"/>
    </row>
    <row r="11768" spans="4:14" x14ac:dyDescent="0.25">
      <c r="D11768" s="40"/>
      <c r="F11768" s="40">
        <v>195.98333299999999</v>
      </c>
      <c r="G11768" s="40">
        <v>22.903912880571674</v>
      </c>
      <c r="H11768" s="40">
        <v>195.98333400000001</v>
      </c>
      <c r="I11768" s="40">
        <v>26.034489202266602</v>
      </c>
      <c r="L11768" s="40"/>
      <c r="M11768" s="40"/>
      <c r="N11768" s="40"/>
    </row>
    <row r="11769" spans="4:14" x14ac:dyDescent="0.25">
      <c r="D11769" s="40"/>
      <c r="F11769" s="40">
        <v>195.99999999999997</v>
      </c>
      <c r="G11769" s="40">
        <v>22.903912880571674</v>
      </c>
      <c r="H11769" s="40">
        <v>196</v>
      </c>
      <c r="I11769" s="40">
        <v>26.034489202266602</v>
      </c>
      <c r="L11769" s="40"/>
      <c r="M11769" s="40"/>
      <c r="N11769" s="40"/>
    </row>
    <row r="11770" spans="4:14" x14ac:dyDescent="0.25">
      <c r="D11770" s="40"/>
      <c r="F11770" s="40">
        <v>196.01666700000001</v>
      </c>
      <c r="G11770" s="40">
        <v>22.903912880571674</v>
      </c>
      <c r="H11770" s="40">
        <v>196.01666699999998</v>
      </c>
      <c r="I11770" s="40">
        <v>26.037743328523366</v>
      </c>
      <c r="L11770" s="40"/>
      <c r="M11770" s="40"/>
      <c r="N11770" s="40"/>
    </row>
    <row r="11771" spans="4:14" x14ac:dyDescent="0.25">
      <c r="D11771" s="40"/>
      <c r="F11771" s="40">
        <v>196.033333</v>
      </c>
      <c r="G11771" s="40">
        <v>22.908668124661894</v>
      </c>
      <c r="H11771" s="40">
        <v>196.03333400000002</v>
      </c>
      <c r="I11771" s="40">
        <v>26.037743328523366</v>
      </c>
      <c r="L11771" s="40"/>
      <c r="M11771" s="40"/>
      <c r="N11771" s="40"/>
    </row>
    <row r="11772" spans="4:14" x14ac:dyDescent="0.25">
      <c r="D11772" s="40"/>
      <c r="F11772" s="40">
        <v>196.04999999999998</v>
      </c>
      <c r="G11772" s="40">
        <v>22.908668124661894</v>
      </c>
      <c r="H11772" s="40">
        <v>196.05</v>
      </c>
      <c r="I11772" s="40">
        <v>26.041096064666799</v>
      </c>
      <c r="L11772" s="40"/>
      <c r="M11772" s="40"/>
      <c r="N11772" s="40"/>
    </row>
    <row r="11773" spans="4:14" x14ac:dyDescent="0.25">
      <c r="D11773" s="40"/>
      <c r="F11773" s="40">
        <v>196.06666699999997</v>
      </c>
      <c r="G11773" s="40">
        <v>22.913283508631793</v>
      </c>
      <c r="H11773" s="40">
        <v>196.066667</v>
      </c>
      <c r="I11773" s="40">
        <v>26.041096064666799</v>
      </c>
      <c r="L11773" s="40"/>
      <c r="M11773" s="40"/>
      <c r="N11773" s="40"/>
    </row>
    <row r="11774" spans="4:14" x14ac:dyDescent="0.25">
      <c r="D11774" s="40"/>
      <c r="F11774" s="40">
        <v>196.08333300000001</v>
      </c>
      <c r="G11774" s="40">
        <v>22.913283508631793</v>
      </c>
      <c r="H11774" s="40">
        <v>196.08333399999998</v>
      </c>
      <c r="I11774" s="40">
        <v>26.041096064666799</v>
      </c>
      <c r="L11774" s="40"/>
      <c r="M11774" s="40"/>
      <c r="N11774" s="40"/>
    </row>
    <row r="11775" spans="4:14" x14ac:dyDescent="0.25">
      <c r="D11775" s="40"/>
      <c r="F11775" s="40">
        <v>196.1</v>
      </c>
      <c r="G11775" s="40">
        <v>22.918038752721888</v>
      </c>
      <c r="H11775" s="40">
        <v>196.10000000000002</v>
      </c>
      <c r="I11775" s="40">
        <v>26.044448800810059</v>
      </c>
      <c r="L11775" s="40"/>
      <c r="M11775" s="40"/>
      <c r="N11775" s="40"/>
    </row>
    <row r="11776" spans="4:14" x14ac:dyDescent="0.25">
      <c r="D11776" s="40"/>
      <c r="F11776" s="40">
        <v>196.11666699999998</v>
      </c>
      <c r="G11776" s="40">
        <v>22.918038752721888</v>
      </c>
      <c r="H11776" s="40">
        <v>196.11666700000001</v>
      </c>
      <c r="I11776" s="40">
        <v>26.044448800810059</v>
      </c>
      <c r="L11776" s="40"/>
      <c r="M11776" s="40"/>
      <c r="N11776" s="40"/>
    </row>
    <row r="11777" spans="4:14" x14ac:dyDescent="0.25">
      <c r="D11777" s="40"/>
      <c r="F11777" s="40">
        <v>196.13333300000002</v>
      </c>
      <c r="G11777" s="40">
        <v>22.922793996812107</v>
      </c>
      <c r="H11777" s="40">
        <v>196.13333399999999</v>
      </c>
      <c r="I11777" s="40">
        <v>26.047702927066819</v>
      </c>
      <c r="L11777" s="40"/>
      <c r="M11777" s="40"/>
      <c r="N11777" s="40"/>
    </row>
    <row r="11778" spans="4:14" x14ac:dyDescent="0.25">
      <c r="D11778" s="40"/>
      <c r="F11778" s="40">
        <v>196.15</v>
      </c>
      <c r="G11778" s="40">
        <v>22.922793996812107</v>
      </c>
      <c r="H11778" s="40">
        <v>196.15000000000003</v>
      </c>
      <c r="I11778" s="40">
        <v>26.047702927066819</v>
      </c>
      <c r="L11778" s="40"/>
      <c r="M11778" s="40"/>
      <c r="N11778" s="40"/>
    </row>
    <row r="11779" spans="4:14" x14ac:dyDescent="0.25">
      <c r="D11779" s="40"/>
      <c r="F11779" s="40">
        <v>196.16666699999999</v>
      </c>
      <c r="G11779" s="40">
        <v>22.922793996812107</v>
      </c>
      <c r="H11779" s="40">
        <v>196.16666700000002</v>
      </c>
      <c r="I11779" s="40">
        <v>26.047702927066819</v>
      </c>
      <c r="L11779" s="40"/>
      <c r="M11779" s="40"/>
      <c r="N11779" s="40"/>
    </row>
    <row r="11780" spans="4:14" x14ac:dyDescent="0.25">
      <c r="D11780" s="40"/>
      <c r="F11780" s="40">
        <v>196.18333299999998</v>
      </c>
      <c r="G11780" s="40">
        <v>22.922793996812107</v>
      </c>
      <c r="H11780" s="40">
        <v>196.183334</v>
      </c>
      <c r="I11780" s="40">
        <v>26.047702927066819</v>
      </c>
      <c r="L11780" s="40"/>
      <c r="M11780" s="40"/>
      <c r="N11780" s="40"/>
    </row>
    <row r="11781" spans="4:14" x14ac:dyDescent="0.25">
      <c r="D11781" s="40"/>
      <c r="F11781" s="40">
        <v>196.20000000000002</v>
      </c>
      <c r="G11781" s="40">
        <v>22.922793996812107</v>
      </c>
      <c r="H11781" s="40">
        <v>196.2</v>
      </c>
      <c r="I11781" s="40">
        <v>26.051055663210079</v>
      </c>
      <c r="L11781" s="40"/>
      <c r="M11781" s="40"/>
      <c r="N11781" s="40"/>
    </row>
    <row r="11782" spans="4:14" x14ac:dyDescent="0.25">
      <c r="D11782" s="40"/>
      <c r="F11782" s="40">
        <v>196.216667</v>
      </c>
      <c r="G11782" s="40">
        <v>22.922793996812107</v>
      </c>
      <c r="H11782" s="40">
        <v>196.21666700000003</v>
      </c>
      <c r="I11782" s="40">
        <v>26.051055663210079</v>
      </c>
      <c r="L11782" s="40"/>
      <c r="M11782" s="40"/>
      <c r="N11782" s="40"/>
    </row>
    <row r="11783" spans="4:14" x14ac:dyDescent="0.25">
      <c r="D11783" s="40"/>
      <c r="F11783" s="40">
        <v>196.23333299999999</v>
      </c>
      <c r="G11783" s="40">
        <v>22.922793996812107</v>
      </c>
      <c r="H11783" s="40">
        <v>196.23333400000001</v>
      </c>
      <c r="I11783" s="40">
        <v>26.051055663210079</v>
      </c>
      <c r="L11783" s="40"/>
      <c r="M11783" s="40"/>
      <c r="N11783" s="40"/>
    </row>
    <row r="11784" spans="4:14" x14ac:dyDescent="0.25">
      <c r="D11784" s="40"/>
      <c r="F11784" s="40">
        <v>196.24999999999997</v>
      </c>
      <c r="G11784" s="40">
        <v>22.922793996812107</v>
      </c>
      <c r="H11784" s="40">
        <v>196.25</v>
      </c>
      <c r="I11784" s="40">
        <v>26.051055663210079</v>
      </c>
      <c r="L11784" s="40"/>
      <c r="M11784" s="40"/>
      <c r="N11784" s="40"/>
    </row>
    <row r="11785" spans="4:14" x14ac:dyDescent="0.25">
      <c r="D11785" s="40"/>
      <c r="F11785" s="40">
        <v>196.26666700000001</v>
      </c>
      <c r="G11785" s="40">
        <v>22.918038752721888</v>
      </c>
      <c r="H11785" s="40">
        <v>196.26666699999998</v>
      </c>
      <c r="I11785" s="40">
        <v>26.054408399353509</v>
      </c>
      <c r="L11785" s="40"/>
      <c r="M11785" s="40"/>
      <c r="N11785" s="40"/>
    </row>
    <row r="11786" spans="4:14" x14ac:dyDescent="0.25">
      <c r="D11786" s="40"/>
      <c r="F11786" s="40">
        <v>196.283333</v>
      </c>
      <c r="G11786" s="40">
        <v>22.918038752721888</v>
      </c>
      <c r="H11786" s="40">
        <v>196.28333400000002</v>
      </c>
      <c r="I11786" s="40">
        <v>26.054408399353509</v>
      </c>
      <c r="L11786" s="40"/>
      <c r="M11786" s="40"/>
      <c r="N11786" s="40"/>
    </row>
    <row r="11787" spans="4:14" x14ac:dyDescent="0.25">
      <c r="D11787" s="40"/>
      <c r="F11787" s="40">
        <v>196.29999999999998</v>
      </c>
      <c r="G11787" s="40">
        <v>22.918038752721888</v>
      </c>
      <c r="H11787" s="40">
        <v>196.3</v>
      </c>
      <c r="I11787" s="40">
        <v>26.054408399353509</v>
      </c>
      <c r="L11787" s="40"/>
      <c r="M11787" s="40"/>
      <c r="N11787" s="40"/>
    </row>
    <row r="11788" spans="4:14" x14ac:dyDescent="0.25">
      <c r="D11788" s="40"/>
      <c r="F11788" s="40">
        <v>196.31666699999997</v>
      </c>
      <c r="G11788" s="40">
        <v>22.918038752721888</v>
      </c>
      <c r="H11788" s="40">
        <v>196.316667</v>
      </c>
      <c r="I11788" s="40">
        <v>26.057662525610095</v>
      </c>
      <c r="L11788" s="40"/>
      <c r="M11788" s="40"/>
      <c r="N11788" s="40"/>
    </row>
    <row r="11789" spans="4:14" x14ac:dyDescent="0.25">
      <c r="D11789" s="40"/>
      <c r="F11789" s="40">
        <v>196.33333300000001</v>
      </c>
      <c r="G11789" s="40">
        <v>22.918038752721888</v>
      </c>
      <c r="H11789" s="40">
        <v>196.33333399999998</v>
      </c>
      <c r="I11789" s="40">
        <v>26.057662525610095</v>
      </c>
      <c r="L11789" s="40"/>
      <c r="M11789" s="40"/>
      <c r="N11789" s="40"/>
    </row>
    <row r="11790" spans="4:14" x14ac:dyDescent="0.25">
      <c r="D11790" s="40"/>
      <c r="F11790" s="40">
        <v>196.35</v>
      </c>
      <c r="G11790" s="40">
        <v>22.918038752721888</v>
      </c>
      <c r="H11790" s="40">
        <v>196.35000000000002</v>
      </c>
      <c r="I11790" s="40">
        <v>26.057662525610095</v>
      </c>
      <c r="L11790" s="40"/>
      <c r="M11790" s="40"/>
      <c r="N11790" s="40"/>
    </row>
    <row r="11791" spans="4:14" x14ac:dyDescent="0.25">
      <c r="D11791" s="40"/>
      <c r="F11791" s="40">
        <v>196.36666699999998</v>
      </c>
      <c r="G11791" s="40">
        <v>22.913283508631793</v>
      </c>
      <c r="H11791" s="40">
        <v>196.36666700000001</v>
      </c>
      <c r="I11791" s="40">
        <v>26.057662525610095</v>
      </c>
      <c r="L11791" s="40"/>
      <c r="M11791" s="40"/>
      <c r="N11791" s="40"/>
    </row>
    <row r="11792" spans="4:14" x14ac:dyDescent="0.25">
      <c r="D11792" s="40"/>
      <c r="F11792" s="40">
        <v>196.38333300000002</v>
      </c>
      <c r="G11792" s="40">
        <v>22.913283508631793</v>
      </c>
      <c r="H11792" s="40">
        <v>196.38333399999999</v>
      </c>
      <c r="I11792" s="40">
        <v>26.057662525610095</v>
      </c>
      <c r="L11792" s="40"/>
      <c r="M11792" s="40"/>
      <c r="N11792" s="40"/>
    </row>
    <row r="11793" spans="4:14" x14ac:dyDescent="0.25">
      <c r="D11793" s="40"/>
      <c r="F11793" s="40">
        <v>196.4</v>
      </c>
      <c r="G11793" s="40">
        <v>22.913283508631793</v>
      </c>
      <c r="H11793" s="40">
        <v>196.40000000000003</v>
      </c>
      <c r="I11793" s="40">
        <v>26.061015261753528</v>
      </c>
      <c r="L11793" s="40"/>
      <c r="M11793" s="40"/>
      <c r="N11793" s="40"/>
    </row>
    <row r="11794" spans="4:14" x14ac:dyDescent="0.25">
      <c r="D11794" s="40"/>
      <c r="F11794" s="40">
        <v>196.41666699999999</v>
      </c>
      <c r="G11794" s="40">
        <v>22.908668124661894</v>
      </c>
      <c r="H11794" s="40">
        <v>196.41666700000002</v>
      </c>
      <c r="I11794" s="40">
        <v>26.061015261753528</v>
      </c>
      <c r="L11794" s="40"/>
      <c r="M11794" s="40"/>
      <c r="N11794" s="40"/>
    </row>
    <row r="11795" spans="4:14" x14ac:dyDescent="0.25">
      <c r="D11795" s="40"/>
      <c r="F11795" s="40">
        <v>196.43333299999998</v>
      </c>
      <c r="G11795" s="40">
        <v>22.908668124661894</v>
      </c>
      <c r="H11795" s="40">
        <v>196.433334</v>
      </c>
      <c r="I11795" s="40">
        <v>26.061015261753528</v>
      </c>
      <c r="L11795" s="40"/>
      <c r="M11795" s="40"/>
      <c r="N11795" s="40"/>
    </row>
    <row r="11796" spans="4:14" x14ac:dyDescent="0.25">
      <c r="D11796" s="40"/>
      <c r="F11796" s="40">
        <v>196.45000000000002</v>
      </c>
      <c r="G11796" s="40">
        <v>22.903912880571674</v>
      </c>
      <c r="H11796" s="40">
        <v>196.45</v>
      </c>
      <c r="I11796" s="40">
        <v>26.064367997896788</v>
      </c>
      <c r="L11796" s="40"/>
      <c r="M11796" s="40"/>
      <c r="N11796" s="40"/>
    </row>
    <row r="11797" spans="4:14" x14ac:dyDescent="0.25">
      <c r="D11797" s="40"/>
      <c r="F11797" s="40">
        <v>196.466667</v>
      </c>
      <c r="G11797" s="40">
        <v>22.899157636481455</v>
      </c>
      <c r="H11797" s="40">
        <v>196.46666700000003</v>
      </c>
      <c r="I11797" s="40">
        <v>26.064367997896788</v>
      </c>
      <c r="L11797" s="40"/>
      <c r="M11797" s="40"/>
      <c r="N11797" s="40"/>
    </row>
    <row r="11798" spans="4:14" x14ac:dyDescent="0.25">
      <c r="D11798" s="40"/>
      <c r="F11798" s="40">
        <v>196.48333299999999</v>
      </c>
      <c r="G11798" s="40">
        <v>22.899157636481455</v>
      </c>
      <c r="H11798" s="40">
        <v>196.48333400000001</v>
      </c>
      <c r="I11798" s="40">
        <v>26.064367997896788</v>
      </c>
      <c r="L11798" s="40"/>
      <c r="M11798" s="40"/>
      <c r="N11798" s="40"/>
    </row>
    <row r="11799" spans="4:14" x14ac:dyDescent="0.25">
      <c r="D11799" s="40"/>
      <c r="F11799" s="40">
        <v>196.49999999999997</v>
      </c>
      <c r="G11799" s="40">
        <v>22.894542252511677</v>
      </c>
      <c r="H11799" s="40">
        <v>196.5</v>
      </c>
      <c r="I11799" s="40">
        <v>26.067622124153552</v>
      </c>
      <c r="L11799" s="40"/>
      <c r="M11799" s="40"/>
      <c r="N11799" s="40"/>
    </row>
    <row r="11800" spans="4:14" x14ac:dyDescent="0.25">
      <c r="D11800" s="40"/>
      <c r="F11800" s="40">
        <v>196.51666700000001</v>
      </c>
      <c r="G11800" s="40">
        <v>22.889787008421457</v>
      </c>
      <c r="H11800" s="40">
        <v>196.51666699999998</v>
      </c>
      <c r="I11800" s="40">
        <v>26.067622124153552</v>
      </c>
      <c r="L11800" s="40"/>
      <c r="M11800" s="40"/>
      <c r="N11800" s="40"/>
    </row>
    <row r="11801" spans="4:14" x14ac:dyDescent="0.25">
      <c r="D11801" s="40"/>
      <c r="F11801" s="40">
        <v>196.533333</v>
      </c>
      <c r="G11801" s="40">
        <v>22.889787008421457</v>
      </c>
      <c r="H11801" s="40">
        <v>196.53333400000002</v>
      </c>
      <c r="I11801" s="40">
        <v>26.067622124153552</v>
      </c>
      <c r="L11801" s="40"/>
      <c r="M11801" s="40"/>
      <c r="N11801" s="40"/>
    </row>
    <row r="11802" spans="4:14" x14ac:dyDescent="0.25">
      <c r="D11802" s="40"/>
      <c r="F11802" s="40">
        <v>196.54999999999998</v>
      </c>
      <c r="G11802" s="40">
        <v>22.889787008421457</v>
      </c>
      <c r="H11802" s="40">
        <v>196.55</v>
      </c>
      <c r="I11802" s="40">
        <v>26.067622124153552</v>
      </c>
      <c r="L11802" s="40"/>
      <c r="M11802" s="40"/>
      <c r="N11802" s="40"/>
    </row>
    <row r="11803" spans="4:14" x14ac:dyDescent="0.25">
      <c r="D11803" s="40"/>
      <c r="F11803" s="40">
        <v>196.56666699999997</v>
      </c>
      <c r="G11803" s="40">
        <v>22.885031764331238</v>
      </c>
      <c r="H11803" s="40">
        <v>196.566667</v>
      </c>
      <c r="I11803" s="40">
        <v>26.070974860296808</v>
      </c>
      <c r="L11803" s="40"/>
      <c r="M11803" s="40"/>
      <c r="N11803" s="40"/>
    </row>
    <row r="11804" spans="4:14" x14ac:dyDescent="0.25">
      <c r="D11804" s="40"/>
      <c r="F11804" s="40">
        <v>196.58333300000001</v>
      </c>
      <c r="G11804" s="40">
        <v>22.885031764331238</v>
      </c>
      <c r="H11804" s="40">
        <v>196.58333399999998</v>
      </c>
      <c r="I11804" s="40">
        <v>26.070974860296808</v>
      </c>
      <c r="L11804" s="40"/>
      <c r="M11804" s="40"/>
      <c r="N11804" s="40"/>
    </row>
    <row r="11805" spans="4:14" x14ac:dyDescent="0.25">
      <c r="D11805" s="40"/>
      <c r="F11805" s="40">
        <v>196.6</v>
      </c>
      <c r="G11805" s="40">
        <v>22.885031764331238</v>
      </c>
      <c r="H11805" s="40">
        <v>196.60000000000002</v>
      </c>
      <c r="I11805" s="40">
        <v>26.070974860296808</v>
      </c>
      <c r="L11805" s="40"/>
      <c r="M11805" s="40"/>
      <c r="N11805" s="40"/>
    </row>
    <row r="11806" spans="4:14" x14ac:dyDescent="0.25">
      <c r="D11806" s="40"/>
      <c r="F11806" s="40">
        <v>196.61666699999998</v>
      </c>
      <c r="G11806" s="40">
        <v>22.88041638036146</v>
      </c>
      <c r="H11806" s="40">
        <v>196.61666700000001</v>
      </c>
      <c r="I11806" s="40">
        <v>26.074327596440238</v>
      </c>
      <c r="L11806" s="40"/>
      <c r="M11806" s="40"/>
      <c r="N11806" s="40"/>
    </row>
    <row r="11807" spans="4:14" x14ac:dyDescent="0.25">
      <c r="D11807" s="40"/>
      <c r="F11807" s="40">
        <v>196.63333300000002</v>
      </c>
      <c r="G11807" s="40">
        <v>22.88041638036146</v>
      </c>
      <c r="H11807" s="40">
        <v>196.63333399999999</v>
      </c>
      <c r="I11807" s="40">
        <v>26.074327596440238</v>
      </c>
      <c r="L11807" s="40"/>
      <c r="M11807" s="40"/>
      <c r="N11807" s="40"/>
    </row>
    <row r="11808" spans="4:14" x14ac:dyDescent="0.25">
      <c r="D11808" s="40"/>
      <c r="F11808" s="40">
        <v>196.65</v>
      </c>
      <c r="G11808" s="40">
        <v>22.88041638036146</v>
      </c>
      <c r="H11808" s="40">
        <v>196.65000000000003</v>
      </c>
      <c r="I11808" s="40">
        <v>26.074327596440238</v>
      </c>
      <c r="L11808" s="40"/>
      <c r="M11808" s="40"/>
      <c r="N11808" s="40"/>
    </row>
    <row r="11809" spans="4:14" x14ac:dyDescent="0.25">
      <c r="D11809" s="40"/>
      <c r="F11809" s="40">
        <v>196.66666699999999</v>
      </c>
      <c r="G11809" s="40">
        <v>22.88041638036146</v>
      </c>
      <c r="H11809" s="40">
        <v>196.66666700000002</v>
      </c>
      <c r="I11809" s="40">
        <v>26.077581722697001</v>
      </c>
      <c r="L11809" s="40"/>
      <c r="M11809" s="40"/>
      <c r="N11809" s="40"/>
    </row>
    <row r="11810" spans="4:14" x14ac:dyDescent="0.25">
      <c r="D11810" s="40"/>
      <c r="F11810" s="40">
        <v>196.68333299999998</v>
      </c>
      <c r="G11810" s="40">
        <v>22.88041638036146</v>
      </c>
      <c r="H11810" s="40">
        <v>196.683334</v>
      </c>
      <c r="I11810" s="40">
        <v>26.077581722697001</v>
      </c>
      <c r="L11810" s="40"/>
      <c r="M11810" s="40"/>
      <c r="N11810" s="40"/>
    </row>
    <row r="11811" spans="4:14" x14ac:dyDescent="0.25">
      <c r="D11811" s="40"/>
      <c r="F11811" s="40">
        <v>196.70000000000002</v>
      </c>
      <c r="G11811" s="40">
        <v>22.88041638036146</v>
      </c>
      <c r="H11811" s="40">
        <v>196.7</v>
      </c>
      <c r="I11811" s="40">
        <v>26.077581722697001</v>
      </c>
      <c r="L11811" s="40"/>
      <c r="M11811" s="40"/>
      <c r="N11811" s="40"/>
    </row>
    <row r="11812" spans="4:14" x14ac:dyDescent="0.25">
      <c r="D11812" s="40"/>
      <c r="F11812" s="40">
        <v>196.716667</v>
      </c>
      <c r="G11812" s="40">
        <v>22.88041638036146</v>
      </c>
      <c r="H11812" s="40">
        <v>196.71666700000003</v>
      </c>
      <c r="I11812" s="40">
        <v>26.077581722697001</v>
      </c>
      <c r="L11812" s="40"/>
      <c r="M11812" s="40"/>
      <c r="N11812" s="40"/>
    </row>
    <row r="11813" spans="4:14" x14ac:dyDescent="0.25">
      <c r="D11813" s="40"/>
      <c r="F11813" s="40">
        <v>196.73333299999999</v>
      </c>
      <c r="G11813" s="40">
        <v>22.88041638036146</v>
      </c>
      <c r="H11813" s="40">
        <v>196.73333400000001</v>
      </c>
      <c r="I11813" s="40">
        <v>26.080934458840261</v>
      </c>
      <c r="L11813" s="40"/>
      <c r="M11813" s="40"/>
      <c r="N11813" s="40"/>
    </row>
    <row r="11814" spans="4:14" x14ac:dyDescent="0.25">
      <c r="D11814" s="40"/>
      <c r="F11814" s="40">
        <v>196.74999999999997</v>
      </c>
      <c r="G11814" s="40">
        <v>22.885031764331238</v>
      </c>
      <c r="H11814" s="40">
        <v>196.75</v>
      </c>
      <c r="I11814" s="40">
        <v>26.080934458840261</v>
      </c>
      <c r="L11814" s="40"/>
      <c r="M11814" s="40"/>
      <c r="N11814" s="40"/>
    </row>
    <row r="11815" spans="4:14" x14ac:dyDescent="0.25">
      <c r="D11815" s="40"/>
      <c r="F11815" s="40">
        <v>196.76666700000001</v>
      </c>
      <c r="G11815" s="40">
        <v>22.885031764331238</v>
      </c>
      <c r="H11815" s="40">
        <v>196.76666699999998</v>
      </c>
      <c r="I11815" s="40">
        <v>26.084287194983517</v>
      </c>
      <c r="L11815" s="40"/>
      <c r="M11815" s="40"/>
      <c r="N11815" s="40"/>
    </row>
    <row r="11816" spans="4:14" x14ac:dyDescent="0.25">
      <c r="D11816" s="40"/>
      <c r="F11816" s="40">
        <v>196.783333</v>
      </c>
      <c r="G11816" s="40">
        <v>22.885031764331238</v>
      </c>
      <c r="H11816" s="40">
        <v>196.78333400000002</v>
      </c>
      <c r="I11816" s="40">
        <v>26.084287194983517</v>
      </c>
      <c r="L11816" s="40"/>
      <c r="M11816" s="40"/>
      <c r="N11816" s="40"/>
    </row>
    <row r="11817" spans="4:14" x14ac:dyDescent="0.25">
      <c r="D11817" s="40"/>
      <c r="F11817" s="40">
        <v>196.79999999999998</v>
      </c>
      <c r="G11817" s="40">
        <v>22.885031764331238</v>
      </c>
      <c r="H11817" s="40">
        <v>196.8</v>
      </c>
      <c r="I11817" s="40">
        <v>26.084287194983517</v>
      </c>
      <c r="L11817" s="40"/>
      <c r="M11817" s="40"/>
      <c r="N11817" s="40"/>
    </row>
    <row r="11818" spans="4:14" x14ac:dyDescent="0.25">
      <c r="D11818" s="40"/>
      <c r="F11818" s="40">
        <v>196.81666699999997</v>
      </c>
      <c r="G11818" s="40">
        <v>22.889787008421457</v>
      </c>
      <c r="H11818" s="40">
        <v>196.816667</v>
      </c>
      <c r="I11818" s="40">
        <v>26.084287194983517</v>
      </c>
      <c r="L11818" s="40"/>
      <c r="M11818" s="40"/>
      <c r="N11818" s="40"/>
    </row>
    <row r="11819" spans="4:14" x14ac:dyDescent="0.25">
      <c r="D11819" s="40"/>
      <c r="F11819" s="40">
        <v>196.83333300000001</v>
      </c>
      <c r="G11819" s="40">
        <v>22.889787008421457</v>
      </c>
      <c r="H11819" s="40">
        <v>196.83333399999998</v>
      </c>
      <c r="I11819" s="40">
        <v>26.08754132124028</v>
      </c>
      <c r="L11819" s="40"/>
      <c r="M11819" s="40"/>
      <c r="N11819" s="40"/>
    </row>
    <row r="11820" spans="4:14" x14ac:dyDescent="0.25">
      <c r="D11820" s="40"/>
      <c r="F11820" s="40">
        <v>196.85</v>
      </c>
      <c r="G11820" s="40">
        <v>22.889787008421457</v>
      </c>
      <c r="H11820" s="40">
        <v>196.85000000000002</v>
      </c>
      <c r="I11820" s="40">
        <v>26.08754132124028</v>
      </c>
      <c r="L11820" s="40"/>
      <c r="M11820" s="40"/>
      <c r="N11820" s="40"/>
    </row>
    <row r="11821" spans="4:14" x14ac:dyDescent="0.25">
      <c r="D11821" s="40"/>
      <c r="F11821" s="40">
        <v>196.86666699999998</v>
      </c>
      <c r="G11821" s="40">
        <v>22.889787008421457</v>
      </c>
      <c r="H11821" s="40">
        <v>196.86666700000001</v>
      </c>
      <c r="I11821" s="40">
        <v>26.090894057383537</v>
      </c>
      <c r="L11821" s="40"/>
      <c r="M11821" s="40"/>
      <c r="N11821" s="40"/>
    </row>
    <row r="11822" spans="4:14" x14ac:dyDescent="0.25">
      <c r="D11822" s="40"/>
      <c r="F11822" s="40">
        <v>196.88333300000002</v>
      </c>
      <c r="G11822" s="40">
        <v>22.889787008421457</v>
      </c>
      <c r="H11822" s="40">
        <v>196.88333399999999</v>
      </c>
      <c r="I11822" s="40">
        <v>26.090894057383537</v>
      </c>
      <c r="L11822" s="40"/>
      <c r="M11822" s="40"/>
      <c r="N11822" s="40"/>
    </row>
    <row r="11823" spans="4:14" x14ac:dyDescent="0.25">
      <c r="D11823" s="40"/>
      <c r="F11823" s="40">
        <v>196.9</v>
      </c>
      <c r="G11823" s="40">
        <v>22.889787008421457</v>
      </c>
      <c r="H11823" s="40">
        <v>196.90000000000003</v>
      </c>
      <c r="I11823" s="40">
        <v>26.090894057383537</v>
      </c>
      <c r="L11823" s="40"/>
      <c r="M11823" s="40"/>
      <c r="N11823" s="40"/>
    </row>
    <row r="11824" spans="4:14" x14ac:dyDescent="0.25">
      <c r="D11824" s="40"/>
      <c r="F11824" s="40">
        <v>196.91666699999999</v>
      </c>
      <c r="G11824" s="40">
        <v>22.889787008421457</v>
      </c>
      <c r="H11824" s="40">
        <v>196.91666700000002</v>
      </c>
      <c r="I11824" s="40">
        <v>26.090894057383537</v>
      </c>
      <c r="L11824" s="40"/>
      <c r="M11824" s="40"/>
      <c r="N11824" s="40"/>
    </row>
    <row r="11825" spans="4:14" x14ac:dyDescent="0.25">
      <c r="D11825" s="40"/>
      <c r="F11825" s="40">
        <v>196.93333299999998</v>
      </c>
      <c r="G11825" s="40">
        <v>22.894542252511677</v>
      </c>
      <c r="H11825" s="40">
        <v>196.933334</v>
      </c>
      <c r="I11825" s="40">
        <v>26.094246793526967</v>
      </c>
      <c r="L11825" s="40"/>
      <c r="M11825" s="40"/>
      <c r="N11825" s="40"/>
    </row>
    <row r="11826" spans="4:14" x14ac:dyDescent="0.25">
      <c r="D11826" s="40"/>
      <c r="F11826" s="40">
        <v>196.95000000000002</v>
      </c>
      <c r="G11826" s="40">
        <v>22.889787008421457</v>
      </c>
      <c r="H11826" s="40">
        <v>196.95</v>
      </c>
      <c r="I11826" s="40">
        <v>26.094246793526967</v>
      </c>
      <c r="L11826" s="40"/>
      <c r="M11826" s="40"/>
      <c r="N11826" s="40"/>
    </row>
    <row r="11827" spans="4:14" x14ac:dyDescent="0.25">
      <c r="D11827" s="40"/>
      <c r="F11827" s="40">
        <v>196.966667</v>
      </c>
      <c r="G11827" s="40">
        <v>22.894542252511677</v>
      </c>
      <c r="H11827" s="40">
        <v>196.96666700000003</v>
      </c>
      <c r="I11827" s="40">
        <v>26.094246793526967</v>
      </c>
      <c r="L11827" s="40"/>
      <c r="M11827" s="40"/>
      <c r="N11827" s="40"/>
    </row>
    <row r="11828" spans="4:14" x14ac:dyDescent="0.25">
      <c r="D11828" s="40"/>
      <c r="F11828" s="40">
        <v>196.98333299999999</v>
      </c>
      <c r="G11828" s="40">
        <v>22.894542252511677</v>
      </c>
      <c r="H11828" s="40">
        <v>196.98333400000001</v>
      </c>
      <c r="I11828" s="40">
        <v>26.094246793526967</v>
      </c>
      <c r="L11828" s="40"/>
      <c r="M11828" s="40"/>
      <c r="N11828" s="40"/>
    </row>
    <row r="11829" spans="4:14" x14ac:dyDescent="0.25">
      <c r="D11829" s="40"/>
      <c r="F11829" s="40">
        <v>196.99999999999997</v>
      </c>
      <c r="G11829" s="40">
        <v>22.894542252511677</v>
      </c>
      <c r="H11829" s="40">
        <v>197</v>
      </c>
      <c r="I11829" s="40">
        <v>26.094246793526967</v>
      </c>
      <c r="L11829" s="40"/>
      <c r="M11829" s="40"/>
      <c r="N11829" s="40"/>
    </row>
    <row r="11830" spans="4:14" x14ac:dyDescent="0.25">
      <c r="D11830" s="40"/>
      <c r="F11830" s="40">
        <v>197.01666700000001</v>
      </c>
      <c r="G11830" s="40">
        <v>22.894542252511677</v>
      </c>
      <c r="H11830" s="40">
        <v>197.01666699999998</v>
      </c>
      <c r="I11830" s="40">
        <v>26.094246793526967</v>
      </c>
      <c r="L11830" s="40"/>
      <c r="M11830" s="40"/>
      <c r="N11830" s="40"/>
    </row>
    <row r="11831" spans="4:14" x14ac:dyDescent="0.25">
      <c r="D11831" s="40"/>
      <c r="F11831" s="40">
        <v>197.033333</v>
      </c>
      <c r="G11831" s="40">
        <v>22.894542252511677</v>
      </c>
      <c r="H11831" s="40">
        <v>197.03333400000002</v>
      </c>
      <c r="I11831" s="40">
        <v>26.09750091978373</v>
      </c>
      <c r="L11831" s="40"/>
      <c r="M11831" s="40"/>
      <c r="N11831" s="40"/>
    </row>
    <row r="11832" spans="4:14" x14ac:dyDescent="0.25">
      <c r="D11832" s="40"/>
      <c r="F11832" s="40">
        <v>197.04999999999998</v>
      </c>
      <c r="G11832" s="40">
        <v>22.894542252511677</v>
      </c>
      <c r="H11832" s="40">
        <v>197.05</v>
      </c>
      <c r="I11832" s="40">
        <v>26.09750091978373</v>
      </c>
      <c r="L11832" s="40"/>
      <c r="M11832" s="40"/>
      <c r="N11832" s="40"/>
    </row>
    <row r="11833" spans="4:14" x14ac:dyDescent="0.25">
      <c r="D11833" s="40"/>
      <c r="F11833" s="40">
        <v>197.06666699999997</v>
      </c>
      <c r="G11833" s="40">
        <v>22.894542252511677</v>
      </c>
      <c r="H11833" s="40">
        <v>197.066667</v>
      </c>
      <c r="I11833" s="40">
        <v>26.09750091978373</v>
      </c>
      <c r="L11833" s="40"/>
      <c r="M11833" s="40"/>
      <c r="N11833" s="40"/>
    </row>
    <row r="11834" spans="4:14" x14ac:dyDescent="0.25">
      <c r="D11834" s="40"/>
      <c r="F11834" s="40">
        <v>197.08333300000001</v>
      </c>
      <c r="G11834" s="40">
        <v>22.894542252511677</v>
      </c>
      <c r="H11834" s="40">
        <v>197.08333399999998</v>
      </c>
      <c r="I11834" s="40">
        <v>26.09750091978373</v>
      </c>
      <c r="L11834" s="40"/>
      <c r="M11834" s="40"/>
      <c r="N11834" s="40"/>
    </row>
    <row r="11835" spans="4:14" x14ac:dyDescent="0.25">
      <c r="D11835" s="40"/>
      <c r="F11835" s="40">
        <v>197.1</v>
      </c>
      <c r="G11835" s="40">
        <v>22.894542252511677</v>
      </c>
      <c r="H11835" s="40">
        <v>197.10000000000002</v>
      </c>
      <c r="I11835" s="40">
        <v>26.09750091978373</v>
      </c>
      <c r="L11835" s="40"/>
      <c r="M11835" s="40"/>
      <c r="N11835" s="40"/>
    </row>
    <row r="11836" spans="4:14" x14ac:dyDescent="0.25">
      <c r="D11836" s="40"/>
      <c r="F11836" s="40">
        <v>197.11666699999998</v>
      </c>
      <c r="G11836" s="40">
        <v>22.894542252511677</v>
      </c>
      <c r="H11836" s="40">
        <v>197.11666700000001</v>
      </c>
      <c r="I11836" s="40">
        <v>26.10085365592699</v>
      </c>
      <c r="L11836" s="40"/>
      <c r="M11836" s="40"/>
      <c r="N11836" s="40"/>
    </row>
    <row r="11837" spans="4:14" x14ac:dyDescent="0.25">
      <c r="D11837" s="40"/>
      <c r="F11837" s="40">
        <v>197.13333300000002</v>
      </c>
      <c r="G11837" s="40">
        <v>22.894542252511677</v>
      </c>
      <c r="H11837" s="40">
        <v>197.13333399999999</v>
      </c>
      <c r="I11837" s="40">
        <v>26.10085365592699</v>
      </c>
      <c r="L11837" s="40"/>
      <c r="M11837" s="40"/>
      <c r="N11837" s="40"/>
    </row>
    <row r="11838" spans="4:14" x14ac:dyDescent="0.25">
      <c r="D11838" s="40"/>
      <c r="F11838" s="40">
        <v>197.15</v>
      </c>
      <c r="G11838" s="40">
        <v>22.894542252511677</v>
      </c>
      <c r="H11838" s="40">
        <v>197.15000000000003</v>
      </c>
      <c r="I11838" s="40">
        <v>26.104206392070246</v>
      </c>
      <c r="L11838" s="40"/>
      <c r="M11838" s="40"/>
      <c r="N11838" s="40"/>
    </row>
    <row r="11839" spans="4:14" x14ac:dyDescent="0.25">
      <c r="D11839" s="40"/>
      <c r="F11839" s="40">
        <v>197.16666699999999</v>
      </c>
      <c r="G11839" s="40">
        <v>22.894542252511677</v>
      </c>
      <c r="H11839" s="40">
        <v>197.16666700000002</v>
      </c>
      <c r="I11839" s="40">
        <v>26.104206392070246</v>
      </c>
      <c r="L11839" s="40"/>
      <c r="M11839" s="40"/>
      <c r="N11839" s="40"/>
    </row>
    <row r="11840" spans="4:14" x14ac:dyDescent="0.25">
      <c r="D11840" s="40"/>
      <c r="F11840" s="40">
        <v>197.18333299999998</v>
      </c>
      <c r="G11840" s="40">
        <v>22.894542252511677</v>
      </c>
      <c r="H11840" s="40">
        <v>197.183334</v>
      </c>
      <c r="I11840" s="40">
        <v>26.104206392070246</v>
      </c>
      <c r="L11840" s="40"/>
      <c r="M11840" s="40"/>
      <c r="N11840" s="40"/>
    </row>
    <row r="11841" spans="4:14" x14ac:dyDescent="0.25">
      <c r="D11841" s="40"/>
      <c r="F11841" s="40">
        <v>197.20000000000002</v>
      </c>
      <c r="G11841" s="40">
        <v>22.889787008421457</v>
      </c>
      <c r="H11841" s="40">
        <v>197.2</v>
      </c>
      <c r="I11841" s="40">
        <v>26.107460518327009</v>
      </c>
      <c r="L11841" s="40"/>
      <c r="M11841" s="40"/>
      <c r="N11841" s="40"/>
    </row>
    <row r="11842" spans="4:14" x14ac:dyDescent="0.25">
      <c r="D11842" s="40"/>
      <c r="F11842" s="40">
        <v>197.216667</v>
      </c>
      <c r="G11842" s="40">
        <v>22.889787008421457</v>
      </c>
      <c r="H11842" s="40">
        <v>197.21666700000003</v>
      </c>
      <c r="I11842" s="40">
        <v>26.107460518327009</v>
      </c>
      <c r="L11842" s="40"/>
      <c r="M11842" s="40"/>
      <c r="N11842" s="40"/>
    </row>
    <row r="11843" spans="4:14" x14ac:dyDescent="0.25">
      <c r="D11843" s="40"/>
      <c r="F11843" s="40">
        <v>197.23333299999999</v>
      </c>
      <c r="G11843" s="40">
        <v>22.889787008421457</v>
      </c>
      <c r="H11843" s="40">
        <v>197.23333400000001</v>
      </c>
      <c r="I11843" s="40">
        <v>26.11081325447044</v>
      </c>
      <c r="L11843" s="40"/>
      <c r="M11843" s="40"/>
      <c r="N11843" s="40"/>
    </row>
    <row r="11844" spans="4:14" x14ac:dyDescent="0.25">
      <c r="D11844" s="40"/>
      <c r="F11844" s="40">
        <v>197.24999999999997</v>
      </c>
      <c r="G11844" s="40">
        <v>22.889787008421457</v>
      </c>
      <c r="H11844" s="40">
        <v>197.25</v>
      </c>
      <c r="I11844" s="40">
        <v>26.11081325447044</v>
      </c>
      <c r="L11844" s="40"/>
      <c r="M11844" s="40"/>
      <c r="N11844" s="40"/>
    </row>
    <row r="11845" spans="4:14" x14ac:dyDescent="0.25">
      <c r="D11845" s="40"/>
      <c r="F11845" s="40">
        <v>197.26666700000001</v>
      </c>
      <c r="G11845" s="40">
        <v>22.889787008421457</v>
      </c>
      <c r="H11845" s="40">
        <v>197.26666699999998</v>
      </c>
      <c r="I11845" s="40">
        <v>26.11081325447044</v>
      </c>
      <c r="L11845" s="40"/>
      <c r="M11845" s="40"/>
      <c r="N11845" s="40"/>
    </row>
    <row r="11846" spans="4:14" x14ac:dyDescent="0.25">
      <c r="D11846" s="40"/>
      <c r="F11846" s="40">
        <v>197.283333</v>
      </c>
      <c r="G11846" s="40">
        <v>22.889787008421457</v>
      </c>
      <c r="H11846" s="40">
        <v>197.28333400000002</v>
      </c>
      <c r="I11846" s="40">
        <v>26.114165990613699</v>
      </c>
      <c r="L11846" s="40"/>
      <c r="M11846" s="40"/>
      <c r="N11846" s="40"/>
    </row>
    <row r="11847" spans="4:14" x14ac:dyDescent="0.25">
      <c r="D11847" s="40"/>
      <c r="F11847" s="40">
        <v>197.29999999999998</v>
      </c>
      <c r="G11847" s="40">
        <v>22.885031764331238</v>
      </c>
      <c r="H11847" s="40">
        <v>197.3</v>
      </c>
      <c r="I11847" s="40">
        <v>26.114165990613699</v>
      </c>
      <c r="L11847" s="40"/>
      <c r="M11847" s="40"/>
      <c r="N11847" s="40"/>
    </row>
    <row r="11848" spans="4:14" x14ac:dyDescent="0.25">
      <c r="D11848" s="40"/>
      <c r="F11848" s="40">
        <v>197.31666699999997</v>
      </c>
      <c r="G11848" s="40">
        <v>22.885031764331238</v>
      </c>
      <c r="H11848" s="40">
        <v>197.316667</v>
      </c>
      <c r="I11848" s="40">
        <v>26.114165990613699</v>
      </c>
      <c r="L11848" s="40"/>
      <c r="M11848" s="40"/>
      <c r="N11848" s="40"/>
    </row>
    <row r="11849" spans="4:14" x14ac:dyDescent="0.25">
      <c r="D11849" s="40"/>
      <c r="F11849" s="40">
        <v>197.33333300000001</v>
      </c>
      <c r="G11849" s="40">
        <v>22.885031764331238</v>
      </c>
      <c r="H11849" s="40">
        <v>197.33333399999998</v>
      </c>
      <c r="I11849" s="40">
        <v>26.117420116870463</v>
      </c>
      <c r="L11849" s="40"/>
      <c r="M11849" s="40"/>
      <c r="N11849" s="40"/>
    </row>
    <row r="11850" spans="4:14" x14ac:dyDescent="0.25">
      <c r="D11850" s="40"/>
      <c r="F11850" s="40">
        <v>197.35</v>
      </c>
      <c r="G11850" s="40">
        <v>22.885031764331238</v>
      </c>
      <c r="H11850" s="40">
        <v>197.35000000000002</v>
      </c>
      <c r="I11850" s="40">
        <v>26.117420116870463</v>
      </c>
      <c r="L11850" s="40"/>
      <c r="M11850" s="40"/>
      <c r="N11850" s="40"/>
    </row>
    <row r="11851" spans="4:14" x14ac:dyDescent="0.25">
      <c r="D11851" s="40"/>
      <c r="F11851" s="40">
        <v>197.36666699999998</v>
      </c>
      <c r="G11851" s="40">
        <v>22.885031764331238</v>
      </c>
      <c r="H11851" s="40">
        <v>197.36666700000001</v>
      </c>
      <c r="I11851" s="40">
        <v>26.117420116870463</v>
      </c>
      <c r="L11851" s="40"/>
      <c r="M11851" s="40"/>
      <c r="N11851" s="40"/>
    </row>
    <row r="11852" spans="4:14" x14ac:dyDescent="0.25">
      <c r="D11852" s="40"/>
      <c r="F11852" s="40">
        <v>197.38333300000002</v>
      </c>
      <c r="G11852" s="40">
        <v>22.885031764331238</v>
      </c>
      <c r="H11852" s="40">
        <v>197.38333399999999</v>
      </c>
      <c r="I11852" s="40">
        <v>26.120772853013719</v>
      </c>
      <c r="L11852" s="40"/>
      <c r="M11852" s="40"/>
      <c r="N11852" s="40"/>
    </row>
    <row r="11853" spans="4:14" x14ac:dyDescent="0.25">
      <c r="D11853" s="40"/>
      <c r="F11853" s="40">
        <v>197.4</v>
      </c>
      <c r="G11853" s="40">
        <v>22.885031764331238</v>
      </c>
      <c r="H11853" s="40">
        <v>197.40000000000003</v>
      </c>
      <c r="I11853" s="40">
        <v>26.120772853013719</v>
      </c>
      <c r="L11853" s="40"/>
      <c r="M11853" s="40"/>
      <c r="N11853" s="40"/>
    </row>
    <row r="11854" spans="4:14" x14ac:dyDescent="0.25">
      <c r="D11854" s="40"/>
      <c r="F11854" s="40">
        <v>197.41666699999999</v>
      </c>
      <c r="G11854" s="40">
        <v>22.885031764331238</v>
      </c>
      <c r="H11854" s="40">
        <v>197.41666700000002</v>
      </c>
      <c r="I11854" s="40">
        <v>26.120772853013719</v>
      </c>
      <c r="L11854" s="40"/>
      <c r="M11854" s="40"/>
      <c r="N11854" s="40"/>
    </row>
    <row r="11855" spans="4:14" x14ac:dyDescent="0.25">
      <c r="D11855" s="40"/>
      <c r="F11855" s="40">
        <v>197.43333299999998</v>
      </c>
      <c r="G11855" s="40">
        <v>22.885031764331238</v>
      </c>
      <c r="H11855" s="40">
        <v>197.433334</v>
      </c>
      <c r="I11855" s="40">
        <v>26.124125589156979</v>
      </c>
      <c r="L11855" s="40"/>
      <c r="M11855" s="40"/>
      <c r="N11855" s="40"/>
    </row>
    <row r="11856" spans="4:14" x14ac:dyDescent="0.25">
      <c r="D11856" s="40"/>
      <c r="F11856" s="40">
        <v>197.45000000000002</v>
      </c>
      <c r="G11856" s="40">
        <v>22.88041638036146</v>
      </c>
      <c r="H11856" s="40">
        <v>197.45</v>
      </c>
      <c r="I11856" s="40">
        <v>26.124125589156979</v>
      </c>
      <c r="L11856" s="40"/>
      <c r="M11856" s="40"/>
      <c r="N11856" s="40"/>
    </row>
    <row r="11857" spans="4:14" x14ac:dyDescent="0.25">
      <c r="D11857" s="40"/>
      <c r="F11857" s="40">
        <v>197.466667</v>
      </c>
      <c r="G11857" s="40">
        <v>22.88041638036146</v>
      </c>
      <c r="H11857" s="40">
        <v>197.46666700000003</v>
      </c>
      <c r="I11857" s="40">
        <v>26.124125589156979</v>
      </c>
      <c r="L11857" s="40"/>
      <c r="M11857" s="40"/>
      <c r="N11857" s="40"/>
    </row>
    <row r="11858" spans="4:14" x14ac:dyDescent="0.25">
      <c r="D11858" s="40"/>
      <c r="F11858" s="40">
        <v>197.48333299999999</v>
      </c>
      <c r="G11858" s="40">
        <v>22.88041638036146</v>
      </c>
      <c r="H11858" s="40">
        <v>197.48333400000001</v>
      </c>
      <c r="I11858" s="40">
        <v>26.127379715413742</v>
      </c>
      <c r="L11858" s="40"/>
      <c r="M11858" s="40"/>
      <c r="N11858" s="40"/>
    </row>
    <row r="11859" spans="4:14" x14ac:dyDescent="0.25">
      <c r="D11859" s="40"/>
      <c r="F11859" s="40">
        <v>197.49999999999997</v>
      </c>
      <c r="G11859" s="40">
        <v>22.88041638036146</v>
      </c>
      <c r="H11859" s="40">
        <v>197.5</v>
      </c>
      <c r="I11859" s="40">
        <v>26.127379715413742</v>
      </c>
      <c r="L11859" s="40"/>
      <c r="M11859" s="40"/>
      <c r="N11859" s="40"/>
    </row>
    <row r="11860" spans="4:14" x14ac:dyDescent="0.25">
      <c r="D11860" s="40"/>
      <c r="F11860" s="40">
        <v>197.51666700000001</v>
      </c>
      <c r="G11860" s="40">
        <v>22.88041638036146</v>
      </c>
      <c r="H11860" s="40">
        <v>197.51666699999998</v>
      </c>
      <c r="I11860" s="40">
        <v>26.127379715413742</v>
      </c>
      <c r="L11860" s="40"/>
      <c r="M11860" s="40"/>
      <c r="N11860" s="40"/>
    </row>
    <row r="11861" spans="4:14" x14ac:dyDescent="0.25">
      <c r="D11861" s="40"/>
      <c r="F11861" s="40">
        <v>197.533333</v>
      </c>
      <c r="G11861" s="40">
        <v>22.88041638036146</v>
      </c>
      <c r="H11861" s="40">
        <v>197.53333400000002</v>
      </c>
      <c r="I11861" s="40">
        <v>26.127379715413742</v>
      </c>
      <c r="L11861" s="40"/>
      <c r="M11861" s="40"/>
      <c r="N11861" s="40"/>
    </row>
    <row r="11862" spans="4:14" x14ac:dyDescent="0.25">
      <c r="D11862" s="40"/>
      <c r="F11862" s="40">
        <v>197.54999999999998</v>
      </c>
      <c r="G11862" s="40">
        <v>22.88041638036146</v>
      </c>
      <c r="H11862" s="40">
        <v>197.55</v>
      </c>
      <c r="I11862" s="40">
        <v>26.127379715413742</v>
      </c>
      <c r="L11862" s="40"/>
      <c r="M11862" s="40"/>
      <c r="N11862" s="40"/>
    </row>
    <row r="11863" spans="4:14" x14ac:dyDescent="0.25">
      <c r="D11863" s="40"/>
      <c r="F11863" s="40">
        <v>197.56666699999997</v>
      </c>
      <c r="G11863" s="40">
        <v>22.88041638036146</v>
      </c>
      <c r="H11863" s="40">
        <v>197.566667</v>
      </c>
      <c r="I11863" s="40">
        <v>26.130732451557172</v>
      </c>
      <c r="L11863" s="40"/>
      <c r="M11863" s="40"/>
      <c r="N11863" s="40"/>
    </row>
    <row r="11864" spans="4:14" x14ac:dyDescent="0.25">
      <c r="D11864" s="40"/>
      <c r="F11864" s="40">
        <v>197.58333300000001</v>
      </c>
      <c r="G11864" s="40">
        <v>22.88041638036146</v>
      </c>
      <c r="H11864" s="40">
        <v>197.58333399999998</v>
      </c>
      <c r="I11864" s="40">
        <v>26.130732451557172</v>
      </c>
      <c r="L11864" s="40"/>
      <c r="M11864" s="40"/>
      <c r="N11864" s="40"/>
    </row>
    <row r="11865" spans="4:14" x14ac:dyDescent="0.25">
      <c r="D11865" s="40"/>
      <c r="F11865" s="40">
        <v>197.6</v>
      </c>
      <c r="G11865" s="40">
        <v>22.88041638036146</v>
      </c>
      <c r="H11865" s="40">
        <v>197.60000000000002</v>
      </c>
      <c r="I11865" s="40">
        <v>26.130732451557172</v>
      </c>
      <c r="L11865" s="40"/>
      <c r="M11865" s="40"/>
      <c r="N11865" s="40"/>
    </row>
    <row r="11866" spans="4:14" x14ac:dyDescent="0.25">
      <c r="D11866" s="40"/>
      <c r="F11866" s="40">
        <v>197.61666699999998</v>
      </c>
      <c r="G11866" s="40">
        <v>22.88041638036146</v>
      </c>
      <c r="H11866" s="40">
        <v>197.61666700000001</v>
      </c>
      <c r="I11866" s="40">
        <v>26.130732451557172</v>
      </c>
      <c r="L11866" s="40"/>
      <c r="M11866" s="40"/>
      <c r="N11866" s="40"/>
    </row>
    <row r="11867" spans="4:14" x14ac:dyDescent="0.25">
      <c r="D11867" s="40"/>
      <c r="F11867" s="40">
        <v>197.63333300000002</v>
      </c>
      <c r="G11867" s="40">
        <v>22.88041638036146</v>
      </c>
      <c r="H11867" s="40">
        <v>197.63333399999999</v>
      </c>
      <c r="I11867" s="40">
        <v>26.130732451557172</v>
      </c>
      <c r="L11867" s="40"/>
      <c r="M11867" s="40"/>
      <c r="N11867" s="40"/>
    </row>
    <row r="11868" spans="4:14" x14ac:dyDescent="0.25">
      <c r="D11868" s="40"/>
      <c r="F11868" s="40">
        <v>197.65</v>
      </c>
      <c r="G11868" s="40">
        <v>22.88041638036146</v>
      </c>
      <c r="H11868" s="40">
        <v>197.65000000000003</v>
      </c>
      <c r="I11868" s="40">
        <v>26.130732451557172</v>
      </c>
      <c r="L11868" s="40"/>
      <c r="M11868" s="40"/>
      <c r="N11868" s="40"/>
    </row>
    <row r="11869" spans="4:14" x14ac:dyDescent="0.25">
      <c r="D11869" s="40"/>
      <c r="F11869" s="40">
        <v>197.66666699999999</v>
      </c>
      <c r="G11869" s="40">
        <v>22.88041638036146</v>
      </c>
      <c r="H11869" s="40">
        <v>197.66666700000002</v>
      </c>
      <c r="I11869" s="40">
        <v>26.130732451557172</v>
      </c>
      <c r="L11869" s="40"/>
      <c r="M11869" s="40"/>
      <c r="N11869" s="40"/>
    </row>
    <row r="11870" spans="4:14" x14ac:dyDescent="0.25">
      <c r="D11870" s="40"/>
      <c r="F11870" s="40">
        <v>197.68333299999998</v>
      </c>
      <c r="G11870" s="40">
        <v>22.88041638036146</v>
      </c>
      <c r="H11870" s="40">
        <v>197.683334</v>
      </c>
      <c r="I11870" s="40">
        <v>26.130732451557172</v>
      </c>
      <c r="L11870" s="40"/>
      <c r="M11870" s="40"/>
      <c r="N11870" s="40"/>
    </row>
    <row r="11871" spans="4:14" x14ac:dyDescent="0.25">
      <c r="D11871" s="40"/>
      <c r="F11871" s="40">
        <v>197.70000000000002</v>
      </c>
      <c r="G11871" s="40">
        <v>22.88041638036146</v>
      </c>
      <c r="H11871" s="40">
        <v>197.7</v>
      </c>
      <c r="I11871" s="40">
        <v>26.130732451557172</v>
      </c>
      <c r="L11871" s="40"/>
      <c r="M11871" s="40"/>
      <c r="N11871" s="40"/>
    </row>
    <row r="11872" spans="4:14" x14ac:dyDescent="0.25">
      <c r="D11872" s="40"/>
      <c r="F11872" s="40">
        <v>197.716667</v>
      </c>
      <c r="G11872" s="40">
        <v>22.88041638036146</v>
      </c>
      <c r="H11872" s="40">
        <v>197.71666700000003</v>
      </c>
      <c r="I11872" s="40">
        <v>26.134085187700428</v>
      </c>
      <c r="L11872" s="40"/>
      <c r="M11872" s="40"/>
      <c r="N11872" s="40"/>
    </row>
    <row r="11873" spans="4:14" x14ac:dyDescent="0.25">
      <c r="D11873" s="40"/>
      <c r="F11873" s="40">
        <v>197.73333299999999</v>
      </c>
      <c r="G11873" s="40">
        <v>22.88041638036146</v>
      </c>
      <c r="H11873" s="40">
        <v>197.73333400000001</v>
      </c>
      <c r="I11873" s="40">
        <v>26.134085187700428</v>
      </c>
      <c r="L11873" s="40"/>
      <c r="M11873" s="40"/>
      <c r="N11873" s="40"/>
    </row>
    <row r="11874" spans="4:14" x14ac:dyDescent="0.25">
      <c r="D11874" s="40"/>
      <c r="F11874" s="40">
        <v>197.74999999999997</v>
      </c>
      <c r="G11874" s="40">
        <v>22.875661136271244</v>
      </c>
      <c r="H11874" s="40">
        <v>197.75</v>
      </c>
      <c r="I11874" s="40">
        <v>26.134085187700428</v>
      </c>
      <c r="L11874" s="40"/>
      <c r="M11874" s="40"/>
      <c r="N11874" s="40"/>
    </row>
    <row r="11875" spans="4:14" x14ac:dyDescent="0.25">
      <c r="D11875" s="40"/>
      <c r="F11875" s="40">
        <v>197.76666700000001</v>
      </c>
      <c r="G11875" s="40">
        <v>22.875661136271244</v>
      </c>
      <c r="H11875" s="40">
        <v>197.76666699999998</v>
      </c>
      <c r="I11875" s="40">
        <v>26.134085187700428</v>
      </c>
      <c r="L11875" s="40"/>
      <c r="M11875" s="40"/>
      <c r="N11875" s="40"/>
    </row>
    <row r="11876" spans="4:14" x14ac:dyDescent="0.25">
      <c r="D11876" s="40"/>
      <c r="F11876" s="40">
        <v>197.783333</v>
      </c>
      <c r="G11876" s="40">
        <v>22.875661136271244</v>
      </c>
      <c r="H11876" s="40">
        <v>197.78333400000002</v>
      </c>
      <c r="I11876" s="40">
        <v>26.137339313957192</v>
      </c>
      <c r="L11876" s="40"/>
      <c r="M11876" s="40"/>
      <c r="N11876" s="40"/>
    </row>
    <row r="11877" spans="4:14" x14ac:dyDescent="0.25">
      <c r="D11877" s="40"/>
      <c r="F11877" s="40">
        <v>197.79999999999998</v>
      </c>
      <c r="G11877" s="40">
        <v>22.875661136271244</v>
      </c>
      <c r="H11877" s="40">
        <v>197.8</v>
      </c>
      <c r="I11877" s="40">
        <v>26.137339313957192</v>
      </c>
      <c r="L11877" s="40"/>
      <c r="M11877" s="40"/>
      <c r="N11877" s="40"/>
    </row>
    <row r="11878" spans="4:14" x14ac:dyDescent="0.25">
      <c r="D11878" s="40"/>
      <c r="F11878" s="40">
        <v>197.81666699999997</v>
      </c>
      <c r="G11878" s="40">
        <v>22.875661136271244</v>
      </c>
      <c r="H11878" s="40">
        <v>197.816667</v>
      </c>
      <c r="I11878" s="40">
        <v>26.137339313957192</v>
      </c>
      <c r="L11878" s="40"/>
      <c r="M11878" s="40"/>
      <c r="N11878" s="40"/>
    </row>
    <row r="11879" spans="4:14" x14ac:dyDescent="0.25">
      <c r="D11879" s="40"/>
      <c r="F11879" s="40">
        <v>197.83333300000001</v>
      </c>
      <c r="G11879" s="40">
        <v>22.875661136271244</v>
      </c>
      <c r="H11879" s="40">
        <v>197.83333399999998</v>
      </c>
      <c r="I11879" s="40">
        <v>26.140692050100448</v>
      </c>
      <c r="L11879" s="40"/>
      <c r="M11879" s="40"/>
      <c r="N11879" s="40"/>
    </row>
    <row r="11880" spans="4:14" x14ac:dyDescent="0.25">
      <c r="D11880" s="40"/>
      <c r="F11880" s="40">
        <v>197.85</v>
      </c>
      <c r="G11880" s="40">
        <v>22.875661136271244</v>
      </c>
      <c r="H11880" s="40">
        <v>197.85000000000002</v>
      </c>
      <c r="I11880" s="40">
        <v>26.140692050100448</v>
      </c>
      <c r="L11880" s="40"/>
      <c r="M11880" s="40"/>
      <c r="N11880" s="40"/>
    </row>
    <row r="11881" spans="4:14" x14ac:dyDescent="0.25">
      <c r="D11881" s="40"/>
      <c r="F11881" s="40">
        <v>197.86666699999998</v>
      </c>
      <c r="G11881" s="40">
        <v>22.875661136271244</v>
      </c>
      <c r="H11881" s="40">
        <v>197.86666700000001</v>
      </c>
      <c r="I11881" s="40">
        <v>26.144044786243882</v>
      </c>
      <c r="L11881" s="40"/>
      <c r="M11881" s="40"/>
      <c r="N11881" s="40"/>
    </row>
    <row r="11882" spans="4:14" x14ac:dyDescent="0.25">
      <c r="D11882" s="40"/>
      <c r="F11882" s="40">
        <v>197.88333300000002</v>
      </c>
      <c r="G11882" s="40">
        <v>22.88041638036146</v>
      </c>
      <c r="H11882" s="40">
        <v>197.88333399999999</v>
      </c>
      <c r="I11882" s="40">
        <v>26.144044786243882</v>
      </c>
      <c r="L11882" s="40"/>
      <c r="M11882" s="40"/>
      <c r="N11882" s="40"/>
    </row>
    <row r="11883" spans="4:14" x14ac:dyDescent="0.25">
      <c r="D11883" s="40"/>
      <c r="F11883" s="40">
        <v>197.9</v>
      </c>
      <c r="G11883" s="40">
        <v>22.88041638036146</v>
      </c>
      <c r="H11883" s="40">
        <v>197.90000000000003</v>
      </c>
      <c r="I11883" s="40">
        <v>26.144044786243882</v>
      </c>
      <c r="L11883" s="40"/>
      <c r="M11883" s="40"/>
      <c r="N11883" s="40"/>
    </row>
    <row r="11884" spans="4:14" x14ac:dyDescent="0.25">
      <c r="D11884" s="40"/>
      <c r="F11884" s="40">
        <v>197.91666699999999</v>
      </c>
      <c r="G11884" s="40">
        <v>22.875661136271244</v>
      </c>
      <c r="H11884" s="40">
        <v>197.91666700000002</v>
      </c>
      <c r="I11884" s="40">
        <v>26.144044786243882</v>
      </c>
      <c r="L11884" s="40"/>
      <c r="M11884" s="40"/>
      <c r="N11884" s="40"/>
    </row>
    <row r="11885" spans="4:14" x14ac:dyDescent="0.25">
      <c r="D11885" s="40"/>
      <c r="F11885" s="40">
        <v>197.93333299999998</v>
      </c>
      <c r="G11885" s="40">
        <v>22.875661136271244</v>
      </c>
      <c r="H11885" s="40">
        <v>197.933334</v>
      </c>
      <c r="I11885" s="40">
        <v>26.147397522387141</v>
      </c>
      <c r="L11885" s="40"/>
      <c r="M11885" s="40"/>
      <c r="N11885" s="40"/>
    </row>
    <row r="11886" spans="4:14" x14ac:dyDescent="0.25">
      <c r="D11886" s="40"/>
      <c r="F11886" s="40">
        <v>197.95000000000002</v>
      </c>
      <c r="G11886" s="40">
        <v>22.875661136271244</v>
      </c>
      <c r="H11886" s="40">
        <v>197.95</v>
      </c>
      <c r="I11886" s="40">
        <v>26.147397522387141</v>
      </c>
      <c r="L11886" s="40"/>
      <c r="M11886" s="40"/>
      <c r="N11886" s="40"/>
    </row>
    <row r="11887" spans="4:14" x14ac:dyDescent="0.25">
      <c r="D11887" s="40"/>
      <c r="F11887" s="40">
        <v>197.966667</v>
      </c>
      <c r="G11887" s="40">
        <v>22.875661136271244</v>
      </c>
      <c r="H11887" s="40">
        <v>197.96666700000003</v>
      </c>
      <c r="I11887" s="40">
        <v>26.147397522387141</v>
      </c>
      <c r="L11887" s="40"/>
      <c r="M11887" s="40"/>
      <c r="N11887" s="40"/>
    </row>
    <row r="11888" spans="4:14" x14ac:dyDescent="0.25">
      <c r="D11888" s="40"/>
      <c r="F11888" s="40">
        <v>197.98333299999999</v>
      </c>
      <c r="G11888" s="40">
        <v>22.875661136271244</v>
      </c>
      <c r="H11888" s="40">
        <v>197.98333400000001</v>
      </c>
      <c r="I11888" s="40">
        <v>26.150651648643905</v>
      </c>
      <c r="L11888" s="40"/>
      <c r="M11888" s="40"/>
      <c r="N11888" s="40"/>
    </row>
    <row r="11889" spans="4:14" x14ac:dyDescent="0.25">
      <c r="D11889" s="40"/>
      <c r="F11889" s="40">
        <v>197.99999999999997</v>
      </c>
      <c r="G11889" s="40">
        <v>22.875661136271244</v>
      </c>
      <c r="H11889" s="40">
        <v>198</v>
      </c>
      <c r="I11889" s="40">
        <v>26.150651648643905</v>
      </c>
      <c r="L11889" s="40"/>
      <c r="M11889" s="40"/>
      <c r="N11889" s="40"/>
    </row>
    <row r="11890" spans="4:14" x14ac:dyDescent="0.25">
      <c r="D11890" s="40"/>
      <c r="F11890" s="40">
        <v>198.01666700000001</v>
      </c>
      <c r="G11890" s="40">
        <v>22.875661136271244</v>
      </c>
      <c r="H11890" s="40">
        <v>198.01666699999998</v>
      </c>
      <c r="I11890" s="40">
        <v>26.150651648643905</v>
      </c>
      <c r="L11890" s="40"/>
      <c r="M11890" s="40"/>
      <c r="N11890" s="40"/>
    </row>
    <row r="11891" spans="4:14" x14ac:dyDescent="0.25">
      <c r="D11891" s="40"/>
      <c r="F11891" s="40">
        <v>198.033333</v>
      </c>
      <c r="G11891" s="40">
        <v>22.870905892181025</v>
      </c>
      <c r="H11891" s="40">
        <v>198.03333400000002</v>
      </c>
      <c r="I11891" s="40">
        <v>26.154004384787157</v>
      </c>
      <c r="L11891" s="40"/>
      <c r="M11891" s="40"/>
      <c r="N11891" s="40"/>
    </row>
    <row r="11892" spans="4:14" x14ac:dyDescent="0.25">
      <c r="D11892" s="40"/>
      <c r="F11892" s="40">
        <v>198.04999999999998</v>
      </c>
      <c r="G11892" s="40">
        <v>22.870905892181025</v>
      </c>
      <c r="H11892" s="40">
        <v>198.05</v>
      </c>
      <c r="I11892" s="40">
        <v>26.154004384787157</v>
      </c>
      <c r="L11892" s="40"/>
      <c r="M11892" s="40"/>
      <c r="N11892" s="40"/>
    </row>
    <row r="11893" spans="4:14" x14ac:dyDescent="0.25">
      <c r="D11893" s="40"/>
      <c r="F11893" s="40">
        <v>198.06666699999997</v>
      </c>
      <c r="G11893" s="40">
        <v>22.870905892181025</v>
      </c>
      <c r="H11893" s="40">
        <v>198.066667</v>
      </c>
      <c r="I11893" s="40">
        <v>26.154004384787157</v>
      </c>
      <c r="L11893" s="40"/>
      <c r="M11893" s="40"/>
      <c r="N11893" s="40"/>
    </row>
    <row r="11894" spans="4:14" x14ac:dyDescent="0.25">
      <c r="D11894" s="40"/>
      <c r="F11894" s="40">
        <v>198.08333300000001</v>
      </c>
      <c r="G11894" s="40">
        <v>22.870905892181025</v>
      </c>
      <c r="H11894" s="40">
        <v>198.08333399999998</v>
      </c>
      <c r="I11894" s="40">
        <v>26.157357120930417</v>
      </c>
      <c r="L11894" s="40"/>
      <c r="M11894" s="40"/>
      <c r="N11894" s="40"/>
    </row>
    <row r="11895" spans="4:14" x14ac:dyDescent="0.25">
      <c r="D11895" s="40"/>
      <c r="F11895" s="40">
        <v>198.1</v>
      </c>
      <c r="G11895" s="40">
        <v>22.870905892181025</v>
      </c>
      <c r="H11895" s="40">
        <v>198.10000000000002</v>
      </c>
      <c r="I11895" s="40">
        <v>26.157357120930417</v>
      </c>
      <c r="L11895" s="40"/>
      <c r="M11895" s="40"/>
      <c r="N11895" s="40"/>
    </row>
    <row r="11896" spans="4:14" x14ac:dyDescent="0.25">
      <c r="D11896" s="40"/>
      <c r="F11896" s="40">
        <v>198.11666699999998</v>
      </c>
      <c r="G11896" s="40">
        <v>22.870905892181025</v>
      </c>
      <c r="H11896" s="40">
        <v>198.11666700000001</v>
      </c>
      <c r="I11896" s="40">
        <v>26.157357120930417</v>
      </c>
      <c r="L11896" s="40"/>
      <c r="M11896" s="40"/>
      <c r="N11896" s="40"/>
    </row>
    <row r="11897" spans="4:14" x14ac:dyDescent="0.25">
      <c r="D11897" s="40"/>
      <c r="F11897" s="40">
        <v>198.13333300000002</v>
      </c>
      <c r="G11897" s="40">
        <v>22.870905892181025</v>
      </c>
      <c r="H11897" s="40">
        <v>198.13333399999999</v>
      </c>
      <c r="I11897" s="40">
        <v>26.16061124718718</v>
      </c>
      <c r="L11897" s="40"/>
      <c r="M11897" s="40"/>
      <c r="N11897" s="40"/>
    </row>
    <row r="11898" spans="4:14" x14ac:dyDescent="0.25">
      <c r="D11898" s="40"/>
      <c r="F11898" s="40">
        <v>198.15</v>
      </c>
      <c r="G11898" s="40">
        <v>22.875661136271244</v>
      </c>
      <c r="H11898" s="40">
        <v>198.15000000000003</v>
      </c>
      <c r="I11898" s="40">
        <v>26.16061124718718</v>
      </c>
      <c r="L11898" s="40"/>
      <c r="M11898" s="40"/>
      <c r="N11898" s="40"/>
    </row>
    <row r="11899" spans="4:14" x14ac:dyDescent="0.25">
      <c r="D11899" s="40"/>
      <c r="F11899" s="40">
        <v>198.16666699999999</v>
      </c>
      <c r="G11899" s="40">
        <v>22.875661136271244</v>
      </c>
      <c r="H11899" s="40">
        <v>198.16666700000002</v>
      </c>
      <c r="I11899" s="40">
        <v>26.16061124718718</v>
      </c>
      <c r="L11899" s="40"/>
      <c r="M11899" s="40"/>
      <c r="N11899" s="40"/>
    </row>
    <row r="11900" spans="4:14" x14ac:dyDescent="0.25">
      <c r="D11900" s="40"/>
      <c r="F11900" s="40">
        <v>198.18333299999998</v>
      </c>
      <c r="G11900" s="40">
        <v>22.875661136271244</v>
      </c>
      <c r="H11900" s="40">
        <v>198.183334</v>
      </c>
      <c r="I11900" s="40">
        <v>26.163963983330614</v>
      </c>
      <c r="L11900" s="40"/>
      <c r="M11900" s="40"/>
      <c r="N11900" s="40"/>
    </row>
    <row r="11901" spans="4:14" x14ac:dyDescent="0.25">
      <c r="D11901" s="40"/>
      <c r="F11901" s="40">
        <v>198.20000000000002</v>
      </c>
      <c r="G11901" s="40">
        <v>22.875661136271244</v>
      </c>
      <c r="H11901" s="40">
        <v>198.2</v>
      </c>
      <c r="I11901" s="40">
        <v>26.163963983330614</v>
      </c>
      <c r="L11901" s="40"/>
      <c r="M11901" s="40"/>
      <c r="N11901" s="40"/>
    </row>
    <row r="11902" spans="4:14" x14ac:dyDescent="0.25">
      <c r="D11902" s="40"/>
      <c r="F11902" s="40">
        <v>198.216667</v>
      </c>
      <c r="G11902" s="40">
        <v>22.875661136271244</v>
      </c>
      <c r="H11902" s="40">
        <v>198.21666700000003</v>
      </c>
      <c r="I11902" s="40">
        <v>26.163963983330614</v>
      </c>
      <c r="L11902" s="40"/>
      <c r="M11902" s="40"/>
      <c r="N11902" s="40"/>
    </row>
    <row r="11903" spans="4:14" x14ac:dyDescent="0.25">
      <c r="D11903" s="40"/>
      <c r="F11903" s="40">
        <v>198.23333299999999</v>
      </c>
      <c r="G11903" s="40">
        <v>22.875661136271244</v>
      </c>
      <c r="H11903" s="40">
        <v>198.23333400000001</v>
      </c>
      <c r="I11903" s="40">
        <v>26.163963983330614</v>
      </c>
      <c r="L11903" s="40"/>
      <c r="M11903" s="40"/>
      <c r="N11903" s="40"/>
    </row>
    <row r="11904" spans="4:14" x14ac:dyDescent="0.25">
      <c r="D11904" s="40"/>
      <c r="F11904" s="40">
        <v>198.24999999999997</v>
      </c>
      <c r="G11904" s="40">
        <v>22.875661136271244</v>
      </c>
      <c r="H11904" s="40">
        <v>198.25</v>
      </c>
      <c r="I11904" s="40">
        <v>26.16731671947387</v>
      </c>
      <c r="L11904" s="40"/>
      <c r="M11904" s="40"/>
      <c r="N11904" s="40"/>
    </row>
    <row r="11905" spans="4:14" x14ac:dyDescent="0.25">
      <c r="D11905" s="40"/>
      <c r="F11905" s="40">
        <v>198.26666700000001</v>
      </c>
      <c r="G11905" s="40">
        <v>22.875661136271244</v>
      </c>
      <c r="H11905" s="40">
        <v>198.26666699999998</v>
      </c>
      <c r="I11905" s="40">
        <v>26.16731671947387</v>
      </c>
      <c r="L11905" s="40"/>
      <c r="M11905" s="40"/>
      <c r="N11905" s="40"/>
    </row>
    <row r="11906" spans="4:14" x14ac:dyDescent="0.25">
      <c r="D11906" s="40"/>
      <c r="F11906" s="40">
        <v>198.283333</v>
      </c>
      <c r="G11906" s="40">
        <v>22.870905892181025</v>
      </c>
      <c r="H11906" s="40">
        <v>198.28333400000002</v>
      </c>
      <c r="I11906" s="40">
        <v>26.16731671947387</v>
      </c>
      <c r="L11906" s="40"/>
      <c r="M11906" s="40"/>
      <c r="N11906" s="40"/>
    </row>
    <row r="11907" spans="4:14" x14ac:dyDescent="0.25">
      <c r="D11907" s="40"/>
      <c r="F11907" s="40">
        <v>198.29999999999998</v>
      </c>
      <c r="G11907" s="40">
        <v>22.870905892181025</v>
      </c>
      <c r="H11907" s="40">
        <v>198.3</v>
      </c>
      <c r="I11907" s="40">
        <v>26.16731671947387</v>
      </c>
      <c r="L11907" s="40"/>
      <c r="M11907" s="40"/>
      <c r="N11907" s="40"/>
    </row>
    <row r="11908" spans="4:14" x14ac:dyDescent="0.25">
      <c r="D11908" s="40"/>
      <c r="F11908" s="40">
        <v>198.31666699999997</v>
      </c>
      <c r="G11908" s="40">
        <v>22.870905892181025</v>
      </c>
      <c r="H11908" s="40">
        <v>198.316667</v>
      </c>
      <c r="I11908" s="40">
        <v>26.170570845730634</v>
      </c>
      <c r="L11908" s="40"/>
      <c r="M11908" s="40"/>
      <c r="N11908" s="40"/>
    </row>
    <row r="11909" spans="4:14" x14ac:dyDescent="0.25">
      <c r="D11909" s="40"/>
      <c r="F11909" s="40">
        <v>198.33333300000001</v>
      </c>
      <c r="G11909" s="40">
        <v>22.870905892181025</v>
      </c>
      <c r="H11909" s="40">
        <v>198.33333399999998</v>
      </c>
      <c r="I11909" s="40">
        <v>26.170570845730634</v>
      </c>
      <c r="L11909" s="40"/>
      <c r="M11909" s="40"/>
      <c r="N11909" s="40"/>
    </row>
    <row r="11910" spans="4:14" x14ac:dyDescent="0.25">
      <c r="D11910" s="40"/>
      <c r="F11910" s="40">
        <v>198.35</v>
      </c>
      <c r="G11910" s="40">
        <v>22.875661136271244</v>
      </c>
      <c r="H11910" s="40">
        <v>198.35000000000002</v>
      </c>
      <c r="I11910" s="40">
        <v>26.170570845730634</v>
      </c>
      <c r="L11910" s="40"/>
      <c r="M11910" s="40"/>
      <c r="N11910" s="40"/>
    </row>
    <row r="11911" spans="4:14" x14ac:dyDescent="0.25">
      <c r="D11911" s="40"/>
      <c r="F11911" s="40">
        <v>198.36666699999998</v>
      </c>
      <c r="G11911" s="40">
        <v>22.875661136271244</v>
      </c>
      <c r="H11911" s="40">
        <v>198.36666700000001</v>
      </c>
      <c r="I11911" s="40">
        <v>26.17392358187389</v>
      </c>
      <c r="L11911" s="40"/>
      <c r="M11911" s="40"/>
      <c r="N11911" s="40"/>
    </row>
    <row r="11912" spans="4:14" x14ac:dyDescent="0.25">
      <c r="D11912" s="40"/>
      <c r="F11912" s="40">
        <v>198.38333300000002</v>
      </c>
      <c r="G11912" s="40">
        <v>22.875661136271244</v>
      </c>
      <c r="H11912" s="40">
        <v>198.38333399999999</v>
      </c>
      <c r="I11912" s="40">
        <v>26.17392358187389</v>
      </c>
      <c r="L11912" s="40"/>
      <c r="M11912" s="40"/>
      <c r="N11912" s="40"/>
    </row>
    <row r="11913" spans="4:14" x14ac:dyDescent="0.25">
      <c r="D11913" s="40"/>
      <c r="F11913" s="40">
        <v>198.4</v>
      </c>
      <c r="G11913" s="40">
        <v>22.875661136271244</v>
      </c>
      <c r="H11913" s="40">
        <v>198.40000000000003</v>
      </c>
      <c r="I11913" s="40">
        <v>26.17392358187389</v>
      </c>
      <c r="L11913" s="40"/>
      <c r="M11913" s="40"/>
      <c r="N11913" s="40"/>
    </row>
    <row r="11914" spans="4:14" x14ac:dyDescent="0.25">
      <c r="D11914" s="40"/>
      <c r="F11914" s="40">
        <v>198.41666699999999</v>
      </c>
      <c r="G11914" s="40">
        <v>22.88041638036146</v>
      </c>
      <c r="H11914" s="40">
        <v>198.41666700000002</v>
      </c>
      <c r="I11914" s="40">
        <v>26.17392358187389</v>
      </c>
      <c r="L11914" s="40"/>
      <c r="M11914" s="40"/>
      <c r="N11914" s="40"/>
    </row>
    <row r="11915" spans="4:14" x14ac:dyDescent="0.25">
      <c r="D11915" s="40"/>
      <c r="F11915" s="40">
        <v>198.43333299999998</v>
      </c>
      <c r="G11915" s="40">
        <v>22.88041638036146</v>
      </c>
      <c r="H11915" s="40">
        <v>198.433334</v>
      </c>
      <c r="I11915" s="40">
        <v>26.17727631801732</v>
      </c>
      <c r="L11915" s="40"/>
      <c r="M11915" s="40"/>
      <c r="N11915" s="40"/>
    </row>
    <row r="11916" spans="4:14" x14ac:dyDescent="0.25">
      <c r="D11916" s="40"/>
      <c r="F11916" s="40">
        <v>198.45000000000002</v>
      </c>
      <c r="G11916" s="40">
        <v>22.88041638036146</v>
      </c>
      <c r="H11916" s="40">
        <v>198.45</v>
      </c>
      <c r="I11916" s="40">
        <v>26.17727631801732</v>
      </c>
      <c r="L11916" s="40"/>
      <c r="M11916" s="40"/>
      <c r="N11916" s="40"/>
    </row>
    <row r="11917" spans="4:14" x14ac:dyDescent="0.25">
      <c r="D11917" s="40"/>
      <c r="F11917" s="40">
        <v>198.466667</v>
      </c>
      <c r="G11917" s="40">
        <v>22.88041638036146</v>
      </c>
      <c r="H11917" s="40">
        <v>198.46666700000003</v>
      </c>
      <c r="I11917" s="40">
        <v>26.17727631801732</v>
      </c>
      <c r="L11917" s="40"/>
      <c r="M11917" s="40"/>
      <c r="N11917" s="40"/>
    </row>
    <row r="11918" spans="4:14" x14ac:dyDescent="0.25">
      <c r="D11918" s="40"/>
      <c r="F11918" s="40">
        <v>198.48333299999999</v>
      </c>
      <c r="G11918" s="40">
        <v>22.88041638036146</v>
      </c>
      <c r="H11918" s="40">
        <v>198.48333400000001</v>
      </c>
      <c r="I11918" s="40">
        <v>26.17727631801732</v>
      </c>
      <c r="L11918" s="40"/>
      <c r="M11918" s="40"/>
      <c r="N11918" s="40"/>
    </row>
    <row r="11919" spans="4:14" x14ac:dyDescent="0.25">
      <c r="D11919" s="40"/>
      <c r="F11919" s="40">
        <v>198.49999999999997</v>
      </c>
      <c r="G11919" s="40">
        <v>22.885031764331238</v>
      </c>
      <c r="H11919" s="40">
        <v>198.5</v>
      </c>
      <c r="I11919" s="40">
        <v>26.180530444273909</v>
      </c>
      <c r="L11919" s="40"/>
      <c r="M11919" s="40"/>
      <c r="N11919" s="40"/>
    </row>
    <row r="11920" spans="4:14" x14ac:dyDescent="0.25">
      <c r="D11920" s="40"/>
      <c r="F11920" s="40">
        <v>198.51666700000001</v>
      </c>
      <c r="G11920" s="40">
        <v>22.885031764331238</v>
      </c>
      <c r="H11920" s="40">
        <v>198.51666699999998</v>
      </c>
      <c r="I11920" s="40">
        <v>26.180530444273909</v>
      </c>
      <c r="L11920" s="40"/>
      <c r="M11920" s="40"/>
      <c r="N11920" s="40"/>
    </row>
    <row r="11921" spans="4:14" x14ac:dyDescent="0.25">
      <c r="D11921" s="40"/>
      <c r="F11921" s="40">
        <v>198.533333</v>
      </c>
      <c r="G11921" s="40">
        <v>22.885031764331238</v>
      </c>
      <c r="H11921" s="40">
        <v>198.53333400000002</v>
      </c>
      <c r="I11921" s="40">
        <v>26.180530444273909</v>
      </c>
      <c r="L11921" s="40"/>
      <c r="M11921" s="40"/>
      <c r="N11921" s="40"/>
    </row>
    <row r="11922" spans="4:14" x14ac:dyDescent="0.25">
      <c r="D11922" s="40"/>
      <c r="F11922" s="40">
        <v>198.54999999999998</v>
      </c>
      <c r="G11922" s="40">
        <v>22.885031764331238</v>
      </c>
      <c r="H11922" s="40">
        <v>198.55</v>
      </c>
      <c r="I11922" s="40">
        <v>26.180530444273909</v>
      </c>
      <c r="L11922" s="40"/>
      <c r="M11922" s="40"/>
      <c r="N11922" s="40"/>
    </row>
    <row r="11923" spans="4:14" x14ac:dyDescent="0.25">
      <c r="D11923" s="40"/>
      <c r="F11923" s="40">
        <v>198.56666699999997</v>
      </c>
      <c r="G11923" s="40">
        <v>22.885031764331238</v>
      </c>
      <c r="H11923" s="40">
        <v>198.566667</v>
      </c>
      <c r="I11923" s="40">
        <v>26.183883180417343</v>
      </c>
      <c r="L11923" s="40"/>
      <c r="M11923" s="40"/>
      <c r="N11923" s="40"/>
    </row>
    <row r="11924" spans="4:14" x14ac:dyDescent="0.25">
      <c r="D11924" s="40"/>
      <c r="F11924" s="40">
        <v>198.58333300000001</v>
      </c>
      <c r="G11924" s="40">
        <v>22.885031764331238</v>
      </c>
      <c r="H11924" s="40">
        <v>198.58333399999998</v>
      </c>
      <c r="I11924" s="40">
        <v>26.183883180417343</v>
      </c>
      <c r="L11924" s="40"/>
      <c r="M11924" s="40"/>
      <c r="N11924" s="40"/>
    </row>
    <row r="11925" spans="4:14" x14ac:dyDescent="0.25">
      <c r="D11925" s="40"/>
      <c r="F11925" s="40">
        <v>198.6</v>
      </c>
      <c r="G11925" s="40">
        <v>22.88041638036146</v>
      </c>
      <c r="H11925" s="40">
        <v>198.60000000000002</v>
      </c>
      <c r="I11925" s="40">
        <v>26.183883180417343</v>
      </c>
      <c r="L11925" s="40"/>
      <c r="M11925" s="40"/>
      <c r="N11925" s="40"/>
    </row>
    <row r="11926" spans="4:14" x14ac:dyDescent="0.25">
      <c r="D11926" s="40"/>
      <c r="F11926" s="40">
        <v>198.61666699999998</v>
      </c>
      <c r="G11926" s="40">
        <v>22.88041638036146</v>
      </c>
      <c r="H11926" s="40">
        <v>198.61666700000001</v>
      </c>
      <c r="I11926" s="40">
        <v>26.183883180417343</v>
      </c>
      <c r="L11926" s="40"/>
      <c r="M11926" s="40"/>
      <c r="N11926" s="40"/>
    </row>
    <row r="11927" spans="4:14" x14ac:dyDescent="0.25">
      <c r="D11927" s="40"/>
      <c r="F11927" s="40">
        <v>198.63333300000002</v>
      </c>
      <c r="G11927" s="40">
        <v>22.88041638036146</v>
      </c>
      <c r="H11927" s="40">
        <v>198.63333399999999</v>
      </c>
      <c r="I11927" s="40">
        <v>26.183883180417343</v>
      </c>
      <c r="L11927" s="40"/>
      <c r="M11927" s="40"/>
      <c r="N11927" s="40"/>
    </row>
    <row r="11928" spans="4:14" x14ac:dyDescent="0.25">
      <c r="D11928" s="40"/>
      <c r="F11928" s="40">
        <v>198.65</v>
      </c>
      <c r="G11928" s="40">
        <v>22.88041638036146</v>
      </c>
      <c r="H11928" s="40">
        <v>198.65000000000003</v>
      </c>
      <c r="I11928" s="40">
        <v>26.187235916560599</v>
      </c>
      <c r="L11928" s="40"/>
      <c r="M11928" s="40"/>
      <c r="N11928" s="40"/>
    </row>
    <row r="11929" spans="4:14" x14ac:dyDescent="0.25">
      <c r="D11929" s="40"/>
      <c r="F11929" s="40">
        <v>198.66666699999999</v>
      </c>
      <c r="G11929" s="40">
        <v>22.885031764331238</v>
      </c>
      <c r="H11929" s="40">
        <v>198.66666700000002</v>
      </c>
      <c r="I11929" s="40">
        <v>26.187235916560599</v>
      </c>
      <c r="L11929" s="40"/>
      <c r="M11929" s="40"/>
      <c r="N11929" s="40"/>
    </row>
    <row r="11930" spans="4:14" x14ac:dyDescent="0.25">
      <c r="D11930" s="40"/>
      <c r="F11930" s="40">
        <v>198.68333299999998</v>
      </c>
      <c r="G11930" s="40">
        <v>22.885031764331238</v>
      </c>
      <c r="H11930" s="40">
        <v>198.683334</v>
      </c>
      <c r="I11930" s="40">
        <v>26.187235916560599</v>
      </c>
      <c r="L11930" s="40"/>
      <c r="M11930" s="40"/>
      <c r="N11930" s="40"/>
    </row>
    <row r="11931" spans="4:14" x14ac:dyDescent="0.25">
      <c r="D11931" s="40"/>
      <c r="F11931" s="40">
        <v>198.70000000000002</v>
      </c>
      <c r="G11931" s="40">
        <v>22.885031764331238</v>
      </c>
      <c r="H11931" s="40">
        <v>198.7</v>
      </c>
      <c r="I11931" s="40">
        <v>26.187235916560599</v>
      </c>
      <c r="L11931" s="40"/>
      <c r="M11931" s="40"/>
      <c r="N11931" s="40"/>
    </row>
    <row r="11932" spans="4:14" x14ac:dyDescent="0.25">
      <c r="D11932" s="40"/>
      <c r="F11932" s="40">
        <v>198.716667</v>
      </c>
      <c r="G11932" s="40">
        <v>22.885031764331238</v>
      </c>
      <c r="H11932" s="40">
        <v>198.71666700000003</v>
      </c>
      <c r="I11932" s="40">
        <v>26.187235916560599</v>
      </c>
      <c r="L11932" s="40"/>
      <c r="M11932" s="40"/>
      <c r="N11932" s="40"/>
    </row>
    <row r="11933" spans="4:14" x14ac:dyDescent="0.25">
      <c r="D11933" s="40"/>
      <c r="F11933" s="40">
        <v>198.73333299999999</v>
      </c>
      <c r="G11933" s="40">
        <v>22.885031764331238</v>
      </c>
      <c r="H11933" s="40">
        <v>198.73333400000001</v>
      </c>
      <c r="I11933" s="40">
        <v>26.190490042817363</v>
      </c>
      <c r="L11933" s="40"/>
      <c r="M11933" s="40"/>
      <c r="N11933" s="40"/>
    </row>
    <row r="11934" spans="4:14" x14ac:dyDescent="0.25">
      <c r="D11934" s="40"/>
      <c r="F11934" s="40">
        <v>198.74999999999997</v>
      </c>
      <c r="G11934" s="40">
        <v>22.885031764331238</v>
      </c>
      <c r="H11934" s="40">
        <v>198.75</v>
      </c>
      <c r="I11934" s="40">
        <v>26.190490042817363</v>
      </c>
      <c r="L11934" s="40"/>
      <c r="M11934" s="40"/>
      <c r="N11934" s="40"/>
    </row>
    <row r="11935" spans="4:14" x14ac:dyDescent="0.25">
      <c r="D11935" s="40"/>
      <c r="F11935" s="40">
        <v>198.76666700000001</v>
      </c>
      <c r="G11935" s="40">
        <v>22.885031764331238</v>
      </c>
      <c r="H11935" s="40">
        <v>198.76666699999998</v>
      </c>
      <c r="I11935" s="40">
        <v>26.190490042817363</v>
      </c>
      <c r="L11935" s="40"/>
      <c r="M11935" s="40"/>
      <c r="N11935" s="40"/>
    </row>
    <row r="11936" spans="4:14" x14ac:dyDescent="0.25">
      <c r="D11936" s="40"/>
      <c r="F11936" s="40">
        <v>198.783333</v>
      </c>
      <c r="G11936" s="40">
        <v>22.88041638036146</v>
      </c>
      <c r="H11936" s="40">
        <v>198.78333400000002</v>
      </c>
      <c r="I11936" s="40">
        <v>26.190490042817363</v>
      </c>
      <c r="L11936" s="40"/>
      <c r="M11936" s="40"/>
      <c r="N11936" s="40"/>
    </row>
    <row r="11937" spans="4:14" x14ac:dyDescent="0.25">
      <c r="D11937" s="40"/>
      <c r="F11937" s="40">
        <v>198.79999999999998</v>
      </c>
      <c r="G11937" s="40">
        <v>22.88041638036146</v>
      </c>
      <c r="H11937" s="40">
        <v>198.8</v>
      </c>
      <c r="I11937" s="40">
        <v>26.190490042817363</v>
      </c>
      <c r="L11937" s="40"/>
      <c r="M11937" s="40"/>
      <c r="N11937" s="40"/>
    </row>
    <row r="11938" spans="4:14" x14ac:dyDescent="0.25">
      <c r="D11938" s="40"/>
      <c r="F11938" s="40">
        <v>198.81666699999997</v>
      </c>
      <c r="G11938" s="40">
        <v>22.88041638036146</v>
      </c>
      <c r="H11938" s="40">
        <v>198.816667</v>
      </c>
      <c r="I11938" s="40">
        <v>26.193842778960619</v>
      </c>
      <c r="L11938" s="40"/>
      <c r="M11938" s="40"/>
      <c r="N11938" s="40"/>
    </row>
    <row r="11939" spans="4:14" x14ac:dyDescent="0.25">
      <c r="D11939" s="40"/>
      <c r="F11939" s="40">
        <v>198.83333300000001</v>
      </c>
      <c r="G11939" s="40">
        <v>22.88041638036146</v>
      </c>
      <c r="H11939" s="40">
        <v>198.83333399999998</v>
      </c>
      <c r="I11939" s="40">
        <v>26.193842778960619</v>
      </c>
      <c r="L11939" s="40"/>
      <c r="M11939" s="40"/>
      <c r="N11939" s="40"/>
    </row>
    <row r="11940" spans="4:14" x14ac:dyDescent="0.25">
      <c r="D11940" s="40"/>
      <c r="F11940" s="40">
        <v>198.85</v>
      </c>
      <c r="G11940" s="40">
        <v>22.88041638036146</v>
      </c>
      <c r="H11940" s="40">
        <v>198.85000000000002</v>
      </c>
      <c r="I11940" s="40">
        <v>26.193842778960619</v>
      </c>
      <c r="L11940" s="40"/>
      <c r="M11940" s="40"/>
      <c r="N11940" s="40"/>
    </row>
    <row r="11941" spans="4:14" x14ac:dyDescent="0.25">
      <c r="D11941" s="40"/>
      <c r="F11941" s="40">
        <v>198.86666699999998</v>
      </c>
      <c r="G11941" s="40">
        <v>22.88041638036146</v>
      </c>
      <c r="H11941" s="40">
        <v>198.86666700000001</v>
      </c>
      <c r="I11941" s="40">
        <v>26.193842778960619</v>
      </c>
      <c r="L11941" s="40"/>
      <c r="M11941" s="40"/>
      <c r="N11941" s="40"/>
    </row>
    <row r="11942" spans="4:14" x14ac:dyDescent="0.25">
      <c r="D11942" s="40"/>
      <c r="F11942" s="40">
        <v>198.88333300000002</v>
      </c>
      <c r="G11942" s="40">
        <v>22.875661136271244</v>
      </c>
      <c r="H11942" s="40">
        <v>198.88333399999999</v>
      </c>
      <c r="I11942" s="40">
        <v>26.193842778960619</v>
      </c>
      <c r="L11942" s="40"/>
      <c r="M11942" s="40"/>
      <c r="N11942" s="40"/>
    </row>
    <row r="11943" spans="4:14" x14ac:dyDescent="0.25">
      <c r="D11943" s="40"/>
      <c r="F11943" s="40">
        <v>198.9</v>
      </c>
      <c r="G11943" s="40">
        <v>22.875661136271244</v>
      </c>
      <c r="H11943" s="40">
        <v>198.90000000000003</v>
      </c>
      <c r="I11943" s="40">
        <v>26.197195515104053</v>
      </c>
      <c r="L11943" s="40"/>
      <c r="M11943" s="40"/>
      <c r="N11943" s="40"/>
    </row>
    <row r="11944" spans="4:14" x14ac:dyDescent="0.25">
      <c r="D11944" s="40"/>
      <c r="F11944" s="40">
        <v>198.91666699999999</v>
      </c>
      <c r="G11944" s="40">
        <v>22.875661136271244</v>
      </c>
      <c r="H11944" s="40">
        <v>198.91666700000002</v>
      </c>
      <c r="I11944" s="40">
        <v>26.197195515104053</v>
      </c>
      <c r="L11944" s="40"/>
      <c r="M11944" s="40"/>
      <c r="N11944" s="40"/>
    </row>
    <row r="11945" spans="4:14" x14ac:dyDescent="0.25">
      <c r="D11945" s="40"/>
      <c r="F11945" s="40">
        <v>198.93333299999998</v>
      </c>
      <c r="G11945" s="40">
        <v>22.875661136271244</v>
      </c>
      <c r="H11945" s="40">
        <v>198.933334</v>
      </c>
      <c r="I11945" s="40">
        <v>26.197195515104053</v>
      </c>
      <c r="L11945" s="40"/>
      <c r="M11945" s="40"/>
      <c r="N11945" s="40"/>
    </row>
    <row r="11946" spans="4:14" x14ac:dyDescent="0.25">
      <c r="D11946" s="40"/>
      <c r="F11946" s="40">
        <v>198.95000000000002</v>
      </c>
      <c r="G11946" s="40">
        <v>22.875661136271244</v>
      </c>
      <c r="H11946" s="40">
        <v>198.95</v>
      </c>
      <c r="I11946" s="40">
        <v>26.197195515104053</v>
      </c>
      <c r="L11946" s="40"/>
      <c r="M11946" s="40"/>
      <c r="N11946" s="40"/>
    </row>
    <row r="11947" spans="4:14" x14ac:dyDescent="0.25">
      <c r="D11947" s="40"/>
      <c r="F11947" s="40">
        <v>198.966667</v>
      </c>
      <c r="G11947" s="40">
        <v>22.875661136271244</v>
      </c>
      <c r="H11947" s="40">
        <v>198.96666700000003</v>
      </c>
      <c r="I11947" s="40">
        <v>26.197195515104053</v>
      </c>
      <c r="L11947" s="40"/>
      <c r="M11947" s="40"/>
      <c r="N11947" s="40"/>
    </row>
    <row r="11948" spans="4:14" x14ac:dyDescent="0.25">
      <c r="D11948" s="40"/>
      <c r="F11948" s="40">
        <v>198.98333299999999</v>
      </c>
      <c r="G11948" s="40">
        <v>22.875661136271244</v>
      </c>
      <c r="H11948" s="40">
        <v>198.98333400000001</v>
      </c>
      <c r="I11948" s="40">
        <v>26.200449641360816</v>
      </c>
      <c r="L11948" s="40"/>
      <c r="M11948" s="40"/>
      <c r="N11948" s="40"/>
    </row>
    <row r="11949" spans="4:14" x14ac:dyDescent="0.25">
      <c r="D11949" s="40"/>
      <c r="F11949" s="40">
        <v>198.99999999999997</v>
      </c>
      <c r="G11949" s="40">
        <v>22.870905892181025</v>
      </c>
      <c r="H11949" s="40">
        <v>199</v>
      </c>
      <c r="I11949" s="40">
        <v>26.200449641360816</v>
      </c>
      <c r="L11949" s="40"/>
      <c r="M11949" s="40"/>
      <c r="N11949" s="40"/>
    </row>
    <row r="11950" spans="4:14" x14ac:dyDescent="0.25">
      <c r="D11950" s="40"/>
      <c r="F11950" s="40">
        <v>199.01666700000001</v>
      </c>
      <c r="G11950" s="40">
        <v>22.870905892181025</v>
      </c>
      <c r="H11950" s="40">
        <v>199.01666699999998</v>
      </c>
      <c r="I11950" s="40">
        <v>26.200449641360816</v>
      </c>
      <c r="L11950" s="40"/>
      <c r="M11950" s="40"/>
      <c r="N11950" s="40"/>
    </row>
    <row r="11951" spans="4:14" x14ac:dyDescent="0.25">
      <c r="D11951" s="40"/>
      <c r="F11951" s="40">
        <v>199.033333</v>
      </c>
      <c r="G11951" s="40">
        <v>22.870905892181025</v>
      </c>
      <c r="H11951" s="40">
        <v>199.03333400000002</v>
      </c>
      <c r="I11951" s="40">
        <v>26.200449641360816</v>
      </c>
      <c r="L11951" s="40"/>
      <c r="M11951" s="40"/>
      <c r="N11951" s="40"/>
    </row>
    <row r="11952" spans="4:14" x14ac:dyDescent="0.25">
      <c r="D11952" s="40"/>
      <c r="F11952" s="40">
        <v>199.04999999999998</v>
      </c>
      <c r="G11952" s="40">
        <v>22.870905892181025</v>
      </c>
      <c r="H11952" s="40">
        <v>199.05</v>
      </c>
      <c r="I11952" s="40">
        <v>26.200449641360816</v>
      </c>
      <c r="L11952" s="40"/>
      <c r="M11952" s="40"/>
      <c r="N11952" s="40"/>
    </row>
    <row r="11953" spans="4:14" x14ac:dyDescent="0.25">
      <c r="D11953" s="40"/>
      <c r="F11953" s="40">
        <v>199.06666699999997</v>
      </c>
      <c r="G11953" s="40">
        <v>22.870905892181025</v>
      </c>
      <c r="H11953" s="40">
        <v>199.066667</v>
      </c>
      <c r="I11953" s="40">
        <v>26.203802377504072</v>
      </c>
      <c r="L11953" s="40"/>
      <c r="M11953" s="40"/>
      <c r="N11953" s="40"/>
    </row>
    <row r="11954" spans="4:14" x14ac:dyDescent="0.25">
      <c r="D11954" s="40"/>
      <c r="F11954" s="40">
        <v>199.08333300000001</v>
      </c>
      <c r="G11954" s="40">
        <v>22.870905892181025</v>
      </c>
      <c r="H11954" s="40">
        <v>199.08333399999998</v>
      </c>
      <c r="I11954" s="40">
        <v>26.203802377504072</v>
      </c>
      <c r="L11954" s="40"/>
      <c r="M11954" s="40"/>
      <c r="N11954" s="40"/>
    </row>
    <row r="11955" spans="4:14" x14ac:dyDescent="0.25">
      <c r="D11955" s="40"/>
      <c r="F11955" s="40">
        <v>199.1</v>
      </c>
      <c r="G11955" s="40">
        <v>22.870905892181025</v>
      </c>
      <c r="H11955" s="40">
        <v>199.10000000000002</v>
      </c>
      <c r="I11955" s="40">
        <v>26.203802377504072</v>
      </c>
      <c r="L11955" s="40"/>
      <c r="M11955" s="40"/>
      <c r="N11955" s="40"/>
    </row>
    <row r="11956" spans="4:14" x14ac:dyDescent="0.25">
      <c r="D11956" s="40"/>
      <c r="F11956" s="40">
        <v>199.11666699999998</v>
      </c>
      <c r="G11956" s="40">
        <v>22.870905892181025</v>
      </c>
      <c r="H11956" s="40">
        <v>199.11666700000001</v>
      </c>
      <c r="I11956" s="40">
        <v>26.203802377504072</v>
      </c>
      <c r="L11956" s="40"/>
      <c r="M11956" s="40"/>
      <c r="N11956" s="40"/>
    </row>
    <row r="11957" spans="4:14" x14ac:dyDescent="0.25">
      <c r="D11957" s="40"/>
      <c r="F11957" s="40">
        <v>199.13333300000002</v>
      </c>
      <c r="G11957" s="40">
        <v>22.870905892181025</v>
      </c>
      <c r="H11957" s="40">
        <v>199.13333399999999</v>
      </c>
      <c r="I11957" s="40">
        <v>26.203802377504072</v>
      </c>
      <c r="L11957" s="40"/>
      <c r="M11957" s="40"/>
      <c r="N11957" s="40"/>
    </row>
    <row r="11958" spans="4:14" x14ac:dyDescent="0.25">
      <c r="D11958" s="40"/>
      <c r="F11958" s="40">
        <v>199.15</v>
      </c>
      <c r="G11958" s="40">
        <v>22.870905892181025</v>
      </c>
      <c r="H11958" s="40">
        <v>199.15000000000003</v>
      </c>
      <c r="I11958" s="40">
        <v>26.207155113647332</v>
      </c>
      <c r="L11958" s="40"/>
      <c r="M11958" s="40"/>
      <c r="N11958" s="40"/>
    </row>
    <row r="11959" spans="4:14" x14ac:dyDescent="0.25">
      <c r="D11959" s="40"/>
      <c r="F11959" s="40">
        <v>199.16666699999999</v>
      </c>
      <c r="G11959" s="40">
        <v>22.870905892181025</v>
      </c>
      <c r="H11959" s="40">
        <v>199.16666700000002</v>
      </c>
      <c r="I11959" s="40">
        <v>26.207155113647332</v>
      </c>
      <c r="L11959" s="40"/>
      <c r="M11959" s="40"/>
      <c r="N11959" s="40"/>
    </row>
    <row r="11960" spans="4:14" x14ac:dyDescent="0.25">
      <c r="D11960" s="40"/>
      <c r="F11960" s="40">
        <v>199.18333299999998</v>
      </c>
      <c r="G11960" s="40">
        <v>22.870905892181025</v>
      </c>
      <c r="H11960" s="40">
        <v>199.183334</v>
      </c>
      <c r="I11960" s="40">
        <v>26.207155113647332</v>
      </c>
      <c r="L11960" s="40"/>
      <c r="M11960" s="40"/>
      <c r="N11960" s="40"/>
    </row>
    <row r="11961" spans="4:14" x14ac:dyDescent="0.25">
      <c r="D11961" s="40"/>
      <c r="F11961" s="40">
        <v>199.20000000000002</v>
      </c>
      <c r="G11961" s="40">
        <v>22.870905892181025</v>
      </c>
      <c r="H11961" s="40">
        <v>199.2</v>
      </c>
      <c r="I11961" s="40">
        <v>26.207155113647332</v>
      </c>
      <c r="L11961" s="40"/>
      <c r="M11961" s="40"/>
      <c r="N11961" s="40"/>
    </row>
    <row r="11962" spans="4:14" x14ac:dyDescent="0.25">
      <c r="D11962" s="40"/>
      <c r="F11962" s="40">
        <v>199.216667</v>
      </c>
      <c r="G11962" s="40">
        <v>22.870905892181025</v>
      </c>
      <c r="H11962" s="40">
        <v>199.21666700000003</v>
      </c>
      <c r="I11962" s="40">
        <v>26.207155113647332</v>
      </c>
      <c r="L11962" s="40"/>
      <c r="M11962" s="40"/>
      <c r="N11962" s="40"/>
    </row>
    <row r="11963" spans="4:14" x14ac:dyDescent="0.25">
      <c r="D11963" s="40"/>
      <c r="F11963" s="40">
        <v>199.23333299999999</v>
      </c>
      <c r="G11963" s="40">
        <v>22.870905892181025</v>
      </c>
      <c r="H11963" s="40">
        <v>199.23333400000001</v>
      </c>
      <c r="I11963" s="40">
        <v>26.207155113647332</v>
      </c>
      <c r="L11963" s="40"/>
      <c r="M11963" s="40"/>
      <c r="N11963" s="40"/>
    </row>
    <row r="11964" spans="4:14" x14ac:dyDescent="0.25">
      <c r="D11964" s="40"/>
      <c r="F11964" s="40">
        <v>199.24999999999997</v>
      </c>
      <c r="G11964" s="40">
        <v>22.870905892181025</v>
      </c>
      <c r="H11964" s="40">
        <v>199.25</v>
      </c>
      <c r="I11964" s="40">
        <v>26.207155113647332</v>
      </c>
      <c r="L11964" s="40"/>
      <c r="M11964" s="40"/>
      <c r="N11964" s="40"/>
    </row>
    <row r="11965" spans="4:14" x14ac:dyDescent="0.25">
      <c r="D11965" s="40"/>
      <c r="F11965" s="40">
        <v>199.26666700000001</v>
      </c>
      <c r="G11965" s="40">
        <v>22.870905892181025</v>
      </c>
      <c r="H11965" s="40">
        <v>199.26666699999998</v>
      </c>
      <c r="I11965" s="40">
        <v>26.210409239904095</v>
      </c>
      <c r="L11965" s="40"/>
      <c r="M11965" s="40"/>
      <c r="N11965" s="40"/>
    </row>
    <row r="11966" spans="4:14" x14ac:dyDescent="0.25">
      <c r="D11966" s="40"/>
      <c r="F11966" s="40">
        <v>199.283333</v>
      </c>
      <c r="G11966" s="40">
        <v>22.870905892181025</v>
      </c>
      <c r="H11966" s="40">
        <v>199.28333400000002</v>
      </c>
      <c r="I11966" s="40">
        <v>26.210409239904095</v>
      </c>
      <c r="L11966" s="40"/>
      <c r="M11966" s="40"/>
      <c r="N11966" s="40"/>
    </row>
    <row r="11967" spans="4:14" x14ac:dyDescent="0.25">
      <c r="D11967" s="40"/>
      <c r="F11967" s="40">
        <v>199.29999999999998</v>
      </c>
      <c r="G11967" s="40">
        <v>22.870905892181025</v>
      </c>
      <c r="H11967" s="40">
        <v>199.3</v>
      </c>
      <c r="I11967" s="40">
        <v>26.210409239904095</v>
      </c>
      <c r="L11967" s="40"/>
      <c r="M11967" s="40"/>
      <c r="N11967" s="40"/>
    </row>
    <row r="11968" spans="4:14" x14ac:dyDescent="0.25">
      <c r="D11968" s="40"/>
      <c r="F11968" s="40">
        <v>199.31666699999997</v>
      </c>
      <c r="G11968" s="40">
        <v>22.870905892181025</v>
      </c>
      <c r="H11968" s="40">
        <v>199.316667</v>
      </c>
      <c r="I11968" s="40">
        <v>26.210409239904095</v>
      </c>
      <c r="L11968" s="40"/>
      <c r="M11968" s="40"/>
      <c r="N11968" s="40"/>
    </row>
    <row r="11969" spans="4:14" x14ac:dyDescent="0.25">
      <c r="D11969" s="40"/>
      <c r="F11969" s="40">
        <v>199.33333300000001</v>
      </c>
      <c r="G11969" s="40">
        <v>22.870905892181025</v>
      </c>
      <c r="H11969" s="40">
        <v>199.33333399999998</v>
      </c>
      <c r="I11969" s="40">
        <v>26.213761976047348</v>
      </c>
      <c r="L11969" s="40"/>
      <c r="M11969" s="40"/>
      <c r="N11969" s="40"/>
    </row>
    <row r="11970" spans="4:14" x14ac:dyDescent="0.25">
      <c r="D11970" s="40"/>
      <c r="F11970" s="40">
        <v>199.35</v>
      </c>
      <c r="G11970" s="40">
        <v>22.870905892181025</v>
      </c>
      <c r="H11970" s="40">
        <v>199.35000000000002</v>
      </c>
      <c r="I11970" s="40">
        <v>26.213761976047348</v>
      </c>
      <c r="L11970" s="40"/>
      <c r="M11970" s="40"/>
      <c r="N11970" s="40"/>
    </row>
    <row r="11971" spans="4:14" x14ac:dyDescent="0.25">
      <c r="D11971" s="40"/>
      <c r="F11971" s="40">
        <v>199.36666699999998</v>
      </c>
      <c r="G11971" s="40">
        <v>22.870905892181025</v>
      </c>
      <c r="H11971" s="40">
        <v>199.36666700000001</v>
      </c>
      <c r="I11971" s="40">
        <v>26.213761976047348</v>
      </c>
      <c r="L11971" s="40"/>
      <c r="M11971" s="40"/>
      <c r="N11971" s="40"/>
    </row>
    <row r="11972" spans="4:14" x14ac:dyDescent="0.25">
      <c r="D11972" s="40"/>
      <c r="F11972" s="40">
        <v>199.38333300000002</v>
      </c>
      <c r="G11972" s="40">
        <v>22.870905892181025</v>
      </c>
      <c r="H11972" s="40">
        <v>199.38333399999999</v>
      </c>
      <c r="I11972" s="40">
        <v>26.213761976047348</v>
      </c>
      <c r="L11972" s="40"/>
      <c r="M11972" s="40"/>
      <c r="N11972" s="40"/>
    </row>
    <row r="11973" spans="4:14" x14ac:dyDescent="0.25">
      <c r="D11973" s="40"/>
      <c r="F11973" s="40">
        <v>199.4</v>
      </c>
      <c r="G11973" s="40">
        <v>22.870905892181025</v>
      </c>
      <c r="H11973" s="40">
        <v>199.40000000000003</v>
      </c>
      <c r="I11973" s="40">
        <v>26.213761976047348</v>
      </c>
      <c r="L11973" s="40"/>
      <c r="M11973" s="40"/>
      <c r="N11973" s="40"/>
    </row>
    <row r="11974" spans="4:14" x14ac:dyDescent="0.25">
      <c r="D11974" s="40"/>
      <c r="F11974" s="40">
        <v>199.41666699999999</v>
      </c>
      <c r="G11974" s="40">
        <v>22.870905892181025</v>
      </c>
      <c r="H11974" s="40">
        <v>199.41666700000002</v>
      </c>
      <c r="I11974" s="40">
        <v>26.213761976047348</v>
      </c>
      <c r="L11974" s="40"/>
      <c r="M11974" s="40"/>
      <c r="N11974" s="40"/>
    </row>
    <row r="11975" spans="4:14" x14ac:dyDescent="0.25">
      <c r="D11975" s="40"/>
      <c r="F11975" s="40">
        <v>199.43333299999998</v>
      </c>
      <c r="G11975" s="40">
        <v>22.870905892181025</v>
      </c>
      <c r="H11975" s="40">
        <v>199.433334</v>
      </c>
      <c r="I11975" s="40">
        <v>26.217114712190781</v>
      </c>
      <c r="L11975" s="40"/>
      <c r="M11975" s="40"/>
      <c r="N11975" s="40"/>
    </row>
    <row r="11976" spans="4:14" x14ac:dyDescent="0.25">
      <c r="D11976" s="40"/>
      <c r="F11976" s="40">
        <v>199.45000000000002</v>
      </c>
      <c r="G11976" s="40">
        <v>22.870905892181025</v>
      </c>
      <c r="H11976" s="40">
        <v>199.45</v>
      </c>
      <c r="I11976" s="40">
        <v>26.217114712190781</v>
      </c>
      <c r="L11976" s="40"/>
      <c r="M11976" s="40"/>
      <c r="N11976" s="40"/>
    </row>
    <row r="11977" spans="4:14" x14ac:dyDescent="0.25">
      <c r="D11977" s="40"/>
      <c r="F11977" s="40">
        <v>199.466667</v>
      </c>
      <c r="G11977" s="40">
        <v>22.870905892181025</v>
      </c>
      <c r="H11977" s="40">
        <v>199.46666700000003</v>
      </c>
      <c r="I11977" s="40">
        <v>26.217114712190781</v>
      </c>
      <c r="L11977" s="40"/>
      <c r="M11977" s="40"/>
      <c r="N11977" s="40"/>
    </row>
    <row r="11978" spans="4:14" x14ac:dyDescent="0.25">
      <c r="D11978" s="40"/>
      <c r="F11978" s="40">
        <v>199.48333299999999</v>
      </c>
      <c r="G11978" s="40">
        <v>22.870905892181025</v>
      </c>
      <c r="H11978" s="40">
        <v>199.48333400000001</v>
      </c>
      <c r="I11978" s="40">
        <v>26.217114712190781</v>
      </c>
      <c r="L11978" s="40"/>
      <c r="M11978" s="40"/>
      <c r="N11978" s="40"/>
    </row>
    <row r="11979" spans="4:14" x14ac:dyDescent="0.25">
      <c r="D11979" s="40"/>
      <c r="F11979" s="40">
        <v>199.49999999999997</v>
      </c>
      <c r="G11979" s="40">
        <v>22.870905892181025</v>
      </c>
      <c r="H11979" s="40">
        <v>199.5</v>
      </c>
      <c r="I11979" s="40">
        <v>26.217114712190781</v>
      </c>
      <c r="L11979" s="40"/>
      <c r="M11979" s="40"/>
      <c r="N11979" s="40"/>
    </row>
    <row r="11980" spans="4:14" x14ac:dyDescent="0.25">
      <c r="D11980" s="40"/>
      <c r="F11980" s="40">
        <v>199.51666700000001</v>
      </c>
      <c r="G11980" s="40">
        <v>22.870905892181025</v>
      </c>
      <c r="H11980" s="40">
        <v>199.51666699999998</v>
      </c>
      <c r="I11980" s="40">
        <v>26.220368838447545</v>
      </c>
      <c r="L11980" s="40"/>
      <c r="M11980" s="40"/>
      <c r="N11980" s="40"/>
    </row>
    <row r="11981" spans="4:14" x14ac:dyDescent="0.25">
      <c r="D11981" s="40"/>
      <c r="F11981" s="40">
        <v>199.533333</v>
      </c>
      <c r="G11981" s="40">
        <v>22.870905892181025</v>
      </c>
      <c r="H11981" s="40">
        <v>199.53333400000002</v>
      </c>
      <c r="I11981" s="40">
        <v>26.220368838447545</v>
      </c>
      <c r="L11981" s="40"/>
      <c r="M11981" s="40"/>
      <c r="N11981" s="40"/>
    </row>
    <row r="11982" spans="4:14" x14ac:dyDescent="0.25">
      <c r="D11982" s="40"/>
      <c r="F11982" s="40">
        <v>199.54999999999998</v>
      </c>
      <c r="G11982" s="40">
        <v>22.866290508211122</v>
      </c>
      <c r="H11982" s="40">
        <v>199.55</v>
      </c>
      <c r="I11982" s="40">
        <v>26.220368838447545</v>
      </c>
      <c r="L11982" s="40"/>
      <c r="M11982" s="40"/>
      <c r="N11982" s="40"/>
    </row>
    <row r="11983" spans="4:14" x14ac:dyDescent="0.25">
      <c r="D11983" s="40"/>
      <c r="F11983" s="40">
        <v>199.56666699999997</v>
      </c>
      <c r="G11983" s="40">
        <v>22.866290508211122</v>
      </c>
      <c r="H11983" s="40">
        <v>199.566667</v>
      </c>
      <c r="I11983" s="40">
        <v>26.220368838447545</v>
      </c>
      <c r="L11983" s="40"/>
      <c r="M11983" s="40"/>
      <c r="N11983" s="40"/>
    </row>
    <row r="11984" spans="4:14" x14ac:dyDescent="0.25">
      <c r="D11984" s="40"/>
      <c r="F11984" s="40">
        <v>199.58333300000001</v>
      </c>
      <c r="G11984" s="40">
        <v>22.870905892181025</v>
      </c>
      <c r="H11984" s="40">
        <v>199.58333399999998</v>
      </c>
      <c r="I11984" s="40">
        <v>26.223721574590801</v>
      </c>
      <c r="L11984" s="40"/>
      <c r="M11984" s="40"/>
      <c r="N11984" s="40"/>
    </row>
    <row r="11985" spans="4:14" x14ac:dyDescent="0.25">
      <c r="D11985" s="40"/>
      <c r="F11985" s="40">
        <v>199.6</v>
      </c>
      <c r="G11985" s="40">
        <v>22.870905892181025</v>
      </c>
      <c r="H11985" s="40">
        <v>199.60000000000002</v>
      </c>
      <c r="I11985" s="40">
        <v>26.223721574590801</v>
      </c>
      <c r="L11985" s="40"/>
      <c r="M11985" s="40"/>
      <c r="N11985" s="40"/>
    </row>
    <row r="11986" spans="4:14" x14ac:dyDescent="0.25">
      <c r="D11986" s="40"/>
      <c r="F11986" s="40">
        <v>199.61666699999998</v>
      </c>
      <c r="G11986" s="40">
        <v>22.870905892181025</v>
      </c>
      <c r="H11986" s="40">
        <v>199.61666700000001</v>
      </c>
      <c r="I11986" s="40">
        <v>26.223721574590801</v>
      </c>
      <c r="L11986" s="40"/>
      <c r="M11986" s="40"/>
      <c r="N11986" s="40"/>
    </row>
    <row r="11987" spans="4:14" x14ac:dyDescent="0.25">
      <c r="D11987" s="40"/>
      <c r="F11987" s="40">
        <v>199.63333300000002</v>
      </c>
      <c r="G11987" s="40">
        <v>22.866290508211122</v>
      </c>
      <c r="H11987" s="40">
        <v>199.63333399999999</v>
      </c>
      <c r="I11987" s="40">
        <v>26.223721574590801</v>
      </c>
      <c r="L11987" s="40"/>
      <c r="M11987" s="40"/>
      <c r="N11987" s="40"/>
    </row>
    <row r="11988" spans="4:14" x14ac:dyDescent="0.25">
      <c r="D11988" s="40"/>
      <c r="F11988" s="40">
        <v>199.65</v>
      </c>
      <c r="G11988" s="40">
        <v>22.866290508211122</v>
      </c>
      <c r="H11988" s="40">
        <v>199.65000000000003</v>
      </c>
      <c r="I11988" s="40">
        <v>26.227074310734061</v>
      </c>
      <c r="L11988" s="40"/>
      <c r="M11988" s="40"/>
      <c r="N11988" s="40"/>
    </row>
    <row r="11989" spans="4:14" x14ac:dyDescent="0.25">
      <c r="D11989" s="40"/>
      <c r="F11989" s="40">
        <v>199.66666699999999</v>
      </c>
      <c r="G11989" s="40">
        <v>22.866290508211122</v>
      </c>
      <c r="H11989" s="40">
        <v>199.66666700000002</v>
      </c>
      <c r="I11989" s="40">
        <v>26.227074310734061</v>
      </c>
      <c r="L11989" s="40"/>
      <c r="M11989" s="40"/>
      <c r="N11989" s="40"/>
    </row>
    <row r="11990" spans="4:14" x14ac:dyDescent="0.25">
      <c r="D11990" s="40"/>
      <c r="F11990" s="40">
        <v>199.68333299999998</v>
      </c>
      <c r="G11990" s="40">
        <v>22.866290508211122</v>
      </c>
      <c r="H11990" s="40">
        <v>199.683334</v>
      </c>
      <c r="I11990" s="40">
        <v>26.227074310734061</v>
      </c>
      <c r="L11990" s="40"/>
      <c r="M11990" s="40"/>
      <c r="N11990" s="40"/>
    </row>
    <row r="11991" spans="4:14" x14ac:dyDescent="0.25">
      <c r="D11991" s="40"/>
      <c r="F11991" s="40">
        <v>199.70000000000002</v>
      </c>
      <c r="G11991" s="40">
        <v>22.866290508211122</v>
      </c>
      <c r="H11991" s="40">
        <v>199.7</v>
      </c>
      <c r="I11991" s="40">
        <v>26.227074310734061</v>
      </c>
      <c r="L11991" s="40"/>
      <c r="M11991" s="40"/>
      <c r="N11991" s="40"/>
    </row>
    <row r="11992" spans="4:14" x14ac:dyDescent="0.25">
      <c r="D11992" s="40"/>
      <c r="F11992" s="40">
        <v>199.716667</v>
      </c>
      <c r="G11992" s="40">
        <v>22.866290508211122</v>
      </c>
      <c r="H11992" s="40">
        <v>199.71666700000003</v>
      </c>
      <c r="I11992" s="40">
        <v>26.230328436990824</v>
      </c>
      <c r="L11992" s="40"/>
      <c r="M11992" s="40"/>
      <c r="N11992" s="40"/>
    </row>
    <row r="11993" spans="4:14" x14ac:dyDescent="0.25">
      <c r="D11993" s="40"/>
      <c r="F11993" s="40">
        <v>199.73333299999999</v>
      </c>
      <c r="G11993" s="40">
        <v>22.866290508211122</v>
      </c>
      <c r="H11993" s="40">
        <v>199.73333400000001</v>
      </c>
      <c r="I11993" s="40">
        <v>26.230328436990824</v>
      </c>
      <c r="L11993" s="40"/>
      <c r="M11993" s="40"/>
      <c r="N11993" s="40"/>
    </row>
    <row r="11994" spans="4:14" x14ac:dyDescent="0.25">
      <c r="D11994" s="40"/>
      <c r="F11994" s="40">
        <v>199.74999999999997</v>
      </c>
      <c r="G11994" s="40">
        <v>22.866290508211122</v>
      </c>
      <c r="H11994" s="40">
        <v>199.75</v>
      </c>
      <c r="I11994" s="40">
        <v>26.230328436990824</v>
      </c>
      <c r="L11994" s="40"/>
      <c r="M11994" s="40"/>
      <c r="N11994" s="40"/>
    </row>
    <row r="11995" spans="4:14" x14ac:dyDescent="0.25">
      <c r="D11995" s="40"/>
      <c r="F11995" s="40">
        <v>199.76666700000001</v>
      </c>
      <c r="G11995" s="40">
        <v>22.866290508211122</v>
      </c>
      <c r="H11995" s="40">
        <v>199.76666699999998</v>
      </c>
      <c r="I11995" s="40">
        <v>26.230328436990824</v>
      </c>
      <c r="L11995" s="40"/>
      <c r="M11995" s="40"/>
      <c r="N11995" s="40"/>
    </row>
    <row r="11996" spans="4:14" x14ac:dyDescent="0.25">
      <c r="D11996" s="40"/>
      <c r="F11996" s="40">
        <v>199.783333</v>
      </c>
      <c r="G11996" s="40">
        <v>22.866290508211122</v>
      </c>
      <c r="H11996" s="40">
        <v>199.78333400000002</v>
      </c>
      <c r="I11996" s="40">
        <v>26.230328436990824</v>
      </c>
      <c r="L11996" s="40"/>
      <c r="M11996" s="40"/>
      <c r="N11996" s="40"/>
    </row>
    <row r="11997" spans="4:14" x14ac:dyDescent="0.25">
      <c r="D11997" s="40"/>
      <c r="F11997" s="40">
        <v>199.79999999999998</v>
      </c>
      <c r="G11997" s="40">
        <v>22.866290508211122</v>
      </c>
      <c r="H11997" s="40">
        <v>199.8</v>
      </c>
      <c r="I11997" s="40">
        <v>26.233681173134254</v>
      </c>
      <c r="L11997" s="40"/>
      <c r="M11997" s="40"/>
      <c r="N11997" s="40"/>
    </row>
    <row r="11998" spans="4:14" x14ac:dyDescent="0.25">
      <c r="D11998" s="40"/>
      <c r="F11998" s="40">
        <v>199.81666699999997</v>
      </c>
      <c r="G11998" s="40">
        <v>22.866290508211122</v>
      </c>
      <c r="H11998" s="40">
        <v>199.816667</v>
      </c>
      <c r="I11998" s="40">
        <v>26.233681173134254</v>
      </c>
      <c r="L11998" s="40"/>
      <c r="M11998" s="40"/>
      <c r="N11998" s="40"/>
    </row>
    <row r="11999" spans="4:14" x14ac:dyDescent="0.25">
      <c r="D11999" s="40"/>
      <c r="F11999" s="40">
        <v>199.83333300000001</v>
      </c>
      <c r="G11999" s="40">
        <v>22.866290508211122</v>
      </c>
      <c r="H11999" s="40">
        <v>199.83333399999998</v>
      </c>
      <c r="I11999" s="40">
        <v>26.233681173134254</v>
      </c>
      <c r="L11999" s="40"/>
      <c r="M11999" s="40"/>
      <c r="N11999" s="40"/>
    </row>
    <row r="12000" spans="4:14" x14ac:dyDescent="0.25">
      <c r="D12000" s="40"/>
      <c r="F12000" s="40">
        <v>199.85</v>
      </c>
      <c r="G12000" s="40">
        <v>22.866290508211122</v>
      </c>
      <c r="H12000" s="40">
        <v>199.85000000000002</v>
      </c>
      <c r="I12000" s="40">
        <v>26.233681173134254</v>
      </c>
      <c r="L12000" s="40"/>
      <c r="M12000" s="40"/>
      <c r="N12000" s="40"/>
    </row>
    <row r="12001" spans="4:14" x14ac:dyDescent="0.25">
      <c r="D12001" s="40"/>
      <c r="F12001" s="40">
        <v>199.86666699999998</v>
      </c>
      <c r="G12001" s="40">
        <v>22.866290508211122</v>
      </c>
      <c r="H12001" s="40">
        <v>199.86666700000001</v>
      </c>
      <c r="I12001" s="40">
        <v>26.23703390927751</v>
      </c>
      <c r="L12001" s="40"/>
      <c r="M12001" s="40"/>
      <c r="N12001" s="40"/>
    </row>
    <row r="12002" spans="4:14" x14ac:dyDescent="0.25">
      <c r="D12002" s="40"/>
      <c r="F12002" s="40">
        <v>199.88333300000002</v>
      </c>
      <c r="G12002" s="40">
        <v>22.866290508211122</v>
      </c>
      <c r="H12002" s="40">
        <v>199.88333399999999</v>
      </c>
      <c r="I12002" s="40">
        <v>26.23703390927751</v>
      </c>
      <c r="L12002" s="40"/>
      <c r="M12002" s="40"/>
      <c r="N12002" s="40"/>
    </row>
    <row r="12003" spans="4:14" x14ac:dyDescent="0.25">
      <c r="D12003" s="40"/>
      <c r="F12003" s="40">
        <v>199.9</v>
      </c>
      <c r="G12003" s="40">
        <v>22.866290508211122</v>
      </c>
      <c r="H12003" s="40">
        <v>199.90000000000003</v>
      </c>
      <c r="I12003" s="40">
        <v>26.23703390927751</v>
      </c>
      <c r="L12003" s="40"/>
      <c r="M12003" s="40"/>
      <c r="N12003" s="40"/>
    </row>
    <row r="12004" spans="4:14" x14ac:dyDescent="0.25">
      <c r="D12004" s="40"/>
      <c r="F12004" s="40">
        <v>199.91666699999999</v>
      </c>
      <c r="G12004" s="40">
        <v>22.866290508211122</v>
      </c>
      <c r="H12004" s="40">
        <v>199.91666700000002</v>
      </c>
      <c r="I12004" s="40">
        <v>26.23703390927751</v>
      </c>
      <c r="L12004" s="40"/>
      <c r="M12004" s="40"/>
      <c r="N12004" s="40"/>
    </row>
    <row r="12005" spans="4:14" x14ac:dyDescent="0.25">
      <c r="D12005" s="40"/>
      <c r="F12005" s="40">
        <v>199.93333299999998</v>
      </c>
      <c r="G12005" s="40">
        <v>22.866290508211122</v>
      </c>
      <c r="H12005" s="40">
        <v>199.933334</v>
      </c>
      <c r="I12005" s="40">
        <v>26.240288035534274</v>
      </c>
      <c r="L12005" s="40"/>
      <c r="M12005" s="40"/>
      <c r="N12005" s="40"/>
    </row>
    <row r="12006" spans="4:14" x14ac:dyDescent="0.25">
      <c r="D12006" s="40"/>
      <c r="F12006" s="40">
        <v>199.95000000000002</v>
      </c>
      <c r="G12006" s="40">
        <v>22.870905892181025</v>
      </c>
      <c r="H12006" s="40">
        <v>199.95</v>
      </c>
      <c r="I12006" s="40">
        <v>26.240288035534274</v>
      </c>
      <c r="L12006" s="40"/>
      <c r="M12006" s="40"/>
      <c r="N12006" s="40"/>
    </row>
    <row r="12007" spans="4:14" x14ac:dyDescent="0.25">
      <c r="D12007" s="40"/>
      <c r="F12007" s="40">
        <v>199.966667</v>
      </c>
      <c r="G12007" s="40">
        <v>22.870905892181025</v>
      </c>
      <c r="H12007" s="40">
        <v>199.96666700000003</v>
      </c>
      <c r="I12007" s="40">
        <v>26.240288035534274</v>
      </c>
      <c r="L12007" s="40"/>
      <c r="M12007" s="40"/>
      <c r="N12007" s="40"/>
    </row>
    <row r="12008" spans="4:14" x14ac:dyDescent="0.25">
      <c r="F12008" s="40">
        <v>199.98333299999999</v>
      </c>
      <c r="G12008" s="40">
        <v>22.870905892181025</v>
      </c>
      <c r="H12008" s="40">
        <v>199.98333400000001</v>
      </c>
      <c r="I12008" s="40">
        <v>26.240288035534274</v>
      </c>
      <c r="L12008" s="40"/>
      <c r="M12008" s="40"/>
      <c r="N12008" s="40"/>
    </row>
    <row r="12009" spans="4:14" x14ac:dyDescent="0.25">
      <c r="F12009" s="40"/>
      <c r="G12009" s="40"/>
      <c r="H12009" s="40">
        <v>200</v>
      </c>
      <c r="I12009" s="40">
        <v>26.243640771677534</v>
      </c>
      <c r="L12009" s="40"/>
      <c r="M12009" s="40"/>
      <c r="N12009" s="40"/>
    </row>
    <row r="12010" spans="4:14" x14ac:dyDescent="0.25">
      <c r="F12010" s="40">
        <v>199.99999999999997</v>
      </c>
      <c r="G12010" s="40">
        <v>22.870905892181025</v>
      </c>
      <c r="H12010" s="40">
        <v>200.01666699999998</v>
      </c>
      <c r="I12010" s="40">
        <v>26.243640771677534</v>
      </c>
      <c r="L12010" s="40"/>
      <c r="M12010" s="40"/>
      <c r="N12010" s="40"/>
    </row>
    <row r="12011" spans="4:14" x14ac:dyDescent="0.25">
      <c r="F12011" s="40">
        <v>200.01666700000001</v>
      </c>
      <c r="G12011" s="40">
        <v>22.866290508211122</v>
      </c>
      <c r="H12011" s="40">
        <v>200.03333400000002</v>
      </c>
      <c r="I12011" s="40">
        <v>26.243640771677534</v>
      </c>
      <c r="L12011" s="40"/>
      <c r="M12011" s="40"/>
      <c r="N12011" s="40"/>
    </row>
    <row r="12012" spans="4:14" x14ac:dyDescent="0.25">
      <c r="F12012" s="40">
        <v>200.033333</v>
      </c>
      <c r="G12012" s="40">
        <v>22.866290508211122</v>
      </c>
      <c r="H12012" s="40">
        <v>200.05</v>
      </c>
      <c r="I12012" s="40">
        <v>26.243640771677534</v>
      </c>
      <c r="L12012" s="40"/>
      <c r="M12012" s="40"/>
      <c r="N12012" s="40"/>
    </row>
    <row r="12013" spans="4:14" x14ac:dyDescent="0.25">
      <c r="F12013" s="40">
        <v>200.04999999999998</v>
      </c>
      <c r="G12013" s="40">
        <v>22.870905892181025</v>
      </c>
      <c r="H12013" s="40">
        <v>200.066667</v>
      </c>
      <c r="I12013" s="40">
        <v>26.24699350782079</v>
      </c>
      <c r="L12013" s="40"/>
      <c r="M12013" s="40"/>
      <c r="N12013" s="40"/>
    </row>
    <row r="12014" spans="4:14" x14ac:dyDescent="0.25">
      <c r="F12014" s="40">
        <v>200.06666699999997</v>
      </c>
      <c r="G12014" s="40">
        <v>22.88041638036146</v>
      </c>
      <c r="H12014" s="40">
        <v>200.08333399999998</v>
      </c>
      <c r="I12014" s="40">
        <v>26.24699350782079</v>
      </c>
      <c r="L12014" s="40"/>
      <c r="M12014" s="40"/>
      <c r="N12014" s="40"/>
    </row>
    <row r="12015" spans="4:14" x14ac:dyDescent="0.25">
      <c r="F12015" s="40">
        <v>200.08333300000001</v>
      </c>
      <c r="G12015" s="40">
        <v>22.894542252511677</v>
      </c>
      <c r="H12015" s="40">
        <v>200.10000000000002</v>
      </c>
      <c r="I12015" s="40">
        <v>26.24699350782079</v>
      </c>
      <c r="L12015" s="40"/>
      <c r="M12015" s="40"/>
      <c r="N12015" s="40"/>
    </row>
    <row r="12016" spans="4:14" x14ac:dyDescent="0.25">
      <c r="F12016" s="40">
        <v>200.1</v>
      </c>
      <c r="G12016" s="40">
        <v>22.913283508631793</v>
      </c>
      <c r="H12016" s="40">
        <v>200.11666700000001</v>
      </c>
      <c r="I12016" s="40">
        <v>26.250247634077553</v>
      </c>
      <c r="L12016" s="40"/>
      <c r="M12016" s="40"/>
      <c r="N12016" s="40"/>
    </row>
    <row r="12017" spans="6:14" x14ac:dyDescent="0.25">
      <c r="F12017" s="40">
        <v>200.11666699999998</v>
      </c>
      <c r="G12017" s="40">
        <v>22.932164624872101</v>
      </c>
      <c r="H12017" s="40">
        <v>200.13333399999999</v>
      </c>
      <c r="I12017" s="40">
        <v>26.250247634077553</v>
      </c>
      <c r="L12017" s="40"/>
      <c r="M12017" s="40"/>
      <c r="N12017" s="40"/>
    </row>
    <row r="12018" spans="6:14" x14ac:dyDescent="0.25">
      <c r="F12018" s="40">
        <v>200.13333300000002</v>
      </c>
      <c r="G12018" s="40">
        <v>22.951045741112537</v>
      </c>
      <c r="H12018" s="40">
        <v>200.15000000000003</v>
      </c>
      <c r="I12018" s="40">
        <v>26.250247634077553</v>
      </c>
      <c r="L12018" s="40"/>
      <c r="M12018" s="40"/>
      <c r="N12018" s="40"/>
    </row>
    <row r="12019" spans="6:14" x14ac:dyDescent="0.25">
      <c r="F12019" s="40">
        <v>200.15</v>
      </c>
      <c r="G12019" s="40">
        <v>22.974542241322869</v>
      </c>
      <c r="H12019" s="40">
        <v>200.16666700000002</v>
      </c>
      <c r="I12019" s="40">
        <v>26.250247634077553</v>
      </c>
      <c r="L12019" s="40"/>
      <c r="M12019" s="40"/>
      <c r="N12019" s="40"/>
    </row>
    <row r="12020" spans="6:14" x14ac:dyDescent="0.25">
      <c r="F12020" s="40">
        <v>200.16666699999999</v>
      </c>
      <c r="G12020" s="40">
        <v>22.993423357563181</v>
      </c>
      <c r="H12020" s="40">
        <v>200.183334</v>
      </c>
      <c r="I12020" s="40">
        <v>26.253600370220983</v>
      </c>
      <c r="L12020" s="40"/>
      <c r="M12020" s="40"/>
      <c r="N12020" s="40"/>
    </row>
    <row r="12021" spans="6:14" x14ac:dyDescent="0.25">
      <c r="F12021" s="40">
        <v>200.18333299999998</v>
      </c>
      <c r="G12021" s="40">
        <v>23.012164613683293</v>
      </c>
      <c r="H12021" s="40">
        <v>200.2</v>
      </c>
      <c r="I12021" s="40">
        <v>26.253600370220983</v>
      </c>
      <c r="L12021" s="40"/>
      <c r="M12021" s="40"/>
      <c r="N12021" s="40"/>
    </row>
    <row r="12022" spans="6:14" x14ac:dyDescent="0.25">
      <c r="F12022" s="40">
        <v>200.20000000000002</v>
      </c>
      <c r="G12022" s="40">
        <v>23.031045729923729</v>
      </c>
      <c r="H12022" s="40">
        <v>200.21666700000003</v>
      </c>
      <c r="I12022" s="40">
        <v>26.253600370220983</v>
      </c>
      <c r="L12022" s="40"/>
      <c r="M12022" s="40"/>
      <c r="N12022" s="40"/>
    </row>
    <row r="12023" spans="6:14" x14ac:dyDescent="0.25">
      <c r="F12023" s="40">
        <v>200.216667</v>
      </c>
      <c r="G12023" s="40">
        <v>23.045171602073943</v>
      </c>
      <c r="H12023" s="40">
        <v>200.23333400000001</v>
      </c>
      <c r="I12023" s="40">
        <v>26.253600370220983</v>
      </c>
      <c r="L12023" s="40"/>
      <c r="M12023" s="40"/>
      <c r="N12023" s="40"/>
    </row>
    <row r="12024" spans="6:14" x14ac:dyDescent="0.25">
      <c r="F12024" s="40">
        <v>200.23333299999999</v>
      </c>
      <c r="G12024" s="40">
        <v>23.064052718314375</v>
      </c>
      <c r="H12024" s="40">
        <v>200.25</v>
      </c>
      <c r="I12024" s="40">
        <v>26.253600370220983</v>
      </c>
      <c r="L12024" s="40"/>
      <c r="M12024" s="40"/>
      <c r="N12024" s="40"/>
    </row>
    <row r="12025" spans="6:14" x14ac:dyDescent="0.25">
      <c r="F12025" s="40">
        <v>200.24999999999997</v>
      </c>
      <c r="G12025" s="40">
        <v>23.078178590464592</v>
      </c>
      <c r="H12025" s="40">
        <v>200.26666699999998</v>
      </c>
      <c r="I12025" s="40">
        <v>26.256953106364243</v>
      </c>
      <c r="L12025" s="40"/>
      <c r="M12025" s="40"/>
      <c r="N12025" s="40"/>
    </row>
    <row r="12026" spans="6:14" x14ac:dyDescent="0.25">
      <c r="F12026" s="40">
        <v>200.26666700000001</v>
      </c>
      <c r="G12026" s="40">
        <v>23.097059706705025</v>
      </c>
      <c r="H12026" s="40">
        <v>200.28333400000002</v>
      </c>
      <c r="I12026" s="40">
        <v>26.256953106364243</v>
      </c>
      <c r="L12026" s="40"/>
      <c r="M12026" s="40"/>
      <c r="N12026" s="40"/>
    </row>
    <row r="12027" spans="6:14" x14ac:dyDescent="0.25">
      <c r="F12027" s="40">
        <v>200.283333</v>
      </c>
      <c r="G12027" s="40">
        <v>23.120556206915236</v>
      </c>
      <c r="H12027" s="40">
        <v>200.3</v>
      </c>
      <c r="I12027" s="40">
        <v>26.256953106364243</v>
      </c>
      <c r="L12027" s="40"/>
      <c r="M12027" s="40"/>
      <c r="N12027" s="40"/>
    </row>
    <row r="12028" spans="6:14" x14ac:dyDescent="0.25">
      <c r="F12028" s="40">
        <v>200.29999999999998</v>
      </c>
      <c r="G12028" s="40">
        <v>23.139437323155668</v>
      </c>
      <c r="H12028" s="40">
        <v>200.316667</v>
      </c>
      <c r="I12028" s="40">
        <v>26.256953106364243</v>
      </c>
      <c r="L12028" s="40"/>
      <c r="M12028" s="40"/>
      <c r="N12028" s="40"/>
    </row>
    <row r="12029" spans="6:14" x14ac:dyDescent="0.25">
      <c r="F12029" s="40">
        <v>200.31666699999997</v>
      </c>
      <c r="G12029" s="40">
        <v>23.162933823366004</v>
      </c>
      <c r="H12029" s="40">
        <v>200.33333399999998</v>
      </c>
      <c r="I12029" s="40">
        <v>26.256953106364243</v>
      </c>
      <c r="L12029" s="40"/>
      <c r="M12029" s="40"/>
      <c r="N12029" s="40"/>
    </row>
    <row r="12030" spans="6:14" x14ac:dyDescent="0.25">
      <c r="F12030" s="40">
        <v>200.33333300000001</v>
      </c>
      <c r="G12030" s="40">
        <v>23.181814939606312</v>
      </c>
      <c r="H12030" s="40">
        <v>200.35000000000002</v>
      </c>
      <c r="I12030" s="40">
        <v>26.256953106364243</v>
      </c>
      <c r="L12030" s="40"/>
      <c r="M12030" s="40"/>
      <c r="N12030" s="40"/>
    </row>
    <row r="12031" spans="6:14" x14ac:dyDescent="0.25">
      <c r="F12031" s="40">
        <v>200.35</v>
      </c>
      <c r="G12031" s="40">
        <v>23.205311439816647</v>
      </c>
      <c r="H12031" s="40">
        <v>200.36666700000001</v>
      </c>
      <c r="I12031" s="40">
        <v>26.260207232621006</v>
      </c>
      <c r="L12031" s="40"/>
      <c r="M12031" s="40"/>
      <c r="N12031" s="40"/>
    </row>
    <row r="12032" spans="6:14" x14ac:dyDescent="0.25">
      <c r="F12032" s="40">
        <v>200.36666699999998</v>
      </c>
      <c r="G12032" s="40">
        <v>23.228947800147175</v>
      </c>
      <c r="H12032" s="40">
        <v>200.38333399999999</v>
      </c>
      <c r="I12032" s="40">
        <v>26.260207232621006</v>
      </c>
      <c r="L12032" s="40"/>
      <c r="M12032" s="40"/>
      <c r="N12032" s="40"/>
    </row>
    <row r="12033" spans="6:14" x14ac:dyDescent="0.25">
      <c r="F12033" s="40">
        <v>200.38333300000002</v>
      </c>
      <c r="G12033" s="40">
        <v>23.247689056267291</v>
      </c>
      <c r="H12033" s="40">
        <v>200.40000000000003</v>
      </c>
      <c r="I12033" s="40">
        <v>26.260207232621006</v>
      </c>
      <c r="L12033" s="40"/>
      <c r="M12033" s="40"/>
      <c r="N12033" s="40"/>
    </row>
    <row r="12034" spans="6:14" x14ac:dyDescent="0.25">
      <c r="F12034" s="40">
        <v>200.4</v>
      </c>
      <c r="G12034" s="40">
        <v>23.266570172507723</v>
      </c>
      <c r="H12034" s="40">
        <v>200.41666700000002</v>
      </c>
      <c r="I12034" s="40">
        <v>26.260207232621006</v>
      </c>
      <c r="L12034" s="40"/>
      <c r="M12034" s="40"/>
      <c r="N12034" s="40"/>
    </row>
    <row r="12035" spans="6:14" x14ac:dyDescent="0.25">
      <c r="F12035" s="40">
        <v>200.41666699999999</v>
      </c>
      <c r="G12035" s="40">
        <v>23.290066672718059</v>
      </c>
      <c r="H12035" s="40">
        <v>200.433334</v>
      </c>
      <c r="I12035" s="40">
        <v>26.260207232621006</v>
      </c>
      <c r="L12035" s="40"/>
      <c r="M12035" s="40"/>
      <c r="N12035" s="40"/>
    </row>
    <row r="12036" spans="6:14" x14ac:dyDescent="0.25">
      <c r="F12036" s="40">
        <v>200.43333299999998</v>
      </c>
      <c r="G12036" s="40">
        <v>23.308947788958367</v>
      </c>
      <c r="H12036" s="40">
        <v>200.45</v>
      </c>
      <c r="I12036" s="40">
        <v>26.260207232621006</v>
      </c>
      <c r="L12036" s="40"/>
      <c r="M12036" s="40"/>
      <c r="N12036" s="40"/>
    </row>
    <row r="12037" spans="6:14" x14ac:dyDescent="0.25">
      <c r="F12037" s="40">
        <v>200.45000000000002</v>
      </c>
      <c r="G12037" s="40">
        <v>23.327828905198803</v>
      </c>
      <c r="H12037" s="40">
        <v>200.46666700000003</v>
      </c>
      <c r="I12037" s="40">
        <v>26.260207232621006</v>
      </c>
      <c r="L12037" s="40"/>
      <c r="M12037" s="40"/>
      <c r="N12037" s="40"/>
    </row>
    <row r="12038" spans="6:14" x14ac:dyDescent="0.25">
      <c r="F12038" s="40">
        <v>200.466667</v>
      </c>
      <c r="G12038" s="40">
        <v>23.346570161318915</v>
      </c>
      <c r="H12038" s="40">
        <v>200.48333400000001</v>
      </c>
      <c r="I12038" s="40">
        <v>26.260207232621006</v>
      </c>
      <c r="L12038" s="40"/>
      <c r="M12038" s="40"/>
      <c r="N12038" s="40"/>
    </row>
    <row r="12039" spans="6:14" x14ac:dyDescent="0.25">
      <c r="F12039" s="40">
        <v>200.48333299999999</v>
      </c>
      <c r="G12039" s="40">
        <v>23.35608064949923</v>
      </c>
      <c r="H12039" s="40">
        <v>200.5</v>
      </c>
      <c r="I12039" s="40">
        <v>26.263559968764262</v>
      </c>
      <c r="L12039" s="40"/>
      <c r="M12039" s="40"/>
      <c r="N12039" s="40"/>
    </row>
    <row r="12040" spans="6:14" x14ac:dyDescent="0.25">
      <c r="F12040" s="40">
        <v>200.49999999999997</v>
      </c>
      <c r="G12040" s="40">
        <v>23.365451277559348</v>
      </c>
      <c r="H12040" s="40">
        <v>200.51666699999998</v>
      </c>
      <c r="I12040" s="40">
        <v>26.263559968764262</v>
      </c>
      <c r="L12040" s="40"/>
      <c r="M12040" s="40"/>
      <c r="N12040" s="40"/>
    </row>
    <row r="12041" spans="6:14" x14ac:dyDescent="0.25">
      <c r="F12041" s="40">
        <v>200.51666700000001</v>
      </c>
      <c r="G12041" s="40">
        <v>23.365451277559348</v>
      </c>
      <c r="H12041" s="40">
        <v>200.53333400000002</v>
      </c>
      <c r="I12041" s="40">
        <v>26.263559968764262</v>
      </c>
      <c r="L12041" s="40"/>
      <c r="M12041" s="40"/>
      <c r="N12041" s="40"/>
    </row>
    <row r="12042" spans="6:14" x14ac:dyDescent="0.25">
      <c r="F12042" s="40">
        <v>200.533333</v>
      </c>
      <c r="G12042" s="40">
        <v>23.370206521649447</v>
      </c>
      <c r="H12042" s="40">
        <v>200.55</v>
      </c>
      <c r="I12042" s="40">
        <v>26.263559968764262</v>
      </c>
      <c r="L12042" s="40"/>
      <c r="M12042" s="40"/>
      <c r="N12042" s="40"/>
    </row>
    <row r="12043" spans="6:14" x14ac:dyDescent="0.25">
      <c r="F12043" s="40">
        <v>200.54999999999998</v>
      </c>
      <c r="G12043" s="40">
        <v>23.365451277559348</v>
      </c>
      <c r="H12043" s="40">
        <v>200.566667</v>
      </c>
      <c r="I12043" s="40">
        <v>26.263559968764262</v>
      </c>
      <c r="L12043" s="40"/>
      <c r="M12043" s="40"/>
      <c r="N12043" s="40"/>
    </row>
    <row r="12044" spans="6:14" x14ac:dyDescent="0.25">
      <c r="F12044" s="40">
        <v>200.56666699999997</v>
      </c>
      <c r="G12044" s="40">
        <v>23.365451277559348</v>
      </c>
      <c r="H12044" s="40">
        <v>200.58333399999998</v>
      </c>
      <c r="I12044" s="40">
        <v>26.263559968764262</v>
      </c>
      <c r="L12044" s="40"/>
      <c r="M12044" s="40"/>
      <c r="N12044" s="40"/>
    </row>
    <row r="12045" spans="6:14" x14ac:dyDescent="0.25">
      <c r="F12045" s="40">
        <v>200.58333300000001</v>
      </c>
      <c r="G12045" s="40">
        <v>23.365451277559348</v>
      </c>
      <c r="H12045" s="40">
        <v>200.60000000000002</v>
      </c>
      <c r="I12045" s="40">
        <v>26.266912704907519</v>
      </c>
      <c r="L12045" s="40"/>
      <c r="M12045" s="40"/>
      <c r="N12045" s="40"/>
    </row>
    <row r="12046" spans="6:14" x14ac:dyDescent="0.25">
      <c r="F12046" s="40">
        <v>200.6</v>
      </c>
      <c r="G12046" s="40">
        <v>23.360696033469132</v>
      </c>
      <c r="H12046" s="40">
        <v>200.61666700000001</v>
      </c>
      <c r="I12046" s="40">
        <v>26.266912704907519</v>
      </c>
      <c r="L12046" s="40"/>
      <c r="M12046" s="40"/>
      <c r="N12046" s="40"/>
    </row>
    <row r="12047" spans="6:14" x14ac:dyDescent="0.25">
      <c r="F12047" s="40">
        <v>200.61666699999998</v>
      </c>
      <c r="G12047" s="40">
        <v>23.360696033469132</v>
      </c>
      <c r="H12047" s="40">
        <v>200.63333399999999</v>
      </c>
      <c r="I12047" s="40">
        <v>26.266912704907519</v>
      </c>
      <c r="L12047" s="40"/>
      <c r="M12047" s="40"/>
      <c r="N12047" s="40"/>
    </row>
    <row r="12048" spans="6:14" x14ac:dyDescent="0.25">
      <c r="F12048" s="40">
        <v>200.63333300000002</v>
      </c>
      <c r="G12048" s="40">
        <v>23.35608064949923</v>
      </c>
      <c r="H12048" s="40">
        <v>200.65000000000003</v>
      </c>
      <c r="I12048" s="40">
        <v>26.266912704907519</v>
      </c>
      <c r="L12048" s="40"/>
      <c r="M12048" s="40"/>
      <c r="N12048" s="40"/>
    </row>
    <row r="12049" spans="6:14" x14ac:dyDescent="0.25">
      <c r="F12049" s="40">
        <v>200.65</v>
      </c>
      <c r="G12049" s="40">
        <v>23.35608064949923</v>
      </c>
      <c r="H12049" s="40">
        <v>200.66666700000002</v>
      </c>
      <c r="I12049" s="40">
        <v>26.266912704907519</v>
      </c>
      <c r="L12049" s="40"/>
      <c r="M12049" s="40"/>
      <c r="N12049" s="40"/>
    </row>
    <row r="12050" spans="6:14" x14ac:dyDescent="0.25">
      <c r="F12050" s="40">
        <v>200.66666699999999</v>
      </c>
      <c r="G12050" s="40">
        <v>23.35608064949923</v>
      </c>
      <c r="H12050" s="40">
        <v>200.683334</v>
      </c>
      <c r="I12050" s="40">
        <v>26.266912704907519</v>
      </c>
      <c r="L12050" s="40"/>
      <c r="M12050" s="40"/>
      <c r="N12050" s="40"/>
    </row>
    <row r="12051" spans="6:14" x14ac:dyDescent="0.25">
      <c r="F12051" s="40">
        <v>200.68333299999998</v>
      </c>
      <c r="G12051" s="40">
        <v>23.351325405409135</v>
      </c>
      <c r="H12051" s="40">
        <v>200.7</v>
      </c>
      <c r="I12051" s="40">
        <v>26.270265441050949</v>
      </c>
      <c r="L12051" s="40"/>
      <c r="M12051" s="40"/>
      <c r="N12051" s="40"/>
    </row>
    <row r="12052" spans="6:14" x14ac:dyDescent="0.25">
      <c r="F12052" s="40">
        <v>200.70000000000002</v>
      </c>
      <c r="G12052" s="40">
        <v>23.341954777349017</v>
      </c>
      <c r="H12052" s="40">
        <v>200.71666700000003</v>
      </c>
      <c r="I12052" s="40">
        <v>26.270265441050949</v>
      </c>
      <c r="L12052" s="40"/>
      <c r="M12052" s="40"/>
      <c r="N12052" s="40"/>
    </row>
    <row r="12053" spans="6:14" x14ac:dyDescent="0.25">
      <c r="F12053" s="40">
        <v>200.716667</v>
      </c>
      <c r="G12053" s="40">
        <v>23.337199533258921</v>
      </c>
      <c r="H12053" s="40">
        <v>200.73333400000001</v>
      </c>
      <c r="I12053" s="40">
        <v>26.270265441050949</v>
      </c>
      <c r="L12053" s="40"/>
      <c r="M12053" s="40"/>
      <c r="N12053" s="40"/>
    </row>
    <row r="12054" spans="6:14" x14ac:dyDescent="0.25">
      <c r="F12054" s="40">
        <v>200.73333299999999</v>
      </c>
      <c r="G12054" s="40">
        <v>23.323073661108584</v>
      </c>
      <c r="H12054" s="40">
        <v>200.75</v>
      </c>
      <c r="I12054" s="40">
        <v>26.270265441050949</v>
      </c>
      <c r="L12054" s="40"/>
      <c r="M12054" s="40"/>
      <c r="N12054" s="40"/>
    </row>
    <row r="12055" spans="6:14" x14ac:dyDescent="0.25">
      <c r="F12055" s="40">
        <v>200.74999999999997</v>
      </c>
      <c r="G12055" s="40">
        <v>23.313703033048586</v>
      </c>
      <c r="H12055" s="40">
        <v>200.76666699999998</v>
      </c>
      <c r="I12055" s="40">
        <v>26.270265441050949</v>
      </c>
      <c r="L12055" s="40"/>
      <c r="M12055" s="40"/>
      <c r="N12055" s="40"/>
    </row>
    <row r="12056" spans="6:14" x14ac:dyDescent="0.25">
      <c r="F12056" s="40">
        <v>200.76666700000001</v>
      </c>
      <c r="G12056" s="40">
        <v>23.299577160898373</v>
      </c>
      <c r="H12056" s="40">
        <v>200.78333400000002</v>
      </c>
      <c r="I12056" s="40">
        <v>26.273519567307712</v>
      </c>
      <c r="L12056" s="40"/>
      <c r="M12056" s="40"/>
      <c r="N12056" s="40"/>
    </row>
    <row r="12057" spans="6:14" x14ac:dyDescent="0.25">
      <c r="F12057" s="40">
        <v>200.783333</v>
      </c>
      <c r="G12057" s="40">
        <v>23.28545128874816</v>
      </c>
      <c r="H12057" s="40">
        <v>200.8</v>
      </c>
      <c r="I12057" s="40">
        <v>26.273519567307712</v>
      </c>
      <c r="L12057" s="40"/>
      <c r="M12057" s="40"/>
      <c r="N12057" s="40"/>
    </row>
    <row r="12058" spans="6:14" x14ac:dyDescent="0.25">
      <c r="F12058" s="40">
        <v>200.79999999999998</v>
      </c>
      <c r="G12058" s="40">
        <v>23.271325416597943</v>
      </c>
      <c r="H12058" s="40">
        <v>200.816667</v>
      </c>
      <c r="I12058" s="40">
        <v>26.273519567307712</v>
      </c>
      <c r="L12058" s="40"/>
      <c r="M12058" s="40"/>
      <c r="N12058" s="40"/>
    </row>
    <row r="12059" spans="6:14" x14ac:dyDescent="0.25">
      <c r="F12059" s="40">
        <v>200.81666699999997</v>
      </c>
      <c r="G12059" s="40">
        <v>23.25719954444773</v>
      </c>
      <c r="H12059" s="40">
        <v>200.83333399999998</v>
      </c>
      <c r="I12059" s="40">
        <v>26.273519567307712</v>
      </c>
      <c r="L12059" s="40"/>
      <c r="M12059" s="40"/>
      <c r="N12059" s="40"/>
    </row>
    <row r="12060" spans="6:14" x14ac:dyDescent="0.25">
      <c r="F12060" s="40">
        <v>200.83333300000001</v>
      </c>
      <c r="G12060" s="40">
        <v>23.243073672297392</v>
      </c>
      <c r="H12060" s="40">
        <v>200.85000000000002</v>
      </c>
      <c r="I12060" s="40">
        <v>26.273519567307712</v>
      </c>
      <c r="L12060" s="40"/>
      <c r="M12060" s="40"/>
      <c r="N12060" s="40"/>
    </row>
    <row r="12061" spans="6:14" x14ac:dyDescent="0.25">
      <c r="F12061" s="40">
        <v>200.85</v>
      </c>
      <c r="G12061" s="40">
        <v>23.233563184117074</v>
      </c>
      <c r="H12061" s="40">
        <v>200.86666700000001</v>
      </c>
      <c r="I12061" s="40">
        <v>26.273519567307712</v>
      </c>
      <c r="L12061" s="40"/>
      <c r="M12061" s="40"/>
      <c r="N12061" s="40"/>
    </row>
    <row r="12062" spans="6:14" x14ac:dyDescent="0.25">
      <c r="F12062" s="40">
        <v>200.86666699999998</v>
      </c>
      <c r="G12062" s="40">
        <v>23.214821927996962</v>
      </c>
      <c r="H12062" s="40">
        <v>200.88333399999999</v>
      </c>
      <c r="I12062" s="40">
        <v>26.276872303450972</v>
      </c>
      <c r="L12062" s="40"/>
      <c r="M12062" s="40"/>
      <c r="N12062" s="40"/>
    </row>
    <row r="12063" spans="6:14" x14ac:dyDescent="0.25">
      <c r="F12063" s="40">
        <v>200.88333300000002</v>
      </c>
      <c r="G12063" s="40">
        <v>23.200696055846748</v>
      </c>
      <c r="H12063" s="40">
        <v>200.90000000000003</v>
      </c>
      <c r="I12063" s="40">
        <v>26.276872303450972</v>
      </c>
      <c r="L12063" s="40"/>
      <c r="M12063" s="40"/>
      <c r="N12063" s="40"/>
    </row>
    <row r="12064" spans="6:14" x14ac:dyDescent="0.25">
      <c r="F12064" s="40">
        <v>200.9</v>
      </c>
      <c r="G12064" s="40">
        <v>23.181814939606312</v>
      </c>
      <c r="H12064" s="40">
        <v>200.91666700000002</v>
      </c>
      <c r="I12064" s="40">
        <v>26.276872303450972</v>
      </c>
      <c r="L12064" s="40"/>
      <c r="M12064" s="40"/>
      <c r="N12064" s="40"/>
    </row>
    <row r="12065" spans="6:14" x14ac:dyDescent="0.25">
      <c r="F12065" s="40">
        <v>200.91666699999999</v>
      </c>
      <c r="G12065" s="40">
        <v>23.158178579275784</v>
      </c>
      <c r="H12065" s="40">
        <v>200.933334</v>
      </c>
      <c r="I12065" s="40">
        <v>26.276872303450972</v>
      </c>
      <c r="L12065" s="40"/>
      <c r="M12065" s="40"/>
      <c r="N12065" s="40"/>
    </row>
    <row r="12066" spans="6:14" x14ac:dyDescent="0.25">
      <c r="F12066" s="40">
        <v>200.93333299999998</v>
      </c>
      <c r="G12066" s="40">
        <v>23.139437323155668</v>
      </c>
      <c r="H12066" s="40">
        <v>200.95</v>
      </c>
      <c r="I12066" s="40">
        <v>26.276872303450972</v>
      </c>
      <c r="L12066" s="40"/>
      <c r="M12066" s="40"/>
      <c r="N12066" s="40"/>
    </row>
    <row r="12067" spans="6:14" x14ac:dyDescent="0.25">
      <c r="F12067" s="40">
        <v>200.95000000000002</v>
      </c>
      <c r="G12067" s="40">
        <v>23.115800962825137</v>
      </c>
      <c r="H12067" s="40">
        <v>200.96666700000003</v>
      </c>
      <c r="I12067" s="40">
        <v>26.276872303450972</v>
      </c>
      <c r="L12067" s="40"/>
      <c r="M12067" s="40"/>
      <c r="N12067" s="40"/>
    </row>
    <row r="12068" spans="6:14" x14ac:dyDescent="0.25">
      <c r="F12068" s="40">
        <v>200.966667</v>
      </c>
      <c r="G12068" s="40">
        <v>23.092304462614806</v>
      </c>
      <c r="H12068" s="40">
        <v>200.98333400000001</v>
      </c>
      <c r="I12068" s="40">
        <v>26.276872303450972</v>
      </c>
      <c r="L12068" s="40"/>
      <c r="M12068" s="40"/>
      <c r="N12068" s="40"/>
    </row>
    <row r="12069" spans="6:14" x14ac:dyDescent="0.25">
      <c r="F12069" s="40">
        <v>200.98333299999999</v>
      </c>
      <c r="G12069" s="40">
        <v>23.073423346374373</v>
      </c>
      <c r="H12069" s="40">
        <v>201</v>
      </c>
      <c r="I12069" s="40">
        <v>26.276872303450972</v>
      </c>
      <c r="L12069" s="40"/>
      <c r="M12069" s="40"/>
      <c r="N12069" s="40"/>
    </row>
    <row r="12070" spans="6:14" x14ac:dyDescent="0.25">
      <c r="F12070" s="40">
        <v>200.99999999999997</v>
      </c>
      <c r="G12070" s="40">
        <v>23.049926846164162</v>
      </c>
      <c r="H12070" s="40">
        <v>201.01666699999998</v>
      </c>
      <c r="I12070" s="40">
        <v>26.280225039594228</v>
      </c>
      <c r="L12070" s="40"/>
      <c r="M12070" s="40"/>
      <c r="N12070" s="40"/>
    </row>
    <row r="12071" spans="6:14" x14ac:dyDescent="0.25">
      <c r="F12071" s="40">
        <v>201.01666700000001</v>
      </c>
      <c r="G12071" s="40">
        <v>23.021675101863732</v>
      </c>
      <c r="H12071" s="40">
        <v>201.03333400000002</v>
      </c>
      <c r="I12071" s="40">
        <v>26.280225039594228</v>
      </c>
      <c r="L12071" s="40"/>
      <c r="M12071" s="40"/>
      <c r="N12071" s="40"/>
    </row>
    <row r="12072" spans="6:14" x14ac:dyDescent="0.25">
      <c r="F12072" s="40">
        <v>201.033333</v>
      </c>
      <c r="G12072" s="40">
        <v>22.99803874153308</v>
      </c>
      <c r="H12072" s="40">
        <v>201.05</v>
      </c>
      <c r="I12072" s="40">
        <v>26.280225039594228</v>
      </c>
      <c r="L12072" s="40"/>
      <c r="M12072" s="40"/>
      <c r="N12072" s="40"/>
    </row>
    <row r="12073" spans="6:14" x14ac:dyDescent="0.25">
      <c r="F12073" s="40">
        <v>201.04999999999998</v>
      </c>
      <c r="G12073" s="40">
        <v>22.974542241322869</v>
      </c>
      <c r="H12073" s="40">
        <v>201.066667</v>
      </c>
      <c r="I12073" s="40">
        <v>26.280225039594228</v>
      </c>
      <c r="L12073" s="40"/>
      <c r="M12073" s="40"/>
      <c r="N12073" s="40"/>
    </row>
    <row r="12074" spans="6:14" x14ac:dyDescent="0.25">
      <c r="F12074" s="40">
        <v>201.06666699999997</v>
      </c>
      <c r="G12074" s="40">
        <v>22.946290497022318</v>
      </c>
      <c r="H12074" s="40">
        <v>201.08333399999998</v>
      </c>
      <c r="I12074" s="40">
        <v>26.280225039594228</v>
      </c>
      <c r="L12074" s="40"/>
      <c r="M12074" s="40"/>
      <c r="N12074" s="40"/>
    </row>
    <row r="12075" spans="6:14" x14ac:dyDescent="0.25">
      <c r="F12075" s="40">
        <v>201.08333300000001</v>
      </c>
      <c r="G12075" s="40">
        <v>22.918038752721888</v>
      </c>
      <c r="H12075" s="40">
        <v>201.10000000000002</v>
      </c>
      <c r="I12075" s="40">
        <v>26.280225039594228</v>
      </c>
      <c r="L12075" s="40"/>
      <c r="M12075" s="40"/>
      <c r="N12075" s="40"/>
    </row>
    <row r="12076" spans="6:14" x14ac:dyDescent="0.25">
      <c r="F12076" s="40">
        <v>201.1</v>
      </c>
      <c r="G12076" s="40">
        <v>22.894542252511677</v>
      </c>
      <c r="H12076" s="40">
        <v>201.11666700000001</v>
      </c>
      <c r="I12076" s="40">
        <v>26.280225039594228</v>
      </c>
      <c r="L12076" s="40"/>
      <c r="M12076" s="40"/>
      <c r="N12076" s="40"/>
    </row>
    <row r="12077" spans="6:14" x14ac:dyDescent="0.25">
      <c r="F12077" s="40">
        <v>201.11666699999998</v>
      </c>
      <c r="G12077" s="40">
        <v>22.866290508211122</v>
      </c>
      <c r="H12077" s="40">
        <v>201.13333399999999</v>
      </c>
      <c r="I12077" s="40">
        <v>26.280225039594228</v>
      </c>
      <c r="L12077" s="40"/>
      <c r="M12077" s="40"/>
      <c r="N12077" s="40"/>
    </row>
    <row r="12078" spans="6:14" x14ac:dyDescent="0.25">
      <c r="F12078" s="40">
        <v>201.13333300000002</v>
      </c>
      <c r="G12078" s="40">
        <v>22.838038763910692</v>
      </c>
      <c r="H12078" s="40">
        <v>201.15000000000003</v>
      </c>
      <c r="I12078" s="40">
        <v>26.283479165850991</v>
      </c>
      <c r="L12078" s="40"/>
      <c r="M12078" s="40"/>
      <c r="N12078" s="40"/>
    </row>
    <row r="12079" spans="6:14" x14ac:dyDescent="0.25">
      <c r="F12079" s="40">
        <v>201.15</v>
      </c>
      <c r="G12079" s="40">
        <v>22.809647159489945</v>
      </c>
      <c r="H12079" s="40">
        <v>201.16666700000002</v>
      </c>
      <c r="I12079" s="40">
        <v>26.283479165850991</v>
      </c>
      <c r="L12079" s="40"/>
      <c r="M12079" s="40"/>
      <c r="N12079" s="40"/>
    </row>
    <row r="12080" spans="6:14" x14ac:dyDescent="0.25">
      <c r="F12080" s="40">
        <v>201.16666699999999</v>
      </c>
      <c r="G12080" s="40">
        <v>22.781395415189518</v>
      </c>
      <c r="H12080" s="40">
        <v>201.183334</v>
      </c>
      <c r="I12080" s="40">
        <v>26.283479165850991</v>
      </c>
      <c r="L12080" s="40"/>
      <c r="M12080" s="40"/>
      <c r="N12080" s="40"/>
    </row>
    <row r="12081" spans="6:14" x14ac:dyDescent="0.25">
      <c r="F12081" s="40">
        <v>201.18333299999998</v>
      </c>
      <c r="G12081" s="40">
        <v>22.753143670889088</v>
      </c>
      <c r="H12081" s="40">
        <v>201.2</v>
      </c>
      <c r="I12081" s="40">
        <v>26.283479165850991</v>
      </c>
      <c r="L12081" s="40"/>
      <c r="M12081" s="40"/>
      <c r="N12081" s="40"/>
    </row>
    <row r="12082" spans="6:14" x14ac:dyDescent="0.25">
      <c r="F12082" s="40">
        <v>201.20000000000002</v>
      </c>
      <c r="G12082" s="40">
        <v>22.724891926588658</v>
      </c>
      <c r="H12082" s="40">
        <v>201.21666700000003</v>
      </c>
      <c r="I12082" s="40">
        <v>26.283479165850991</v>
      </c>
      <c r="L12082" s="40"/>
      <c r="M12082" s="40"/>
      <c r="N12082" s="40"/>
    </row>
    <row r="12083" spans="6:14" x14ac:dyDescent="0.25">
      <c r="F12083" s="40">
        <v>201.216667</v>
      </c>
      <c r="G12083" s="40">
        <v>22.692024798318329</v>
      </c>
      <c r="H12083" s="40">
        <v>201.23333400000001</v>
      </c>
      <c r="I12083" s="40">
        <v>26.283479165850991</v>
      </c>
      <c r="L12083" s="40"/>
      <c r="M12083" s="40"/>
      <c r="N12083" s="40"/>
    </row>
    <row r="12084" spans="6:14" x14ac:dyDescent="0.25">
      <c r="F12084" s="40">
        <v>201.23333299999999</v>
      </c>
      <c r="G12084" s="40">
        <v>22.663773054017774</v>
      </c>
      <c r="H12084" s="40">
        <v>201.25</v>
      </c>
      <c r="I12084" s="40">
        <v>26.286831901994425</v>
      </c>
      <c r="L12084" s="40"/>
      <c r="M12084" s="40"/>
      <c r="N12084" s="40"/>
    </row>
    <row r="12085" spans="6:14" x14ac:dyDescent="0.25">
      <c r="F12085" s="40">
        <v>201.24999999999997</v>
      </c>
      <c r="G12085" s="40">
        <v>22.630766065627125</v>
      </c>
      <c r="H12085" s="40">
        <v>201.26666699999998</v>
      </c>
      <c r="I12085" s="40">
        <v>26.286831901994425</v>
      </c>
      <c r="L12085" s="40"/>
      <c r="M12085" s="40"/>
      <c r="N12085" s="40"/>
    </row>
    <row r="12086" spans="6:14" x14ac:dyDescent="0.25">
      <c r="F12086" s="40">
        <v>201.26666700000001</v>
      </c>
      <c r="G12086" s="40">
        <v>22.593003833146383</v>
      </c>
      <c r="H12086" s="40">
        <v>201.28333400000002</v>
      </c>
      <c r="I12086" s="40">
        <v>26.286831901994425</v>
      </c>
      <c r="L12086" s="40"/>
      <c r="M12086" s="40"/>
      <c r="N12086" s="40"/>
    </row>
    <row r="12087" spans="6:14" x14ac:dyDescent="0.25">
      <c r="F12087" s="40">
        <v>201.283333</v>
      </c>
      <c r="G12087" s="40">
        <v>22.560136704876054</v>
      </c>
      <c r="H12087" s="40">
        <v>201.3</v>
      </c>
      <c r="I12087" s="40">
        <v>26.286831901994425</v>
      </c>
      <c r="L12087" s="40"/>
      <c r="M12087" s="40"/>
      <c r="N12087" s="40"/>
    </row>
    <row r="12088" spans="6:14" x14ac:dyDescent="0.25">
      <c r="F12088" s="40">
        <v>201.29999999999998</v>
      </c>
      <c r="G12088" s="40">
        <v>22.527129716485405</v>
      </c>
      <c r="H12088" s="40">
        <v>201.316667</v>
      </c>
      <c r="I12088" s="40">
        <v>26.286831901994425</v>
      </c>
      <c r="L12088" s="40"/>
      <c r="M12088" s="40"/>
      <c r="N12088" s="40"/>
    </row>
    <row r="12089" spans="6:14" x14ac:dyDescent="0.25">
      <c r="F12089" s="40">
        <v>201.31666699999997</v>
      </c>
      <c r="G12089" s="40">
        <v>22.494122728094755</v>
      </c>
      <c r="H12089" s="40">
        <v>201.33333399999998</v>
      </c>
      <c r="I12089" s="40">
        <v>26.286831901994425</v>
      </c>
      <c r="L12089" s="40"/>
      <c r="M12089" s="40"/>
      <c r="N12089" s="40"/>
    </row>
    <row r="12090" spans="6:14" x14ac:dyDescent="0.25">
      <c r="F12090" s="40">
        <v>201.33333300000001</v>
      </c>
      <c r="G12090" s="40">
        <v>22.461115739704105</v>
      </c>
      <c r="H12090" s="40">
        <v>201.35000000000002</v>
      </c>
      <c r="I12090" s="40">
        <v>26.290184638137681</v>
      </c>
      <c r="L12090" s="40"/>
      <c r="M12090" s="40"/>
      <c r="N12090" s="40"/>
    </row>
    <row r="12091" spans="6:14" x14ac:dyDescent="0.25">
      <c r="F12091" s="40">
        <v>201.35</v>
      </c>
      <c r="G12091" s="40">
        <v>22.428248611433776</v>
      </c>
      <c r="H12091" s="40">
        <v>201.36666700000001</v>
      </c>
      <c r="I12091" s="40">
        <v>26.290184638137681</v>
      </c>
      <c r="L12091" s="40"/>
      <c r="M12091" s="40"/>
      <c r="N12091" s="40"/>
    </row>
    <row r="12092" spans="6:14" x14ac:dyDescent="0.25">
      <c r="F12092" s="62">
        <v>201.36666699999998</v>
      </c>
      <c r="G12092" s="62">
        <v>22.39524162304313</v>
      </c>
      <c r="H12092" s="40">
        <v>201.38333399999999</v>
      </c>
      <c r="I12092" s="40">
        <v>26.290184638137681</v>
      </c>
      <c r="L12092" s="62"/>
      <c r="M12092" s="62"/>
      <c r="N12092" s="62"/>
    </row>
    <row r="12093" spans="6:14" x14ac:dyDescent="0.25">
      <c r="F12093" s="40">
        <v>201.38333300000002</v>
      </c>
      <c r="G12093" s="40">
        <v>22.357619250682706</v>
      </c>
      <c r="H12093" s="40">
        <v>201.40000000000003</v>
      </c>
      <c r="I12093" s="40">
        <v>26.290184638137681</v>
      </c>
      <c r="L12093" s="40"/>
      <c r="M12093" s="40"/>
      <c r="N12093" s="40"/>
    </row>
    <row r="12094" spans="6:14" x14ac:dyDescent="0.25">
      <c r="F12094" s="40">
        <v>201.4</v>
      </c>
      <c r="G12094" s="40">
        <v>22.324612262292057</v>
      </c>
      <c r="H12094" s="40">
        <v>201.41666700000002</v>
      </c>
      <c r="I12094" s="40">
        <v>26.290184638137681</v>
      </c>
      <c r="L12094" s="40"/>
      <c r="M12094" s="40"/>
      <c r="N12094" s="40"/>
    </row>
    <row r="12095" spans="6:14" x14ac:dyDescent="0.25">
      <c r="F12095" s="40">
        <v>201.41666699999999</v>
      </c>
      <c r="G12095" s="40">
        <v>22.291605273901407</v>
      </c>
      <c r="H12095" s="40">
        <v>201.433334</v>
      </c>
      <c r="I12095" s="40">
        <v>26.293438764394445</v>
      </c>
      <c r="L12095" s="40"/>
      <c r="M12095" s="40"/>
      <c r="N12095" s="40"/>
    </row>
    <row r="12096" spans="6:14" x14ac:dyDescent="0.25">
      <c r="F12096" s="40">
        <v>201.43333299999998</v>
      </c>
      <c r="G12096" s="40">
        <v>22.253982901540859</v>
      </c>
      <c r="H12096" s="40">
        <v>201.45</v>
      </c>
      <c r="I12096" s="40">
        <v>26.293438764394445</v>
      </c>
      <c r="L12096" s="40"/>
      <c r="M12096" s="40"/>
      <c r="N12096" s="40"/>
    </row>
    <row r="12097" spans="6:14" x14ac:dyDescent="0.25">
      <c r="F12097" s="40">
        <v>201.45000000000002</v>
      </c>
      <c r="G12097" s="40">
        <v>22.220975913150333</v>
      </c>
      <c r="H12097" s="40">
        <v>201.46666700000003</v>
      </c>
      <c r="I12097" s="40">
        <v>26.293438764394445</v>
      </c>
      <c r="L12097" s="40"/>
      <c r="M12097" s="40"/>
      <c r="N12097" s="40"/>
    </row>
    <row r="12098" spans="6:14" x14ac:dyDescent="0.25">
      <c r="F12098" s="40">
        <v>201.466667</v>
      </c>
      <c r="G12098" s="40">
        <v>22.183353540789788</v>
      </c>
      <c r="H12098" s="40">
        <v>201.48333400000001</v>
      </c>
      <c r="I12098" s="40">
        <v>26.293438764394445</v>
      </c>
      <c r="L12098" s="40"/>
      <c r="M12098" s="40"/>
      <c r="N12098" s="40"/>
    </row>
    <row r="12099" spans="6:14" x14ac:dyDescent="0.25">
      <c r="F12099" s="40">
        <v>201.48333299999999</v>
      </c>
      <c r="G12099" s="40">
        <v>22.145591308308919</v>
      </c>
      <c r="H12099" s="40">
        <v>201.5</v>
      </c>
      <c r="I12099" s="40">
        <v>26.293438764394445</v>
      </c>
      <c r="L12099" s="40"/>
      <c r="M12099" s="40"/>
      <c r="N12099" s="40"/>
    </row>
    <row r="12100" spans="6:14" x14ac:dyDescent="0.25">
      <c r="F12100" s="40">
        <v>201.49999999999997</v>
      </c>
      <c r="G12100" s="40">
        <v>22.107968935948495</v>
      </c>
      <c r="H12100" s="40">
        <v>201.51666699999998</v>
      </c>
      <c r="I12100" s="40">
        <v>26.293438764394445</v>
      </c>
      <c r="L12100" s="40"/>
      <c r="M12100" s="40"/>
      <c r="N12100" s="40"/>
    </row>
    <row r="12101" spans="6:14" x14ac:dyDescent="0.25">
      <c r="F12101" s="40">
        <v>201.51666700000001</v>
      </c>
      <c r="G12101" s="40">
        <v>22.070206703467626</v>
      </c>
      <c r="H12101" s="40">
        <v>201.53333400000002</v>
      </c>
      <c r="I12101" s="40">
        <v>26.293438764394445</v>
      </c>
      <c r="L12101" s="40"/>
      <c r="M12101" s="40"/>
      <c r="N12101" s="40"/>
    </row>
    <row r="12102" spans="6:14" x14ac:dyDescent="0.25">
      <c r="F12102" s="40">
        <v>201.533333</v>
      </c>
      <c r="G12102" s="40">
        <v>22.032584331107202</v>
      </c>
      <c r="H12102" s="40">
        <v>201.55</v>
      </c>
      <c r="I12102" s="40">
        <v>26.296791500537701</v>
      </c>
      <c r="L12102" s="40"/>
      <c r="M12102" s="40"/>
      <c r="N12102" s="40"/>
    </row>
    <row r="12103" spans="6:14" x14ac:dyDescent="0.25">
      <c r="F12103" s="40">
        <v>201.54999999999998</v>
      </c>
      <c r="G12103" s="40">
        <v>21.994961958746654</v>
      </c>
      <c r="H12103" s="40">
        <v>201.566667</v>
      </c>
      <c r="I12103" s="40">
        <v>26.296791500537701</v>
      </c>
      <c r="L12103" s="40"/>
      <c r="M12103" s="40"/>
      <c r="N12103" s="40"/>
    </row>
    <row r="12104" spans="6:14" x14ac:dyDescent="0.25">
      <c r="F12104" s="40">
        <v>201.56666699999997</v>
      </c>
      <c r="G12104" s="40">
        <v>21.957199726265785</v>
      </c>
      <c r="H12104" s="40">
        <v>201.58333399999998</v>
      </c>
      <c r="I12104" s="40">
        <v>26.296791500537701</v>
      </c>
      <c r="L12104" s="40"/>
      <c r="M12104" s="40"/>
      <c r="N12104" s="40"/>
    </row>
    <row r="12105" spans="6:14" x14ac:dyDescent="0.25">
      <c r="F12105" s="40">
        <v>201.58333300000001</v>
      </c>
      <c r="G12105" s="40">
        <v>21.914822109815141</v>
      </c>
      <c r="H12105" s="40">
        <v>201.60000000000002</v>
      </c>
      <c r="I12105" s="40">
        <v>26.296791500537701</v>
      </c>
      <c r="L12105" s="40"/>
      <c r="M12105" s="40"/>
      <c r="N12105" s="40"/>
    </row>
    <row r="12106" spans="6:14" x14ac:dyDescent="0.25">
      <c r="F12106" s="40">
        <v>201.6</v>
      </c>
      <c r="G12106" s="40">
        <v>21.877199737454589</v>
      </c>
      <c r="H12106" s="40">
        <v>201.61666700000001</v>
      </c>
      <c r="I12106" s="40">
        <v>26.296791500537701</v>
      </c>
      <c r="L12106" s="40"/>
      <c r="M12106" s="40"/>
      <c r="N12106" s="40"/>
    </row>
    <row r="12107" spans="6:14" x14ac:dyDescent="0.25">
      <c r="F12107" s="40">
        <v>201.61666699999998</v>
      </c>
      <c r="G12107" s="40">
        <v>21.834822121003945</v>
      </c>
      <c r="H12107" s="40">
        <v>201.63333399999999</v>
      </c>
      <c r="I12107" s="40">
        <v>26.296791500537701</v>
      </c>
      <c r="L12107" s="40"/>
      <c r="M12107" s="40"/>
      <c r="N12107" s="40"/>
    </row>
    <row r="12108" spans="6:14" x14ac:dyDescent="0.25">
      <c r="F12108" s="40">
        <v>201.63333300000002</v>
      </c>
      <c r="G12108" s="40">
        <v>21.797059888523204</v>
      </c>
      <c r="H12108" s="40">
        <v>201.65000000000003</v>
      </c>
      <c r="I12108" s="40">
        <v>26.296791500537701</v>
      </c>
      <c r="L12108" s="40"/>
      <c r="M12108" s="40"/>
      <c r="N12108" s="40"/>
    </row>
    <row r="12109" spans="6:14" x14ac:dyDescent="0.25">
      <c r="F12109" s="40">
        <v>201.65</v>
      </c>
      <c r="G12109" s="40">
        <v>21.759437516162656</v>
      </c>
      <c r="H12109" s="40">
        <v>201.66666700000002</v>
      </c>
      <c r="I12109" s="40">
        <v>26.296791500537701</v>
      </c>
      <c r="L12109" s="40"/>
      <c r="M12109" s="40"/>
      <c r="N12109" s="40"/>
    </row>
    <row r="12110" spans="6:14" x14ac:dyDescent="0.25">
      <c r="F12110" s="40">
        <v>201.66666699999999</v>
      </c>
      <c r="G12110" s="40">
        <v>21.717059899712009</v>
      </c>
      <c r="H12110" s="40">
        <v>201.683334</v>
      </c>
      <c r="I12110" s="40">
        <v>26.300144236680961</v>
      </c>
      <c r="L12110" s="40"/>
      <c r="M12110" s="40"/>
      <c r="N12110" s="40"/>
    </row>
    <row r="12111" spans="6:14" x14ac:dyDescent="0.25">
      <c r="F12111" s="40">
        <v>201.68333299999998</v>
      </c>
      <c r="G12111" s="40">
        <v>21.679297667231147</v>
      </c>
      <c r="H12111" s="40">
        <v>201.7</v>
      </c>
      <c r="I12111" s="40">
        <v>26.300144236680961</v>
      </c>
      <c r="L12111" s="40"/>
      <c r="M12111" s="40"/>
      <c r="N12111" s="40"/>
    </row>
    <row r="12112" spans="6:14" x14ac:dyDescent="0.25">
      <c r="F12112" s="40">
        <v>201.70000000000002</v>
      </c>
      <c r="G12112" s="40">
        <v>21.636920050780503</v>
      </c>
      <c r="H12112" s="40">
        <v>201.71666700000003</v>
      </c>
      <c r="I12112" s="40">
        <v>26.300144236680961</v>
      </c>
      <c r="L12112" s="40"/>
      <c r="M12112" s="40"/>
      <c r="N12112" s="40"/>
    </row>
    <row r="12113" spans="6:14" x14ac:dyDescent="0.25">
      <c r="F12113" s="40">
        <v>201.716667</v>
      </c>
      <c r="G12113" s="40">
        <v>21.594542434329732</v>
      </c>
      <c r="H12113" s="40">
        <v>201.73333400000001</v>
      </c>
      <c r="I12113" s="40">
        <v>26.300144236680961</v>
      </c>
      <c r="L12113" s="40"/>
      <c r="M12113" s="40"/>
      <c r="N12113" s="40"/>
    </row>
    <row r="12114" spans="6:14" x14ac:dyDescent="0.25">
      <c r="F12114" s="40">
        <v>201.73333299999999</v>
      </c>
      <c r="G12114" s="40">
        <v>21.552164817879088</v>
      </c>
      <c r="H12114" s="40">
        <v>201.75</v>
      </c>
      <c r="I12114" s="40">
        <v>26.300144236680961</v>
      </c>
      <c r="L12114" s="40"/>
      <c r="M12114" s="40"/>
      <c r="N12114" s="40"/>
    </row>
    <row r="12115" spans="6:14" x14ac:dyDescent="0.25">
      <c r="F12115" s="40">
        <v>201.74999999999997</v>
      </c>
      <c r="G12115" s="40">
        <v>21.51454244551854</v>
      </c>
      <c r="H12115" s="40">
        <v>201.76666699999998</v>
      </c>
      <c r="I12115" s="40">
        <v>26.303398362937724</v>
      </c>
      <c r="L12115" s="40"/>
      <c r="M12115" s="40"/>
      <c r="N12115" s="40"/>
    </row>
    <row r="12116" spans="6:14" x14ac:dyDescent="0.25">
      <c r="F12116" s="40">
        <v>201.76666700000001</v>
      </c>
      <c r="G12116" s="40">
        <v>21.467409584977677</v>
      </c>
      <c r="H12116" s="40">
        <v>201.78333400000002</v>
      </c>
      <c r="I12116" s="40">
        <v>26.303398362937724</v>
      </c>
      <c r="L12116" s="40"/>
      <c r="M12116" s="40"/>
      <c r="N12116" s="40"/>
    </row>
    <row r="12117" spans="6:14" x14ac:dyDescent="0.25">
      <c r="F12117" s="40">
        <v>201.783333</v>
      </c>
      <c r="G12117" s="40">
        <v>21.425031968527033</v>
      </c>
      <c r="H12117" s="40">
        <v>201.8</v>
      </c>
      <c r="I12117" s="40">
        <v>26.303398362937724</v>
      </c>
      <c r="L12117" s="40"/>
      <c r="M12117" s="40"/>
      <c r="N12117" s="40"/>
    </row>
    <row r="12118" spans="6:14" x14ac:dyDescent="0.25">
      <c r="F12118" s="40">
        <v>201.79999999999998</v>
      </c>
      <c r="G12118" s="40">
        <v>21.38265435207639</v>
      </c>
      <c r="H12118" s="40">
        <v>201.816667</v>
      </c>
      <c r="I12118" s="40">
        <v>26.303398362937724</v>
      </c>
      <c r="L12118" s="40"/>
      <c r="M12118" s="40"/>
      <c r="N12118" s="40"/>
    </row>
    <row r="12119" spans="6:14" x14ac:dyDescent="0.25">
      <c r="F12119" s="40">
        <v>201.81666699999997</v>
      </c>
      <c r="G12119" s="40">
        <v>21.340276735625746</v>
      </c>
      <c r="H12119" s="40">
        <v>201.83333399999998</v>
      </c>
      <c r="I12119" s="40">
        <v>26.306751099081154</v>
      </c>
      <c r="L12119" s="40"/>
      <c r="M12119" s="40"/>
      <c r="N12119" s="40"/>
    </row>
    <row r="12120" spans="6:14" x14ac:dyDescent="0.25">
      <c r="F12120" s="40">
        <v>201.83333300000001</v>
      </c>
      <c r="G12120" s="40">
        <v>21.297899119174978</v>
      </c>
      <c r="H12120" s="40">
        <v>201.85000000000002</v>
      </c>
      <c r="I12120" s="40">
        <v>26.306751099081154</v>
      </c>
      <c r="L12120" s="40"/>
      <c r="M12120" s="40"/>
      <c r="N12120" s="40"/>
    </row>
    <row r="12121" spans="6:14" x14ac:dyDescent="0.25">
      <c r="F12121" s="40">
        <v>201.85</v>
      </c>
      <c r="G12121" s="40">
        <v>21.250766258634116</v>
      </c>
      <c r="H12121" s="40">
        <v>201.86666700000001</v>
      </c>
      <c r="I12121" s="40">
        <v>26.306751099081154</v>
      </c>
      <c r="L12121" s="40"/>
      <c r="M12121" s="40"/>
      <c r="N12121" s="40"/>
    </row>
    <row r="12122" spans="6:14" x14ac:dyDescent="0.25">
      <c r="F12122" s="40">
        <v>201.86666699999998</v>
      </c>
      <c r="G12122" s="40">
        <v>21.208388642183472</v>
      </c>
      <c r="H12122" s="40">
        <v>201.88333399999999</v>
      </c>
      <c r="I12122" s="40">
        <v>26.306751099081154</v>
      </c>
      <c r="L12122" s="40"/>
      <c r="M12122" s="40"/>
      <c r="N12122" s="40"/>
    </row>
    <row r="12123" spans="6:14" x14ac:dyDescent="0.25">
      <c r="F12123" s="40">
        <v>201.88333300000002</v>
      </c>
      <c r="G12123" s="40">
        <v>21.166011025732825</v>
      </c>
      <c r="H12123" s="40">
        <v>201.90000000000003</v>
      </c>
      <c r="I12123" s="40">
        <v>26.31010383522441</v>
      </c>
      <c r="L12123" s="40"/>
      <c r="M12123" s="40"/>
      <c r="N12123" s="40"/>
    </row>
    <row r="12124" spans="6:14" x14ac:dyDescent="0.25">
      <c r="F12124" s="40">
        <v>201.9</v>
      </c>
      <c r="G12124" s="40">
        <v>21.123633409282061</v>
      </c>
      <c r="H12124" s="40">
        <v>201.91666700000002</v>
      </c>
      <c r="I12124" s="40">
        <v>26.31010383522441</v>
      </c>
      <c r="L12124" s="40"/>
      <c r="M12124" s="40"/>
      <c r="N12124" s="40"/>
    </row>
    <row r="12125" spans="6:14" x14ac:dyDescent="0.25">
      <c r="F12125" s="40">
        <v>201.91666699999999</v>
      </c>
      <c r="G12125" s="40">
        <v>21.076500548741194</v>
      </c>
      <c r="H12125" s="40">
        <v>201.933334</v>
      </c>
      <c r="I12125" s="40">
        <v>26.31010383522441</v>
      </c>
      <c r="L12125" s="40"/>
      <c r="M12125" s="40"/>
      <c r="N12125" s="40"/>
    </row>
    <row r="12126" spans="6:14" x14ac:dyDescent="0.25">
      <c r="F12126" s="40">
        <v>201.93333299999998</v>
      </c>
      <c r="G12126" s="40">
        <v>21.034122932290551</v>
      </c>
      <c r="H12126" s="40">
        <v>201.95</v>
      </c>
      <c r="I12126" s="40">
        <v>26.313357961481174</v>
      </c>
      <c r="L12126" s="40"/>
      <c r="M12126" s="40"/>
      <c r="N12126" s="40"/>
    </row>
    <row r="12127" spans="6:14" x14ac:dyDescent="0.25">
      <c r="F12127" s="40">
        <v>201.95000000000002</v>
      </c>
      <c r="G12127" s="40">
        <v>20.991745315839907</v>
      </c>
      <c r="H12127" s="40">
        <v>201.96666700000003</v>
      </c>
      <c r="I12127" s="40">
        <v>26.313357961481174</v>
      </c>
      <c r="L12127" s="40"/>
      <c r="M12127" s="40"/>
      <c r="N12127" s="40"/>
    </row>
    <row r="12128" spans="6:14" x14ac:dyDescent="0.25">
      <c r="F12128" s="40">
        <v>201.966667</v>
      </c>
      <c r="G12128" s="40">
        <v>20.949367699389139</v>
      </c>
      <c r="H12128" s="40">
        <v>201.98333400000001</v>
      </c>
      <c r="I12128" s="40">
        <v>26.313357961481174</v>
      </c>
      <c r="L12128" s="40"/>
      <c r="M12128" s="40"/>
      <c r="N12128" s="40"/>
    </row>
    <row r="12129" spans="6:14" x14ac:dyDescent="0.25">
      <c r="F12129" s="40">
        <v>201.98333299999999</v>
      </c>
      <c r="G12129" s="40">
        <v>20.902234838848273</v>
      </c>
      <c r="H12129" s="40">
        <v>202</v>
      </c>
      <c r="I12129" s="40">
        <v>26.313357961481174</v>
      </c>
      <c r="L12129" s="40"/>
      <c r="M12129" s="40"/>
      <c r="N12129" s="40"/>
    </row>
    <row r="12130" spans="6:14" x14ac:dyDescent="0.25">
      <c r="F12130" s="40">
        <v>201.99999999999997</v>
      </c>
      <c r="G12130" s="40">
        <v>20.855101978307413</v>
      </c>
      <c r="H12130" s="40">
        <v>202.01666699999998</v>
      </c>
      <c r="I12130" s="40">
        <v>26.31671069762443</v>
      </c>
      <c r="L12130" s="40"/>
      <c r="M12130" s="40"/>
      <c r="N12130" s="40"/>
    </row>
    <row r="12131" spans="6:14" x14ac:dyDescent="0.25">
      <c r="F12131" s="40">
        <v>202.01666700000001</v>
      </c>
      <c r="G12131" s="40">
        <v>20.81272436185677</v>
      </c>
      <c r="H12131" s="40">
        <v>202.03333400000002</v>
      </c>
      <c r="I12131" s="40">
        <v>26.31671069762443</v>
      </c>
      <c r="L12131" s="40"/>
      <c r="M12131" s="40"/>
      <c r="N12131" s="40"/>
    </row>
    <row r="12132" spans="6:14" x14ac:dyDescent="0.25">
      <c r="F12132" s="40">
        <v>202.033333</v>
      </c>
      <c r="G12132" s="40">
        <v>20.765591501315907</v>
      </c>
      <c r="H12132" s="40">
        <v>202.05</v>
      </c>
      <c r="I12132" s="40">
        <v>26.31671069762443</v>
      </c>
      <c r="L12132" s="40"/>
      <c r="M12132" s="40"/>
      <c r="N12132" s="40"/>
    </row>
    <row r="12133" spans="6:14" x14ac:dyDescent="0.25">
      <c r="F12133" s="40">
        <v>202.04999999999998</v>
      </c>
      <c r="G12133" s="40">
        <v>20.718598500895361</v>
      </c>
      <c r="H12133" s="40">
        <v>202.066667</v>
      </c>
      <c r="I12133" s="40">
        <v>26.31671069762443</v>
      </c>
      <c r="L12133" s="40"/>
      <c r="M12133" s="40"/>
      <c r="N12133" s="40"/>
    </row>
    <row r="12134" spans="6:14" x14ac:dyDescent="0.25">
      <c r="F12134" s="40">
        <v>202.06666699999997</v>
      </c>
      <c r="G12134" s="40">
        <v>20.671465640354498</v>
      </c>
      <c r="H12134" s="40">
        <v>202.08333399999998</v>
      </c>
      <c r="I12134" s="40">
        <v>26.320063433767864</v>
      </c>
      <c r="L12134" s="40"/>
      <c r="M12134" s="40"/>
      <c r="N12134" s="40"/>
    </row>
    <row r="12135" spans="6:14" x14ac:dyDescent="0.25">
      <c r="F12135" s="40">
        <v>202.08333300000001</v>
      </c>
      <c r="G12135" s="40">
        <v>20.624332779813635</v>
      </c>
      <c r="H12135" s="40">
        <v>202.10000000000002</v>
      </c>
      <c r="I12135" s="40">
        <v>26.320063433767864</v>
      </c>
      <c r="L12135" s="40"/>
      <c r="M12135" s="40"/>
      <c r="N12135" s="40"/>
    </row>
    <row r="12136" spans="6:14" x14ac:dyDescent="0.25">
      <c r="F12136" s="40">
        <v>202.1</v>
      </c>
      <c r="G12136" s="40">
        <v>20.577199919272772</v>
      </c>
      <c r="H12136" s="40">
        <v>202.11666700000001</v>
      </c>
      <c r="I12136" s="40">
        <v>26.320063433767864</v>
      </c>
      <c r="L12136" s="40"/>
      <c r="M12136" s="40"/>
      <c r="N12136" s="40"/>
    </row>
    <row r="12137" spans="6:14" x14ac:dyDescent="0.25">
      <c r="F12137" s="40">
        <v>202.11666699999998</v>
      </c>
      <c r="G12137" s="40">
        <v>20.53020691885223</v>
      </c>
      <c r="H12137" s="40">
        <v>202.13333399999999</v>
      </c>
      <c r="I12137" s="40">
        <v>26.320063433767864</v>
      </c>
      <c r="L12137" s="40"/>
      <c r="M12137" s="40"/>
      <c r="N12137" s="40"/>
    </row>
    <row r="12138" spans="6:14" x14ac:dyDescent="0.25">
      <c r="F12138" s="40">
        <v>202.13333300000002</v>
      </c>
      <c r="G12138" s="40">
        <v>20.483074058311363</v>
      </c>
      <c r="H12138" s="40">
        <v>202.15000000000003</v>
      </c>
      <c r="I12138" s="40">
        <v>26.323317560024453</v>
      </c>
      <c r="L12138" s="40"/>
      <c r="M12138" s="40"/>
      <c r="N12138" s="40"/>
    </row>
    <row r="12139" spans="6:14" x14ac:dyDescent="0.25">
      <c r="F12139" s="40">
        <v>202.15</v>
      </c>
      <c r="G12139" s="40">
        <v>20.4359411977705</v>
      </c>
      <c r="H12139" s="40">
        <v>202.16666700000002</v>
      </c>
      <c r="I12139" s="40">
        <v>26.323317560024453</v>
      </c>
      <c r="L12139" s="40"/>
      <c r="M12139" s="40"/>
      <c r="N12139" s="40"/>
    </row>
    <row r="12140" spans="6:14" x14ac:dyDescent="0.25">
      <c r="F12140" s="40">
        <v>202.16666699999999</v>
      </c>
      <c r="G12140" s="40">
        <v>20.388808337229637</v>
      </c>
      <c r="H12140" s="40">
        <v>202.183334</v>
      </c>
      <c r="I12140" s="40">
        <v>26.323317560024453</v>
      </c>
      <c r="L12140" s="40"/>
      <c r="M12140" s="40"/>
      <c r="N12140" s="40"/>
    </row>
    <row r="12141" spans="6:14" x14ac:dyDescent="0.25">
      <c r="F12141" s="40">
        <v>202.18333299999998</v>
      </c>
      <c r="G12141" s="40">
        <v>20.341815336809095</v>
      </c>
      <c r="H12141" s="40">
        <v>202.2</v>
      </c>
      <c r="I12141" s="40">
        <v>26.323317560024453</v>
      </c>
      <c r="L12141" s="40"/>
      <c r="M12141" s="40"/>
      <c r="N12141" s="40"/>
    </row>
    <row r="12142" spans="6:14" x14ac:dyDescent="0.25">
      <c r="F12142" s="40">
        <v>202.20000000000002</v>
      </c>
      <c r="G12142" s="40">
        <v>20.294682476268232</v>
      </c>
      <c r="H12142" s="40">
        <v>202.21666700000003</v>
      </c>
      <c r="I12142" s="40">
        <v>26.326670296167887</v>
      </c>
      <c r="L12142" s="40"/>
      <c r="M12142" s="40"/>
      <c r="N12142" s="40"/>
    </row>
    <row r="12143" spans="6:14" x14ac:dyDescent="0.25">
      <c r="F12143" s="40">
        <v>202.216667</v>
      </c>
      <c r="G12143" s="40">
        <v>20.247549615727369</v>
      </c>
      <c r="H12143" s="40">
        <v>202.23333400000001</v>
      </c>
      <c r="I12143" s="40">
        <v>26.326670296167887</v>
      </c>
      <c r="L12143" s="40"/>
      <c r="M12143" s="40"/>
      <c r="N12143" s="40"/>
    </row>
    <row r="12144" spans="6:14" x14ac:dyDescent="0.25">
      <c r="F12144" s="40">
        <v>202.23333299999999</v>
      </c>
      <c r="G12144" s="40">
        <v>20.195801371216607</v>
      </c>
      <c r="H12144" s="40">
        <v>202.25</v>
      </c>
      <c r="I12144" s="40">
        <v>26.326670296167887</v>
      </c>
      <c r="L12144" s="40"/>
      <c r="M12144" s="40"/>
      <c r="N12144" s="40"/>
    </row>
    <row r="12145" spans="6:14" x14ac:dyDescent="0.25">
      <c r="F12145" s="40">
        <v>202.24999999999997</v>
      </c>
      <c r="G12145" s="40">
        <v>20.148668510675744</v>
      </c>
      <c r="H12145" s="40">
        <v>202.26666699999998</v>
      </c>
      <c r="I12145" s="40">
        <v>26.326670296167887</v>
      </c>
      <c r="L12145" s="40"/>
      <c r="M12145" s="40"/>
      <c r="N12145" s="40"/>
    </row>
    <row r="12146" spans="6:14" x14ac:dyDescent="0.25">
      <c r="F12146" s="40">
        <v>202.26666700000001</v>
      </c>
      <c r="G12146" s="40">
        <v>20.101535650134878</v>
      </c>
      <c r="H12146" s="40">
        <v>202.28333400000002</v>
      </c>
      <c r="I12146" s="40">
        <v>26.326670296167887</v>
      </c>
      <c r="L12146" s="40"/>
      <c r="M12146" s="40"/>
      <c r="N12146" s="40"/>
    </row>
    <row r="12147" spans="6:14" x14ac:dyDescent="0.25">
      <c r="F12147" s="40">
        <v>202.283333</v>
      </c>
      <c r="G12147" s="40">
        <v>20.04978740562424</v>
      </c>
      <c r="H12147" s="40">
        <v>202.3</v>
      </c>
      <c r="I12147" s="40">
        <v>26.330023032311139</v>
      </c>
      <c r="L12147" s="40"/>
      <c r="M12147" s="40"/>
      <c r="N12147" s="40"/>
    </row>
    <row r="12148" spans="6:14" x14ac:dyDescent="0.25">
      <c r="F12148" s="40">
        <v>202.29999999999998</v>
      </c>
      <c r="G12148" s="40">
        <v>20.002654545083377</v>
      </c>
      <c r="H12148" s="40">
        <v>202.316667</v>
      </c>
      <c r="I12148" s="40">
        <v>26.330023032311139</v>
      </c>
      <c r="L12148" s="40"/>
      <c r="M12148" s="40"/>
      <c r="N12148" s="40"/>
    </row>
    <row r="12149" spans="6:14" x14ac:dyDescent="0.25">
      <c r="F12149" s="40">
        <v>202.31666699999997</v>
      </c>
      <c r="G12149" s="40">
        <v>19.950906300572612</v>
      </c>
      <c r="H12149" s="40">
        <v>202.33333399999998</v>
      </c>
      <c r="I12149" s="40">
        <v>26.330023032311139</v>
      </c>
      <c r="L12149" s="40"/>
      <c r="M12149" s="40"/>
      <c r="N12149" s="40"/>
    </row>
    <row r="12150" spans="6:14" x14ac:dyDescent="0.25">
      <c r="F12150" s="40">
        <v>202.33333300000001</v>
      </c>
      <c r="G12150" s="40">
        <v>19.89901819594153</v>
      </c>
      <c r="H12150" s="40">
        <v>202.35000000000002</v>
      </c>
      <c r="I12150" s="40">
        <v>26.330023032311139</v>
      </c>
      <c r="L12150" s="40"/>
      <c r="M12150" s="40"/>
      <c r="N12150" s="40"/>
    </row>
    <row r="12151" spans="6:14" x14ac:dyDescent="0.25">
      <c r="F12151" s="40">
        <v>202.35</v>
      </c>
      <c r="G12151" s="40">
        <v>19.847269951430889</v>
      </c>
      <c r="H12151" s="40">
        <v>202.36666700000001</v>
      </c>
      <c r="I12151" s="40">
        <v>26.333277158567903</v>
      </c>
      <c r="L12151" s="40"/>
      <c r="M12151" s="40"/>
      <c r="N12151" s="40"/>
    </row>
    <row r="12152" spans="6:14" x14ac:dyDescent="0.25">
      <c r="F12152" s="40">
        <v>202.36666699999998</v>
      </c>
      <c r="G12152" s="40">
        <v>19.79538184679981</v>
      </c>
      <c r="H12152" s="40">
        <v>202.38333399999999</v>
      </c>
      <c r="I12152" s="40">
        <v>26.333277158567903</v>
      </c>
      <c r="L12152" s="40"/>
      <c r="M12152" s="40"/>
      <c r="N12152" s="40"/>
    </row>
    <row r="12153" spans="6:14" x14ac:dyDescent="0.25">
      <c r="F12153" s="40">
        <v>202.38333300000002</v>
      </c>
      <c r="G12153" s="40">
        <v>19.743633602289044</v>
      </c>
      <c r="H12153" s="40">
        <v>202.40000000000003</v>
      </c>
      <c r="I12153" s="40">
        <v>26.333277158567903</v>
      </c>
      <c r="L12153" s="40"/>
      <c r="M12153" s="40"/>
      <c r="N12153" s="40"/>
    </row>
    <row r="12154" spans="6:14" x14ac:dyDescent="0.25">
      <c r="F12154" s="40">
        <v>202.4</v>
      </c>
      <c r="G12154" s="40">
        <v>19.687130113688188</v>
      </c>
      <c r="H12154" s="40">
        <v>202.41666700000002</v>
      </c>
      <c r="I12154" s="40">
        <v>26.333277158567903</v>
      </c>
      <c r="L12154" s="40"/>
      <c r="M12154" s="40"/>
      <c r="N12154" s="40"/>
    </row>
    <row r="12155" spans="6:14" x14ac:dyDescent="0.25">
      <c r="F12155" s="40">
        <v>202.41666699999999</v>
      </c>
      <c r="G12155" s="40">
        <v>19.635242009057102</v>
      </c>
      <c r="H12155" s="40">
        <v>202.433334</v>
      </c>
      <c r="I12155" s="40">
        <v>26.336629894711162</v>
      </c>
      <c r="L12155" s="40"/>
      <c r="M12155" s="40"/>
      <c r="N12155" s="40"/>
    </row>
    <row r="12156" spans="6:14" x14ac:dyDescent="0.25">
      <c r="F12156" s="40">
        <v>202.43333299999998</v>
      </c>
      <c r="G12156" s="40">
        <v>19.58349376454634</v>
      </c>
      <c r="H12156" s="40">
        <v>202.45</v>
      </c>
      <c r="I12156" s="40">
        <v>26.336629894711162</v>
      </c>
      <c r="L12156" s="40"/>
      <c r="M12156" s="40"/>
      <c r="N12156" s="40"/>
    </row>
    <row r="12157" spans="6:14" x14ac:dyDescent="0.25">
      <c r="F12157" s="40">
        <v>202.45000000000002</v>
      </c>
      <c r="G12157" s="40">
        <v>19.531605659915382</v>
      </c>
      <c r="H12157" s="40">
        <v>202.46666700000003</v>
      </c>
      <c r="I12157" s="40">
        <v>26.336629894711162</v>
      </c>
      <c r="L12157" s="40"/>
      <c r="M12157" s="40"/>
      <c r="N12157" s="40"/>
    </row>
    <row r="12158" spans="6:14" x14ac:dyDescent="0.25">
      <c r="F12158" s="40">
        <v>202.466667</v>
      </c>
      <c r="G12158" s="40">
        <v>19.47985741540462</v>
      </c>
      <c r="H12158" s="40">
        <v>202.48333400000001</v>
      </c>
      <c r="I12158" s="40">
        <v>26.336629894711162</v>
      </c>
      <c r="L12158" s="40"/>
      <c r="M12158" s="40"/>
      <c r="N12158" s="40"/>
    </row>
    <row r="12159" spans="6:14" x14ac:dyDescent="0.25">
      <c r="F12159" s="40">
        <v>202.48333299999999</v>
      </c>
      <c r="G12159" s="40">
        <v>19.428109170893855</v>
      </c>
      <c r="H12159" s="40">
        <v>202.5</v>
      </c>
      <c r="I12159" s="40">
        <v>26.336629894711162</v>
      </c>
      <c r="L12159" s="40"/>
      <c r="M12159" s="40"/>
      <c r="N12159" s="40"/>
    </row>
    <row r="12160" spans="6:14" x14ac:dyDescent="0.25">
      <c r="F12160" s="40">
        <v>202.49999999999997</v>
      </c>
      <c r="G12160" s="40">
        <v>19.371605682292998</v>
      </c>
      <c r="H12160" s="40">
        <v>202.51666699999998</v>
      </c>
      <c r="I12160" s="40">
        <v>26.339982630854596</v>
      </c>
      <c r="L12160" s="40"/>
      <c r="M12160" s="40"/>
      <c r="N12160" s="40"/>
    </row>
    <row r="12161" spans="6:14" x14ac:dyDescent="0.25">
      <c r="F12161" s="40">
        <v>202.51666700000001</v>
      </c>
      <c r="G12161" s="40">
        <v>19.319717577661915</v>
      </c>
      <c r="H12161" s="40">
        <v>202.53333400000002</v>
      </c>
      <c r="I12161" s="40">
        <v>26.339982630854596</v>
      </c>
      <c r="L12161" s="40"/>
      <c r="M12161" s="40"/>
      <c r="N12161" s="40"/>
    </row>
    <row r="12162" spans="6:14" x14ac:dyDescent="0.25">
      <c r="F12162" s="40">
        <v>202.533333</v>
      </c>
      <c r="G12162" s="40">
        <v>19.26796933315115</v>
      </c>
      <c r="H12162" s="40">
        <v>202.55</v>
      </c>
      <c r="I12162" s="40">
        <v>26.339982630854596</v>
      </c>
      <c r="L12162" s="40"/>
      <c r="M12162" s="40"/>
      <c r="N12162" s="40"/>
    </row>
    <row r="12163" spans="6:14" x14ac:dyDescent="0.25">
      <c r="F12163" s="40">
        <v>202.54999999999998</v>
      </c>
      <c r="G12163" s="40">
        <v>19.21146584455029</v>
      </c>
      <c r="H12163" s="40">
        <v>202.566667</v>
      </c>
      <c r="I12163" s="40">
        <v>26.339982630854596</v>
      </c>
      <c r="L12163" s="40"/>
      <c r="M12163" s="40"/>
      <c r="N12163" s="40"/>
    </row>
    <row r="12164" spans="6:14" x14ac:dyDescent="0.25">
      <c r="F12164" s="40">
        <v>202.56666699999997</v>
      </c>
      <c r="G12164" s="40">
        <v>19.159577739919211</v>
      </c>
      <c r="H12164" s="40">
        <v>202.58333399999998</v>
      </c>
      <c r="I12164" s="40">
        <v>26.339982630854596</v>
      </c>
      <c r="L12164" s="40"/>
      <c r="M12164" s="40"/>
      <c r="N12164" s="40"/>
    </row>
    <row r="12165" spans="6:14" x14ac:dyDescent="0.25">
      <c r="F12165" s="40">
        <v>202.58333300000001</v>
      </c>
      <c r="G12165" s="40">
        <v>19.10782949540857</v>
      </c>
      <c r="H12165" s="40">
        <v>202.60000000000002</v>
      </c>
      <c r="I12165" s="40">
        <v>26.343236757111359</v>
      </c>
      <c r="L12165" s="40"/>
      <c r="M12165" s="40"/>
      <c r="N12165" s="40"/>
    </row>
    <row r="12166" spans="6:14" x14ac:dyDescent="0.25">
      <c r="F12166" s="40">
        <v>202.6</v>
      </c>
      <c r="G12166" s="40">
        <v>19.051326006807589</v>
      </c>
      <c r="H12166" s="40">
        <v>202.61666700000001</v>
      </c>
      <c r="I12166" s="40">
        <v>26.343236757111359</v>
      </c>
      <c r="L12166" s="40"/>
      <c r="M12166" s="40"/>
      <c r="N12166" s="40"/>
    </row>
    <row r="12167" spans="6:14" x14ac:dyDescent="0.25">
      <c r="F12167" s="40">
        <v>202.61666699999998</v>
      </c>
      <c r="G12167" s="40">
        <v>18.994682658086411</v>
      </c>
      <c r="H12167" s="40">
        <v>202.63333399999999</v>
      </c>
      <c r="I12167" s="40">
        <v>26.343236757111359</v>
      </c>
      <c r="L12167" s="40"/>
      <c r="M12167" s="40"/>
      <c r="N12167" s="40"/>
    </row>
    <row r="12168" spans="6:14" x14ac:dyDescent="0.25">
      <c r="F12168" s="40">
        <v>202.63333300000002</v>
      </c>
      <c r="G12168" s="40">
        <v>18.942934413575646</v>
      </c>
      <c r="H12168" s="40">
        <v>202.65000000000003</v>
      </c>
      <c r="I12168" s="40">
        <v>26.343236757111359</v>
      </c>
      <c r="L12168" s="40"/>
      <c r="M12168" s="40"/>
      <c r="N12168" s="40"/>
    </row>
    <row r="12169" spans="6:14" x14ac:dyDescent="0.25">
      <c r="F12169" s="40">
        <v>202.65</v>
      </c>
      <c r="G12169" s="40">
        <v>18.886430924974789</v>
      </c>
      <c r="H12169" s="40">
        <v>202.66666700000002</v>
      </c>
      <c r="I12169" s="40">
        <v>26.343236757111359</v>
      </c>
      <c r="L12169" s="40"/>
      <c r="M12169" s="40"/>
      <c r="N12169" s="40"/>
    </row>
    <row r="12170" spans="6:14" x14ac:dyDescent="0.25">
      <c r="F12170" s="40">
        <v>202.66666699999999</v>
      </c>
      <c r="G12170" s="40">
        <v>18.829927436373804</v>
      </c>
      <c r="H12170" s="40">
        <v>202.683334</v>
      </c>
      <c r="I12170" s="40">
        <v>26.346589493254616</v>
      </c>
      <c r="L12170" s="40"/>
      <c r="M12170" s="40"/>
      <c r="N12170" s="40"/>
    </row>
    <row r="12171" spans="6:14" x14ac:dyDescent="0.25">
      <c r="F12171" s="40">
        <v>202.68333299999998</v>
      </c>
      <c r="G12171" s="40">
        <v>18.773423947772947</v>
      </c>
      <c r="H12171" s="40">
        <v>202.7</v>
      </c>
      <c r="I12171" s="40">
        <v>26.346589493254616</v>
      </c>
      <c r="L12171" s="40"/>
      <c r="M12171" s="40"/>
      <c r="N12171" s="40"/>
    </row>
    <row r="12172" spans="6:14" x14ac:dyDescent="0.25">
      <c r="F12172" s="40">
        <v>202.70000000000002</v>
      </c>
      <c r="G12172" s="40">
        <v>18.721535843141865</v>
      </c>
      <c r="H12172" s="40">
        <v>202.71666700000003</v>
      </c>
      <c r="I12172" s="40">
        <v>26.346589493254616</v>
      </c>
      <c r="L12172" s="40"/>
      <c r="M12172" s="40"/>
      <c r="N12172" s="40"/>
    </row>
    <row r="12173" spans="6:14" x14ac:dyDescent="0.25">
      <c r="F12173" s="40">
        <v>202.716667</v>
      </c>
      <c r="G12173" s="40">
        <v>18.665032354541005</v>
      </c>
      <c r="H12173" s="40">
        <v>202.73333400000001</v>
      </c>
      <c r="I12173" s="40">
        <v>26.346589493254616</v>
      </c>
      <c r="L12173" s="40"/>
      <c r="M12173" s="40"/>
      <c r="N12173" s="40"/>
    </row>
    <row r="12174" spans="6:14" x14ac:dyDescent="0.25">
      <c r="F12174" s="40">
        <v>202.73333299999999</v>
      </c>
      <c r="G12174" s="40">
        <v>18.608528865940023</v>
      </c>
      <c r="H12174" s="40">
        <v>202.75</v>
      </c>
      <c r="I12174" s="40">
        <v>26.346589493254616</v>
      </c>
      <c r="L12174" s="40"/>
      <c r="M12174" s="40"/>
      <c r="N12174" s="40"/>
    </row>
    <row r="12175" spans="6:14" x14ac:dyDescent="0.25">
      <c r="F12175" s="40">
        <v>202.74999999999997</v>
      </c>
      <c r="G12175" s="40">
        <v>18.552025377339167</v>
      </c>
      <c r="H12175" s="40">
        <v>202.76666699999998</v>
      </c>
      <c r="I12175" s="40">
        <v>26.346589493254616</v>
      </c>
      <c r="L12175" s="40"/>
      <c r="M12175" s="40"/>
      <c r="N12175" s="40"/>
    </row>
    <row r="12176" spans="6:14" x14ac:dyDescent="0.25">
      <c r="F12176" s="40">
        <v>202.76666700000001</v>
      </c>
      <c r="G12176" s="40">
        <v>18.490766644648087</v>
      </c>
      <c r="H12176" s="40">
        <v>202.78333400000002</v>
      </c>
      <c r="I12176" s="40">
        <v>26.349942229397868</v>
      </c>
      <c r="L12176" s="40"/>
      <c r="M12176" s="40"/>
      <c r="N12176" s="40"/>
    </row>
    <row r="12177" spans="6:14" x14ac:dyDescent="0.25">
      <c r="F12177" s="40">
        <v>202.783333</v>
      </c>
      <c r="G12177" s="40">
        <v>18.434263156047106</v>
      </c>
      <c r="H12177" s="40">
        <v>202.8</v>
      </c>
      <c r="I12177" s="40">
        <v>26.349942229397868</v>
      </c>
      <c r="L12177" s="40"/>
      <c r="M12177" s="40"/>
      <c r="N12177" s="40"/>
    </row>
    <row r="12178" spans="6:14" x14ac:dyDescent="0.25">
      <c r="F12178" s="40">
        <v>202.79999999999998</v>
      </c>
      <c r="G12178" s="40">
        <v>18.377759667446249</v>
      </c>
      <c r="H12178" s="40">
        <v>202.816667</v>
      </c>
      <c r="I12178" s="40">
        <v>26.349942229397868</v>
      </c>
      <c r="L12178" s="40"/>
      <c r="M12178" s="40"/>
      <c r="N12178" s="40"/>
    </row>
    <row r="12179" spans="6:14" x14ac:dyDescent="0.25">
      <c r="F12179" s="40">
        <v>202.81666699999997</v>
      </c>
      <c r="G12179" s="40">
        <v>18.321256178845388</v>
      </c>
      <c r="H12179" s="40">
        <v>202.83333399999998</v>
      </c>
      <c r="I12179" s="40">
        <v>26.349942229397868</v>
      </c>
      <c r="L12179" s="40"/>
      <c r="M12179" s="40"/>
      <c r="N12179" s="40"/>
    </row>
    <row r="12180" spans="6:14" x14ac:dyDescent="0.25">
      <c r="F12180" s="40">
        <v>202.83333300000001</v>
      </c>
      <c r="G12180" s="40">
        <v>18.259997446154312</v>
      </c>
      <c r="H12180" s="40">
        <v>202.85000000000002</v>
      </c>
      <c r="I12180" s="40">
        <v>26.349942229397868</v>
      </c>
      <c r="L12180" s="40"/>
      <c r="M12180" s="40"/>
      <c r="N12180" s="40"/>
    </row>
    <row r="12181" spans="6:14" x14ac:dyDescent="0.25">
      <c r="F12181" s="40">
        <v>202.85</v>
      </c>
      <c r="G12181" s="40">
        <v>18.203493957553327</v>
      </c>
      <c r="H12181" s="40">
        <v>202.86666700000001</v>
      </c>
      <c r="I12181" s="40">
        <v>26.349942229397868</v>
      </c>
      <c r="L12181" s="40"/>
      <c r="M12181" s="40"/>
      <c r="N12181" s="40"/>
    </row>
    <row r="12182" spans="6:14" x14ac:dyDescent="0.25">
      <c r="F12182" s="40">
        <v>202.86666699999998</v>
      </c>
      <c r="G12182" s="40">
        <v>18.14699046895247</v>
      </c>
      <c r="H12182" s="40">
        <v>202.88333399999999</v>
      </c>
      <c r="I12182" s="40">
        <v>26.353196355654632</v>
      </c>
      <c r="L12182" s="40"/>
      <c r="M12182" s="40"/>
      <c r="N12182" s="40"/>
    </row>
    <row r="12183" spans="6:14" x14ac:dyDescent="0.25">
      <c r="F12183" s="40">
        <v>202.88333300000002</v>
      </c>
      <c r="G12183" s="40">
        <v>18.085731736261394</v>
      </c>
      <c r="H12183" s="40">
        <v>202.90000000000003</v>
      </c>
      <c r="I12183" s="40">
        <v>26.353196355654632</v>
      </c>
      <c r="L12183" s="40"/>
      <c r="M12183" s="40"/>
      <c r="N12183" s="40"/>
    </row>
    <row r="12184" spans="6:14" x14ac:dyDescent="0.25">
      <c r="F12184" s="40">
        <v>202.9</v>
      </c>
      <c r="G12184" s="40">
        <v>18.029228247660406</v>
      </c>
      <c r="H12184" s="40">
        <v>202.91666700000002</v>
      </c>
      <c r="I12184" s="40">
        <v>26.353196355654632</v>
      </c>
      <c r="L12184" s="40"/>
      <c r="M12184" s="40"/>
      <c r="N12184" s="40"/>
    </row>
    <row r="12185" spans="6:14" x14ac:dyDescent="0.25">
      <c r="F12185" s="40">
        <v>202.91666699999999</v>
      </c>
      <c r="G12185" s="40">
        <v>17.972724759059549</v>
      </c>
      <c r="H12185" s="40">
        <v>202.933334</v>
      </c>
      <c r="I12185" s="40">
        <v>26.353196355654632</v>
      </c>
      <c r="L12185" s="40"/>
      <c r="M12185" s="40"/>
      <c r="N12185" s="40"/>
    </row>
    <row r="12186" spans="6:14" x14ac:dyDescent="0.25">
      <c r="F12186" s="40">
        <v>202.93333299999998</v>
      </c>
      <c r="G12186" s="40">
        <v>17.911466026368469</v>
      </c>
      <c r="H12186" s="40">
        <v>202.95</v>
      </c>
      <c r="I12186" s="40">
        <v>26.353196355654632</v>
      </c>
      <c r="L12186" s="40"/>
      <c r="M12186" s="40"/>
      <c r="N12186" s="40"/>
    </row>
    <row r="12187" spans="6:14" x14ac:dyDescent="0.25">
      <c r="F12187" s="40">
        <v>202.95000000000002</v>
      </c>
      <c r="G12187" s="40">
        <v>17.854962537767488</v>
      </c>
      <c r="H12187" s="40">
        <v>202.96666700000003</v>
      </c>
      <c r="I12187" s="40">
        <v>26.356549091797891</v>
      </c>
      <c r="L12187" s="40"/>
      <c r="M12187" s="40"/>
      <c r="N12187" s="40"/>
    </row>
    <row r="12188" spans="6:14" x14ac:dyDescent="0.25">
      <c r="F12188" s="40">
        <v>202.966667</v>
      </c>
      <c r="G12188" s="40">
        <v>17.793703805076412</v>
      </c>
      <c r="H12188" s="40">
        <v>202.98333400000001</v>
      </c>
      <c r="I12188" s="40">
        <v>26.356549091797891</v>
      </c>
      <c r="L12188" s="40"/>
      <c r="M12188" s="40"/>
      <c r="N12188" s="40"/>
    </row>
    <row r="12189" spans="6:14" x14ac:dyDescent="0.25">
      <c r="F12189" s="40">
        <v>202.98333299999999</v>
      </c>
      <c r="G12189" s="40">
        <v>17.732584932505652</v>
      </c>
      <c r="H12189" s="40">
        <v>203</v>
      </c>
      <c r="I12189" s="40">
        <v>26.356549091797891</v>
      </c>
      <c r="L12189" s="40"/>
      <c r="M12189" s="40"/>
      <c r="N12189" s="40"/>
    </row>
    <row r="12190" spans="6:14" x14ac:dyDescent="0.25">
      <c r="F12190" s="40">
        <v>202.99999999999997</v>
      </c>
      <c r="G12190" s="40">
        <v>17.671326199814576</v>
      </c>
      <c r="H12190" s="40">
        <v>203.01666699999998</v>
      </c>
      <c r="I12190" s="40">
        <v>26.356549091797891</v>
      </c>
      <c r="L12190" s="40"/>
      <c r="M12190" s="40"/>
      <c r="N12190" s="40"/>
    </row>
    <row r="12191" spans="6:14" x14ac:dyDescent="0.25">
      <c r="F12191" s="40">
        <v>203.01666700000001</v>
      </c>
      <c r="G12191" s="40">
        <v>17.614822711213716</v>
      </c>
      <c r="H12191" s="40">
        <v>203.03333400000002</v>
      </c>
      <c r="I12191" s="40">
        <v>26.356549091797891</v>
      </c>
      <c r="L12191" s="40"/>
      <c r="M12191" s="40"/>
      <c r="N12191" s="40"/>
    </row>
    <row r="12192" spans="6:14" x14ac:dyDescent="0.25">
      <c r="F12192" s="40">
        <v>203.033333</v>
      </c>
      <c r="G12192" s="40">
        <v>17.553563978522515</v>
      </c>
      <c r="H12192" s="40">
        <v>203.05</v>
      </c>
      <c r="I12192" s="40">
        <v>26.359901827941325</v>
      </c>
      <c r="L12192" s="40"/>
      <c r="M12192" s="40"/>
      <c r="N12192" s="40"/>
    </row>
    <row r="12193" spans="6:14" x14ac:dyDescent="0.25">
      <c r="F12193" s="40">
        <v>203.04999999999998</v>
      </c>
      <c r="G12193" s="40">
        <v>17.492305245831439</v>
      </c>
      <c r="H12193" s="40">
        <v>203.066667</v>
      </c>
      <c r="I12193" s="40">
        <v>26.359901827941325</v>
      </c>
      <c r="L12193" s="40"/>
      <c r="M12193" s="40"/>
      <c r="N12193" s="40"/>
    </row>
    <row r="12194" spans="6:14" x14ac:dyDescent="0.25">
      <c r="F12194" s="40">
        <v>203.06666699999997</v>
      </c>
      <c r="G12194" s="40">
        <v>17.431046513140359</v>
      </c>
      <c r="H12194" s="40">
        <v>203.08333399999998</v>
      </c>
      <c r="I12194" s="40">
        <v>26.359901827941325</v>
      </c>
      <c r="L12194" s="40"/>
      <c r="M12194" s="40"/>
      <c r="N12194" s="40"/>
    </row>
    <row r="12195" spans="6:14" x14ac:dyDescent="0.25">
      <c r="F12195" s="40">
        <v>203.08333300000001</v>
      </c>
      <c r="G12195" s="40">
        <v>17.374543024539502</v>
      </c>
      <c r="H12195" s="40">
        <v>203.10000000000002</v>
      </c>
      <c r="I12195" s="40">
        <v>26.359901827941325</v>
      </c>
      <c r="L12195" s="40"/>
      <c r="M12195" s="40"/>
      <c r="N12195" s="40"/>
    </row>
    <row r="12196" spans="6:14" x14ac:dyDescent="0.25">
      <c r="F12196" s="40">
        <v>203.1</v>
      </c>
      <c r="G12196" s="40">
        <v>17.30866890787852</v>
      </c>
      <c r="H12196" s="40">
        <v>203.11666700000001</v>
      </c>
      <c r="I12196" s="40">
        <v>26.359901827941325</v>
      </c>
      <c r="L12196" s="40"/>
      <c r="M12196" s="40"/>
      <c r="N12196" s="40"/>
    </row>
    <row r="12197" spans="6:14" x14ac:dyDescent="0.25">
      <c r="F12197" s="40">
        <v>203.11666699999998</v>
      </c>
      <c r="G12197" s="40">
        <v>17.247410175187447</v>
      </c>
      <c r="H12197" s="40">
        <v>203.13333399999999</v>
      </c>
      <c r="I12197" s="40">
        <v>26.359901827941325</v>
      </c>
      <c r="L12197" s="40"/>
      <c r="M12197" s="40"/>
      <c r="N12197" s="40"/>
    </row>
    <row r="12198" spans="6:14" x14ac:dyDescent="0.25">
      <c r="F12198" s="40">
        <v>203.13333300000002</v>
      </c>
      <c r="G12198" s="40">
        <v>17.186151442496367</v>
      </c>
      <c r="H12198" s="40">
        <v>203.15000000000003</v>
      </c>
      <c r="I12198" s="40">
        <v>26.363155954198088</v>
      </c>
      <c r="L12198" s="40"/>
      <c r="M12198" s="40"/>
      <c r="N12198" s="40"/>
    </row>
    <row r="12199" spans="6:14" x14ac:dyDescent="0.25">
      <c r="F12199" s="40">
        <v>203.15</v>
      </c>
      <c r="G12199" s="40">
        <v>17.124892709805291</v>
      </c>
      <c r="H12199" s="40">
        <v>203.16666700000002</v>
      </c>
      <c r="I12199" s="40">
        <v>26.363155954198088</v>
      </c>
      <c r="L12199" s="40"/>
      <c r="M12199" s="40"/>
      <c r="N12199" s="40"/>
    </row>
    <row r="12200" spans="6:14" x14ac:dyDescent="0.25">
      <c r="F12200" s="40">
        <v>203.16666699999999</v>
      </c>
      <c r="G12200" s="40">
        <v>17.063773837234528</v>
      </c>
      <c r="H12200" s="40">
        <v>203.183334</v>
      </c>
      <c r="I12200" s="40">
        <v>26.363155954198088</v>
      </c>
      <c r="L12200" s="40"/>
      <c r="M12200" s="40"/>
      <c r="N12200" s="40"/>
    </row>
    <row r="12201" spans="6:14" x14ac:dyDescent="0.25">
      <c r="F12201" s="40">
        <v>203.18333299999998</v>
      </c>
      <c r="G12201" s="40">
        <v>17.002515104543452</v>
      </c>
      <c r="H12201" s="40">
        <v>203.2</v>
      </c>
      <c r="I12201" s="40">
        <v>26.363155954198088</v>
      </c>
      <c r="L12201" s="40"/>
      <c r="M12201" s="40"/>
      <c r="N12201" s="40"/>
    </row>
    <row r="12202" spans="6:14" x14ac:dyDescent="0.25">
      <c r="F12202" s="40">
        <v>203.20000000000002</v>
      </c>
      <c r="G12202" s="40">
        <v>16.941256371852251</v>
      </c>
      <c r="H12202" s="40">
        <v>203.21666700000003</v>
      </c>
      <c r="I12202" s="40">
        <v>26.363155954198088</v>
      </c>
      <c r="L12202" s="40"/>
      <c r="M12202" s="40"/>
      <c r="N12202" s="40"/>
    </row>
    <row r="12203" spans="6:14" x14ac:dyDescent="0.25">
      <c r="F12203" s="40">
        <v>203.216667</v>
      </c>
      <c r="G12203" s="40">
        <v>16.879997639161171</v>
      </c>
      <c r="H12203" s="40">
        <v>203.23333400000001</v>
      </c>
      <c r="I12203" s="40">
        <v>26.363155954198088</v>
      </c>
      <c r="L12203" s="40"/>
      <c r="M12203" s="40"/>
      <c r="N12203" s="40"/>
    </row>
    <row r="12204" spans="6:14" x14ac:dyDescent="0.25">
      <c r="F12204" s="40">
        <v>203.23333299999999</v>
      </c>
      <c r="G12204" s="40">
        <v>16.818878766590416</v>
      </c>
      <c r="H12204" s="40">
        <v>203.25</v>
      </c>
      <c r="I12204" s="40">
        <v>26.363155954198088</v>
      </c>
      <c r="L12204" s="40"/>
      <c r="M12204" s="40"/>
      <c r="N12204" s="40"/>
    </row>
    <row r="12205" spans="6:14" x14ac:dyDescent="0.25">
      <c r="F12205" s="40">
        <v>203.24999999999997</v>
      </c>
      <c r="G12205" s="40">
        <v>16.757620033899336</v>
      </c>
      <c r="H12205" s="40">
        <v>203.26666699999998</v>
      </c>
      <c r="I12205" s="40">
        <v>26.366508690341345</v>
      </c>
      <c r="L12205" s="40"/>
      <c r="M12205" s="40"/>
      <c r="N12205" s="40"/>
    </row>
    <row r="12206" spans="6:14" x14ac:dyDescent="0.25">
      <c r="F12206" s="40">
        <v>203.26666700000001</v>
      </c>
      <c r="G12206" s="40">
        <v>16.69636130120826</v>
      </c>
      <c r="H12206" s="40">
        <v>203.28333400000002</v>
      </c>
      <c r="I12206" s="40">
        <v>26.366508690341345</v>
      </c>
      <c r="L12206" s="40"/>
      <c r="M12206" s="40"/>
      <c r="N12206" s="40"/>
    </row>
    <row r="12207" spans="6:14" x14ac:dyDescent="0.25">
      <c r="F12207" s="40">
        <v>203.283333</v>
      </c>
      <c r="G12207" s="40">
        <v>16.63510256851718</v>
      </c>
      <c r="H12207" s="40">
        <v>203.3</v>
      </c>
      <c r="I12207" s="40">
        <v>26.366508690341345</v>
      </c>
      <c r="L12207" s="40"/>
      <c r="M12207" s="40"/>
      <c r="N12207" s="40"/>
    </row>
    <row r="12208" spans="6:14" x14ac:dyDescent="0.25">
      <c r="F12208" s="40">
        <v>203.29999999999998</v>
      </c>
      <c r="G12208" s="40">
        <v>16.573843835826104</v>
      </c>
      <c r="H12208" s="40">
        <v>203.316667</v>
      </c>
      <c r="I12208" s="40">
        <v>26.366508690341345</v>
      </c>
      <c r="L12208" s="40"/>
      <c r="M12208" s="40"/>
      <c r="N12208" s="40"/>
    </row>
    <row r="12209" spans="6:14" x14ac:dyDescent="0.25">
      <c r="F12209" s="40">
        <v>203.31666699999997</v>
      </c>
      <c r="G12209" s="40">
        <v>16.507969719165125</v>
      </c>
      <c r="H12209" s="40">
        <v>203.33333399999998</v>
      </c>
      <c r="I12209" s="40">
        <v>26.366508690341345</v>
      </c>
      <c r="L12209" s="40"/>
      <c r="M12209" s="40"/>
      <c r="N12209" s="40"/>
    </row>
    <row r="12210" spans="6:14" x14ac:dyDescent="0.25">
      <c r="F12210" s="40">
        <v>203.33333300000001</v>
      </c>
      <c r="G12210" s="40">
        <v>16.441955742383829</v>
      </c>
      <c r="H12210" s="40">
        <v>203.35000000000002</v>
      </c>
      <c r="I12210" s="40">
        <v>26.369861426484601</v>
      </c>
      <c r="L12210" s="40"/>
      <c r="M12210" s="40"/>
      <c r="N12210" s="40"/>
    </row>
    <row r="12211" spans="6:14" x14ac:dyDescent="0.25">
      <c r="F12211" s="40">
        <v>203.35</v>
      </c>
      <c r="G12211" s="40">
        <v>16.380836869813066</v>
      </c>
      <c r="H12211" s="40">
        <v>203.36666700000001</v>
      </c>
      <c r="I12211" s="40">
        <v>26.369861426484601</v>
      </c>
      <c r="L12211" s="40"/>
      <c r="M12211" s="40"/>
      <c r="N12211" s="40"/>
    </row>
    <row r="12212" spans="6:14" x14ac:dyDescent="0.25">
      <c r="F12212" s="40">
        <v>203.36666699999998</v>
      </c>
      <c r="G12212" s="40">
        <v>16.314822893031774</v>
      </c>
      <c r="H12212" s="40">
        <v>203.38333399999999</v>
      </c>
      <c r="I12212" s="40">
        <v>26.369861426484601</v>
      </c>
      <c r="L12212" s="40"/>
      <c r="M12212" s="40"/>
      <c r="N12212" s="40"/>
    </row>
    <row r="12213" spans="6:14" x14ac:dyDescent="0.25">
      <c r="F12213" s="40">
        <v>203.38333300000002</v>
      </c>
      <c r="G12213" s="40">
        <v>16.253564160340694</v>
      </c>
      <c r="H12213" s="40">
        <v>203.40000000000003</v>
      </c>
      <c r="I12213" s="40">
        <v>26.369861426484601</v>
      </c>
      <c r="L12213" s="40"/>
      <c r="M12213" s="40"/>
      <c r="N12213" s="40"/>
    </row>
    <row r="12214" spans="6:14" x14ac:dyDescent="0.25">
      <c r="F12214" s="40">
        <v>203.4</v>
      </c>
      <c r="G12214" s="40">
        <v>16.187690043679716</v>
      </c>
      <c r="H12214" s="40">
        <v>203.41666700000002</v>
      </c>
      <c r="I12214" s="40">
        <v>26.369861426484601</v>
      </c>
      <c r="L12214" s="40"/>
      <c r="M12214" s="40"/>
      <c r="N12214" s="40"/>
    </row>
    <row r="12215" spans="6:14" x14ac:dyDescent="0.25">
      <c r="F12215" s="40">
        <v>203.41666699999999</v>
      </c>
      <c r="G12215" s="40">
        <v>16.126431310988639</v>
      </c>
      <c r="H12215" s="40">
        <v>203.433334</v>
      </c>
      <c r="I12215" s="40">
        <v>26.369861426484601</v>
      </c>
      <c r="L12215" s="40"/>
      <c r="M12215" s="40"/>
      <c r="N12215" s="40"/>
    </row>
    <row r="12216" spans="6:14" x14ac:dyDescent="0.25">
      <c r="F12216" s="40">
        <v>203.43333299999998</v>
      </c>
      <c r="G12216" s="40">
        <v>16.060557194327661</v>
      </c>
      <c r="H12216" s="40">
        <v>203.45</v>
      </c>
      <c r="I12216" s="40">
        <v>26.369861426484601</v>
      </c>
      <c r="L12216" s="40"/>
      <c r="M12216" s="40"/>
      <c r="N12216" s="40"/>
    </row>
    <row r="12217" spans="6:14" x14ac:dyDescent="0.25">
      <c r="F12217" s="40">
        <v>203.45000000000002</v>
      </c>
      <c r="G12217" s="40">
        <v>15.994543217546488</v>
      </c>
      <c r="H12217" s="40">
        <v>203.46666700000003</v>
      </c>
      <c r="I12217" s="40">
        <v>26.373115552741364</v>
      </c>
      <c r="L12217" s="40"/>
      <c r="M12217" s="40"/>
      <c r="N12217" s="40"/>
    </row>
    <row r="12218" spans="6:14" x14ac:dyDescent="0.25">
      <c r="F12218" s="40">
        <v>203.466667</v>
      </c>
      <c r="G12218" s="40">
        <v>15.928669100885511</v>
      </c>
      <c r="H12218" s="40">
        <v>203.48333400000001</v>
      </c>
      <c r="I12218" s="40">
        <v>26.373115552741364</v>
      </c>
      <c r="L12218" s="40"/>
      <c r="M12218" s="40"/>
      <c r="N12218" s="40"/>
    </row>
    <row r="12219" spans="6:14" x14ac:dyDescent="0.25">
      <c r="F12219" s="40">
        <v>203.48333299999999</v>
      </c>
      <c r="G12219" s="40">
        <v>15.867410368194431</v>
      </c>
      <c r="H12219" s="40">
        <v>203.5</v>
      </c>
      <c r="I12219" s="40">
        <v>26.369861426484601</v>
      </c>
      <c r="L12219" s="40"/>
      <c r="M12219" s="40"/>
      <c r="N12219" s="40"/>
    </row>
    <row r="12220" spans="6:14" x14ac:dyDescent="0.25">
      <c r="F12220" s="40">
        <v>203.49999999999997</v>
      </c>
      <c r="G12220" s="40">
        <v>15.801536251533456</v>
      </c>
      <c r="H12220" s="40">
        <v>203.51666699999998</v>
      </c>
      <c r="I12220" s="40">
        <v>26.366508690341345</v>
      </c>
      <c r="L12220" s="40"/>
      <c r="M12220" s="40"/>
      <c r="N12220" s="40"/>
    </row>
    <row r="12221" spans="6:14" x14ac:dyDescent="0.25">
      <c r="F12221" s="40">
        <v>203.51666700000001</v>
      </c>
      <c r="G12221" s="40">
        <v>15.740277518842376</v>
      </c>
      <c r="H12221" s="40">
        <v>203.53333400000002</v>
      </c>
      <c r="I12221" s="40">
        <v>26.366508690341345</v>
      </c>
      <c r="L12221" s="40"/>
      <c r="M12221" s="40"/>
      <c r="N12221" s="40"/>
    </row>
    <row r="12222" spans="6:14" x14ac:dyDescent="0.25">
      <c r="F12222" s="40">
        <v>203.533333</v>
      </c>
      <c r="G12222" s="40">
        <v>15.67426354206108</v>
      </c>
      <c r="H12222" s="40">
        <v>203.55</v>
      </c>
      <c r="I12222" s="40">
        <v>26.366508690341345</v>
      </c>
      <c r="L12222" s="40"/>
      <c r="M12222" s="40"/>
      <c r="N12222" s="40"/>
    </row>
    <row r="12223" spans="6:14" x14ac:dyDescent="0.25">
      <c r="F12223" s="40">
        <v>203.54999999999998</v>
      </c>
      <c r="G12223" s="40">
        <v>15.608389425400102</v>
      </c>
      <c r="H12223" s="40">
        <v>203.566667</v>
      </c>
      <c r="I12223" s="40">
        <v>26.366508690341345</v>
      </c>
      <c r="L12223" s="40"/>
      <c r="M12223" s="40"/>
      <c r="N12223" s="40"/>
    </row>
    <row r="12224" spans="6:14" x14ac:dyDescent="0.25">
      <c r="F12224" s="40">
        <v>203.56666699999997</v>
      </c>
      <c r="G12224" s="40">
        <v>15.542515308739123</v>
      </c>
      <c r="H12224" s="40">
        <v>203.58333399999998</v>
      </c>
      <c r="I12224" s="40">
        <v>26.369861426484601</v>
      </c>
      <c r="L12224" s="40"/>
      <c r="M12224" s="40"/>
      <c r="N12224" s="40"/>
    </row>
    <row r="12225" spans="6:14" x14ac:dyDescent="0.25">
      <c r="F12225" s="40">
        <v>203.58333300000001</v>
      </c>
      <c r="G12225" s="40">
        <v>15.476501331957952</v>
      </c>
      <c r="H12225" s="40">
        <v>203.60000000000002</v>
      </c>
      <c r="I12225" s="40">
        <v>26.356549091797891</v>
      </c>
      <c r="L12225" s="40"/>
      <c r="M12225" s="40"/>
      <c r="N12225" s="40"/>
    </row>
    <row r="12226" spans="6:14" x14ac:dyDescent="0.25">
      <c r="F12226" s="40">
        <v>203.6</v>
      </c>
      <c r="G12226" s="40">
        <v>15.415242599266874</v>
      </c>
      <c r="H12226" s="40">
        <v>203.61666700000001</v>
      </c>
      <c r="I12226" s="40">
        <v>26.346589493254616</v>
      </c>
      <c r="L12226" s="40"/>
      <c r="M12226" s="40"/>
      <c r="N12226" s="40"/>
    </row>
    <row r="12227" spans="6:14" x14ac:dyDescent="0.25">
      <c r="F12227" s="40">
        <v>203.61666699999998</v>
      </c>
      <c r="G12227" s="40">
        <v>15.349368482605895</v>
      </c>
      <c r="H12227" s="40">
        <v>203.63333399999999</v>
      </c>
      <c r="I12227" s="40">
        <v>26.343236757111359</v>
      </c>
      <c r="L12227" s="40"/>
      <c r="M12227" s="40"/>
      <c r="N12227" s="40"/>
    </row>
    <row r="12228" spans="6:14" x14ac:dyDescent="0.25">
      <c r="F12228" s="40">
        <v>203.63333300000002</v>
      </c>
      <c r="G12228" s="40">
        <v>15.283354505824597</v>
      </c>
      <c r="H12228" s="40">
        <v>203.65000000000003</v>
      </c>
      <c r="I12228" s="40">
        <v>26.336629894711162</v>
      </c>
      <c r="L12228" s="40"/>
      <c r="M12228" s="40"/>
      <c r="N12228" s="40"/>
    </row>
    <row r="12229" spans="6:14" x14ac:dyDescent="0.25">
      <c r="F12229" s="40">
        <v>203.65</v>
      </c>
      <c r="G12229" s="40">
        <v>15.217480389163621</v>
      </c>
      <c r="H12229" s="40">
        <v>203.66666700000002</v>
      </c>
      <c r="I12229" s="40">
        <v>26.336629894711162</v>
      </c>
      <c r="L12229" s="40"/>
      <c r="M12229" s="40"/>
      <c r="N12229" s="40"/>
    </row>
    <row r="12230" spans="6:14" x14ac:dyDescent="0.25">
      <c r="F12230" s="40">
        <v>203.66666699999999</v>
      </c>
      <c r="G12230" s="40">
        <v>15.151466412382323</v>
      </c>
      <c r="H12230" s="40">
        <v>203.683334</v>
      </c>
      <c r="I12230" s="40">
        <v>26.333277158567903</v>
      </c>
      <c r="L12230" s="40"/>
      <c r="M12230" s="40"/>
      <c r="N12230" s="40"/>
    </row>
    <row r="12231" spans="6:14" x14ac:dyDescent="0.25">
      <c r="F12231" s="40">
        <v>203.68333299999998</v>
      </c>
      <c r="G12231" s="40">
        <v>15.080837051631249</v>
      </c>
      <c r="H12231" s="40">
        <v>203.7</v>
      </c>
      <c r="I12231" s="40">
        <v>26.330023032311139</v>
      </c>
      <c r="L12231" s="40"/>
      <c r="M12231" s="40"/>
      <c r="N12231" s="40"/>
    </row>
    <row r="12232" spans="6:14" x14ac:dyDescent="0.25">
      <c r="F12232" s="40">
        <v>203.70000000000002</v>
      </c>
      <c r="G12232" s="40">
        <v>15.014962934970271</v>
      </c>
      <c r="H12232" s="40">
        <v>203.71666700000003</v>
      </c>
      <c r="I12232" s="40">
        <v>26.330023032311139</v>
      </c>
      <c r="L12232" s="40"/>
      <c r="M12232" s="40"/>
      <c r="N12232" s="40"/>
    </row>
    <row r="12233" spans="6:14" x14ac:dyDescent="0.25">
      <c r="F12233" s="40">
        <v>203.716667</v>
      </c>
      <c r="G12233" s="40">
        <v>14.944333574219199</v>
      </c>
      <c r="H12233" s="40">
        <v>203.73333400000001</v>
      </c>
      <c r="I12233" s="40">
        <v>26.330023032311139</v>
      </c>
      <c r="L12233" s="40"/>
      <c r="M12233" s="40"/>
      <c r="N12233" s="40"/>
    </row>
    <row r="12234" spans="6:14" x14ac:dyDescent="0.25">
      <c r="F12234" s="40">
        <v>203.73333299999999</v>
      </c>
      <c r="G12234" s="40">
        <v>14.878319597437901</v>
      </c>
      <c r="H12234" s="40">
        <v>203.75</v>
      </c>
      <c r="I12234" s="40">
        <v>26.330023032311139</v>
      </c>
      <c r="L12234" s="40"/>
      <c r="M12234" s="40"/>
      <c r="N12234" s="40"/>
    </row>
    <row r="12235" spans="6:14" x14ac:dyDescent="0.25">
      <c r="F12235" s="40">
        <v>203.74999999999997</v>
      </c>
      <c r="G12235" s="40">
        <v>14.807690236686703</v>
      </c>
      <c r="H12235" s="40">
        <v>203.76666699999998</v>
      </c>
      <c r="I12235" s="40">
        <v>26.330023032311139</v>
      </c>
      <c r="L12235" s="40"/>
      <c r="M12235" s="40"/>
      <c r="N12235" s="40"/>
    </row>
    <row r="12236" spans="6:14" x14ac:dyDescent="0.25">
      <c r="F12236" s="40">
        <v>203.76666700000001</v>
      </c>
      <c r="G12236" s="40">
        <v>14.741816120025725</v>
      </c>
      <c r="H12236" s="40">
        <v>203.78333400000002</v>
      </c>
      <c r="I12236" s="40">
        <v>26.330023032311139</v>
      </c>
      <c r="L12236" s="40"/>
      <c r="M12236" s="40"/>
      <c r="N12236" s="40"/>
    </row>
    <row r="12237" spans="6:14" x14ac:dyDescent="0.25">
      <c r="F12237" s="40">
        <v>203.783333</v>
      </c>
      <c r="G12237" s="40">
        <v>14.671186759274653</v>
      </c>
      <c r="H12237" s="40">
        <v>203.8</v>
      </c>
      <c r="I12237" s="40">
        <v>26.333277158567903</v>
      </c>
      <c r="L12237" s="40"/>
      <c r="M12237" s="40"/>
      <c r="N12237" s="40"/>
    </row>
    <row r="12238" spans="6:14" x14ac:dyDescent="0.25">
      <c r="F12238" s="40">
        <v>203.79999999999998</v>
      </c>
      <c r="G12238" s="40">
        <v>14.605172782493357</v>
      </c>
      <c r="H12238" s="40">
        <v>203.816667</v>
      </c>
      <c r="I12238" s="40">
        <v>26.333277158567903</v>
      </c>
      <c r="L12238" s="40"/>
      <c r="M12238" s="40"/>
      <c r="N12238" s="40"/>
    </row>
    <row r="12239" spans="6:14" x14ac:dyDescent="0.25">
      <c r="F12239" s="40">
        <v>203.81666699999997</v>
      </c>
      <c r="G12239" s="40">
        <v>14.534543421742281</v>
      </c>
      <c r="H12239" s="40">
        <v>203.83333399999998</v>
      </c>
      <c r="I12239" s="40">
        <v>26.333277158567903</v>
      </c>
      <c r="L12239" s="40"/>
      <c r="M12239" s="40"/>
      <c r="N12239" s="40"/>
    </row>
    <row r="12240" spans="6:14" x14ac:dyDescent="0.25">
      <c r="F12240" s="40">
        <v>203.83333300000001</v>
      </c>
      <c r="G12240" s="40">
        <v>14.463914060991085</v>
      </c>
      <c r="H12240" s="40">
        <v>203.85000000000002</v>
      </c>
      <c r="I12240" s="40">
        <v>26.333277158567903</v>
      </c>
      <c r="L12240" s="40"/>
      <c r="M12240" s="40"/>
      <c r="N12240" s="40"/>
    </row>
    <row r="12241" spans="6:14" x14ac:dyDescent="0.25">
      <c r="F12241" s="40">
        <v>203.85</v>
      </c>
      <c r="G12241" s="40">
        <v>14.397900084209788</v>
      </c>
      <c r="H12241" s="40">
        <v>203.86666700000001</v>
      </c>
      <c r="I12241" s="40">
        <v>26.333277158567903</v>
      </c>
      <c r="L12241" s="40"/>
      <c r="M12241" s="40"/>
      <c r="N12241" s="40"/>
    </row>
    <row r="12242" spans="6:14" x14ac:dyDescent="0.25">
      <c r="F12242" s="40">
        <v>203.86666699999998</v>
      </c>
      <c r="G12242" s="40">
        <v>14.327270723458714</v>
      </c>
      <c r="H12242" s="40">
        <v>203.88333399999999</v>
      </c>
      <c r="I12242" s="40">
        <v>26.333277158567903</v>
      </c>
      <c r="L12242" s="40"/>
      <c r="M12242" s="40"/>
      <c r="N12242" s="40"/>
    </row>
    <row r="12243" spans="6:14" x14ac:dyDescent="0.25">
      <c r="F12243" s="40">
        <v>203.88333300000002</v>
      </c>
      <c r="G12243" s="40">
        <v>14.261396606797737</v>
      </c>
      <c r="H12243" s="40">
        <v>203.90000000000003</v>
      </c>
      <c r="I12243" s="40">
        <v>26.336629894711162</v>
      </c>
      <c r="L12243" s="40"/>
      <c r="M12243" s="40"/>
      <c r="N12243" s="40"/>
    </row>
    <row r="12244" spans="6:14" x14ac:dyDescent="0.25">
      <c r="F12244" s="40">
        <v>203.9</v>
      </c>
      <c r="G12244" s="40">
        <v>14.190767246046539</v>
      </c>
      <c r="H12244" s="40">
        <v>203.91666700000002</v>
      </c>
      <c r="I12244" s="40">
        <v>26.339982630854596</v>
      </c>
      <c r="L12244" s="40"/>
      <c r="M12244" s="40"/>
      <c r="N12244" s="40"/>
    </row>
    <row r="12245" spans="6:14" x14ac:dyDescent="0.25">
      <c r="F12245" s="40">
        <v>203.91666699999999</v>
      </c>
      <c r="G12245" s="40">
        <v>14.120137885295467</v>
      </c>
      <c r="H12245" s="40">
        <v>203.933334</v>
      </c>
      <c r="I12245" s="40">
        <v>26.343236757111359</v>
      </c>
      <c r="L12245" s="40"/>
      <c r="M12245" s="40"/>
      <c r="N12245" s="40"/>
    </row>
    <row r="12246" spans="6:14" x14ac:dyDescent="0.25">
      <c r="F12246" s="40">
        <v>203.93333299999998</v>
      </c>
      <c r="G12246" s="40">
        <v>14.044753280454174</v>
      </c>
      <c r="H12246" s="40">
        <v>203.95</v>
      </c>
      <c r="I12246" s="40">
        <v>26.346589493254616</v>
      </c>
      <c r="L12246" s="40"/>
      <c r="M12246" s="40"/>
      <c r="N12246" s="40"/>
    </row>
    <row r="12247" spans="6:14" x14ac:dyDescent="0.25">
      <c r="F12247" s="40">
        <v>203.95000000000002</v>
      </c>
      <c r="G12247" s="40">
        <v>13.974123919702977</v>
      </c>
      <c r="H12247" s="40">
        <v>203.96666700000003</v>
      </c>
      <c r="I12247" s="40">
        <v>26.346589493254616</v>
      </c>
      <c r="L12247" s="40"/>
      <c r="M12247" s="40"/>
      <c r="N12247" s="40"/>
    </row>
    <row r="12248" spans="6:14" x14ac:dyDescent="0.25">
      <c r="F12248" s="40">
        <v>203.966667</v>
      </c>
      <c r="G12248" s="40">
        <v>13.903494558951904</v>
      </c>
      <c r="H12248" s="40">
        <v>203.98333400000001</v>
      </c>
      <c r="I12248" s="40">
        <v>26.346589493254616</v>
      </c>
      <c r="L12248" s="40"/>
      <c r="M12248" s="40"/>
      <c r="N12248" s="40"/>
    </row>
    <row r="12249" spans="6:14" x14ac:dyDescent="0.25">
      <c r="F12249" s="40">
        <v>203.98333299999999</v>
      </c>
      <c r="G12249" s="40">
        <v>13.832725338080387</v>
      </c>
      <c r="H12249" s="40">
        <v>204</v>
      </c>
      <c r="I12249" s="40">
        <v>26.346589493254616</v>
      </c>
      <c r="L12249" s="40"/>
      <c r="M12249" s="40"/>
      <c r="N12249" s="40"/>
    </row>
    <row r="12250" spans="6:14" x14ac:dyDescent="0.25">
      <c r="F12250" s="40">
        <v>203.99999999999997</v>
      </c>
      <c r="G12250" s="40">
        <v>13.762095977329315</v>
      </c>
      <c r="H12250" s="40">
        <v>204.01666699999998</v>
      </c>
      <c r="I12250" s="40">
        <v>26.359901827941325</v>
      </c>
      <c r="L12250" s="40"/>
      <c r="M12250" s="40"/>
      <c r="N12250" s="40"/>
    </row>
    <row r="12251" spans="6:14" x14ac:dyDescent="0.25">
      <c r="F12251" s="40">
        <v>204.01666700000001</v>
      </c>
      <c r="G12251" s="40">
        <v>13.691466616578118</v>
      </c>
      <c r="H12251" s="40">
        <v>204.03333400000002</v>
      </c>
      <c r="I12251" s="40">
        <v>26.369861426484601</v>
      </c>
      <c r="L12251" s="40"/>
      <c r="M12251" s="40"/>
      <c r="N12251" s="40"/>
    </row>
    <row r="12252" spans="6:14" x14ac:dyDescent="0.25">
      <c r="F12252" s="40">
        <v>204.033333</v>
      </c>
      <c r="G12252" s="40">
        <v>13.616082011736825</v>
      </c>
      <c r="H12252" s="40">
        <v>204.05</v>
      </c>
      <c r="I12252" s="40">
        <v>26.376468288884798</v>
      </c>
      <c r="L12252" s="40"/>
      <c r="M12252" s="40"/>
      <c r="N12252" s="40"/>
    </row>
    <row r="12253" spans="6:14" x14ac:dyDescent="0.25">
      <c r="F12253" s="40">
        <v>204.04999999999998</v>
      </c>
      <c r="G12253" s="40">
        <v>13.545452650985752</v>
      </c>
      <c r="H12253" s="40">
        <v>204.066667</v>
      </c>
      <c r="I12253" s="40">
        <v>26.379821025028054</v>
      </c>
      <c r="L12253" s="40"/>
      <c r="M12253" s="40"/>
      <c r="N12253" s="40"/>
    </row>
    <row r="12254" spans="6:14" x14ac:dyDescent="0.25">
      <c r="F12254" s="40">
        <v>204.06666699999997</v>
      </c>
      <c r="G12254" s="40">
        <v>13.470068046144334</v>
      </c>
      <c r="H12254" s="40">
        <v>204.08333399999998</v>
      </c>
      <c r="I12254" s="40">
        <v>26.386427887428077</v>
      </c>
      <c r="L12254" s="40"/>
      <c r="M12254" s="40"/>
      <c r="N12254" s="40"/>
    </row>
    <row r="12255" spans="6:14" x14ac:dyDescent="0.25">
      <c r="F12255" s="40">
        <v>204.08333300000001</v>
      </c>
      <c r="G12255" s="40">
        <v>13.399438685393262</v>
      </c>
      <c r="H12255" s="40">
        <v>204.10000000000002</v>
      </c>
      <c r="I12255" s="40">
        <v>26.389780623571333</v>
      </c>
      <c r="L12255" s="40"/>
      <c r="M12255" s="40"/>
      <c r="N12255" s="40"/>
    </row>
    <row r="12256" spans="6:14" x14ac:dyDescent="0.25">
      <c r="F12256" s="40">
        <v>204.1</v>
      </c>
      <c r="G12256" s="40">
        <v>13.324054080551969</v>
      </c>
      <c r="H12256" s="40">
        <v>204.11666700000001</v>
      </c>
      <c r="I12256" s="40">
        <v>26.393034749828093</v>
      </c>
      <c r="L12256" s="40"/>
      <c r="M12256" s="40"/>
      <c r="N12256" s="40"/>
    </row>
    <row r="12257" spans="6:14" x14ac:dyDescent="0.25">
      <c r="F12257" s="40">
        <v>204.11666699999998</v>
      </c>
      <c r="G12257" s="40">
        <v>13.253424719800773</v>
      </c>
      <c r="H12257" s="40">
        <v>204.13333399999999</v>
      </c>
      <c r="I12257" s="40">
        <v>26.393034749828093</v>
      </c>
      <c r="L12257" s="40"/>
      <c r="M12257" s="40"/>
      <c r="N12257" s="40"/>
    </row>
    <row r="12258" spans="6:14" x14ac:dyDescent="0.25">
      <c r="F12258" s="40">
        <v>204.13333300000002</v>
      </c>
      <c r="G12258" s="40">
        <v>13.182795359049699</v>
      </c>
      <c r="H12258" s="40">
        <v>204.15000000000003</v>
      </c>
      <c r="I12258" s="40">
        <v>26.393034749828093</v>
      </c>
      <c r="L12258" s="40"/>
      <c r="M12258" s="40"/>
      <c r="N12258" s="40"/>
    </row>
    <row r="12259" spans="6:14" x14ac:dyDescent="0.25">
      <c r="F12259" s="40">
        <v>204.15</v>
      </c>
      <c r="G12259" s="40">
        <v>13.112165998298501</v>
      </c>
      <c r="H12259" s="40">
        <v>204.16666700000002</v>
      </c>
      <c r="I12259" s="40">
        <v>26.396387485971527</v>
      </c>
      <c r="L12259" s="40"/>
      <c r="M12259" s="40"/>
      <c r="N12259" s="40"/>
    </row>
    <row r="12260" spans="6:14" x14ac:dyDescent="0.25">
      <c r="F12260" s="40">
        <v>204.16666699999999</v>
      </c>
      <c r="G12260" s="40">
        <v>13.036781393457208</v>
      </c>
      <c r="H12260" s="40">
        <v>204.183334</v>
      </c>
      <c r="I12260" s="40">
        <v>26.396387485971527</v>
      </c>
      <c r="L12260" s="40"/>
      <c r="M12260" s="40"/>
      <c r="N12260" s="40"/>
    </row>
    <row r="12261" spans="6:14" x14ac:dyDescent="0.25">
      <c r="F12261" s="40">
        <v>204.18333299999998</v>
      </c>
      <c r="G12261" s="40">
        <v>12.966152032706011</v>
      </c>
      <c r="H12261" s="40">
        <v>204.2</v>
      </c>
      <c r="I12261" s="40">
        <v>26.396387485971527</v>
      </c>
      <c r="L12261" s="40"/>
      <c r="M12261" s="40"/>
      <c r="N12261" s="40"/>
    </row>
    <row r="12262" spans="6:14" x14ac:dyDescent="0.25">
      <c r="F12262" s="40">
        <v>204.20000000000002</v>
      </c>
      <c r="G12262" s="40">
        <v>12.89076742786472</v>
      </c>
      <c r="H12262" s="40">
        <v>204.21666700000003</v>
      </c>
      <c r="I12262" s="40">
        <v>26.396387485971527</v>
      </c>
      <c r="L12262" s="40"/>
      <c r="M12262" s="40"/>
      <c r="N12262" s="40"/>
    </row>
    <row r="12263" spans="6:14" x14ac:dyDescent="0.25">
      <c r="F12263" s="40">
        <v>204.216667</v>
      </c>
      <c r="G12263" s="40">
        <v>12.820138067113646</v>
      </c>
      <c r="H12263" s="40">
        <v>204.23333400000001</v>
      </c>
      <c r="I12263" s="40">
        <v>26.396387485971527</v>
      </c>
      <c r="L12263" s="40"/>
      <c r="M12263" s="40"/>
      <c r="N12263" s="40"/>
    </row>
    <row r="12264" spans="6:14" x14ac:dyDescent="0.25">
      <c r="F12264" s="40">
        <v>204.23333299999999</v>
      </c>
      <c r="G12264" s="40">
        <v>12.744753462272353</v>
      </c>
      <c r="H12264" s="40">
        <v>204.25</v>
      </c>
      <c r="I12264" s="40">
        <v>26.396387485971527</v>
      </c>
      <c r="L12264" s="40"/>
      <c r="M12264" s="40"/>
      <c r="N12264" s="40"/>
    </row>
    <row r="12265" spans="6:14" x14ac:dyDescent="0.25">
      <c r="F12265" s="40">
        <v>204.24999999999997</v>
      </c>
      <c r="G12265" s="40">
        <v>12.669508717551256</v>
      </c>
      <c r="H12265" s="40">
        <v>204.26666699999998</v>
      </c>
      <c r="I12265" s="40">
        <v>26.396387485971527</v>
      </c>
      <c r="L12265" s="40"/>
      <c r="M12265" s="40"/>
      <c r="N12265" s="40"/>
    </row>
    <row r="12266" spans="6:14" x14ac:dyDescent="0.25">
      <c r="F12266" s="40">
        <v>204.26666700000001</v>
      </c>
      <c r="G12266" s="40">
        <v>12.598739496679865</v>
      </c>
      <c r="H12266" s="40">
        <v>204.28333400000002</v>
      </c>
      <c r="I12266" s="40">
        <v>26.396387485971527</v>
      </c>
      <c r="L12266" s="40"/>
      <c r="M12266" s="40"/>
      <c r="N12266" s="40"/>
    </row>
    <row r="12267" spans="6:14" x14ac:dyDescent="0.25">
      <c r="F12267" s="40">
        <v>204.283333</v>
      </c>
      <c r="G12267" s="40">
        <v>12.523494751958891</v>
      </c>
      <c r="H12267" s="40">
        <v>204.3</v>
      </c>
      <c r="I12267" s="40">
        <v>26.399740222114783</v>
      </c>
      <c r="L12267" s="40"/>
      <c r="M12267" s="40"/>
      <c r="N12267" s="40"/>
    </row>
    <row r="12268" spans="6:14" x14ac:dyDescent="0.25">
      <c r="F12268" s="40">
        <v>204.29999999999998</v>
      </c>
      <c r="G12268" s="40">
        <v>12.448110147117475</v>
      </c>
      <c r="H12268" s="40">
        <v>204.316667</v>
      </c>
      <c r="I12268" s="40">
        <v>26.399740222114783</v>
      </c>
      <c r="L12268" s="40"/>
      <c r="M12268" s="40"/>
      <c r="N12268" s="40"/>
    </row>
    <row r="12269" spans="6:14" x14ac:dyDescent="0.25">
      <c r="F12269" s="40">
        <v>204.31666699999997</v>
      </c>
      <c r="G12269" s="40">
        <v>12.372725542276182</v>
      </c>
      <c r="H12269" s="40">
        <v>204.33333399999998</v>
      </c>
      <c r="I12269" s="40">
        <v>26.399740222114783</v>
      </c>
      <c r="L12269" s="40"/>
      <c r="M12269" s="40"/>
      <c r="N12269" s="40"/>
    </row>
    <row r="12270" spans="6:14" x14ac:dyDescent="0.25">
      <c r="F12270" s="40">
        <v>204.33333300000001</v>
      </c>
      <c r="G12270" s="40">
        <v>12.30209618152511</v>
      </c>
      <c r="H12270" s="40">
        <v>204.35000000000002</v>
      </c>
      <c r="I12270" s="40">
        <v>26.399740222114783</v>
      </c>
      <c r="L12270" s="40"/>
      <c r="M12270" s="40"/>
      <c r="N12270" s="40"/>
    </row>
    <row r="12271" spans="6:14" x14ac:dyDescent="0.25">
      <c r="F12271" s="40">
        <v>204.35</v>
      </c>
      <c r="G12271" s="40">
        <v>12.226711576683691</v>
      </c>
      <c r="H12271" s="40">
        <v>204.36666700000001</v>
      </c>
      <c r="I12271" s="40">
        <v>26.399740222114783</v>
      </c>
      <c r="L12271" s="40"/>
      <c r="M12271" s="40"/>
      <c r="N12271" s="40"/>
    </row>
    <row r="12272" spans="6:14" x14ac:dyDescent="0.25">
      <c r="F12272" s="40">
        <v>204.36666699999998</v>
      </c>
      <c r="G12272" s="40">
        <v>12.151326971842401</v>
      </c>
      <c r="H12272" s="40">
        <v>204.38333399999999</v>
      </c>
      <c r="I12272" s="40">
        <v>26.403092958258043</v>
      </c>
      <c r="L12272" s="40"/>
      <c r="M12272" s="40"/>
      <c r="N12272" s="40"/>
    </row>
    <row r="12273" spans="6:14" x14ac:dyDescent="0.25">
      <c r="F12273" s="40">
        <v>204.38333300000002</v>
      </c>
      <c r="G12273" s="40">
        <v>12.076082227121425</v>
      </c>
      <c r="H12273" s="40">
        <v>204.40000000000003</v>
      </c>
      <c r="I12273" s="40">
        <v>26.403092958258043</v>
      </c>
      <c r="L12273" s="40"/>
      <c r="M12273" s="40"/>
      <c r="N12273" s="40"/>
    </row>
    <row r="12274" spans="6:14" x14ac:dyDescent="0.25">
      <c r="F12274" s="40">
        <v>204.4</v>
      </c>
      <c r="G12274" s="40">
        <v>12.005313006250034</v>
      </c>
      <c r="H12274" s="40">
        <v>204.41666700000002</v>
      </c>
      <c r="I12274" s="40">
        <v>26.403092958258043</v>
      </c>
      <c r="L12274" s="40"/>
      <c r="M12274" s="40"/>
      <c r="N12274" s="40"/>
    </row>
    <row r="12275" spans="6:14" x14ac:dyDescent="0.25">
      <c r="F12275" s="40">
        <v>204.41666699999999</v>
      </c>
      <c r="G12275" s="40">
        <v>11.930068261528936</v>
      </c>
      <c r="H12275" s="40">
        <v>204.433334</v>
      </c>
      <c r="I12275" s="40">
        <v>26.403092958258043</v>
      </c>
      <c r="L12275" s="40"/>
      <c r="M12275" s="40"/>
      <c r="N12275" s="40"/>
    </row>
    <row r="12276" spans="6:14" x14ac:dyDescent="0.25">
      <c r="F12276" s="40">
        <v>204.43333299999998</v>
      </c>
      <c r="G12276" s="40">
        <v>11.854683656687644</v>
      </c>
      <c r="H12276" s="40">
        <v>204.45</v>
      </c>
      <c r="I12276" s="40">
        <v>26.406347084514806</v>
      </c>
      <c r="L12276" s="40"/>
      <c r="M12276" s="40"/>
      <c r="N12276" s="40"/>
    </row>
    <row r="12277" spans="6:14" x14ac:dyDescent="0.25">
      <c r="F12277" s="40">
        <v>204.45000000000002</v>
      </c>
      <c r="G12277" s="40">
        <v>11.784054295936571</v>
      </c>
      <c r="H12277" s="40">
        <v>204.46666700000003</v>
      </c>
      <c r="I12277" s="40">
        <v>26.406347084514806</v>
      </c>
      <c r="L12277" s="40"/>
      <c r="M12277" s="40"/>
      <c r="N12277" s="40"/>
    </row>
    <row r="12278" spans="6:14" x14ac:dyDescent="0.25">
      <c r="F12278" s="40">
        <v>204.466667</v>
      </c>
      <c r="G12278" s="40">
        <v>11.708669691095155</v>
      </c>
      <c r="H12278" s="40">
        <v>204.48333400000001</v>
      </c>
      <c r="I12278" s="40">
        <v>26.406347084514806</v>
      </c>
      <c r="L12278" s="40"/>
      <c r="M12278" s="40"/>
      <c r="N12278" s="40"/>
    </row>
    <row r="12279" spans="6:14" x14ac:dyDescent="0.25">
      <c r="F12279" s="40">
        <v>204.48333299999999</v>
      </c>
      <c r="G12279" s="40">
        <v>11.638040330344081</v>
      </c>
      <c r="H12279" s="40">
        <v>204.5</v>
      </c>
      <c r="I12279" s="40">
        <v>26.406347084514806</v>
      </c>
      <c r="L12279" s="40"/>
      <c r="M12279" s="40"/>
      <c r="N12279" s="40"/>
    </row>
    <row r="12280" spans="6:14" x14ac:dyDescent="0.25">
      <c r="F12280" s="40">
        <v>204.49999999999997</v>
      </c>
      <c r="G12280" s="40">
        <v>11.56265572550279</v>
      </c>
      <c r="H12280" s="40">
        <v>204.51666699999998</v>
      </c>
      <c r="I12280" s="40">
        <v>26.409699820658236</v>
      </c>
      <c r="L12280" s="40"/>
      <c r="M12280" s="40"/>
      <c r="N12280" s="40"/>
    </row>
    <row r="12281" spans="6:14" x14ac:dyDescent="0.25">
      <c r="F12281" s="40">
        <v>204.51666700000001</v>
      </c>
      <c r="G12281" s="40">
        <v>11.492026364751592</v>
      </c>
      <c r="H12281" s="40">
        <v>204.53333400000002</v>
      </c>
      <c r="I12281" s="40">
        <v>26.409699820658236</v>
      </c>
      <c r="L12281" s="40"/>
      <c r="M12281" s="40"/>
      <c r="N12281" s="40"/>
    </row>
    <row r="12282" spans="6:14" x14ac:dyDescent="0.25">
      <c r="F12282" s="40">
        <v>204.533333</v>
      </c>
      <c r="G12282" s="40">
        <v>11.4166417599103</v>
      </c>
      <c r="H12282" s="40">
        <v>204.55</v>
      </c>
      <c r="I12282" s="40">
        <v>26.409699820658236</v>
      </c>
      <c r="L12282" s="40"/>
      <c r="M12282" s="40"/>
      <c r="N12282" s="40"/>
    </row>
    <row r="12283" spans="6:14" x14ac:dyDescent="0.25">
      <c r="F12283" s="40">
        <v>204.54999999999998</v>
      </c>
      <c r="G12283" s="40">
        <v>11.346012399159102</v>
      </c>
      <c r="H12283" s="40">
        <v>204.566667</v>
      </c>
      <c r="I12283" s="40">
        <v>26.409699820658236</v>
      </c>
      <c r="L12283" s="40"/>
      <c r="M12283" s="40"/>
      <c r="N12283" s="40"/>
    </row>
    <row r="12284" spans="6:14" x14ac:dyDescent="0.25">
      <c r="F12284" s="40">
        <v>204.56666699999997</v>
      </c>
      <c r="G12284" s="40">
        <v>11.270627794317809</v>
      </c>
      <c r="H12284" s="40">
        <v>204.58333399999998</v>
      </c>
      <c r="I12284" s="40">
        <v>26.413052556801492</v>
      </c>
      <c r="L12284" s="40"/>
      <c r="M12284" s="40"/>
      <c r="N12284" s="40"/>
    </row>
    <row r="12285" spans="6:14" x14ac:dyDescent="0.25">
      <c r="F12285" s="40">
        <v>204.58333300000001</v>
      </c>
      <c r="G12285" s="40">
        <v>11.195243189476516</v>
      </c>
      <c r="H12285" s="40">
        <v>204.60000000000002</v>
      </c>
      <c r="I12285" s="40">
        <v>26.413052556801492</v>
      </c>
      <c r="L12285" s="40"/>
      <c r="M12285" s="40"/>
      <c r="N12285" s="40"/>
    </row>
    <row r="12286" spans="6:14" x14ac:dyDescent="0.25">
      <c r="F12286" s="40">
        <v>204.6</v>
      </c>
      <c r="G12286" s="40">
        <v>11.124613828725444</v>
      </c>
      <c r="H12286" s="40">
        <v>204.61666700000001</v>
      </c>
      <c r="I12286" s="40">
        <v>26.413052556801492</v>
      </c>
      <c r="L12286" s="40"/>
      <c r="M12286" s="40"/>
      <c r="N12286" s="40"/>
    </row>
    <row r="12287" spans="6:14" x14ac:dyDescent="0.25">
      <c r="F12287" s="40">
        <v>204.61666699999998</v>
      </c>
      <c r="G12287" s="40">
        <v>11.049229223884028</v>
      </c>
      <c r="H12287" s="40">
        <v>204.63333399999999</v>
      </c>
      <c r="I12287" s="40">
        <v>26.413052556801492</v>
      </c>
      <c r="L12287" s="40"/>
      <c r="M12287" s="40"/>
      <c r="N12287" s="40"/>
    </row>
    <row r="12288" spans="6:14" x14ac:dyDescent="0.25">
      <c r="F12288" s="40">
        <v>204.63333300000002</v>
      </c>
      <c r="G12288" s="40">
        <v>10.973844619042735</v>
      </c>
      <c r="H12288" s="40">
        <v>204.65000000000003</v>
      </c>
      <c r="I12288" s="40">
        <v>26.413052556801492</v>
      </c>
      <c r="L12288" s="40"/>
      <c r="M12288" s="40"/>
      <c r="N12288" s="40"/>
    </row>
    <row r="12289" spans="6:14" x14ac:dyDescent="0.25">
      <c r="F12289" s="40">
        <v>204.65</v>
      </c>
      <c r="G12289" s="40">
        <v>10.903215258291661</v>
      </c>
      <c r="H12289" s="40">
        <v>204.66666700000002</v>
      </c>
      <c r="I12289" s="40">
        <v>26.413052556801492</v>
      </c>
      <c r="L12289" s="40"/>
      <c r="M12289" s="40"/>
      <c r="N12289" s="40"/>
    </row>
    <row r="12290" spans="6:14" x14ac:dyDescent="0.25">
      <c r="F12290" s="40">
        <v>204.66666699999999</v>
      </c>
      <c r="G12290" s="40">
        <v>10.827970513570564</v>
      </c>
      <c r="H12290" s="40">
        <v>204.683334</v>
      </c>
      <c r="I12290" s="40">
        <v>26.416306683058256</v>
      </c>
      <c r="L12290" s="40"/>
      <c r="M12290" s="40"/>
      <c r="N12290" s="40"/>
    </row>
    <row r="12291" spans="6:14" x14ac:dyDescent="0.25">
      <c r="F12291" s="40">
        <v>204.68333299999998</v>
      </c>
      <c r="G12291" s="40">
        <v>10.747830664639176</v>
      </c>
      <c r="H12291" s="40">
        <v>204.7</v>
      </c>
      <c r="I12291" s="40">
        <v>26.416306683058256</v>
      </c>
      <c r="L12291" s="40"/>
      <c r="M12291" s="40"/>
      <c r="N12291" s="40"/>
    </row>
    <row r="12292" spans="6:14" x14ac:dyDescent="0.25">
      <c r="F12292" s="40">
        <v>204.70000000000002</v>
      </c>
      <c r="G12292" s="40">
        <v>10.67720130388798</v>
      </c>
      <c r="H12292" s="40">
        <v>204.71666700000003</v>
      </c>
      <c r="I12292" s="40">
        <v>26.416306683058256</v>
      </c>
      <c r="L12292" s="40"/>
      <c r="M12292" s="40"/>
      <c r="N12292" s="40"/>
    </row>
    <row r="12293" spans="6:14" x14ac:dyDescent="0.25">
      <c r="F12293" s="40">
        <v>204.716667</v>
      </c>
      <c r="G12293" s="40">
        <v>10.597061454956467</v>
      </c>
      <c r="H12293" s="40">
        <v>204.73333400000001</v>
      </c>
      <c r="I12293" s="40">
        <v>26.416306683058256</v>
      </c>
      <c r="L12293" s="40"/>
      <c r="M12293" s="40"/>
      <c r="N12293" s="40"/>
    </row>
    <row r="12294" spans="6:14" x14ac:dyDescent="0.25">
      <c r="F12294" s="40">
        <v>204.73333299999999</v>
      </c>
      <c r="G12294" s="40">
        <v>10.521816710235495</v>
      </c>
      <c r="H12294" s="40">
        <v>204.75</v>
      </c>
      <c r="I12294" s="40">
        <v>26.416306683058256</v>
      </c>
      <c r="L12294" s="40"/>
      <c r="M12294" s="40"/>
      <c r="N12294" s="40"/>
    </row>
    <row r="12295" spans="6:14" x14ac:dyDescent="0.25">
      <c r="F12295" s="40">
        <v>204.74999999999997</v>
      </c>
      <c r="G12295" s="40">
        <v>10.446432105394202</v>
      </c>
      <c r="H12295" s="40">
        <v>204.76666699999998</v>
      </c>
      <c r="I12295" s="40">
        <v>26.416306683058256</v>
      </c>
      <c r="L12295" s="40"/>
      <c r="M12295" s="40"/>
      <c r="N12295" s="40"/>
    </row>
    <row r="12296" spans="6:14" x14ac:dyDescent="0.25">
      <c r="F12296" s="40">
        <v>204.76666700000001</v>
      </c>
      <c r="G12296" s="40">
        <v>10.37104750055291</v>
      </c>
      <c r="H12296" s="40">
        <v>204.78333400000002</v>
      </c>
      <c r="I12296" s="40">
        <v>26.416306683058256</v>
      </c>
      <c r="L12296" s="40"/>
      <c r="M12296" s="40"/>
      <c r="N12296" s="40"/>
    </row>
    <row r="12297" spans="6:14" x14ac:dyDescent="0.25">
      <c r="F12297" s="40">
        <v>204.783333</v>
      </c>
      <c r="G12297" s="40">
        <v>10.295662895711493</v>
      </c>
      <c r="H12297" s="40">
        <v>204.8</v>
      </c>
      <c r="I12297" s="40">
        <v>26.419659419201516</v>
      </c>
      <c r="L12297" s="40"/>
      <c r="M12297" s="40"/>
      <c r="N12297" s="40"/>
    </row>
    <row r="12298" spans="6:14" x14ac:dyDescent="0.25">
      <c r="F12298" s="40">
        <v>204.79999999999998</v>
      </c>
      <c r="G12298" s="40">
        <v>10.220278290870201</v>
      </c>
      <c r="H12298" s="40">
        <v>204.816667</v>
      </c>
      <c r="I12298" s="40">
        <v>26.419659419201516</v>
      </c>
      <c r="L12298" s="40"/>
      <c r="M12298" s="40"/>
      <c r="N12298" s="40"/>
    </row>
    <row r="12299" spans="6:14" x14ac:dyDescent="0.25">
      <c r="F12299" s="40">
        <v>204.81666699999997</v>
      </c>
      <c r="G12299" s="40">
        <v>10.145033546149227</v>
      </c>
      <c r="H12299" s="40">
        <v>204.83333399999998</v>
      </c>
      <c r="I12299" s="40">
        <v>26.419659419201516</v>
      </c>
      <c r="L12299" s="40"/>
      <c r="M12299" s="40"/>
      <c r="N12299" s="40"/>
    </row>
    <row r="12300" spans="6:14" x14ac:dyDescent="0.25">
      <c r="F12300" s="40">
        <v>204.83333300000001</v>
      </c>
      <c r="G12300" s="40">
        <v>10.069648941307936</v>
      </c>
      <c r="H12300" s="40">
        <v>204.85000000000002</v>
      </c>
      <c r="I12300" s="40">
        <v>26.419659419201516</v>
      </c>
      <c r="L12300" s="40"/>
      <c r="M12300" s="40"/>
      <c r="N12300" s="40"/>
    </row>
    <row r="12301" spans="6:14" x14ac:dyDescent="0.25">
      <c r="F12301" s="40">
        <v>204.85</v>
      </c>
      <c r="G12301" s="40">
        <v>9.9942643364666424</v>
      </c>
      <c r="H12301" s="40">
        <v>204.86666700000001</v>
      </c>
      <c r="I12301" s="40">
        <v>26.419659419201516</v>
      </c>
      <c r="L12301" s="40"/>
      <c r="M12301" s="40"/>
      <c r="N12301" s="40"/>
    </row>
    <row r="12302" spans="6:14" x14ac:dyDescent="0.25">
      <c r="F12302" s="40">
        <v>204.86666699999998</v>
      </c>
      <c r="G12302" s="40">
        <v>9.9188797316252266</v>
      </c>
      <c r="H12302" s="40">
        <v>204.88333399999999</v>
      </c>
      <c r="I12302" s="40">
        <v>26.419659419201516</v>
      </c>
      <c r="L12302" s="40"/>
      <c r="M12302" s="40"/>
      <c r="N12302" s="40"/>
    </row>
    <row r="12303" spans="6:14" x14ac:dyDescent="0.25">
      <c r="F12303" s="40">
        <v>204.88333300000002</v>
      </c>
      <c r="G12303" s="40">
        <v>9.8434951267839335</v>
      </c>
      <c r="H12303" s="40">
        <v>204.90000000000003</v>
      </c>
      <c r="I12303" s="40">
        <v>26.419659419201516</v>
      </c>
      <c r="L12303" s="40"/>
      <c r="M12303" s="40"/>
      <c r="N12303" s="40"/>
    </row>
    <row r="12304" spans="6:14" x14ac:dyDescent="0.25">
      <c r="F12304" s="40">
        <v>204.9</v>
      </c>
      <c r="G12304" s="40">
        <v>9.7634951379727415</v>
      </c>
      <c r="H12304" s="40">
        <v>204.91666700000002</v>
      </c>
      <c r="I12304" s="40">
        <v>26.419659419201516</v>
      </c>
      <c r="L12304" s="40"/>
      <c r="M12304" s="40"/>
      <c r="N12304" s="40"/>
    </row>
    <row r="12305" spans="6:14" x14ac:dyDescent="0.25">
      <c r="F12305" s="40">
        <v>204.91666699999999</v>
      </c>
      <c r="G12305" s="40">
        <v>9.6881105331314483</v>
      </c>
      <c r="H12305" s="40">
        <v>204.933334</v>
      </c>
      <c r="I12305" s="40">
        <v>26.419659419201516</v>
      </c>
      <c r="L12305" s="40"/>
      <c r="M12305" s="40"/>
      <c r="N12305" s="40"/>
    </row>
    <row r="12306" spans="6:14" x14ac:dyDescent="0.25">
      <c r="F12306" s="40">
        <v>204.93333299999998</v>
      </c>
      <c r="G12306" s="40">
        <v>9.6081105443202546</v>
      </c>
      <c r="H12306" s="40">
        <v>204.95</v>
      </c>
      <c r="I12306" s="40">
        <v>26.423012155344772</v>
      </c>
      <c r="L12306" s="40"/>
      <c r="M12306" s="40"/>
      <c r="N12306" s="40"/>
    </row>
    <row r="12307" spans="6:14" x14ac:dyDescent="0.25">
      <c r="F12307" s="40">
        <v>204.95000000000002</v>
      </c>
      <c r="G12307" s="40">
        <v>9.5327259394789632</v>
      </c>
      <c r="H12307" s="40">
        <v>204.96666700000003</v>
      </c>
      <c r="I12307" s="40">
        <v>26.423012155344772</v>
      </c>
      <c r="L12307" s="40"/>
      <c r="M12307" s="40"/>
      <c r="N12307" s="40"/>
    </row>
    <row r="12308" spans="6:14" x14ac:dyDescent="0.25">
      <c r="F12308" s="40">
        <v>204.966667</v>
      </c>
      <c r="G12308" s="40">
        <v>9.4525860905474524</v>
      </c>
      <c r="H12308" s="40">
        <v>204.98333400000001</v>
      </c>
      <c r="I12308" s="40">
        <v>26.423012155344772</v>
      </c>
      <c r="L12308" s="40"/>
      <c r="M12308" s="40"/>
      <c r="N12308" s="40"/>
    </row>
    <row r="12309" spans="6:14" x14ac:dyDescent="0.25">
      <c r="F12309" s="40">
        <v>204.98333299999999</v>
      </c>
      <c r="G12309" s="40">
        <v>9.377341345826478</v>
      </c>
      <c r="H12309" s="40">
        <v>205</v>
      </c>
      <c r="I12309" s="40">
        <v>26.423012155344772</v>
      </c>
      <c r="L12309" s="40"/>
      <c r="M12309" s="40"/>
      <c r="N12309" s="40"/>
    </row>
    <row r="12310" spans="6:14" x14ac:dyDescent="0.25">
      <c r="F12310" s="40">
        <v>204.99999999999997</v>
      </c>
      <c r="G12310" s="40">
        <v>9.3019567409851867</v>
      </c>
      <c r="H12310" s="40">
        <v>205.01666699999998</v>
      </c>
      <c r="I12310" s="40">
        <v>26.423012155344772</v>
      </c>
      <c r="L12310" s="40"/>
      <c r="M12310" s="40"/>
      <c r="N12310" s="40"/>
    </row>
    <row r="12311" spans="6:14" x14ac:dyDescent="0.25">
      <c r="F12311" s="40">
        <v>205.01666700000001</v>
      </c>
      <c r="G12311" s="40">
        <v>9.2218168920536741</v>
      </c>
      <c r="H12311" s="40">
        <v>205.03333400000002</v>
      </c>
      <c r="I12311" s="40">
        <v>26.423012155344772</v>
      </c>
      <c r="L12311" s="40"/>
      <c r="M12311" s="40"/>
      <c r="N12311" s="40"/>
    </row>
    <row r="12312" spans="6:14" x14ac:dyDescent="0.25">
      <c r="F12312" s="40">
        <v>205.033333</v>
      </c>
      <c r="G12312" s="40">
        <v>9.1418169032424821</v>
      </c>
      <c r="H12312" s="40">
        <v>205.05</v>
      </c>
      <c r="I12312" s="40">
        <v>26.423012155344772</v>
      </c>
      <c r="L12312" s="40"/>
      <c r="M12312" s="40"/>
      <c r="N12312" s="40"/>
    </row>
    <row r="12313" spans="6:14" x14ac:dyDescent="0.25">
      <c r="F12313" s="40">
        <v>205.04999999999998</v>
      </c>
      <c r="G12313" s="40">
        <v>9.0664322984011907</v>
      </c>
      <c r="H12313" s="40">
        <v>205.066667</v>
      </c>
      <c r="I12313" s="40">
        <v>26.426266281601535</v>
      </c>
      <c r="L12313" s="40"/>
      <c r="M12313" s="40"/>
      <c r="N12313" s="40"/>
    </row>
    <row r="12314" spans="6:14" x14ac:dyDescent="0.25">
      <c r="F12314" s="40">
        <v>205.06666699999997</v>
      </c>
      <c r="G12314" s="40">
        <v>8.9864323095899969</v>
      </c>
      <c r="H12314" s="40">
        <v>205.08333399999998</v>
      </c>
      <c r="I12314" s="40">
        <v>26.426266281601535</v>
      </c>
      <c r="L12314" s="40"/>
      <c r="M12314" s="40"/>
      <c r="N12314" s="40"/>
    </row>
    <row r="12315" spans="6:14" x14ac:dyDescent="0.25">
      <c r="F12315" s="40">
        <v>205.08333300000001</v>
      </c>
      <c r="G12315" s="40">
        <v>8.9110477047485812</v>
      </c>
      <c r="H12315" s="40">
        <v>205.10000000000002</v>
      </c>
      <c r="I12315" s="40">
        <v>26.426266281601535</v>
      </c>
      <c r="L12315" s="40"/>
      <c r="M12315" s="40"/>
      <c r="N12315" s="40"/>
    </row>
    <row r="12316" spans="6:14" x14ac:dyDescent="0.25">
      <c r="F12316" s="40">
        <v>205.1</v>
      </c>
      <c r="G12316" s="40">
        <v>8.835663099907288</v>
      </c>
      <c r="H12316" s="40">
        <v>205.11666700000001</v>
      </c>
      <c r="I12316" s="40">
        <v>26.426266281601535</v>
      </c>
      <c r="L12316" s="40"/>
      <c r="M12316" s="40"/>
      <c r="N12316" s="40"/>
    </row>
    <row r="12317" spans="6:14" x14ac:dyDescent="0.25">
      <c r="F12317" s="40">
        <v>205.11666699999998</v>
      </c>
      <c r="G12317" s="40">
        <v>8.7555232509757754</v>
      </c>
      <c r="H12317" s="40">
        <v>205.13333399999999</v>
      </c>
      <c r="I12317" s="40">
        <v>26.426266281601535</v>
      </c>
      <c r="L12317" s="40"/>
      <c r="M12317" s="40"/>
      <c r="N12317" s="40"/>
    </row>
    <row r="12318" spans="6:14" x14ac:dyDescent="0.25">
      <c r="F12318" s="40">
        <v>205.13333300000002</v>
      </c>
      <c r="G12318" s="40">
        <v>8.6802785062548029</v>
      </c>
      <c r="H12318" s="40">
        <v>205.15000000000003</v>
      </c>
      <c r="I12318" s="40">
        <v>26.429619017744965</v>
      </c>
      <c r="L12318" s="40"/>
      <c r="M12318" s="40"/>
      <c r="N12318" s="40"/>
    </row>
    <row r="12319" spans="6:14" x14ac:dyDescent="0.25">
      <c r="F12319" s="40">
        <v>205.15</v>
      </c>
      <c r="G12319" s="40">
        <v>8.6001386573232921</v>
      </c>
      <c r="H12319" s="40">
        <v>205.16666700000002</v>
      </c>
      <c r="I12319" s="40">
        <v>26.429619017744965</v>
      </c>
      <c r="L12319" s="40"/>
      <c r="M12319" s="40"/>
      <c r="N12319" s="40"/>
    </row>
    <row r="12320" spans="6:14" x14ac:dyDescent="0.25">
      <c r="F12320" s="40">
        <v>205.16666699999999</v>
      </c>
      <c r="G12320" s="40">
        <v>8.5247540524819989</v>
      </c>
      <c r="H12320" s="40">
        <v>205.183334</v>
      </c>
      <c r="I12320" s="40">
        <v>26.429619017744965</v>
      </c>
      <c r="L12320" s="40"/>
      <c r="M12320" s="40"/>
      <c r="N12320" s="40"/>
    </row>
    <row r="12321" spans="6:14" x14ac:dyDescent="0.25">
      <c r="F12321" s="40">
        <v>205.18333299999998</v>
      </c>
      <c r="G12321" s="40">
        <v>8.4447540636708052</v>
      </c>
      <c r="H12321" s="40">
        <v>205.2</v>
      </c>
      <c r="I12321" s="40">
        <v>26.429619017744965</v>
      </c>
      <c r="L12321" s="40"/>
      <c r="M12321" s="40"/>
      <c r="N12321" s="40"/>
    </row>
    <row r="12322" spans="6:14" x14ac:dyDescent="0.25">
      <c r="F12322" s="40">
        <v>205.20000000000002</v>
      </c>
      <c r="G12322" s="40">
        <v>8.3693694588295138</v>
      </c>
      <c r="H12322" s="40">
        <v>205.21666700000003</v>
      </c>
      <c r="I12322" s="40">
        <v>26.429619017744965</v>
      </c>
      <c r="L12322" s="40"/>
      <c r="M12322" s="40"/>
      <c r="N12322" s="40"/>
    </row>
    <row r="12323" spans="6:14" x14ac:dyDescent="0.25">
      <c r="F12323" s="40">
        <v>205.216667</v>
      </c>
      <c r="G12323" s="40">
        <v>8.28936947001832</v>
      </c>
      <c r="H12323" s="40">
        <v>205.23333400000001</v>
      </c>
      <c r="I12323" s="40">
        <v>26.429619017744965</v>
      </c>
      <c r="L12323" s="40"/>
      <c r="M12323" s="40"/>
      <c r="N12323" s="40"/>
    </row>
    <row r="12324" spans="6:14" x14ac:dyDescent="0.25">
      <c r="F12324" s="40">
        <v>205.23333299999999</v>
      </c>
      <c r="G12324" s="40">
        <v>8.2092296210868092</v>
      </c>
      <c r="H12324" s="40">
        <v>205.25</v>
      </c>
      <c r="I12324" s="40">
        <v>26.432971753888225</v>
      </c>
      <c r="L12324" s="40"/>
      <c r="M12324" s="40"/>
      <c r="N12324" s="40"/>
    </row>
    <row r="12325" spans="6:14" x14ac:dyDescent="0.25">
      <c r="F12325" s="40">
        <v>205.24999999999997</v>
      </c>
      <c r="G12325" s="40">
        <v>8.133845016245516</v>
      </c>
      <c r="H12325" s="40">
        <v>205.26666699999998</v>
      </c>
      <c r="I12325" s="40">
        <v>26.432971753888225</v>
      </c>
      <c r="L12325" s="40"/>
      <c r="M12325" s="40"/>
      <c r="N12325" s="40"/>
    </row>
    <row r="12326" spans="6:14" x14ac:dyDescent="0.25">
      <c r="F12326" s="40">
        <v>205.26666700000001</v>
      </c>
      <c r="G12326" s="40">
        <v>8.0538450274343241</v>
      </c>
      <c r="H12326" s="40">
        <v>205.28333400000002</v>
      </c>
      <c r="I12326" s="40">
        <v>26.432971753888225</v>
      </c>
      <c r="L12326" s="40"/>
      <c r="M12326" s="40"/>
      <c r="N12326" s="40"/>
    </row>
    <row r="12327" spans="6:14" x14ac:dyDescent="0.25">
      <c r="F12327" s="40">
        <v>205.283333</v>
      </c>
      <c r="G12327" s="40">
        <v>7.9737051785028124</v>
      </c>
      <c r="H12327" s="40">
        <v>205.3</v>
      </c>
      <c r="I12327" s="40">
        <v>26.432971753888225</v>
      </c>
      <c r="L12327" s="40"/>
      <c r="M12327" s="40"/>
      <c r="N12327" s="40"/>
    </row>
    <row r="12328" spans="6:14" x14ac:dyDescent="0.25">
      <c r="F12328" s="40">
        <v>205.29999999999998</v>
      </c>
      <c r="G12328" s="40">
        <v>7.8937051896916195</v>
      </c>
      <c r="H12328" s="40">
        <v>205.316667</v>
      </c>
      <c r="I12328" s="40">
        <v>26.432971753888225</v>
      </c>
      <c r="L12328" s="40"/>
      <c r="M12328" s="40"/>
      <c r="N12328" s="40"/>
    </row>
    <row r="12329" spans="6:14" x14ac:dyDescent="0.25">
      <c r="F12329" s="40">
        <v>205.31666699999997</v>
      </c>
      <c r="G12329" s="40">
        <v>7.8135653407601078</v>
      </c>
      <c r="H12329" s="40">
        <v>205.33333399999998</v>
      </c>
      <c r="I12329" s="40">
        <v>26.436225880144985</v>
      </c>
      <c r="L12329" s="40"/>
      <c r="M12329" s="40"/>
      <c r="N12329" s="40"/>
    </row>
    <row r="12330" spans="6:14" x14ac:dyDescent="0.25">
      <c r="F12330" s="40">
        <v>205.33333300000001</v>
      </c>
      <c r="G12330" s="40">
        <v>7.7383205960391344</v>
      </c>
      <c r="H12330" s="40">
        <v>205.35000000000002</v>
      </c>
      <c r="I12330" s="40">
        <v>26.436225880144985</v>
      </c>
      <c r="L12330" s="40"/>
      <c r="M12330" s="40"/>
      <c r="N12330" s="40"/>
    </row>
    <row r="12331" spans="6:14" x14ac:dyDescent="0.25">
      <c r="F12331" s="40">
        <v>205.35</v>
      </c>
      <c r="G12331" s="40">
        <v>7.6581807471076226</v>
      </c>
      <c r="H12331" s="40">
        <v>205.36666700000001</v>
      </c>
      <c r="I12331" s="40">
        <v>26.436225880144985</v>
      </c>
      <c r="L12331" s="40"/>
      <c r="M12331" s="40"/>
      <c r="N12331" s="40"/>
    </row>
    <row r="12332" spans="6:14" x14ac:dyDescent="0.25">
      <c r="F12332" s="40">
        <v>205.36666699999998</v>
      </c>
      <c r="G12332" s="40">
        <v>7.5781807582964307</v>
      </c>
      <c r="H12332" s="40">
        <v>205.38333399999999</v>
      </c>
      <c r="I12332" s="40">
        <v>26.439578616288244</v>
      </c>
      <c r="L12332" s="40"/>
      <c r="M12332" s="40"/>
      <c r="N12332" s="40"/>
    </row>
    <row r="12333" spans="6:14" x14ac:dyDescent="0.25">
      <c r="F12333" s="40">
        <v>205.38333300000002</v>
      </c>
      <c r="G12333" s="40">
        <v>7.498040909364919</v>
      </c>
      <c r="H12333" s="40">
        <v>205.40000000000003</v>
      </c>
      <c r="I12333" s="40">
        <v>26.439578616288244</v>
      </c>
      <c r="L12333" s="40"/>
      <c r="M12333" s="40"/>
      <c r="N12333" s="40"/>
    </row>
    <row r="12334" spans="6:14" x14ac:dyDescent="0.25">
      <c r="F12334" s="40">
        <v>205.4</v>
      </c>
      <c r="G12334" s="40">
        <v>7.4180409205537261</v>
      </c>
      <c r="H12334" s="40">
        <v>205.41666700000002</v>
      </c>
      <c r="I12334" s="40">
        <v>26.439578616288244</v>
      </c>
      <c r="L12334" s="40"/>
      <c r="M12334" s="40"/>
      <c r="N12334" s="40"/>
    </row>
    <row r="12335" spans="6:14" x14ac:dyDescent="0.25">
      <c r="F12335" s="40">
        <v>205.41666699999999</v>
      </c>
      <c r="G12335" s="40">
        <v>7.3379010716223378</v>
      </c>
      <c r="H12335" s="40">
        <v>205.433334</v>
      </c>
      <c r="I12335" s="40">
        <v>26.439578616288244</v>
      </c>
      <c r="L12335" s="40"/>
      <c r="M12335" s="40"/>
      <c r="N12335" s="40"/>
    </row>
    <row r="12336" spans="6:14" x14ac:dyDescent="0.25">
      <c r="F12336" s="40">
        <v>205.43333299999998</v>
      </c>
      <c r="G12336" s="40">
        <v>7.2579010828111459</v>
      </c>
      <c r="H12336" s="40">
        <v>205.45</v>
      </c>
      <c r="I12336" s="40">
        <v>26.442931352431678</v>
      </c>
      <c r="L12336" s="40"/>
      <c r="M12336" s="40"/>
      <c r="N12336" s="40"/>
    </row>
    <row r="12337" spans="6:14" x14ac:dyDescent="0.25">
      <c r="F12337" s="40">
        <v>205.45000000000002</v>
      </c>
      <c r="G12337" s="40">
        <v>7.1777612338796342</v>
      </c>
      <c r="H12337" s="40">
        <v>205.46666700000003</v>
      </c>
      <c r="I12337" s="40">
        <v>26.442931352431678</v>
      </c>
      <c r="L12337" s="40"/>
      <c r="M12337" s="40"/>
      <c r="N12337" s="40"/>
    </row>
    <row r="12338" spans="6:14" x14ac:dyDescent="0.25">
      <c r="F12338" s="40">
        <v>205.466667</v>
      </c>
      <c r="G12338" s="40">
        <v>7.0977612450684413</v>
      </c>
      <c r="H12338" s="40">
        <v>205.48333400000001</v>
      </c>
      <c r="I12338" s="40">
        <v>26.442931352431678</v>
      </c>
      <c r="L12338" s="40"/>
      <c r="M12338" s="40"/>
      <c r="N12338" s="40"/>
    </row>
    <row r="12339" spans="6:14" x14ac:dyDescent="0.25">
      <c r="F12339" s="40">
        <v>205.48333299999999</v>
      </c>
      <c r="G12339" s="40">
        <v>7.0176213961369296</v>
      </c>
      <c r="H12339" s="40">
        <v>205.5</v>
      </c>
      <c r="I12339" s="40">
        <v>26.442931352431678</v>
      </c>
      <c r="L12339" s="40"/>
      <c r="M12339" s="40"/>
      <c r="N12339" s="40"/>
    </row>
    <row r="12340" spans="6:14" x14ac:dyDescent="0.25">
      <c r="F12340" s="40">
        <v>205.49999999999997</v>
      </c>
      <c r="G12340" s="40">
        <v>6.9376214073257367</v>
      </c>
      <c r="H12340" s="40">
        <v>205.51666699999998</v>
      </c>
      <c r="I12340" s="40">
        <v>26.442931352431678</v>
      </c>
      <c r="L12340" s="40"/>
      <c r="M12340" s="40"/>
      <c r="N12340" s="40"/>
    </row>
    <row r="12341" spans="6:14" x14ac:dyDescent="0.25">
      <c r="F12341" s="40">
        <v>205.51666700000001</v>
      </c>
      <c r="G12341" s="40">
        <v>6.857481558394225</v>
      </c>
      <c r="H12341" s="40">
        <v>205.53333400000002</v>
      </c>
      <c r="I12341" s="40">
        <v>26.446185478688264</v>
      </c>
      <c r="L12341" s="40"/>
      <c r="M12341" s="40"/>
      <c r="N12341" s="40"/>
    </row>
    <row r="12342" spans="6:14" x14ac:dyDescent="0.25">
      <c r="F12342" s="40">
        <v>205.533333</v>
      </c>
      <c r="G12342" s="40">
        <v>6.777481569583033</v>
      </c>
      <c r="H12342" s="40">
        <v>205.55</v>
      </c>
      <c r="I12342" s="40">
        <v>26.446185478688264</v>
      </c>
      <c r="L12342" s="40"/>
      <c r="M12342" s="40"/>
      <c r="N12342" s="40"/>
    </row>
    <row r="12343" spans="6:14" x14ac:dyDescent="0.25">
      <c r="F12343" s="40">
        <v>205.54999999999998</v>
      </c>
      <c r="G12343" s="40">
        <v>6.6973417206515213</v>
      </c>
      <c r="H12343" s="40">
        <v>205.566667</v>
      </c>
      <c r="I12343" s="40">
        <v>26.446185478688264</v>
      </c>
      <c r="L12343" s="40"/>
      <c r="M12343" s="40"/>
      <c r="N12343" s="40"/>
    </row>
    <row r="12344" spans="6:14" x14ac:dyDescent="0.25">
      <c r="F12344" s="40">
        <v>205.56666699999997</v>
      </c>
      <c r="G12344" s="40">
        <v>6.6173417318403285</v>
      </c>
      <c r="H12344" s="40">
        <v>205.58333399999998</v>
      </c>
      <c r="I12344" s="40">
        <v>26.446185478688264</v>
      </c>
      <c r="L12344" s="40"/>
      <c r="M12344" s="40"/>
      <c r="N12344" s="40"/>
    </row>
    <row r="12345" spans="6:14" x14ac:dyDescent="0.25">
      <c r="F12345" s="40">
        <v>205.58333300000001</v>
      </c>
      <c r="G12345" s="40">
        <v>6.537201882908942</v>
      </c>
      <c r="H12345" s="40">
        <v>205.60000000000002</v>
      </c>
      <c r="I12345" s="40">
        <v>26.446185478688264</v>
      </c>
      <c r="L12345" s="40"/>
      <c r="M12345" s="40"/>
      <c r="N12345" s="40"/>
    </row>
    <row r="12346" spans="6:14" x14ac:dyDescent="0.25">
      <c r="F12346" s="40">
        <v>205.6</v>
      </c>
      <c r="G12346" s="40">
        <v>6.4572018940977483</v>
      </c>
      <c r="H12346" s="40">
        <v>205.61666700000001</v>
      </c>
      <c r="I12346" s="40">
        <v>26.449538214831694</v>
      </c>
      <c r="L12346" s="40"/>
      <c r="M12346" s="40"/>
      <c r="N12346" s="40"/>
    </row>
    <row r="12347" spans="6:14" x14ac:dyDescent="0.25">
      <c r="F12347" s="40">
        <v>205.61666699999998</v>
      </c>
      <c r="G12347" s="40">
        <v>6.3818172892563325</v>
      </c>
      <c r="H12347" s="40">
        <v>205.63333399999999</v>
      </c>
      <c r="I12347" s="40">
        <v>26.449538214831694</v>
      </c>
      <c r="L12347" s="40"/>
      <c r="M12347" s="40"/>
      <c r="N12347" s="40"/>
    </row>
    <row r="12348" spans="6:14" x14ac:dyDescent="0.25">
      <c r="F12348" s="40">
        <v>205.63333300000002</v>
      </c>
      <c r="G12348" s="40">
        <v>6.3018173004451388</v>
      </c>
      <c r="H12348" s="40">
        <v>205.65000000000003</v>
      </c>
      <c r="I12348" s="40">
        <v>26.449538214831694</v>
      </c>
      <c r="L12348" s="40"/>
      <c r="M12348" s="40"/>
      <c r="N12348" s="40"/>
    </row>
    <row r="12349" spans="6:14" x14ac:dyDescent="0.25">
      <c r="F12349" s="40">
        <v>205.65</v>
      </c>
      <c r="G12349" s="40">
        <v>6.2216774515137523</v>
      </c>
      <c r="H12349" s="40">
        <v>205.66666700000002</v>
      </c>
      <c r="I12349" s="40">
        <v>26.449538214831694</v>
      </c>
      <c r="L12349" s="40"/>
      <c r="M12349" s="40"/>
      <c r="N12349" s="40"/>
    </row>
    <row r="12350" spans="6:14" x14ac:dyDescent="0.25">
      <c r="F12350" s="40">
        <v>205.66666699999999</v>
      </c>
      <c r="G12350" s="40">
        <v>6.1416774627025594</v>
      </c>
      <c r="H12350" s="40">
        <v>205.683334</v>
      </c>
      <c r="I12350" s="40">
        <v>26.449538214831694</v>
      </c>
      <c r="L12350" s="40"/>
      <c r="M12350" s="40"/>
      <c r="N12350" s="40"/>
    </row>
    <row r="12351" spans="6:14" x14ac:dyDescent="0.25">
      <c r="F12351" s="40">
        <v>205.68333299999998</v>
      </c>
      <c r="G12351" s="40">
        <v>6.0615376137710477</v>
      </c>
      <c r="H12351" s="40">
        <v>205.7</v>
      </c>
      <c r="I12351" s="40">
        <v>26.449538214831694</v>
      </c>
      <c r="L12351" s="40"/>
      <c r="M12351" s="40"/>
      <c r="N12351" s="40"/>
    </row>
    <row r="12352" spans="6:14" x14ac:dyDescent="0.25">
      <c r="F12352" s="40">
        <v>205.70000000000002</v>
      </c>
      <c r="G12352" s="40">
        <v>5.9815376249598549</v>
      </c>
      <c r="H12352" s="40">
        <v>205.71666700000003</v>
      </c>
      <c r="I12352" s="40">
        <v>26.452890950974954</v>
      </c>
      <c r="L12352" s="40"/>
      <c r="M12352" s="40"/>
      <c r="N12352" s="40"/>
    </row>
    <row r="12353" spans="6:14" x14ac:dyDescent="0.25">
      <c r="F12353" s="40">
        <v>205.716667</v>
      </c>
      <c r="G12353" s="40">
        <v>5.9013977760283431</v>
      </c>
      <c r="H12353" s="40">
        <v>205.73333400000001</v>
      </c>
      <c r="I12353" s="40">
        <v>26.452890950974954</v>
      </c>
      <c r="L12353" s="40"/>
      <c r="M12353" s="40"/>
      <c r="N12353" s="40"/>
    </row>
    <row r="12354" spans="6:14" x14ac:dyDescent="0.25">
      <c r="F12354" s="40">
        <v>205.73333299999999</v>
      </c>
      <c r="G12354" s="40">
        <v>5.8213977872171503</v>
      </c>
      <c r="H12354" s="40">
        <v>205.75</v>
      </c>
      <c r="I12354" s="40">
        <v>26.452890950974954</v>
      </c>
      <c r="L12354" s="40"/>
      <c r="M12354" s="40"/>
      <c r="N12354" s="40"/>
    </row>
    <row r="12355" spans="6:14" x14ac:dyDescent="0.25">
      <c r="F12355" s="40">
        <v>205.74999999999997</v>
      </c>
      <c r="G12355" s="40">
        <v>5.7412579382856386</v>
      </c>
      <c r="H12355" s="40">
        <v>205.76666699999998</v>
      </c>
      <c r="I12355" s="40">
        <v>26.452890950974954</v>
      </c>
      <c r="L12355" s="40"/>
      <c r="M12355" s="40"/>
      <c r="N12355" s="40"/>
    </row>
    <row r="12356" spans="6:14" x14ac:dyDescent="0.25">
      <c r="F12356" s="40">
        <v>205.76666700000001</v>
      </c>
      <c r="G12356" s="40">
        <v>5.6612579494744466</v>
      </c>
      <c r="H12356" s="40">
        <v>205.78333400000002</v>
      </c>
      <c r="I12356" s="40">
        <v>26.452890950974954</v>
      </c>
      <c r="L12356" s="40"/>
      <c r="M12356" s="40"/>
      <c r="N12356" s="40"/>
    </row>
    <row r="12357" spans="6:14" x14ac:dyDescent="0.25">
      <c r="F12357" s="40">
        <v>205.783333</v>
      </c>
      <c r="G12357" s="40">
        <v>5.5811181005429349</v>
      </c>
      <c r="H12357" s="40">
        <v>205.8</v>
      </c>
      <c r="I12357" s="40">
        <v>26.452890950974954</v>
      </c>
      <c r="L12357" s="40"/>
      <c r="M12357" s="40"/>
      <c r="N12357" s="40"/>
    </row>
    <row r="12358" spans="6:14" x14ac:dyDescent="0.25">
      <c r="F12358" s="40">
        <v>205.79999999999998</v>
      </c>
      <c r="G12358" s="40">
        <v>5.5058733558219606</v>
      </c>
      <c r="H12358" s="40">
        <v>205.816667</v>
      </c>
      <c r="I12358" s="40">
        <v>26.452890950974954</v>
      </c>
      <c r="L12358" s="40"/>
      <c r="M12358" s="40"/>
      <c r="N12358" s="40"/>
    </row>
    <row r="12359" spans="6:14" x14ac:dyDescent="0.25">
      <c r="F12359" s="40">
        <v>205.81666699999997</v>
      </c>
      <c r="G12359" s="40">
        <v>5.4257335068904489</v>
      </c>
      <c r="H12359" s="40">
        <v>205.83333399999998</v>
      </c>
      <c r="I12359" s="40">
        <v>26.452890950974954</v>
      </c>
      <c r="L12359" s="40"/>
      <c r="M12359" s="40"/>
      <c r="N12359" s="40"/>
    </row>
    <row r="12360" spans="6:14" x14ac:dyDescent="0.25">
      <c r="F12360" s="40">
        <v>205.83333300000001</v>
      </c>
      <c r="G12360" s="40">
        <v>5.3503489020491575</v>
      </c>
      <c r="H12360" s="40">
        <v>205.85000000000002</v>
      </c>
      <c r="I12360" s="40">
        <v>26.456145077231717</v>
      </c>
      <c r="L12360" s="40"/>
      <c r="M12360" s="40"/>
      <c r="N12360" s="40"/>
    </row>
    <row r="12361" spans="6:14" x14ac:dyDescent="0.25">
      <c r="F12361" s="40">
        <v>205.85</v>
      </c>
      <c r="G12361" s="40">
        <v>5.2703489132379637</v>
      </c>
      <c r="H12361" s="40">
        <v>205.86666700000001</v>
      </c>
      <c r="I12361" s="40">
        <v>26.456145077231717</v>
      </c>
      <c r="L12361" s="40"/>
      <c r="M12361" s="40"/>
      <c r="N12361" s="40"/>
    </row>
    <row r="12362" spans="6:14" x14ac:dyDescent="0.25">
      <c r="F12362" s="40">
        <v>205.86666699999998</v>
      </c>
      <c r="G12362" s="40">
        <v>5.1949643083966714</v>
      </c>
      <c r="H12362" s="40">
        <v>205.88333399999999</v>
      </c>
      <c r="I12362" s="40">
        <v>26.456145077231717</v>
      </c>
      <c r="L12362" s="40"/>
      <c r="M12362" s="40"/>
      <c r="N12362" s="40"/>
    </row>
    <row r="12363" spans="6:14" x14ac:dyDescent="0.25">
      <c r="F12363" s="40">
        <v>205.88333300000002</v>
      </c>
      <c r="G12363" s="40">
        <v>5.1148244594651597</v>
      </c>
      <c r="H12363" s="40">
        <v>205.90000000000003</v>
      </c>
      <c r="I12363" s="40">
        <v>26.456145077231717</v>
      </c>
      <c r="L12363" s="40"/>
      <c r="M12363" s="40"/>
      <c r="N12363" s="40"/>
    </row>
    <row r="12364" spans="6:14" x14ac:dyDescent="0.25">
      <c r="F12364" s="40">
        <v>205.9</v>
      </c>
      <c r="G12364" s="40">
        <v>5.0348244706539678</v>
      </c>
      <c r="H12364" s="40">
        <v>205.91666700000002</v>
      </c>
      <c r="I12364" s="40">
        <v>26.456145077231717</v>
      </c>
      <c r="L12364" s="40"/>
      <c r="M12364" s="40"/>
      <c r="N12364" s="40"/>
    </row>
    <row r="12365" spans="6:14" x14ac:dyDescent="0.25">
      <c r="F12365" s="40">
        <v>205.91666699999999</v>
      </c>
      <c r="G12365" s="40">
        <v>4.9546846217224561</v>
      </c>
      <c r="H12365" s="40">
        <v>205.933334</v>
      </c>
      <c r="I12365" s="40">
        <v>26.459497813374973</v>
      </c>
      <c r="L12365" s="40"/>
      <c r="M12365" s="40"/>
      <c r="N12365" s="40"/>
    </row>
    <row r="12366" spans="6:14" x14ac:dyDescent="0.25">
      <c r="F12366" s="40">
        <v>205.93333299999998</v>
      </c>
      <c r="G12366" s="40">
        <v>4.8794398770014817</v>
      </c>
      <c r="H12366" s="40">
        <v>205.95</v>
      </c>
      <c r="I12366" s="40">
        <v>26.459497813374973</v>
      </c>
      <c r="L12366" s="40"/>
      <c r="M12366" s="40"/>
      <c r="N12366" s="40"/>
    </row>
    <row r="12367" spans="6:14" x14ac:dyDescent="0.25">
      <c r="F12367" s="40">
        <v>205.95000000000002</v>
      </c>
      <c r="G12367" s="40">
        <v>4.7993000280699709</v>
      </c>
      <c r="H12367" s="40">
        <v>205.96666700000003</v>
      </c>
      <c r="I12367" s="40">
        <v>26.459497813374973</v>
      </c>
      <c r="L12367" s="40"/>
      <c r="M12367" s="40"/>
      <c r="N12367" s="40"/>
    </row>
    <row r="12368" spans="6:14" x14ac:dyDescent="0.25">
      <c r="F12368" s="40">
        <v>205.966667</v>
      </c>
      <c r="G12368" s="40">
        <v>4.7193000392587781</v>
      </c>
      <c r="H12368" s="40">
        <v>205.98333400000001</v>
      </c>
      <c r="I12368" s="40">
        <v>26.459497813374973</v>
      </c>
      <c r="L12368" s="40"/>
      <c r="M12368" s="40"/>
      <c r="N12368" s="40"/>
    </row>
    <row r="12369" spans="6:14" x14ac:dyDescent="0.25">
      <c r="F12369" s="40">
        <v>205.98333299999999</v>
      </c>
      <c r="G12369" s="40">
        <v>4.6439154344174858</v>
      </c>
      <c r="H12369" s="40">
        <v>206</v>
      </c>
      <c r="I12369" s="40">
        <v>26.462850549518407</v>
      </c>
      <c r="L12369" s="40"/>
      <c r="M12369" s="40"/>
      <c r="N12369" s="40"/>
    </row>
    <row r="12370" spans="6:14" x14ac:dyDescent="0.25">
      <c r="F12370" s="40">
        <v>205.99999999999997</v>
      </c>
      <c r="G12370" s="40">
        <v>4.5637755854859741</v>
      </c>
      <c r="H12370" s="40">
        <v>206.01666699999998</v>
      </c>
      <c r="I12370" s="40">
        <v>26.462850549518407</v>
      </c>
      <c r="L12370" s="40"/>
      <c r="M12370" s="40"/>
      <c r="N12370" s="40"/>
    </row>
    <row r="12371" spans="6:14" x14ac:dyDescent="0.25">
      <c r="F12371" s="40">
        <v>206.01666700000001</v>
      </c>
      <c r="G12371" s="40">
        <v>4.4837755966747812</v>
      </c>
      <c r="H12371" s="40">
        <v>206.03333400000002</v>
      </c>
      <c r="I12371" s="40">
        <v>26.462850549518407</v>
      </c>
      <c r="L12371" s="40"/>
      <c r="M12371" s="40"/>
      <c r="N12371" s="40"/>
    </row>
    <row r="12372" spans="6:14" x14ac:dyDescent="0.25">
      <c r="F12372" s="40">
        <v>206.033333</v>
      </c>
      <c r="G12372" s="40">
        <v>4.4036357477432695</v>
      </c>
      <c r="H12372" s="40">
        <v>206.05</v>
      </c>
      <c r="I12372" s="40">
        <v>26.462850549518407</v>
      </c>
      <c r="L12372" s="40"/>
      <c r="M12372" s="40"/>
      <c r="N12372" s="40"/>
    </row>
    <row r="12373" spans="6:14" x14ac:dyDescent="0.25">
      <c r="F12373" s="40">
        <v>206.04999999999998</v>
      </c>
      <c r="G12373" s="40">
        <v>4.3283910030222961</v>
      </c>
      <c r="H12373" s="40">
        <v>206.066667</v>
      </c>
      <c r="I12373" s="40">
        <v>26.462850549518407</v>
      </c>
      <c r="L12373" s="40"/>
      <c r="M12373" s="40"/>
      <c r="N12373" s="40"/>
    </row>
    <row r="12374" spans="6:14" x14ac:dyDescent="0.25">
      <c r="F12374" s="40">
        <v>206.06666699999997</v>
      </c>
      <c r="G12374" s="40">
        <v>4.2482511540907852</v>
      </c>
      <c r="H12374" s="40">
        <v>206.08333399999998</v>
      </c>
      <c r="I12374" s="40">
        <v>26.462850549518407</v>
      </c>
      <c r="L12374" s="40"/>
      <c r="M12374" s="40"/>
      <c r="N12374" s="40"/>
    </row>
    <row r="12375" spans="6:14" x14ac:dyDescent="0.25">
      <c r="F12375" s="40">
        <v>206.08333300000001</v>
      </c>
      <c r="G12375" s="40">
        <v>4.1682511652795915</v>
      </c>
      <c r="H12375" s="40">
        <v>206.10000000000002</v>
      </c>
      <c r="I12375" s="40">
        <v>26.466104675775171</v>
      </c>
      <c r="L12375" s="40"/>
      <c r="M12375" s="40"/>
      <c r="N12375" s="40"/>
    </row>
    <row r="12376" spans="6:14" x14ac:dyDescent="0.25">
      <c r="F12376" s="40">
        <v>206.1</v>
      </c>
      <c r="G12376" s="40">
        <v>4.0881113163480807</v>
      </c>
      <c r="H12376" s="40">
        <v>206.11666700000001</v>
      </c>
      <c r="I12376" s="40">
        <v>26.466104675775171</v>
      </c>
      <c r="L12376" s="40"/>
      <c r="M12376" s="40"/>
      <c r="N12376" s="40"/>
    </row>
    <row r="12377" spans="6:14" x14ac:dyDescent="0.25">
      <c r="F12377" s="40">
        <v>206.11666699999998</v>
      </c>
      <c r="G12377" s="40">
        <v>4.0081113275368869</v>
      </c>
      <c r="H12377" s="40">
        <v>206.13333399999999</v>
      </c>
      <c r="I12377" s="40">
        <v>26.466104675775171</v>
      </c>
      <c r="L12377" s="40"/>
      <c r="M12377" s="40"/>
      <c r="N12377" s="40"/>
    </row>
    <row r="12378" spans="6:14" x14ac:dyDescent="0.25">
      <c r="F12378" s="40">
        <v>206.13333300000002</v>
      </c>
      <c r="G12378" s="40">
        <v>3.9279714786055004</v>
      </c>
      <c r="H12378" s="40">
        <v>206.15000000000003</v>
      </c>
      <c r="I12378" s="40">
        <v>26.466104675775171</v>
      </c>
      <c r="L12378" s="40"/>
      <c r="M12378" s="40"/>
      <c r="N12378" s="40"/>
    </row>
    <row r="12379" spans="6:14" x14ac:dyDescent="0.25">
      <c r="F12379" s="40">
        <v>206.15</v>
      </c>
      <c r="G12379" s="40">
        <v>3.8479714897943076</v>
      </c>
      <c r="H12379" s="40">
        <v>206.16666700000002</v>
      </c>
      <c r="I12379" s="40">
        <v>26.466104675775171</v>
      </c>
      <c r="L12379" s="40"/>
      <c r="M12379" s="40"/>
      <c r="N12379" s="40"/>
    </row>
    <row r="12380" spans="6:14" x14ac:dyDescent="0.25">
      <c r="F12380" s="40">
        <v>206.16666699999999</v>
      </c>
      <c r="G12380" s="40">
        <v>3.7678316408627963</v>
      </c>
      <c r="H12380" s="40">
        <v>206.183334</v>
      </c>
      <c r="I12380" s="40">
        <v>26.469457411918427</v>
      </c>
      <c r="L12380" s="40"/>
      <c r="M12380" s="40"/>
      <c r="N12380" s="40"/>
    </row>
    <row r="12381" spans="6:14" x14ac:dyDescent="0.25">
      <c r="F12381" s="40">
        <v>206.18333299999998</v>
      </c>
      <c r="G12381" s="40">
        <v>3.687831652051603</v>
      </c>
      <c r="H12381" s="40">
        <v>206.2</v>
      </c>
      <c r="I12381" s="40">
        <v>26.469457411918427</v>
      </c>
      <c r="L12381" s="40"/>
      <c r="M12381" s="40"/>
      <c r="N12381" s="40"/>
    </row>
    <row r="12382" spans="6:14" x14ac:dyDescent="0.25">
      <c r="F12382" s="40">
        <v>206.20000000000002</v>
      </c>
      <c r="G12382" s="40">
        <v>3.6076918031200913</v>
      </c>
      <c r="H12382" s="40">
        <v>206.21666700000003</v>
      </c>
      <c r="I12382" s="40">
        <v>26.469457411918427</v>
      </c>
      <c r="L12382" s="40"/>
      <c r="M12382" s="40"/>
      <c r="N12382" s="40"/>
    </row>
    <row r="12383" spans="6:14" x14ac:dyDescent="0.25">
      <c r="F12383" s="40">
        <v>206.216667</v>
      </c>
      <c r="G12383" s="40">
        <v>3.5276918143088989</v>
      </c>
      <c r="H12383" s="40">
        <v>206.23333400000001</v>
      </c>
      <c r="I12383" s="40">
        <v>26.469457411918427</v>
      </c>
      <c r="L12383" s="40"/>
      <c r="M12383" s="40"/>
      <c r="N12383" s="40"/>
    </row>
    <row r="12384" spans="6:14" x14ac:dyDescent="0.25">
      <c r="F12384" s="40">
        <v>206.23333299999999</v>
      </c>
      <c r="G12384" s="40">
        <v>3.4475519653773872</v>
      </c>
      <c r="H12384" s="40">
        <v>206.25</v>
      </c>
      <c r="I12384" s="40">
        <v>26.469457411918427</v>
      </c>
      <c r="L12384" s="40"/>
      <c r="M12384" s="40"/>
      <c r="N12384" s="40"/>
    </row>
    <row r="12385" spans="6:14" x14ac:dyDescent="0.25">
      <c r="F12385" s="40">
        <v>206.24999999999997</v>
      </c>
      <c r="G12385" s="40">
        <v>3.3675519765661948</v>
      </c>
      <c r="H12385" s="40">
        <v>206.26666699999998</v>
      </c>
      <c r="I12385" s="40">
        <v>26.469457411918427</v>
      </c>
      <c r="L12385" s="40"/>
      <c r="M12385" s="40"/>
      <c r="N12385" s="40"/>
    </row>
    <row r="12386" spans="6:14" x14ac:dyDescent="0.25">
      <c r="F12386" s="40">
        <v>206.26666700000001</v>
      </c>
      <c r="G12386" s="40">
        <v>3.292167371724902</v>
      </c>
      <c r="H12386" s="40">
        <v>206.28333400000002</v>
      </c>
      <c r="I12386" s="40">
        <v>26.472810148061683</v>
      </c>
      <c r="L12386" s="40"/>
      <c r="M12386" s="40"/>
      <c r="N12386" s="40"/>
    </row>
    <row r="12387" spans="6:14" x14ac:dyDescent="0.25">
      <c r="F12387" s="40">
        <v>206.283333</v>
      </c>
      <c r="G12387" s="40">
        <v>3.2121673829137096</v>
      </c>
      <c r="H12387" s="40">
        <v>206.3</v>
      </c>
      <c r="I12387" s="40">
        <v>26.472810148061683</v>
      </c>
      <c r="L12387" s="40"/>
      <c r="M12387" s="40"/>
      <c r="N12387" s="40"/>
    </row>
    <row r="12388" spans="6:14" x14ac:dyDescent="0.25">
      <c r="F12388" s="40">
        <v>206.29999999999998</v>
      </c>
      <c r="G12388" s="40">
        <v>3.1320275339821979</v>
      </c>
      <c r="H12388" s="40">
        <v>206.316667</v>
      </c>
      <c r="I12388" s="40">
        <v>26.472810148061683</v>
      </c>
      <c r="L12388" s="40"/>
      <c r="M12388" s="40"/>
      <c r="N12388" s="40"/>
    </row>
    <row r="12389" spans="6:14" x14ac:dyDescent="0.25">
      <c r="F12389" s="40">
        <v>206.31666699999997</v>
      </c>
      <c r="G12389" s="40">
        <v>3.0520275451710051</v>
      </c>
      <c r="H12389" s="40">
        <v>206.33333399999998</v>
      </c>
      <c r="I12389" s="40">
        <v>26.472810148061683</v>
      </c>
      <c r="L12389" s="40"/>
      <c r="M12389" s="40"/>
      <c r="N12389" s="40"/>
    </row>
    <row r="12390" spans="6:14" x14ac:dyDescent="0.25">
      <c r="F12390" s="40">
        <v>206.33333300000001</v>
      </c>
      <c r="G12390" s="40">
        <v>2.9766429403297128</v>
      </c>
      <c r="H12390" s="40">
        <v>206.35000000000002</v>
      </c>
      <c r="I12390" s="40">
        <v>26.472810148061683</v>
      </c>
      <c r="L12390" s="40"/>
      <c r="M12390" s="40"/>
      <c r="N12390" s="40"/>
    </row>
    <row r="12391" spans="6:14" x14ac:dyDescent="0.25">
      <c r="F12391" s="40">
        <v>206.35</v>
      </c>
      <c r="G12391" s="40">
        <v>2.8965030913982011</v>
      </c>
      <c r="H12391" s="40">
        <v>206.36666700000001</v>
      </c>
      <c r="I12391" s="40">
        <v>26.472810148061683</v>
      </c>
      <c r="L12391" s="40"/>
      <c r="M12391" s="40"/>
      <c r="N12391" s="40"/>
    </row>
    <row r="12392" spans="6:14" x14ac:dyDescent="0.25">
      <c r="F12392" s="40">
        <v>206.36666699999998</v>
      </c>
      <c r="G12392" s="40">
        <v>2.8165031025870086</v>
      </c>
      <c r="H12392" s="40">
        <v>206.38333399999999</v>
      </c>
      <c r="I12392" s="40">
        <v>26.472810148061683</v>
      </c>
      <c r="L12392" s="40"/>
      <c r="M12392" s="40"/>
      <c r="N12392" s="40"/>
    </row>
    <row r="12393" spans="6:14" x14ac:dyDescent="0.25">
      <c r="F12393" s="40">
        <v>206.38333300000002</v>
      </c>
      <c r="G12393" s="40">
        <v>2.7411184977457159</v>
      </c>
      <c r="H12393" s="40">
        <v>206.40000000000003</v>
      </c>
      <c r="I12393" s="40">
        <v>26.476064274318446</v>
      </c>
      <c r="L12393" s="40"/>
      <c r="M12393" s="40"/>
      <c r="N12393" s="40"/>
    </row>
    <row r="12394" spans="6:14" x14ac:dyDescent="0.25">
      <c r="F12394" s="40">
        <v>206.4</v>
      </c>
      <c r="G12394" s="40">
        <v>2.6611185089345231</v>
      </c>
      <c r="H12394" s="40">
        <v>206.41666700000002</v>
      </c>
      <c r="I12394" s="40">
        <v>26.476064274318446</v>
      </c>
      <c r="L12394" s="40"/>
      <c r="M12394" s="40"/>
      <c r="N12394" s="40"/>
    </row>
    <row r="12395" spans="6:14" x14ac:dyDescent="0.25">
      <c r="F12395" s="40">
        <v>206.41666699999999</v>
      </c>
      <c r="G12395" s="40">
        <v>2.5809786600030118</v>
      </c>
      <c r="H12395" s="40">
        <v>206.433334</v>
      </c>
      <c r="I12395" s="40">
        <v>26.476064274318446</v>
      </c>
      <c r="L12395" s="40"/>
      <c r="M12395" s="40"/>
      <c r="N12395" s="40"/>
    </row>
    <row r="12396" spans="6:14" x14ac:dyDescent="0.25">
      <c r="F12396" s="40">
        <v>206.43333299999998</v>
      </c>
      <c r="G12396" s="40">
        <v>2.5009786711918189</v>
      </c>
      <c r="H12396" s="40">
        <v>206.45</v>
      </c>
      <c r="I12396" s="40">
        <v>26.476064274318446</v>
      </c>
      <c r="L12396" s="40"/>
      <c r="M12396" s="40"/>
      <c r="N12396" s="40"/>
    </row>
    <row r="12397" spans="6:14" x14ac:dyDescent="0.25">
      <c r="F12397" s="40">
        <v>206.45000000000002</v>
      </c>
      <c r="G12397" s="40">
        <v>2.4255940663505267</v>
      </c>
      <c r="H12397" s="40">
        <v>206.46666700000003</v>
      </c>
      <c r="I12397" s="40">
        <v>26.476064274318446</v>
      </c>
      <c r="L12397" s="40"/>
      <c r="M12397" s="40"/>
      <c r="N12397" s="40"/>
    </row>
    <row r="12398" spans="6:14" x14ac:dyDescent="0.25">
      <c r="F12398" s="40">
        <v>206.466667</v>
      </c>
      <c r="G12398" s="40">
        <v>2.3454542174190149</v>
      </c>
      <c r="H12398" s="40">
        <v>206.48333400000001</v>
      </c>
      <c r="I12398" s="40">
        <v>26.476064274318446</v>
      </c>
      <c r="L12398" s="40"/>
      <c r="M12398" s="40"/>
      <c r="N12398" s="40"/>
    </row>
    <row r="12399" spans="6:14" x14ac:dyDescent="0.25">
      <c r="F12399" s="40">
        <v>206.48333299999999</v>
      </c>
      <c r="G12399" s="40">
        <v>2.2702094726980415</v>
      </c>
      <c r="H12399" s="40">
        <v>206.5</v>
      </c>
      <c r="I12399" s="40">
        <v>26.476064274318446</v>
      </c>
      <c r="L12399" s="40"/>
      <c r="M12399" s="40"/>
      <c r="N12399" s="40"/>
    </row>
    <row r="12400" spans="6:14" x14ac:dyDescent="0.25">
      <c r="F12400" s="40">
        <v>206.49999999999997</v>
      </c>
      <c r="G12400" s="40">
        <v>2.1948248678567492</v>
      </c>
      <c r="H12400" s="40">
        <v>206.51666699999998</v>
      </c>
      <c r="I12400" s="40">
        <v>26.476064274318446</v>
      </c>
      <c r="L12400" s="40"/>
      <c r="M12400" s="40"/>
      <c r="N12400" s="40"/>
    </row>
    <row r="12401" spans="6:14" x14ac:dyDescent="0.25">
      <c r="F12401" s="40">
        <v>206.51666700000001</v>
      </c>
      <c r="G12401" s="40">
        <v>2.1146850189252375</v>
      </c>
      <c r="H12401" s="40">
        <v>206.53333400000002</v>
      </c>
      <c r="I12401" s="40">
        <v>26.479417010461702</v>
      </c>
      <c r="L12401" s="40"/>
      <c r="M12401" s="40"/>
      <c r="N12401" s="40"/>
    </row>
    <row r="12402" spans="6:14" x14ac:dyDescent="0.25">
      <c r="F12402" s="40">
        <v>206.533333</v>
      </c>
      <c r="G12402" s="40">
        <v>2.0394402742042641</v>
      </c>
      <c r="H12402" s="40">
        <v>206.55</v>
      </c>
      <c r="I12402" s="40">
        <v>26.479417010461702</v>
      </c>
      <c r="L12402" s="40"/>
      <c r="M12402" s="40"/>
      <c r="N12402" s="40"/>
    </row>
    <row r="12403" spans="6:14" x14ac:dyDescent="0.25">
      <c r="F12403" s="40">
        <v>206.54999999999998</v>
      </c>
      <c r="G12403" s="40">
        <v>1.9593004252727526</v>
      </c>
      <c r="H12403" s="40">
        <v>206.566667</v>
      </c>
      <c r="I12403" s="40">
        <v>26.479417010461702</v>
      </c>
      <c r="L12403" s="40"/>
      <c r="M12403" s="40"/>
      <c r="N12403" s="40"/>
    </row>
    <row r="12404" spans="6:14" x14ac:dyDescent="0.25">
      <c r="F12404" s="40">
        <v>206.56666699999997</v>
      </c>
      <c r="G12404" s="40">
        <v>1.8839158204314601</v>
      </c>
      <c r="H12404" s="40">
        <v>206.58333399999998</v>
      </c>
      <c r="I12404" s="40">
        <v>26.479417010461702</v>
      </c>
      <c r="L12404" s="40"/>
      <c r="M12404" s="40"/>
      <c r="N12404" s="40"/>
    </row>
    <row r="12405" spans="6:14" x14ac:dyDescent="0.25">
      <c r="F12405" s="40">
        <v>206.58333300000001</v>
      </c>
      <c r="G12405" s="40">
        <v>1.8085312155900435</v>
      </c>
      <c r="H12405" s="40">
        <v>206.60000000000002</v>
      </c>
      <c r="I12405" s="40">
        <v>26.479417010461702</v>
      </c>
      <c r="L12405" s="40"/>
      <c r="M12405" s="40"/>
      <c r="N12405" s="40"/>
    </row>
    <row r="12406" spans="6:14" x14ac:dyDescent="0.25">
      <c r="F12406" s="40">
        <v>206.6</v>
      </c>
      <c r="G12406" s="40">
        <v>1.7285312267788506</v>
      </c>
      <c r="H12406" s="40">
        <v>206.61666700000001</v>
      </c>
      <c r="I12406" s="40">
        <v>26.482769746605136</v>
      </c>
      <c r="L12406" s="40"/>
      <c r="M12406" s="40"/>
      <c r="N12406" s="40"/>
    </row>
    <row r="12407" spans="6:14" x14ac:dyDescent="0.25">
      <c r="F12407" s="40">
        <v>206.61666699999998</v>
      </c>
      <c r="G12407" s="40">
        <v>1.6531466219375583</v>
      </c>
      <c r="H12407" s="40">
        <v>206.63333399999999</v>
      </c>
      <c r="I12407" s="40">
        <v>26.482769746605136</v>
      </c>
      <c r="L12407" s="40"/>
      <c r="M12407" s="40"/>
      <c r="N12407" s="40"/>
    </row>
    <row r="12408" spans="6:14" x14ac:dyDescent="0.25">
      <c r="F12408" s="40">
        <v>206.63333300000002</v>
      </c>
      <c r="G12408" s="40">
        <v>1.5777620170962658</v>
      </c>
      <c r="H12408" s="40">
        <v>206.65000000000003</v>
      </c>
      <c r="I12408" s="40">
        <v>26.482769746605136</v>
      </c>
      <c r="L12408" s="40"/>
      <c r="M12408" s="40"/>
      <c r="N12408" s="40"/>
    </row>
    <row r="12409" spans="6:14" x14ac:dyDescent="0.25">
      <c r="F12409" s="40">
        <v>206.65</v>
      </c>
      <c r="G12409" s="40">
        <v>1.5025172723752926</v>
      </c>
      <c r="H12409" s="40">
        <v>206.66666700000002</v>
      </c>
      <c r="I12409" s="40">
        <v>26.482769746605136</v>
      </c>
      <c r="L12409" s="40"/>
      <c r="M12409" s="40"/>
      <c r="N12409" s="40"/>
    </row>
    <row r="12410" spans="6:14" x14ac:dyDescent="0.25">
      <c r="F12410" s="40">
        <v>206.66666699999999</v>
      </c>
      <c r="G12410" s="40">
        <v>1.4271326675340001</v>
      </c>
      <c r="H12410" s="40">
        <v>206.683334</v>
      </c>
      <c r="I12410" s="40">
        <v>26.482769746605136</v>
      </c>
      <c r="L12410" s="40"/>
      <c r="M12410" s="40"/>
      <c r="N12410" s="40"/>
    </row>
    <row r="12411" spans="6:14" x14ac:dyDescent="0.25">
      <c r="F12411" s="40">
        <v>206.68333299999998</v>
      </c>
      <c r="G12411" s="40">
        <v>1.3517480626925835</v>
      </c>
      <c r="H12411" s="40">
        <v>206.7</v>
      </c>
      <c r="I12411" s="40">
        <v>26.4860238728619</v>
      </c>
      <c r="L12411" s="40"/>
      <c r="M12411" s="40"/>
      <c r="N12411" s="40"/>
    </row>
    <row r="12412" spans="6:14" x14ac:dyDescent="0.25">
      <c r="F12412" s="40">
        <v>206.70000000000002</v>
      </c>
      <c r="G12412" s="40">
        <v>1.2763634578512912</v>
      </c>
      <c r="H12412" s="40">
        <v>206.71666700000003</v>
      </c>
      <c r="I12412" s="40">
        <v>26.4860238728619</v>
      </c>
      <c r="L12412" s="40"/>
      <c r="M12412" s="40"/>
      <c r="N12412" s="40"/>
    </row>
    <row r="12413" spans="6:14" x14ac:dyDescent="0.25">
      <c r="F12413" s="40">
        <v>206.716667</v>
      </c>
      <c r="G12413" s="40">
        <v>1.200978853009999</v>
      </c>
      <c r="H12413" s="40">
        <v>206.73333400000001</v>
      </c>
      <c r="I12413" s="40">
        <v>26.4860238728619</v>
      </c>
      <c r="L12413" s="40"/>
      <c r="M12413" s="40"/>
      <c r="N12413" s="40"/>
    </row>
    <row r="12414" spans="6:14" x14ac:dyDescent="0.25">
      <c r="F12414" s="40">
        <v>206.73333299999999</v>
      </c>
      <c r="G12414" s="40">
        <v>1.1257341082890253</v>
      </c>
      <c r="H12414" s="40">
        <v>206.75</v>
      </c>
      <c r="I12414" s="40">
        <v>26.4860238728619</v>
      </c>
      <c r="L12414" s="40"/>
      <c r="M12414" s="40"/>
      <c r="N12414" s="40"/>
    </row>
    <row r="12415" spans="6:14" x14ac:dyDescent="0.25">
      <c r="F12415" s="40">
        <v>206.74999999999997</v>
      </c>
      <c r="G12415" s="40">
        <v>1.050349503447733</v>
      </c>
      <c r="H12415" s="40">
        <v>206.76666699999998</v>
      </c>
      <c r="I12415" s="40">
        <v>26.4860238728619</v>
      </c>
      <c r="L12415" s="40"/>
      <c r="M12415" s="40"/>
      <c r="N12415" s="40"/>
    </row>
    <row r="12416" spans="6:14" x14ac:dyDescent="0.25">
      <c r="F12416" s="40">
        <v>206.76666700000001</v>
      </c>
      <c r="G12416" s="40">
        <v>0.97972014269653573</v>
      </c>
      <c r="H12416" s="40">
        <v>206.78333400000002</v>
      </c>
      <c r="I12416" s="40">
        <v>26.489376609005156</v>
      </c>
      <c r="L12416" s="40"/>
      <c r="M12416" s="40"/>
      <c r="N12416" s="40"/>
    </row>
    <row r="12417" spans="6:14" x14ac:dyDescent="0.25">
      <c r="F12417" s="40">
        <v>206.783333</v>
      </c>
      <c r="G12417" s="40">
        <v>0.90433553785524323</v>
      </c>
      <c r="H12417" s="40">
        <v>206.8</v>
      </c>
      <c r="I12417" s="40">
        <v>26.489376609005156</v>
      </c>
      <c r="L12417" s="40"/>
      <c r="M12417" s="40"/>
      <c r="N12417" s="40"/>
    </row>
    <row r="12418" spans="6:14" x14ac:dyDescent="0.25">
      <c r="F12418" s="40">
        <v>206.79999999999998</v>
      </c>
      <c r="G12418" s="40">
        <v>0.82895093301395084</v>
      </c>
      <c r="H12418" s="40">
        <v>206.816667</v>
      </c>
      <c r="I12418" s="40">
        <v>26.489376609005156</v>
      </c>
      <c r="L12418" s="40"/>
      <c r="M12418" s="40"/>
      <c r="N12418" s="40"/>
    </row>
    <row r="12419" spans="6:14" x14ac:dyDescent="0.25">
      <c r="F12419" s="40">
        <v>206.81666699999997</v>
      </c>
      <c r="G12419" s="40">
        <v>0.75832157226275354</v>
      </c>
      <c r="H12419" s="40">
        <v>206.83333399999998</v>
      </c>
      <c r="I12419" s="40">
        <v>26.489376609005156</v>
      </c>
      <c r="L12419" s="40"/>
      <c r="M12419" s="40"/>
      <c r="N12419" s="40"/>
    </row>
    <row r="12420" spans="6:14" x14ac:dyDescent="0.25">
      <c r="F12420" s="40">
        <v>206.83333300000001</v>
      </c>
      <c r="G12420" s="40">
        <v>0.68769221151168036</v>
      </c>
      <c r="H12420" s="40">
        <v>206.85000000000002</v>
      </c>
      <c r="I12420" s="40">
        <v>26.489376609005156</v>
      </c>
      <c r="L12420" s="40"/>
      <c r="M12420" s="40"/>
      <c r="N12420" s="40"/>
    </row>
    <row r="12421" spans="6:14" x14ac:dyDescent="0.25">
      <c r="F12421" s="40">
        <v>206.85</v>
      </c>
      <c r="G12421" s="40">
        <v>0.61230760667026385</v>
      </c>
      <c r="H12421" s="40">
        <v>206.86666700000001</v>
      </c>
      <c r="I12421" s="40">
        <v>26.489376609005156</v>
      </c>
      <c r="L12421" s="40"/>
      <c r="M12421" s="40"/>
      <c r="N12421" s="40"/>
    </row>
    <row r="12422" spans="6:14" x14ac:dyDescent="0.25">
      <c r="F12422" s="40">
        <v>206.86666699999998</v>
      </c>
      <c r="G12422" s="40">
        <v>0.54167824591919067</v>
      </c>
      <c r="H12422" s="40">
        <v>206.88333399999999</v>
      </c>
      <c r="I12422" s="40">
        <v>26.492729345148412</v>
      </c>
      <c r="L12422" s="40"/>
      <c r="M12422" s="40"/>
      <c r="N12422" s="40"/>
    </row>
    <row r="12423" spans="6:14" x14ac:dyDescent="0.25">
      <c r="F12423" s="40">
        <v>206.88333300000002</v>
      </c>
      <c r="G12423" s="40">
        <v>0.47104888516799337</v>
      </c>
      <c r="H12423" s="40">
        <v>206.90000000000003</v>
      </c>
      <c r="I12423" s="40">
        <v>26.492729345148412</v>
      </c>
      <c r="L12423" s="40"/>
      <c r="M12423" s="40"/>
      <c r="N12423" s="40"/>
    </row>
    <row r="12424" spans="6:14" x14ac:dyDescent="0.25">
      <c r="F12424" s="40">
        <v>206.9</v>
      </c>
      <c r="G12424" s="40">
        <v>0.40041952441692025</v>
      </c>
      <c r="H12424" s="40">
        <v>206.91666700000002</v>
      </c>
      <c r="I12424" s="40">
        <v>26.492729345148412</v>
      </c>
      <c r="L12424" s="40"/>
      <c r="M12424" s="40"/>
      <c r="N12424" s="40"/>
    </row>
    <row r="12425" spans="6:14" x14ac:dyDescent="0.25">
      <c r="F12425" s="40">
        <v>206.91666699999999</v>
      </c>
      <c r="G12425" s="40">
        <v>0.32965030354552832</v>
      </c>
      <c r="H12425" s="40">
        <v>206.933334</v>
      </c>
      <c r="I12425" s="40">
        <v>26.492729345148412</v>
      </c>
      <c r="L12425" s="40"/>
      <c r="M12425" s="40"/>
      <c r="N12425" s="40"/>
    </row>
    <row r="12426" spans="6:14" x14ac:dyDescent="0.25">
      <c r="F12426" s="40">
        <v>206.93333299999998</v>
      </c>
      <c r="G12426" s="40">
        <v>0.26377618688455018</v>
      </c>
      <c r="H12426" s="40">
        <v>206.95</v>
      </c>
      <c r="I12426" s="40">
        <v>26.495983471405175</v>
      </c>
      <c r="L12426" s="40"/>
      <c r="M12426" s="40"/>
      <c r="N12426" s="40"/>
    </row>
    <row r="12427" spans="6:14" x14ac:dyDescent="0.25">
      <c r="F12427" s="40">
        <v>206.95000000000002</v>
      </c>
      <c r="G12427" s="40">
        <v>0.19314682613335279</v>
      </c>
      <c r="H12427" s="40">
        <v>206.96666700000003</v>
      </c>
      <c r="I12427" s="40">
        <v>26.495983471405175</v>
      </c>
      <c r="L12427" s="40"/>
      <c r="M12427" s="40"/>
      <c r="N12427" s="40"/>
    </row>
    <row r="12428" spans="6:14" x14ac:dyDescent="0.25">
      <c r="F12428" s="40">
        <v>206.966667</v>
      </c>
      <c r="G12428" s="40">
        <v>0.12713284935205585</v>
      </c>
      <c r="H12428" s="40">
        <v>206.98333400000001</v>
      </c>
      <c r="I12428" s="40">
        <v>26.495983471405175</v>
      </c>
      <c r="L12428" s="40"/>
      <c r="M12428" s="40"/>
      <c r="N12428" s="40"/>
    </row>
    <row r="12429" spans="6:14" x14ac:dyDescent="0.25">
      <c r="F12429" s="40">
        <v>206.98333299999999</v>
      </c>
      <c r="G12429" s="40">
        <v>6.1258732691201953E-2</v>
      </c>
      <c r="H12429" s="40">
        <v>207</v>
      </c>
      <c r="I12429" s="40">
        <v>26.495983471405175</v>
      </c>
      <c r="L12429" s="40"/>
      <c r="M12429" s="40"/>
      <c r="N12429" s="40"/>
    </row>
    <row r="12430" spans="6:14" x14ac:dyDescent="0.25">
      <c r="F12430" s="40">
        <v>206.99999999999997</v>
      </c>
      <c r="G12430" s="40">
        <v>-4.7552440900950057E-3</v>
      </c>
      <c r="H12430" s="40">
        <v>207.01666699999998</v>
      </c>
      <c r="I12430" s="40">
        <v>26.499336207548609</v>
      </c>
      <c r="L12430" s="40"/>
      <c r="M12430" s="40"/>
      <c r="N12430" s="40"/>
    </row>
    <row r="12431" spans="6:14" x14ac:dyDescent="0.25">
      <c r="F12431" s="40">
        <v>207.01666700000001</v>
      </c>
      <c r="G12431" s="40">
        <v>-7.0629360751073123E-2</v>
      </c>
      <c r="H12431" s="40">
        <v>207.03333400000002</v>
      </c>
      <c r="I12431" s="40">
        <v>26.499336207548609</v>
      </c>
      <c r="L12431" s="40"/>
      <c r="M12431" s="40"/>
      <c r="N12431" s="40"/>
    </row>
    <row r="12432" spans="6:14" x14ac:dyDescent="0.25">
      <c r="F12432" s="40">
        <v>207.033333</v>
      </c>
      <c r="G12432" s="40">
        <v>-0.13650347741205124</v>
      </c>
      <c r="H12432" s="40">
        <v>207.05</v>
      </c>
      <c r="I12432" s="40">
        <v>26.499336207548609</v>
      </c>
      <c r="L12432" s="40"/>
      <c r="M12432" s="40"/>
      <c r="N12432" s="40"/>
    </row>
    <row r="12433" spans="6:14" x14ac:dyDescent="0.25">
      <c r="F12433" s="40">
        <v>207.04999999999998</v>
      </c>
      <c r="G12433" s="40">
        <v>-0.20251745419334821</v>
      </c>
      <c r="H12433" s="40">
        <v>207.066667</v>
      </c>
      <c r="I12433" s="40">
        <v>26.499336207548609</v>
      </c>
      <c r="L12433" s="40"/>
      <c r="M12433" s="40"/>
      <c r="N12433" s="40"/>
    </row>
    <row r="12434" spans="6:14" x14ac:dyDescent="0.25">
      <c r="F12434" s="40">
        <v>207.06666699999997</v>
      </c>
      <c r="G12434" s="40">
        <v>-0.26839157085432636</v>
      </c>
      <c r="H12434" s="40">
        <v>207.08333399999998</v>
      </c>
      <c r="I12434" s="40">
        <v>26.502688943691869</v>
      </c>
      <c r="L12434" s="40"/>
      <c r="M12434" s="40"/>
      <c r="N12434" s="40"/>
    </row>
    <row r="12435" spans="6:14" x14ac:dyDescent="0.25">
      <c r="F12435" s="40">
        <v>207.08333300000001</v>
      </c>
      <c r="G12435" s="40">
        <v>-0.33440554763549907</v>
      </c>
      <c r="H12435" s="40">
        <v>207.10000000000002</v>
      </c>
      <c r="I12435" s="40">
        <v>26.502688943691869</v>
      </c>
      <c r="L12435" s="40"/>
      <c r="M12435" s="40"/>
      <c r="N12435" s="40"/>
    </row>
    <row r="12436" spans="6:14" x14ac:dyDescent="0.25">
      <c r="F12436" s="40">
        <v>207.1</v>
      </c>
      <c r="G12436" s="40">
        <v>-0.3956642803265768</v>
      </c>
      <c r="H12436" s="40">
        <v>207.11666700000001</v>
      </c>
      <c r="I12436" s="40">
        <v>26.502688943691869</v>
      </c>
      <c r="L12436" s="40"/>
      <c r="M12436" s="40"/>
      <c r="N12436" s="40"/>
    </row>
    <row r="12437" spans="6:14" x14ac:dyDescent="0.25">
      <c r="F12437" s="40">
        <v>207.11666699999998</v>
      </c>
      <c r="G12437" s="40">
        <v>-0.45678315289745991</v>
      </c>
      <c r="H12437" s="40">
        <v>207.13333399999999</v>
      </c>
      <c r="I12437" s="40">
        <v>26.502688943691869</v>
      </c>
      <c r="L12437" s="40"/>
      <c r="M12437" s="40"/>
      <c r="N12437" s="40"/>
    </row>
    <row r="12438" spans="6:14" x14ac:dyDescent="0.25">
      <c r="F12438" s="40">
        <v>207.13333300000002</v>
      </c>
      <c r="G12438" s="40">
        <v>-0.52279712967863257</v>
      </c>
      <c r="H12438" s="40">
        <v>207.15000000000003</v>
      </c>
      <c r="I12438" s="40">
        <v>26.502688943691869</v>
      </c>
      <c r="L12438" s="40"/>
      <c r="M12438" s="40"/>
      <c r="N12438" s="40"/>
    </row>
    <row r="12439" spans="6:14" x14ac:dyDescent="0.25">
      <c r="F12439" s="40">
        <v>207.15</v>
      </c>
      <c r="G12439" s="40">
        <v>-0.5840558623697103</v>
      </c>
      <c r="H12439" s="40">
        <v>207.16666700000002</v>
      </c>
      <c r="I12439" s="40">
        <v>26.505943069948632</v>
      </c>
      <c r="L12439" s="40"/>
      <c r="M12439" s="40"/>
      <c r="N12439" s="40"/>
    </row>
    <row r="12440" spans="6:14" x14ac:dyDescent="0.25">
      <c r="F12440" s="40">
        <v>207.16666699999999</v>
      </c>
      <c r="G12440" s="40">
        <v>-0.6499299790306885</v>
      </c>
      <c r="H12440" s="40">
        <v>207.183334</v>
      </c>
      <c r="I12440" s="40">
        <v>26.505943069948632</v>
      </c>
      <c r="L12440" s="40"/>
      <c r="M12440" s="40"/>
      <c r="N12440" s="40"/>
    </row>
    <row r="12441" spans="6:14" x14ac:dyDescent="0.25">
      <c r="F12441" s="40">
        <v>207.18333299999998</v>
      </c>
      <c r="G12441" s="40">
        <v>-0.71118871172176623</v>
      </c>
      <c r="H12441" s="40">
        <v>207.2</v>
      </c>
      <c r="I12441" s="40">
        <v>26.505943069948632</v>
      </c>
      <c r="L12441" s="40"/>
      <c r="M12441" s="40"/>
      <c r="N12441" s="40"/>
    </row>
    <row r="12442" spans="6:14" x14ac:dyDescent="0.25">
      <c r="F12442" s="40">
        <v>207.20000000000002</v>
      </c>
      <c r="G12442" s="40">
        <v>-0.76769220032274899</v>
      </c>
      <c r="H12442" s="40">
        <v>207.21666700000003</v>
      </c>
      <c r="I12442" s="40">
        <v>26.505943069948632</v>
      </c>
      <c r="L12442" s="40"/>
      <c r="M12442" s="40"/>
      <c r="N12442" s="40"/>
    </row>
    <row r="12443" spans="6:14" x14ac:dyDescent="0.25">
      <c r="F12443" s="40">
        <v>207.216667</v>
      </c>
      <c r="G12443" s="40">
        <v>-0.82895093301382672</v>
      </c>
      <c r="H12443" s="40">
        <v>207.23333400000001</v>
      </c>
      <c r="I12443" s="40">
        <v>26.505943069948632</v>
      </c>
      <c r="L12443" s="40"/>
      <c r="M12443" s="40"/>
      <c r="N12443" s="40"/>
    </row>
    <row r="12444" spans="6:14" x14ac:dyDescent="0.25">
      <c r="F12444" s="40">
        <v>207.23333299999999</v>
      </c>
      <c r="G12444" s="40">
        <v>-0.89020966570490434</v>
      </c>
      <c r="H12444" s="40">
        <v>207.25</v>
      </c>
      <c r="I12444" s="40">
        <v>26.505943069948632</v>
      </c>
      <c r="L12444" s="40"/>
      <c r="M12444" s="40"/>
      <c r="N12444" s="40"/>
    </row>
    <row r="12445" spans="6:14" x14ac:dyDescent="0.25">
      <c r="F12445" s="40">
        <v>207.24999999999997</v>
      </c>
      <c r="G12445" s="40">
        <v>-0.94671315430576286</v>
      </c>
      <c r="H12445" s="40">
        <v>207.26666699999998</v>
      </c>
      <c r="I12445" s="40">
        <v>26.505943069948632</v>
      </c>
      <c r="L12445" s="40"/>
      <c r="M12445" s="40"/>
      <c r="N12445" s="40"/>
    </row>
    <row r="12446" spans="6:14" x14ac:dyDescent="0.25">
      <c r="F12446" s="40">
        <v>207.26666700000001</v>
      </c>
      <c r="G12446" s="40">
        <v>-1.0032166429067455</v>
      </c>
      <c r="H12446" s="40">
        <v>207.28333400000002</v>
      </c>
      <c r="I12446" s="40">
        <v>26.509295806091885</v>
      </c>
      <c r="L12446" s="40"/>
      <c r="M12446" s="40"/>
      <c r="N12446" s="40"/>
    </row>
    <row r="12447" spans="6:14" x14ac:dyDescent="0.25">
      <c r="F12447" s="40">
        <v>207.283333</v>
      </c>
      <c r="G12447" s="40">
        <v>-1.0597201315076041</v>
      </c>
      <c r="H12447" s="40">
        <v>207.3</v>
      </c>
      <c r="I12447" s="40">
        <v>26.509295806091885</v>
      </c>
      <c r="L12447" s="40"/>
      <c r="M12447" s="40"/>
      <c r="N12447" s="40"/>
    </row>
    <row r="12448" spans="6:14" x14ac:dyDescent="0.25">
      <c r="F12448" s="40">
        <v>207.29999999999998</v>
      </c>
      <c r="G12448" s="40">
        <v>-1.1162236201085869</v>
      </c>
      <c r="H12448" s="40">
        <v>207.316667</v>
      </c>
      <c r="I12448" s="40">
        <v>26.509295806091885</v>
      </c>
      <c r="L12448" s="40"/>
      <c r="M12448" s="40"/>
      <c r="N12448" s="40"/>
    </row>
    <row r="12449" spans="6:14" x14ac:dyDescent="0.25">
      <c r="F12449" s="40">
        <v>207.31666699999997</v>
      </c>
      <c r="G12449" s="40">
        <v>-1.1727271087094455</v>
      </c>
      <c r="H12449" s="40">
        <v>207.33333399999998</v>
      </c>
      <c r="I12449" s="40">
        <v>26.509295806091885</v>
      </c>
      <c r="L12449" s="40"/>
      <c r="M12449" s="40"/>
      <c r="N12449" s="40"/>
    </row>
    <row r="12450" spans="6:14" x14ac:dyDescent="0.25">
      <c r="F12450" s="40">
        <v>207.33333300000001</v>
      </c>
      <c r="G12450" s="40">
        <v>-1.2292305973103039</v>
      </c>
      <c r="H12450" s="40">
        <v>207.35000000000002</v>
      </c>
      <c r="I12450" s="40">
        <v>26.509295806091885</v>
      </c>
      <c r="L12450" s="40"/>
      <c r="M12450" s="40"/>
      <c r="N12450" s="40"/>
    </row>
    <row r="12451" spans="6:14" x14ac:dyDescent="0.25">
      <c r="F12451" s="40">
        <v>207.35</v>
      </c>
      <c r="G12451" s="40">
        <v>-1.2811187019413863</v>
      </c>
      <c r="H12451" s="40">
        <v>207.36666700000001</v>
      </c>
      <c r="I12451" s="40">
        <v>26.509295806091885</v>
      </c>
      <c r="L12451" s="40"/>
      <c r="M12451" s="40"/>
      <c r="N12451" s="40"/>
    </row>
    <row r="12452" spans="6:14" x14ac:dyDescent="0.25">
      <c r="F12452" s="40">
        <v>207.36666699999998</v>
      </c>
      <c r="G12452" s="40">
        <v>-1.3328669464521499</v>
      </c>
      <c r="H12452" s="40">
        <v>207.38333399999999</v>
      </c>
      <c r="I12452" s="40">
        <v>26.509295806091885</v>
      </c>
      <c r="L12452" s="40"/>
      <c r="M12452" s="40"/>
      <c r="N12452" s="40"/>
    </row>
    <row r="12453" spans="6:14" x14ac:dyDescent="0.25">
      <c r="F12453" s="40">
        <v>207.38333300000002</v>
      </c>
      <c r="G12453" s="40">
        <v>-1.3893704350530083</v>
      </c>
      <c r="H12453" s="40">
        <v>207.40000000000003</v>
      </c>
      <c r="I12453" s="40">
        <v>26.509295806091885</v>
      </c>
      <c r="L12453" s="40"/>
      <c r="M12453" s="40"/>
      <c r="N12453" s="40"/>
    </row>
    <row r="12454" spans="6:14" x14ac:dyDescent="0.25">
      <c r="F12454" s="40">
        <v>207.4</v>
      </c>
      <c r="G12454" s="40">
        <v>-1.4412585396840905</v>
      </c>
      <c r="H12454" s="40">
        <v>207.41666700000002</v>
      </c>
      <c r="I12454" s="40">
        <v>26.509295806091885</v>
      </c>
      <c r="L12454" s="40"/>
      <c r="M12454" s="40"/>
      <c r="N12454" s="40"/>
    </row>
    <row r="12455" spans="6:14" x14ac:dyDescent="0.25">
      <c r="F12455" s="40">
        <v>207.41666699999999</v>
      </c>
      <c r="G12455" s="40">
        <v>-1.493006784194854</v>
      </c>
      <c r="H12455" s="40">
        <v>207.433334</v>
      </c>
      <c r="I12455" s="40">
        <v>26.509295806091885</v>
      </c>
      <c r="L12455" s="40"/>
      <c r="M12455" s="40"/>
      <c r="N12455" s="40"/>
    </row>
    <row r="12456" spans="6:14" x14ac:dyDescent="0.25">
      <c r="F12456" s="40">
        <v>207.43333299999998</v>
      </c>
      <c r="G12456" s="40">
        <v>-1.5447550287054934</v>
      </c>
      <c r="H12456" s="40">
        <v>207.45</v>
      </c>
      <c r="I12456" s="40">
        <v>26.512648542235144</v>
      </c>
      <c r="L12456" s="40"/>
      <c r="M12456" s="40"/>
      <c r="N12456" s="40"/>
    </row>
    <row r="12457" spans="6:14" x14ac:dyDescent="0.25">
      <c r="F12457" s="40">
        <v>207.45000000000002</v>
      </c>
      <c r="G12457" s="40">
        <v>-1.5966431333365758</v>
      </c>
      <c r="H12457" s="40">
        <v>207.46666700000003</v>
      </c>
      <c r="I12457" s="40">
        <v>26.509295806091885</v>
      </c>
      <c r="L12457" s="40"/>
      <c r="M12457" s="40"/>
      <c r="N12457" s="40"/>
    </row>
    <row r="12458" spans="6:14" x14ac:dyDescent="0.25">
      <c r="F12458" s="40">
        <v>207.466667</v>
      </c>
      <c r="G12458" s="40">
        <v>-1.6483913778473391</v>
      </c>
      <c r="H12458" s="40">
        <v>207.48333400000001</v>
      </c>
      <c r="I12458" s="40">
        <v>26.509295806091885</v>
      </c>
      <c r="L12458" s="40"/>
      <c r="M12458" s="40"/>
      <c r="N12458" s="40"/>
    </row>
    <row r="12459" spans="6:14" x14ac:dyDescent="0.25">
      <c r="F12459" s="40">
        <v>207.48333299999999</v>
      </c>
      <c r="G12459" s="40">
        <v>-1.7002794824782972</v>
      </c>
      <c r="H12459" s="40">
        <v>207.5</v>
      </c>
      <c r="I12459" s="40">
        <v>26.512648542235144</v>
      </c>
      <c r="L12459" s="40"/>
      <c r="M12459" s="40"/>
      <c r="N12459" s="40"/>
    </row>
    <row r="12460" spans="6:14" x14ac:dyDescent="0.25">
      <c r="F12460" s="40">
        <v>207.49999999999997</v>
      </c>
      <c r="G12460" s="40">
        <v>-1.7472724828988415</v>
      </c>
      <c r="H12460" s="40">
        <v>207.51666699999998</v>
      </c>
      <c r="I12460" s="40">
        <v>26.512648542235144</v>
      </c>
      <c r="L12460" s="40"/>
      <c r="M12460" s="40"/>
      <c r="N12460" s="40"/>
    </row>
    <row r="12461" spans="6:14" x14ac:dyDescent="0.25">
      <c r="F12461" s="40">
        <v>207.51666700000001</v>
      </c>
      <c r="G12461" s="40">
        <v>-1.7944053434397047</v>
      </c>
      <c r="H12461" s="40">
        <v>207.53333400000002</v>
      </c>
      <c r="I12461" s="40">
        <v>26.512648542235144</v>
      </c>
      <c r="L12461" s="40"/>
      <c r="M12461" s="40"/>
      <c r="N12461" s="40"/>
    </row>
    <row r="12462" spans="6:14" x14ac:dyDescent="0.25">
      <c r="F12462" s="40">
        <v>207.533333</v>
      </c>
      <c r="G12462" s="40">
        <v>-1.8462934480707871</v>
      </c>
      <c r="H12462" s="40">
        <v>207.55</v>
      </c>
      <c r="I12462" s="40">
        <v>26.512648542235144</v>
      </c>
      <c r="L12462" s="40"/>
      <c r="M12462" s="40"/>
      <c r="N12462" s="40"/>
    </row>
    <row r="12463" spans="6:14" x14ac:dyDescent="0.25">
      <c r="F12463" s="40">
        <v>207.54999999999998</v>
      </c>
      <c r="G12463" s="40">
        <v>-1.8932864484913312</v>
      </c>
      <c r="H12463" s="40">
        <v>207.566667</v>
      </c>
      <c r="I12463" s="40">
        <v>26.512648542235144</v>
      </c>
      <c r="L12463" s="40"/>
      <c r="M12463" s="40"/>
      <c r="N12463" s="40"/>
    </row>
    <row r="12464" spans="6:14" x14ac:dyDescent="0.25">
      <c r="F12464" s="40">
        <v>207.56666699999997</v>
      </c>
      <c r="G12464" s="40">
        <v>-1.9356640649419752</v>
      </c>
      <c r="H12464" s="40">
        <v>207.58333399999998</v>
      </c>
      <c r="I12464" s="40">
        <v>26.515902668491908</v>
      </c>
      <c r="L12464" s="40"/>
      <c r="M12464" s="40"/>
      <c r="N12464" s="40"/>
    </row>
    <row r="12465" spans="6:14" x14ac:dyDescent="0.25">
      <c r="F12465" s="40">
        <v>207.58333300000001</v>
      </c>
      <c r="G12465" s="40">
        <v>-1.9827969254828381</v>
      </c>
      <c r="H12465" s="40">
        <v>207.60000000000002</v>
      </c>
      <c r="I12465" s="40">
        <v>26.515902668491908</v>
      </c>
      <c r="L12465" s="40"/>
      <c r="M12465" s="40"/>
      <c r="N12465" s="40"/>
    </row>
    <row r="12466" spans="6:14" x14ac:dyDescent="0.25">
      <c r="F12466" s="40">
        <v>207.6</v>
      </c>
      <c r="G12466" s="40">
        <v>-2.0299297860237013</v>
      </c>
      <c r="H12466" s="40">
        <v>207.61666700000001</v>
      </c>
      <c r="I12466" s="40">
        <v>26.515902668491908</v>
      </c>
      <c r="L12466" s="40"/>
      <c r="M12466" s="40"/>
      <c r="N12466" s="40"/>
    </row>
    <row r="12467" spans="6:14" x14ac:dyDescent="0.25">
      <c r="F12467" s="40">
        <v>207.61666699999998</v>
      </c>
      <c r="G12467" s="40">
        <v>-2.0723074024744692</v>
      </c>
      <c r="H12467" s="40">
        <v>207.63333399999999</v>
      </c>
      <c r="I12467" s="40">
        <v>26.515902668491908</v>
      </c>
      <c r="L12467" s="40"/>
      <c r="M12467" s="40"/>
      <c r="N12467" s="40"/>
    </row>
    <row r="12468" spans="6:14" x14ac:dyDescent="0.25">
      <c r="F12468" s="40">
        <v>207.63333300000002</v>
      </c>
      <c r="G12468" s="40">
        <v>-2.1146850189251136</v>
      </c>
      <c r="H12468" s="40">
        <v>207.65000000000003</v>
      </c>
      <c r="I12468" s="40">
        <v>26.519255404635341</v>
      </c>
      <c r="L12468" s="40"/>
      <c r="M12468" s="40"/>
      <c r="N12468" s="40"/>
    </row>
    <row r="12469" spans="6:14" x14ac:dyDescent="0.25">
      <c r="F12469" s="40">
        <v>207.65</v>
      </c>
      <c r="G12469" s="40">
        <v>-2.1618178794659766</v>
      </c>
      <c r="H12469" s="40">
        <v>207.66666700000002</v>
      </c>
      <c r="I12469" s="40">
        <v>26.519255404635341</v>
      </c>
      <c r="L12469" s="40"/>
      <c r="M12469" s="40"/>
      <c r="N12469" s="40"/>
    </row>
    <row r="12470" spans="6:14" x14ac:dyDescent="0.25">
      <c r="F12470" s="40">
        <v>207.66666699999999</v>
      </c>
      <c r="G12470" s="40">
        <v>-2.2041954959166201</v>
      </c>
      <c r="H12470" s="40">
        <v>207.683334</v>
      </c>
      <c r="I12470" s="40">
        <v>26.519255404635341</v>
      </c>
      <c r="L12470" s="40"/>
      <c r="M12470" s="40"/>
      <c r="N12470" s="40"/>
    </row>
    <row r="12471" spans="6:14" x14ac:dyDescent="0.25">
      <c r="F12471" s="40">
        <v>207.68333299999998</v>
      </c>
      <c r="G12471" s="40">
        <v>-2.241817868277169</v>
      </c>
      <c r="H12471" s="40">
        <v>207.7</v>
      </c>
      <c r="I12471" s="40">
        <v>26.519255404635341</v>
      </c>
      <c r="L12471" s="40"/>
      <c r="M12471" s="40"/>
      <c r="N12471" s="40"/>
    </row>
    <row r="12472" spans="6:14" x14ac:dyDescent="0.25">
      <c r="F12472" s="40">
        <v>207.70000000000002</v>
      </c>
      <c r="G12472" s="40">
        <v>-2.284195484727813</v>
      </c>
      <c r="H12472" s="40">
        <v>207.71666700000003</v>
      </c>
      <c r="I12472" s="40">
        <v>26.522608140778598</v>
      </c>
      <c r="L12472" s="40"/>
      <c r="M12472" s="40"/>
      <c r="N12472" s="40"/>
    </row>
    <row r="12473" spans="6:14" x14ac:dyDescent="0.25">
      <c r="F12473" s="40">
        <v>207.716667</v>
      </c>
      <c r="G12473" s="40">
        <v>-2.3265731011785813</v>
      </c>
      <c r="H12473" s="40">
        <v>207.73333400000001</v>
      </c>
      <c r="I12473" s="40">
        <v>26.522608140778598</v>
      </c>
      <c r="L12473" s="40"/>
      <c r="M12473" s="40"/>
      <c r="N12473" s="40"/>
    </row>
    <row r="12474" spans="6:14" x14ac:dyDescent="0.25">
      <c r="F12474" s="40">
        <v>207.73333299999999</v>
      </c>
      <c r="G12474" s="40">
        <v>-2.3690905777495437</v>
      </c>
      <c r="H12474" s="40">
        <v>207.75</v>
      </c>
      <c r="I12474" s="40">
        <v>26.522608140778598</v>
      </c>
      <c r="L12474" s="40"/>
      <c r="M12474" s="40"/>
      <c r="N12474" s="40"/>
    </row>
    <row r="12475" spans="6:14" x14ac:dyDescent="0.25">
      <c r="F12475" s="40">
        <v>207.74999999999997</v>
      </c>
      <c r="G12475" s="40">
        <v>-2.4067129501099687</v>
      </c>
      <c r="H12475" s="40">
        <v>207.76666699999998</v>
      </c>
      <c r="I12475" s="40">
        <v>26.522608140778598</v>
      </c>
      <c r="L12475" s="40"/>
      <c r="M12475" s="40"/>
      <c r="N12475" s="40"/>
    </row>
    <row r="12476" spans="6:14" x14ac:dyDescent="0.25">
      <c r="F12476" s="40">
        <v>207.76666700000001</v>
      </c>
      <c r="G12476" s="40">
        <v>-2.4443353224705175</v>
      </c>
      <c r="H12476" s="40">
        <v>207.78333400000002</v>
      </c>
      <c r="I12476" s="40">
        <v>26.522608140778598</v>
      </c>
      <c r="L12476" s="40"/>
      <c r="M12476" s="40"/>
      <c r="N12476" s="40"/>
    </row>
    <row r="12477" spans="6:14" x14ac:dyDescent="0.25">
      <c r="F12477" s="40">
        <v>207.783333</v>
      </c>
      <c r="G12477" s="40">
        <v>-2.4867129389211611</v>
      </c>
      <c r="H12477" s="40">
        <v>207.8</v>
      </c>
      <c r="I12477" s="40">
        <v>26.525862267035361</v>
      </c>
      <c r="L12477" s="40"/>
      <c r="M12477" s="40"/>
      <c r="N12477" s="40"/>
    </row>
    <row r="12478" spans="6:14" x14ac:dyDescent="0.25">
      <c r="F12478" s="40">
        <v>207.79999999999998</v>
      </c>
      <c r="G12478" s="40">
        <v>-2.5244751714020288</v>
      </c>
      <c r="H12478" s="40">
        <v>207.816667</v>
      </c>
      <c r="I12478" s="40">
        <v>26.525862267035361</v>
      </c>
      <c r="L12478" s="40"/>
      <c r="M12478" s="40"/>
      <c r="N12478" s="40"/>
    </row>
    <row r="12479" spans="6:14" x14ac:dyDescent="0.25">
      <c r="F12479" s="40">
        <v>207.81666699999997</v>
      </c>
      <c r="G12479" s="40">
        <v>-2.5574821597926776</v>
      </c>
      <c r="H12479" s="40">
        <v>207.83333399999998</v>
      </c>
      <c r="I12479" s="40">
        <v>26.525862267035361</v>
      </c>
      <c r="L12479" s="40"/>
      <c r="M12479" s="40"/>
      <c r="N12479" s="40"/>
    </row>
    <row r="12480" spans="6:14" x14ac:dyDescent="0.25">
      <c r="F12480" s="40">
        <v>207.83333300000001</v>
      </c>
      <c r="G12480" s="40">
        <v>-2.5951045321531021</v>
      </c>
      <c r="H12480" s="40">
        <v>207.85000000000002</v>
      </c>
      <c r="I12480" s="40">
        <v>26.525862267035361</v>
      </c>
      <c r="L12480" s="40"/>
      <c r="M12480" s="40"/>
      <c r="N12480" s="40"/>
    </row>
    <row r="12481" spans="6:14" x14ac:dyDescent="0.25">
      <c r="F12481" s="40">
        <v>207.85</v>
      </c>
      <c r="G12481" s="40">
        <v>-2.6281115205437509</v>
      </c>
      <c r="H12481" s="40">
        <v>207.86666700000001</v>
      </c>
      <c r="I12481" s="40">
        <v>26.525862267035361</v>
      </c>
      <c r="L12481" s="40"/>
      <c r="M12481" s="40"/>
      <c r="N12481" s="40"/>
    </row>
    <row r="12482" spans="6:14" x14ac:dyDescent="0.25">
      <c r="F12482" s="40">
        <v>207.86666699999998</v>
      </c>
      <c r="G12482" s="40">
        <v>-2.6609786488140803</v>
      </c>
      <c r="H12482" s="40">
        <v>207.88333399999999</v>
      </c>
      <c r="I12482" s="40">
        <v>26.529215003178617</v>
      </c>
      <c r="L12482" s="40"/>
      <c r="M12482" s="40"/>
      <c r="N12482" s="40"/>
    </row>
    <row r="12483" spans="6:14" x14ac:dyDescent="0.25">
      <c r="F12483" s="40">
        <v>207.88333300000002</v>
      </c>
      <c r="G12483" s="40">
        <v>-2.6939856372047286</v>
      </c>
      <c r="H12483" s="40">
        <v>207.90000000000003</v>
      </c>
      <c r="I12483" s="40">
        <v>26.529215003178617</v>
      </c>
      <c r="L12483" s="40"/>
      <c r="M12483" s="40"/>
      <c r="N12483" s="40"/>
    </row>
    <row r="12484" spans="6:14" x14ac:dyDescent="0.25">
      <c r="F12484" s="40">
        <v>207.9</v>
      </c>
      <c r="G12484" s="40">
        <v>-2.7222373815051579</v>
      </c>
      <c r="H12484" s="40">
        <v>207.91666700000002</v>
      </c>
      <c r="I12484" s="40">
        <v>26.529215003178617</v>
      </c>
      <c r="L12484" s="40"/>
      <c r="M12484" s="40"/>
      <c r="N12484" s="40"/>
    </row>
    <row r="12485" spans="6:14" x14ac:dyDescent="0.25">
      <c r="F12485" s="40">
        <v>207.91666699999999</v>
      </c>
      <c r="G12485" s="40">
        <v>-2.7552443698958062</v>
      </c>
      <c r="H12485" s="40">
        <v>207.933334</v>
      </c>
      <c r="I12485" s="40">
        <v>26.529215003178617</v>
      </c>
      <c r="L12485" s="40"/>
      <c r="M12485" s="40"/>
      <c r="N12485" s="40"/>
    </row>
    <row r="12486" spans="6:14" x14ac:dyDescent="0.25">
      <c r="F12486" s="40">
        <v>207.93333299999998</v>
      </c>
      <c r="G12486" s="40">
        <v>-2.788251358286455</v>
      </c>
      <c r="H12486" s="40">
        <v>207.95</v>
      </c>
      <c r="I12486" s="40">
        <v>26.529215003178617</v>
      </c>
      <c r="L12486" s="40"/>
      <c r="M12486" s="40"/>
      <c r="N12486" s="40"/>
    </row>
    <row r="12487" spans="6:14" x14ac:dyDescent="0.25">
      <c r="F12487" s="40">
        <v>207.95000000000002</v>
      </c>
      <c r="G12487" s="40">
        <v>-2.8165031025868839</v>
      </c>
      <c r="H12487" s="40">
        <v>207.96666700000003</v>
      </c>
      <c r="I12487" s="40">
        <v>26.529215003178617</v>
      </c>
      <c r="L12487" s="40"/>
      <c r="M12487" s="40"/>
      <c r="N12487" s="40"/>
    </row>
    <row r="12488" spans="6:14" x14ac:dyDescent="0.25">
      <c r="F12488" s="40">
        <v>207.966667</v>
      </c>
      <c r="G12488" s="40">
        <v>-2.8447548468874375</v>
      </c>
      <c r="H12488" s="40">
        <v>207.98333400000001</v>
      </c>
      <c r="I12488" s="40">
        <v>26.532567739322047</v>
      </c>
      <c r="L12488" s="40"/>
      <c r="M12488" s="40"/>
      <c r="N12488" s="40"/>
    </row>
    <row r="12489" spans="6:14" x14ac:dyDescent="0.25">
      <c r="F12489" s="40">
        <v>207.98333299999999</v>
      </c>
      <c r="G12489" s="40">
        <v>-2.8730065911878668</v>
      </c>
      <c r="H12489" s="40">
        <v>208</v>
      </c>
      <c r="I12489" s="40">
        <v>26.532567739322047</v>
      </c>
      <c r="L12489" s="40"/>
      <c r="M12489" s="40"/>
      <c r="N12489" s="40"/>
    </row>
    <row r="12490" spans="6:14" x14ac:dyDescent="0.25">
      <c r="F12490" s="40">
        <v>207.99999999999997</v>
      </c>
      <c r="G12490" s="40">
        <v>-2.9012583354882961</v>
      </c>
      <c r="H12490" s="40">
        <v>208.01666699999998</v>
      </c>
      <c r="I12490" s="40">
        <v>26.532567739322047</v>
      </c>
      <c r="L12490" s="40"/>
      <c r="M12490" s="40"/>
      <c r="N12490" s="40"/>
    </row>
    <row r="12491" spans="6:14" x14ac:dyDescent="0.25">
      <c r="F12491" s="40">
        <v>208.01666700000001</v>
      </c>
      <c r="G12491" s="40">
        <v>-2.9295100797887255</v>
      </c>
      <c r="H12491" s="40">
        <v>208.03333400000002</v>
      </c>
      <c r="I12491" s="40">
        <v>26.532567739322047</v>
      </c>
      <c r="L12491" s="40"/>
      <c r="M12491" s="40"/>
      <c r="N12491" s="40"/>
    </row>
    <row r="12492" spans="6:14" x14ac:dyDescent="0.25">
      <c r="F12492" s="40">
        <v>208.033333</v>
      </c>
      <c r="G12492" s="40">
        <v>-2.9577618240891548</v>
      </c>
      <c r="H12492" s="40">
        <v>208.05</v>
      </c>
      <c r="I12492" s="40">
        <v>26.532567739322047</v>
      </c>
      <c r="L12492" s="40"/>
      <c r="M12492" s="40"/>
      <c r="N12492" s="40"/>
    </row>
    <row r="12493" spans="6:14" x14ac:dyDescent="0.25">
      <c r="F12493" s="40">
        <v>208.04999999999998</v>
      </c>
      <c r="G12493" s="40">
        <v>-2.986013568389708</v>
      </c>
      <c r="H12493" s="40">
        <v>208.066667</v>
      </c>
      <c r="I12493" s="40">
        <v>26.532567739322047</v>
      </c>
      <c r="L12493" s="40"/>
      <c r="M12493" s="40"/>
      <c r="N12493" s="40"/>
    </row>
    <row r="12494" spans="6:14" x14ac:dyDescent="0.25">
      <c r="F12494" s="40">
        <v>208.06666699999997</v>
      </c>
      <c r="G12494" s="40">
        <v>-3.0095100685999183</v>
      </c>
      <c r="H12494" s="40">
        <v>208.08333399999998</v>
      </c>
      <c r="I12494" s="40">
        <v>26.532567739322047</v>
      </c>
      <c r="L12494" s="40"/>
      <c r="M12494" s="40"/>
      <c r="N12494" s="40"/>
    </row>
    <row r="12495" spans="6:14" x14ac:dyDescent="0.25">
      <c r="F12495" s="40">
        <v>208.08333300000001</v>
      </c>
      <c r="G12495" s="40">
        <v>-3.0331464289305714</v>
      </c>
      <c r="H12495" s="40">
        <v>208.10000000000002</v>
      </c>
      <c r="I12495" s="40">
        <v>26.535920475465307</v>
      </c>
      <c r="L12495" s="40"/>
      <c r="M12495" s="40"/>
      <c r="N12495" s="40"/>
    </row>
    <row r="12496" spans="6:14" x14ac:dyDescent="0.25">
      <c r="F12496" s="40">
        <v>208.1</v>
      </c>
      <c r="G12496" s="40">
        <v>-3.0613981732310007</v>
      </c>
      <c r="H12496" s="40">
        <v>208.11666700000001</v>
      </c>
      <c r="I12496" s="40">
        <v>26.535920475465307</v>
      </c>
      <c r="L12496" s="40"/>
      <c r="M12496" s="40"/>
      <c r="N12496" s="40"/>
    </row>
    <row r="12497" spans="6:14" x14ac:dyDescent="0.25">
      <c r="F12497" s="40">
        <v>208.11666699999998</v>
      </c>
      <c r="G12497" s="40">
        <v>-3.0848946734412102</v>
      </c>
      <c r="H12497" s="40">
        <v>208.13333399999999</v>
      </c>
      <c r="I12497" s="40">
        <v>26.535920475465307</v>
      </c>
      <c r="L12497" s="40"/>
      <c r="M12497" s="40"/>
      <c r="N12497" s="40"/>
    </row>
    <row r="12498" spans="6:14" x14ac:dyDescent="0.25">
      <c r="F12498" s="40">
        <v>208.13333300000002</v>
      </c>
      <c r="G12498" s="40">
        <v>-3.1085310337718637</v>
      </c>
      <c r="H12498" s="40">
        <v>208.15000000000003</v>
      </c>
      <c r="I12498" s="40">
        <v>26.535920475465307</v>
      </c>
      <c r="L12498" s="40"/>
      <c r="M12498" s="40"/>
      <c r="N12498" s="40"/>
    </row>
    <row r="12499" spans="6:14" x14ac:dyDescent="0.25">
      <c r="F12499" s="40">
        <v>208.15</v>
      </c>
      <c r="G12499" s="40">
        <v>-3.1320275339820736</v>
      </c>
      <c r="H12499" s="40">
        <v>208.16666700000002</v>
      </c>
      <c r="I12499" s="40">
        <v>26.535920475465307</v>
      </c>
      <c r="L12499" s="40"/>
      <c r="M12499" s="40"/>
      <c r="N12499" s="40"/>
    </row>
    <row r="12500" spans="6:14" x14ac:dyDescent="0.25">
      <c r="F12500" s="40">
        <v>208.16666699999999</v>
      </c>
      <c r="G12500" s="40">
        <v>-3.1555240341924078</v>
      </c>
      <c r="H12500" s="40">
        <v>208.183334</v>
      </c>
      <c r="I12500" s="40">
        <v>26.53917460172207</v>
      </c>
      <c r="L12500" s="40"/>
      <c r="M12500" s="40"/>
      <c r="N12500" s="40"/>
    </row>
    <row r="12501" spans="6:14" x14ac:dyDescent="0.25">
      <c r="F12501" s="40">
        <v>208.18333299999998</v>
      </c>
      <c r="G12501" s="40">
        <v>-3.179160394522937</v>
      </c>
      <c r="H12501" s="40">
        <v>208.2</v>
      </c>
      <c r="I12501" s="40">
        <v>26.53917460172207</v>
      </c>
      <c r="L12501" s="40"/>
      <c r="M12501" s="40"/>
      <c r="N12501" s="40"/>
    </row>
    <row r="12502" spans="6:14" x14ac:dyDescent="0.25">
      <c r="F12502" s="40">
        <v>208.20000000000002</v>
      </c>
      <c r="G12502" s="40">
        <v>-3.2026568947332708</v>
      </c>
      <c r="H12502" s="40">
        <v>208.21666700000003</v>
      </c>
      <c r="I12502" s="40">
        <v>26.53917460172207</v>
      </c>
      <c r="L12502" s="40"/>
      <c r="M12502" s="40"/>
      <c r="N12502" s="40"/>
    </row>
    <row r="12503" spans="6:14" x14ac:dyDescent="0.25">
      <c r="F12503" s="40">
        <v>208.216667</v>
      </c>
      <c r="G12503" s="40">
        <v>-3.2261533949434811</v>
      </c>
      <c r="H12503" s="40">
        <v>208.23333400000001</v>
      </c>
      <c r="I12503" s="40">
        <v>26.53917460172207</v>
      </c>
      <c r="L12503" s="40"/>
      <c r="M12503" s="40"/>
      <c r="N12503" s="40"/>
    </row>
    <row r="12504" spans="6:14" x14ac:dyDescent="0.25">
      <c r="F12504" s="40">
        <v>208.23333299999999</v>
      </c>
      <c r="G12504" s="40">
        <v>-3.2450345111839152</v>
      </c>
      <c r="H12504" s="40">
        <v>208.25</v>
      </c>
      <c r="I12504" s="40">
        <v>26.53917460172207</v>
      </c>
      <c r="L12504" s="40"/>
      <c r="M12504" s="40"/>
      <c r="N12504" s="40"/>
    </row>
    <row r="12505" spans="6:14" x14ac:dyDescent="0.25">
      <c r="F12505" s="40">
        <v>208.24999999999997</v>
      </c>
      <c r="G12505" s="40">
        <v>-3.2686708715145678</v>
      </c>
      <c r="H12505" s="40">
        <v>208.26666699999998</v>
      </c>
      <c r="I12505" s="40">
        <v>26.542527337865327</v>
      </c>
      <c r="L12505" s="40"/>
      <c r="M12505" s="40"/>
      <c r="N12505" s="40"/>
    </row>
    <row r="12506" spans="6:14" x14ac:dyDescent="0.25">
      <c r="F12506" s="40">
        <v>208.26666700000001</v>
      </c>
      <c r="G12506" s="40">
        <v>-3.2921673717247781</v>
      </c>
      <c r="H12506" s="40">
        <v>208.28333400000002</v>
      </c>
      <c r="I12506" s="40">
        <v>26.542527337865327</v>
      </c>
      <c r="L12506" s="40"/>
      <c r="M12506" s="40"/>
      <c r="N12506" s="40"/>
    </row>
    <row r="12507" spans="6:14" x14ac:dyDescent="0.25">
      <c r="F12507" s="40">
        <v>208.283333</v>
      </c>
      <c r="G12507" s="40">
        <v>-3.3110484879652118</v>
      </c>
      <c r="H12507" s="40">
        <v>208.3</v>
      </c>
      <c r="I12507" s="40">
        <v>26.542527337865327</v>
      </c>
      <c r="L12507" s="40"/>
      <c r="M12507" s="40"/>
      <c r="N12507" s="40"/>
    </row>
    <row r="12508" spans="6:14" x14ac:dyDescent="0.25">
      <c r="F12508" s="40">
        <v>208.29999999999998</v>
      </c>
      <c r="G12508" s="40">
        <v>-3.3345449881754217</v>
      </c>
      <c r="H12508" s="40">
        <v>208.316667</v>
      </c>
      <c r="I12508" s="40">
        <v>26.542527337865327</v>
      </c>
      <c r="L12508" s="40"/>
      <c r="M12508" s="40"/>
      <c r="N12508" s="40"/>
    </row>
    <row r="12509" spans="6:14" x14ac:dyDescent="0.25">
      <c r="F12509" s="40">
        <v>208.31666699999997</v>
      </c>
      <c r="G12509" s="40">
        <v>-3.3534261044158558</v>
      </c>
      <c r="H12509" s="40">
        <v>208.33333399999998</v>
      </c>
      <c r="I12509" s="40">
        <v>26.545880074008586</v>
      </c>
      <c r="L12509" s="40"/>
      <c r="M12509" s="40"/>
      <c r="N12509" s="40"/>
    </row>
    <row r="12510" spans="6:14" x14ac:dyDescent="0.25">
      <c r="F12510" s="40">
        <v>208.33333300000001</v>
      </c>
      <c r="G12510" s="40">
        <v>-3.37692260462619</v>
      </c>
      <c r="H12510" s="40">
        <v>208.35000000000002</v>
      </c>
      <c r="I12510" s="40">
        <v>26.545880074008586</v>
      </c>
      <c r="L12510" s="40"/>
      <c r="M12510" s="40"/>
      <c r="N12510" s="40"/>
    </row>
    <row r="12511" spans="6:14" x14ac:dyDescent="0.25">
      <c r="F12511" s="40">
        <v>208.35</v>
      </c>
      <c r="G12511" s="40">
        <v>-3.3958037208664993</v>
      </c>
      <c r="H12511" s="40">
        <v>208.36666700000001</v>
      </c>
      <c r="I12511" s="40">
        <v>26.545880074008586</v>
      </c>
      <c r="L12511" s="40"/>
      <c r="M12511" s="40"/>
      <c r="N12511" s="40"/>
    </row>
    <row r="12512" spans="6:14" x14ac:dyDescent="0.25">
      <c r="F12512" s="40">
        <v>208.36666699999998</v>
      </c>
      <c r="G12512" s="40">
        <v>-3.4145449769866145</v>
      </c>
      <c r="H12512" s="40">
        <v>208.38333399999999</v>
      </c>
      <c r="I12512" s="40">
        <v>26.545880074008586</v>
      </c>
      <c r="L12512" s="40"/>
      <c r="M12512" s="40"/>
      <c r="N12512" s="40"/>
    </row>
    <row r="12513" spans="6:14" x14ac:dyDescent="0.25">
      <c r="F12513" s="40">
        <v>208.38333300000002</v>
      </c>
      <c r="G12513" s="40">
        <v>-3.4334260932270482</v>
      </c>
      <c r="H12513" s="40">
        <v>208.40000000000003</v>
      </c>
      <c r="I12513" s="40">
        <v>26.545880074008586</v>
      </c>
      <c r="L12513" s="40"/>
      <c r="M12513" s="40"/>
      <c r="N12513" s="40"/>
    </row>
    <row r="12514" spans="6:14" x14ac:dyDescent="0.25">
      <c r="F12514" s="40">
        <v>208.4</v>
      </c>
      <c r="G12514" s="40">
        <v>-3.4523072094674823</v>
      </c>
      <c r="H12514" s="40">
        <v>208.41666700000002</v>
      </c>
      <c r="I12514" s="40">
        <v>26.54913420026535</v>
      </c>
      <c r="L12514" s="40"/>
      <c r="M12514" s="40"/>
      <c r="N12514" s="40"/>
    </row>
    <row r="12515" spans="6:14" x14ac:dyDescent="0.25">
      <c r="F12515" s="40">
        <v>208.41666699999999</v>
      </c>
      <c r="G12515" s="40">
        <v>-3.4711883257079159</v>
      </c>
      <c r="H12515" s="40">
        <v>208.433334</v>
      </c>
      <c r="I12515" s="40">
        <v>26.54913420026535</v>
      </c>
      <c r="L12515" s="40"/>
      <c r="M12515" s="40"/>
      <c r="N12515" s="40"/>
    </row>
    <row r="12516" spans="6:14" x14ac:dyDescent="0.25">
      <c r="F12516" s="40">
        <v>208.43333299999998</v>
      </c>
      <c r="G12516" s="40">
        <v>-3.4853141978581306</v>
      </c>
      <c r="H12516" s="40">
        <v>208.45</v>
      </c>
      <c r="I12516" s="40">
        <v>26.54913420026535</v>
      </c>
      <c r="L12516" s="40"/>
      <c r="M12516" s="40"/>
      <c r="N12516" s="40"/>
    </row>
    <row r="12517" spans="6:14" x14ac:dyDescent="0.25">
      <c r="F12517" s="40">
        <v>208.45000000000002</v>
      </c>
      <c r="G12517" s="40">
        <v>-3.5040554539782458</v>
      </c>
      <c r="H12517" s="40">
        <v>208.46666700000003</v>
      </c>
      <c r="I12517" s="40">
        <v>26.54913420026535</v>
      </c>
      <c r="L12517" s="40"/>
      <c r="M12517" s="40"/>
      <c r="N12517" s="40"/>
    </row>
    <row r="12518" spans="6:14" x14ac:dyDescent="0.25">
      <c r="F12518" s="40">
        <v>208.466667</v>
      </c>
      <c r="G12518" s="40">
        <v>-3.5229365702185556</v>
      </c>
      <c r="H12518" s="40">
        <v>208.48333400000001</v>
      </c>
      <c r="I12518" s="40">
        <v>26.55248693640878</v>
      </c>
      <c r="L12518" s="40"/>
      <c r="M12518" s="40"/>
      <c r="N12518" s="40"/>
    </row>
    <row r="12519" spans="6:14" x14ac:dyDescent="0.25">
      <c r="F12519" s="40">
        <v>208.48333299999999</v>
      </c>
      <c r="G12519" s="40">
        <v>-3.5418176864589892</v>
      </c>
      <c r="H12519" s="40">
        <v>208.5</v>
      </c>
      <c r="I12519" s="40">
        <v>26.55248693640878</v>
      </c>
      <c r="L12519" s="40"/>
      <c r="M12519" s="40"/>
      <c r="N12519" s="40"/>
    </row>
    <row r="12520" spans="6:14" x14ac:dyDescent="0.25">
      <c r="H12520" s="40">
        <v>208.51666699999998</v>
      </c>
      <c r="I12520" s="40">
        <v>26.55248693640878</v>
      </c>
    </row>
    <row r="12521" spans="6:14" x14ac:dyDescent="0.25">
      <c r="H12521" s="40">
        <v>208.53333400000002</v>
      </c>
      <c r="I12521" s="40">
        <v>26.555839672552036</v>
      </c>
    </row>
    <row r="12522" spans="6:14" x14ac:dyDescent="0.25">
      <c r="H12522" s="40">
        <v>208.55</v>
      </c>
      <c r="I12522" s="40">
        <v>26.555839672552036</v>
      </c>
    </row>
    <row r="12523" spans="6:14" x14ac:dyDescent="0.25">
      <c r="H12523" s="40">
        <v>208.566667</v>
      </c>
      <c r="I12523" s="40">
        <v>26.555839672552036</v>
      </c>
    </row>
    <row r="12524" spans="6:14" x14ac:dyDescent="0.25">
      <c r="H12524" s="40">
        <v>208.58333399999998</v>
      </c>
      <c r="I12524" s="40">
        <v>26.559093798808799</v>
      </c>
    </row>
    <row r="12525" spans="6:14" x14ac:dyDescent="0.25">
      <c r="H12525" s="40">
        <v>208.60000000000002</v>
      </c>
      <c r="I12525" s="40">
        <v>26.559093798808799</v>
      </c>
    </row>
    <row r="12526" spans="6:14" x14ac:dyDescent="0.25">
      <c r="H12526" s="40">
        <v>208.61666700000001</v>
      </c>
      <c r="I12526" s="40">
        <v>26.559093798808799</v>
      </c>
    </row>
    <row r="12527" spans="6:14" x14ac:dyDescent="0.25">
      <c r="H12527" s="40">
        <v>208.63333399999999</v>
      </c>
      <c r="I12527" s="40">
        <v>26.559093798808799</v>
      </c>
    </row>
    <row r="12528" spans="6:14" x14ac:dyDescent="0.25">
      <c r="H12528" s="40">
        <v>208.65000000000003</v>
      </c>
      <c r="I12528" s="40">
        <v>26.559093798808799</v>
      </c>
    </row>
    <row r="12529" spans="8:9" x14ac:dyDescent="0.25">
      <c r="H12529" s="40">
        <v>208.66666700000002</v>
      </c>
      <c r="I12529" s="40">
        <v>26.562446534952059</v>
      </c>
    </row>
    <row r="12530" spans="8:9" x14ac:dyDescent="0.25">
      <c r="H12530" s="40">
        <v>208.683334</v>
      </c>
      <c r="I12530" s="40">
        <v>26.562446534952059</v>
      </c>
    </row>
    <row r="12531" spans="8:9" x14ac:dyDescent="0.25">
      <c r="H12531" s="40">
        <v>208.7</v>
      </c>
      <c r="I12531" s="40">
        <v>26.562446534952059</v>
      </c>
    </row>
    <row r="12532" spans="8:9" x14ac:dyDescent="0.25">
      <c r="H12532" s="40">
        <v>208.71666700000003</v>
      </c>
      <c r="I12532" s="40">
        <v>26.562446534952059</v>
      </c>
    </row>
    <row r="12533" spans="8:9" x14ac:dyDescent="0.25">
      <c r="H12533" s="40">
        <v>208.73333400000001</v>
      </c>
      <c r="I12533" s="40">
        <v>26.565799271095315</v>
      </c>
    </row>
    <row r="12534" spans="8:9" x14ac:dyDescent="0.25">
      <c r="H12534" s="40">
        <v>208.75</v>
      </c>
      <c r="I12534" s="40">
        <v>26.565799271095315</v>
      </c>
    </row>
    <row r="12535" spans="8:9" x14ac:dyDescent="0.25">
      <c r="H12535" s="40">
        <v>208.76666699999998</v>
      </c>
      <c r="I12535" s="40">
        <v>26.565799271095315</v>
      </c>
    </row>
    <row r="12536" spans="8:9" x14ac:dyDescent="0.25">
      <c r="H12536" s="40">
        <v>208.78333400000002</v>
      </c>
      <c r="I12536" s="40">
        <v>26.565799271095315</v>
      </c>
    </row>
    <row r="12537" spans="8:9" x14ac:dyDescent="0.25">
      <c r="H12537" s="40">
        <v>208.8</v>
      </c>
      <c r="I12537" s="40">
        <v>26.569053397352079</v>
      </c>
    </row>
    <row r="12538" spans="8:9" x14ac:dyDescent="0.25">
      <c r="H12538" s="40">
        <v>208.816667</v>
      </c>
      <c r="I12538" s="40">
        <v>26.569053397352079</v>
      </c>
    </row>
    <row r="12539" spans="8:9" x14ac:dyDescent="0.25">
      <c r="H12539" s="40">
        <v>208.83333399999998</v>
      </c>
      <c r="I12539" s="40">
        <v>26.569053397352079</v>
      </c>
    </row>
    <row r="12540" spans="8:9" x14ac:dyDescent="0.25">
      <c r="H12540" s="40">
        <v>208.85000000000002</v>
      </c>
      <c r="I12540" s="40">
        <v>26.569053397352079</v>
      </c>
    </row>
    <row r="12541" spans="8:9" x14ac:dyDescent="0.25">
      <c r="H12541" s="40">
        <v>208.86666700000001</v>
      </c>
      <c r="I12541" s="40">
        <v>26.569053397352079</v>
      </c>
    </row>
    <row r="12542" spans="8:9" x14ac:dyDescent="0.25">
      <c r="H12542" s="40">
        <v>208.88333399999999</v>
      </c>
      <c r="I12542" s="40">
        <v>26.569053397352079</v>
      </c>
    </row>
    <row r="12543" spans="8:9" x14ac:dyDescent="0.25">
      <c r="H12543" s="40">
        <v>208.90000000000003</v>
      </c>
      <c r="I12543" s="40">
        <v>26.569053397352079</v>
      </c>
    </row>
    <row r="12544" spans="8:9" x14ac:dyDescent="0.25">
      <c r="H12544" s="40">
        <v>208.91666700000002</v>
      </c>
      <c r="I12544" s="40">
        <v>26.569053397352079</v>
      </c>
    </row>
    <row r="12545" spans="8:9" x14ac:dyDescent="0.25">
      <c r="H12545" s="40">
        <v>208.933334</v>
      </c>
      <c r="I12545" s="40">
        <v>26.572406133495509</v>
      </c>
    </row>
    <row r="12546" spans="8:9" x14ac:dyDescent="0.25">
      <c r="H12546" s="40">
        <v>208.95</v>
      </c>
      <c r="I12546" s="40">
        <v>26.572406133495509</v>
      </c>
    </row>
    <row r="12547" spans="8:9" x14ac:dyDescent="0.25">
      <c r="H12547" s="40">
        <v>208.96666700000003</v>
      </c>
      <c r="I12547" s="40">
        <v>26.572406133495509</v>
      </c>
    </row>
    <row r="12548" spans="8:9" x14ac:dyDescent="0.25">
      <c r="H12548" s="40">
        <v>208.98333400000001</v>
      </c>
      <c r="I12548" s="40">
        <v>26.572406133495509</v>
      </c>
    </row>
    <row r="12549" spans="8:9" x14ac:dyDescent="0.25">
      <c r="H12549" s="40">
        <v>209</v>
      </c>
      <c r="I12549" s="40">
        <v>26.572406133495509</v>
      </c>
    </row>
    <row r="12550" spans="8:9" x14ac:dyDescent="0.25">
      <c r="H12550" s="40">
        <v>209.01666699999998</v>
      </c>
      <c r="I12550" s="40">
        <v>26.572406133495509</v>
      </c>
    </row>
    <row r="12551" spans="8:9" x14ac:dyDescent="0.25">
      <c r="H12551" s="40">
        <v>209.03333400000002</v>
      </c>
      <c r="I12551" s="40">
        <v>26.572406133495509</v>
      </c>
    </row>
    <row r="12552" spans="8:9" x14ac:dyDescent="0.25">
      <c r="H12552" s="40">
        <v>209.05</v>
      </c>
      <c r="I12552" s="40">
        <v>26.572406133495509</v>
      </c>
    </row>
    <row r="12553" spans="8:9" x14ac:dyDescent="0.25">
      <c r="H12553" s="40">
        <v>209.066667</v>
      </c>
      <c r="I12553" s="40">
        <v>26.572406133495509</v>
      </c>
    </row>
    <row r="12554" spans="8:9" x14ac:dyDescent="0.25">
      <c r="H12554" s="40">
        <v>209.08333399999998</v>
      </c>
      <c r="I12554" s="40">
        <v>26.572406133495509</v>
      </c>
    </row>
    <row r="12555" spans="8:9" x14ac:dyDescent="0.25">
      <c r="H12555" s="40">
        <v>209.10000000000002</v>
      </c>
      <c r="I12555" s="40">
        <v>26.572406133495509</v>
      </c>
    </row>
    <row r="12556" spans="8:9" x14ac:dyDescent="0.25">
      <c r="H12556" s="40">
        <v>209.11666700000001</v>
      </c>
      <c r="I12556" s="40">
        <v>26.572406133495509</v>
      </c>
    </row>
    <row r="12557" spans="8:9" x14ac:dyDescent="0.25">
      <c r="H12557" s="40">
        <v>209.13333399999999</v>
      </c>
      <c r="I12557" s="40">
        <v>26.572406133495509</v>
      </c>
    </row>
    <row r="12558" spans="8:9" x14ac:dyDescent="0.25">
      <c r="H12558" s="40">
        <v>209.15000000000003</v>
      </c>
      <c r="I12558" s="40">
        <v>26.572406133495509</v>
      </c>
    </row>
    <row r="12559" spans="8:9" x14ac:dyDescent="0.25">
      <c r="H12559" s="40">
        <v>209.16666700000002</v>
      </c>
      <c r="I12559" s="40">
        <v>26.575758869638765</v>
      </c>
    </row>
    <row r="12560" spans="8:9" x14ac:dyDescent="0.25">
      <c r="H12560" s="40">
        <v>209.183334</v>
      </c>
      <c r="I12560" s="40">
        <v>26.575758869638765</v>
      </c>
    </row>
    <row r="12561" spans="8:9" x14ac:dyDescent="0.25">
      <c r="H12561" s="40">
        <v>209.2</v>
      </c>
      <c r="I12561" s="40">
        <v>26.575758869638765</v>
      </c>
    </row>
    <row r="12562" spans="8:9" x14ac:dyDescent="0.25">
      <c r="H12562" s="40">
        <v>209.21666700000003</v>
      </c>
      <c r="I12562" s="40">
        <v>26.575758869638765</v>
      </c>
    </row>
    <row r="12563" spans="8:9" x14ac:dyDescent="0.25">
      <c r="H12563" s="40">
        <v>209.23333400000001</v>
      </c>
      <c r="I12563" s="40">
        <v>26.575758869638765</v>
      </c>
    </row>
    <row r="12564" spans="8:9" x14ac:dyDescent="0.25">
      <c r="H12564" s="40">
        <v>209.25</v>
      </c>
      <c r="I12564" s="40">
        <v>26.575758869638765</v>
      </c>
    </row>
    <row r="12565" spans="8:9" x14ac:dyDescent="0.25">
      <c r="H12565" s="40">
        <v>209.26666699999998</v>
      </c>
      <c r="I12565" s="40">
        <v>26.575758869638765</v>
      </c>
    </row>
    <row r="12566" spans="8:9" x14ac:dyDescent="0.25">
      <c r="H12566" s="40">
        <v>209.28333400000002</v>
      </c>
      <c r="I12566" s="40">
        <v>26.575758869638765</v>
      </c>
    </row>
    <row r="12567" spans="8:9" x14ac:dyDescent="0.25">
      <c r="H12567" s="40">
        <v>209.3</v>
      </c>
      <c r="I12567" s="40">
        <v>26.575758869638765</v>
      </c>
    </row>
    <row r="12568" spans="8:9" x14ac:dyDescent="0.25">
      <c r="H12568" s="40">
        <v>209.316667</v>
      </c>
      <c r="I12568" s="40">
        <v>26.579012995895528</v>
      </c>
    </row>
    <row r="12569" spans="8:9" x14ac:dyDescent="0.25">
      <c r="H12569" s="40">
        <v>209.33333399999998</v>
      </c>
      <c r="I12569" s="40">
        <v>26.579012995895528</v>
      </c>
    </row>
    <row r="12570" spans="8:9" x14ac:dyDescent="0.25">
      <c r="H12570" s="40">
        <v>209.35000000000002</v>
      </c>
      <c r="I12570" s="40">
        <v>26.579012995895528</v>
      </c>
    </row>
    <row r="12571" spans="8:9" x14ac:dyDescent="0.25">
      <c r="H12571" s="40">
        <v>209.36666700000001</v>
      </c>
      <c r="I12571" s="40">
        <v>26.579012995895528</v>
      </c>
    </row>
    <row r="12572" spans="8:9" x14ac:dyDescent="0.25">
      <c r="H12572" s="40">
        <v>209.38333399999999</v>
      </c>
      <c r="I12572" s="40">
        <v>26.579012995895528</v>
      </c>
    </row>
    <row r="12573" spans="8:9" x14ac:dyDescent="0.25">
      <c r="H12573" s="40">
        <v>209.40000000000003</v>
      </c>
      <c r="I12573" s="40">
        <v>26.579012995895528</v>
      </c>
    </row>
    <row r="12574" spans="8:9" x14ac:dyDescent="0.25">
      <c r="H12574" s="40">
        <v>209.41666700000002</v>
      </c>
      <c r="I12574" s="40">
        <v>26.579012995895528</v>
      </c>
    </row>
    <row r="12575" spans="8:9" x14ac:dyDescent="0.25">
      <c r="H12575" s="40">
        <v>209.433334</v>
      </c>
      <c r="I12575" s="40">
        <v>26.582365732038788</v>
      </c>
    </row>
    <row r="12576" spans="8:9" x14ac:dyDescent="0.25">
      <c r="H12576" s="40">
        <v>209.45</v>
      </c>
      <c r="I12576" s="40">
        <v>26.582365732038788</v>
      </c>
    </row>
    <row r="12577" spans="8:9" x14ac:dyDescent="0.25">
      <c r="H12577" s="40">
        <v>209.46666700000003</v>
      </c>
      <c r="I12577" s="40">
        <v>26.582365732038788</v>
      </c>
    </row>
    <row r="12578" spans="8:9" x14ac:dyDescent="0.25">
      <c r="H12578" s="40">
        <v>209.48333400000001</v>
      </c>
      <c r="I12578" s="40">
        <v>26.582365732038788</v>
      </c>
    </row>
    <row r="12579" spans="8:9" x14ac:dyDescent="0.25">
      <c r="H12579" s="40">
        <v>209.5</v>
      </c>
      <c r="I12579" s="40">
        <v>26.582365732038788</v>
      </c>
    </row>
    <row r="12580" spans="8:9" x14ac:dyDescent="0.25">
      <c r="H12580" s="40">
        <v>209.51666699999998</v>
      </c>
      <c r="I12580" s="40">
        <v>26.582365732038788</v>
      </c>
    </row>
    <row r="12581" spans="8:9" x14ac:dyDescent="0.25">
      <c r="H12581" s="40">
        <v>209.53333400000002</v>
      </c>
      <c r="I12581" s="40">
        <v>26.582365732038788</v>
      </c>
    </row>
    <row r="12582" spans="8:9" x14ac:dyDescent="0.25">
      <c r="H12582" s="40">
        <v>209.55</v>
      </c>
      <c r="I12582" s="40">
        <v>26.585718468182218</v>
      </c>
    </row>
    <row r="12583" spans="8:9" x14ac:dyDescent="0.25">
      <c r="H12583" s="40">
        <v>209.566667</v>
      </c>
      <c r="I12583" s="40">
        <v>26.585718468182218</v>
      </c>
    </row>
    <row r="12584" spans="8:9" x14ac:dyDescent="0.25">
      <c r="H12584" s="40">
        <v>209.58333399999998</v>
      </c>
      <c r="I12584" s="40">
        <v>26.585718468182218</v>
      </c>
    </row>
    <row r="12585" spans="8:9" x14ac:dyDescent="0.25">
      <c r="H12585" s="40">
        <v>209.60000000000002</v>
      </c>
      <c r="I12585" s="40">
        <v>26.585718468182218</v>
      </c>
    </row>
    <row r="12586" spans="8:9" x14ac:dyDescent="0.25">
      <c r="H12586" s="40">
        <v>209.61666700000001</v>
      </c>
      <c r="I12586" s="40">
        <v>26.585718468182218</v>
      </c>
    </row>
    <row r="12587" spans="8:9" x14ac:dyDescent="0.25">
      <c r="H12587" s="40">
        <v>209.63333399999999</v>
      </c>
      <c r="I12587" s="40">
        <v>26.585718468182218</v>
      </c>
    </row>
    <row r="12588" spans="8:9" x14ac:dyDescent="0.25">
      <c r="H12588" s="40">
        <v>209.65000000000003</v>
      </c>
      <c r="I12588" s="40">
        <v>26.585718468182218</v>
      </c>
    </row>
    <row r="12589" spans="8:9" x14ac:dyDescent="0.25">
      <c r="H12589" s="40">
        <v>209.66666700000002</v>
      </c>
      <c r="I12589" s="40">
        <v>26.588972594438808</v>
      </c>
    </row>
    <row r="12590" spans="8:9" x14ac:dyDescent="0.25">
      <c r="H12590" s="40">
        <v>209.683334</v>
      </c>
      <c r="I12590" s="40">
        <v>26.588972594438808</v>
      </c>
    </row>
    <row r="12591" spans="8:9" x14ac:dyDescent="0.25">
      <c r="H12591" s="40">
        <v>209.7</v>
      </c>
      <c r="I12591" s="40">
        <v>26.588972594438808</v>
      </c>
    </row>
    <row r="12592" spans="8:9" x14ac:dyDescent="0.25">
      <c r="H12592" s="40">
        <v>209.71666700000003</v>
      </c>
      <c r="I12592" s="40">
        <v>26.588972594438808</v>
      </c>
    </row>
    <row r="12593" spans="8:9" x14ac:dyDescent="0.25">
      <c r="H12593" s="40">
        <v>209.73333400000001</v>
      </c>
      <c r="I12593" s="40">
        <v>26.588972594438808</v>
      </c>
    </row>
    <row r="12594" spans="8:9" x14ac:dyDescent="0.25">
      <c r="H12594" s="40">
        <v>209.75</v>
      </c>
      <c r="I12594" s="40">
        <v>26.588972594438808</v>
      </c>
    </row>
    <row r="12595" spans="8:9" x14ac:dyDescent="0.25">
      <c r="H12595" s="40">
        <v>209.76666699999998</v>
      </c>
      <c r="I12595" s="40">
        <v>26.588972594438808</v>
      </c>
    </row>
    <row r="12596" spans="8:9" x14ac:dyDescent="0.25">
      <c r="H12596" s="40">
        <v>209.78333400000002</v>
      </c>
      <c r="I12596" s="40">
        <v>26.588972594438808</v>
      </c>
    </row>
    <row r="12597" spans="8:9" x14ac:dyDescent="0.25">
      <c r="H12597" s="40">
        <v>209.8</v>
      </c>
      <c r="I12597" s="40">
        <v>26.588972594438808</v>
      </c>
    </row>
    <row r="12598" spans="8:9" x14ac:dyDescent="0.25">
      <c r="H12598" s="40">
        <v>209.816667</v>
      </c>
      <c r="I12598" s="40">
        <v>26.588972594438808</v>
      </c>
    </row>
    <row r="12599" spans="8:9" x14ac:dyDescent="0.25">
      <c r="H12599" s="40">
        <v>209.83333399999998</v>
      </c>
      <c r="I12599" s="40">
        <v>26.592325330582238</v>
      </c>
    </row>
    <row r="12600" spans="8:9" x14ac:dyDescent="0.25">
      <c r="H12600" s="40">
        <v>209.85000000000002</v>
      </c>
      <c r="I12600" s="40">
        <v>26.592325330582238</v>
      </c>
    </row>
    <row r="12601" spans="8:9" x14ac:dyDescent="0.25">
      <c r="H12601" s="40">
        <v>209.86666700000001</v>
      </c>
      <c r="I12601" s="40">
        <v>26.592325330582238</v>
      </c>
    </row>
    <row r="12602" spans="8:9" x14ac:dyDescent="0.25">
      <c r="H12602" s="40">
        <v>209.88333399999999</v>
      </c>
      <c r="I12602" s="40">
        <v>26.592325330582238</v>
      </c>
    </row>
    <row r="12603" spans="8:9" x14ac:dyDescent="0.25">
      <c r="H12603" s="40">
        <v>209.90000000000003</v>
      </c>
      <c r="I12603" s="40">
        <v>26.592325330582238</v>
      </c>
    </row>
    <row r="12604" spans="8:9" x14ac:dyDescent="0.25">
      <c r="H12604" s="40">
        <v>209.91666700000002</v>
      </c>
      <c r="I12604" s="40">
        <v>26.592325330582238</v>
      </c>
    </row>
    <row r="12605" spans="8:9" x14ac:dyDescent="0.25">
      <c r="H12605" s="40">
        <v>209.933334</v>
      </c>
      <c r="I12605" s="40">
        <v>26.592325330582238</v>
      </c>
    </row>
    <row r="12606" spans="8:9" x14ac:dyDescent="0.25">
      <c r="H12606" s="40">
        <v>209.95</v>
      </c>
      <c r="I12606" s="40">
        <v>26.592325330582238</v>
      </c>
    </row>
    <row r="12607" spans="8:9" x14ac:dyDescent="0.25">
      <c r="H12607" s="40">
        <v>209.96666700000003</v>
      </c>
      <c r="I12607" s="40">
        <v>26.592325330582238</v>
      </c>
    </row>
    <row r="12608" spans="8:9" x14ac:dyDescent="0.25">
      <c r="H12608" s="40">
        <v>209.98333400000001</v>
      </c>
      <c r="I12608" s="40">
        <v>26.592325330582238</v>
      </c>
    </row>
    <row r="12609" spans="8:9" x14ac:dyDescent="0.25">
      <c r="H12609" s="40">
        <v>210</v>
      </c>
      <c r="I12609" s="40">
        <v>26.592325330582238</v>
      </c>
    </row>
    <row r="12610" spans="8:9" x14ac:dyDescent="0.25">
      <c r="H12610" s="40">
        <v>210.01666699999998</v>
      </c>
      <c r="I12610" s="40">
        <v>26.595678066725498</v>
      </c>
    </row>
    <row r="12611" spans="8:9" x14ac:dyDescent="0.25">
      <c r="H12611" s="40">
        <v>210.03333400000002</v>
      </c>
      <c r="I12611" s="40">
        <v>26.595678066725498</v>
      </c>
    </row>
    <row r="12612" spans="8:9" x14ac:dyDescent="0.25">
      <c r="H12612" s="40">
        <v>210.05</v>
      </c>
      <c r="I12612" s="40">
        <v>26.595678066725498</v>
      </c>
    </row>
    <row r="12613" spans="8:9" x14ac:dyDescent="0.25">
      <c r="H12613" s="40">
        <v>210.066667</v>
      </c>
      <c r="I12613" s="40">
        <v>26.595678066725498</v>
      </c>
    </row>
    <row r="12614" spans="8:9" x14ac:dyDescent="0.25">
      <c r="H12614" s="40">
        <v>210.08333399999998</v>
      </c>
      <c r="I12614" s="40">
        <v>26.595678066725498</v>
      </c>
    </row>
    <row r="12615" spans="8:9" x14ac:dyDescent="0.25">
      <c r="H12615" s="40">
        <v>210.10000000000002</v>
      </c>
      <c r="I12615" s="40">
        <v>26.595678066725498</v>
      </c>
    </row>
    <row r="12616" spans="8:9" x14ac:dyDescent="0.25">
      <c r="H12616" s="40">
        <v>210.11666700000001</v>
      </c>
      <c r="I12616" s="40">
        <v>26.595678066725498</v>
      </c>
    </row>
    <row r="12617" spans="8:9" x14ac:dyDescent="0.25">
      <c r="H12617" s="40">
        <v>210.13333399999999</v>
      </c>
      <c r="I12617" s="40">
        <v>26.598932192982261</v>
      </c>
    </row>
    <row r="12618" spans="8:9" x14ac:dyDescent="0.25">
      <c r="H12618" s="40">
        <v>210.15000000000003</v>
      </c>
      <c r="I12618" s="40">
        <v>26.598932192982261</v>
      </c>
    </row>
    <row r="12619" spans="8:9" x14ac:dyDescent="0.25">
      <c r="H12619" s="40">
        <v>210.16666700000002</v>
      </c>
      <c r="I12619" s="40">
        <v>26.598932192982261</v>
      </c>
    </row>
    <row r="12620" spans="8:9" x14ac:dyDescent="0.25">
      <c r="H12620" s="40">
        <v>210.183334</v>
      </c>
      <c r="I12620" s="40">
        <v>26.598932192982261</v>
      </c>
    </row>
    <row r="12621" spans="8:9" x14ac:dyDescent="0.25">
      <c r="H12621" s="40">
        <v>210.2</v>
      </c>
      <c r="I12621" s="40">
        <v>26.598932192982261</v>
      </c>
    </row>
    <row r="12622" spans="8:9" x14ac:dyDescent="0.25">
      <c r="H12622" s="40">
        <v>210.21666700000003</v>
      </c>
      <c r="I12622" s="40">
        <v>26.602284929125517</v>
      </c>
    </row>
    <row r="12623" spans="8:9" x14ac:dyDescent="0.25">
      <c r="H12623" s="40">
        <v>210.23333400000001</v>
      </c>
      <c r="I12623" s="40">
        <v>26.602284929125517</v>
      </c>
    </row>
    <row r="12624" spans="8:9" x14ac:dyDescent="0.25">
      <c r="H12624" s="40">
        <v>210.25</v>
      </c>
      <c r="I12624" s="40">
        <v>26.602284929125517</v>
      </c>
    </row>
    <row r="12625" spans="8:9" x14ac:dyDescent="0.25">
      <c r="H12625" s="40">
        <v>210.26666699999998</v>
      </c>
      <c r="I12625" s="40">
        <v>26.602284929125517</v>
      </c>
    </row>
    <row r="12626" spans="8:9" x14ac:dyDescent="0.25">
      <c r="H12626" s="40">
        <v>210.28333400000002</v>
      </c>
      <c r="I12626" s="40">
        <v>26.605637665268947</v>
      </c>
    </row>
    <row r="12627" spans="8:9" x14ac:dyDescent="0.25">
      <c r="H12627" s="40">
        <v>210.3</v>
      </c>
      <c r="I12627" s="40">
        <v>26.605637665268947</v>
      </c>
    </row>
    <row r="12628" spans="8:9" x14ac:dyDescent="0.25">
      <c r="H12628" s="40">
        <v>210.316667</v>
      </c>
      <c r="I12628" s="40">
        <v>26.605637665268947</v>
      </c>
    </row>
    <row r="12629" spans="8:9" x14ac:dyDescent="0.25">
      <c r="H12629" s="40">
        <v>210.33333399999998</v>
      </c>
      <c r="I12629" s="40">
        <v>26.605637665268947</v>
      </c>
    </row>
    <row r="12630" spans="8:9" x14ac:dyDescent="0.25">
      <c r="H12630" s="40">
        <v>210.35000000000002</v>
      </c>
      <c r="I12630" s="40">
        <v>26.605637665268947</v>
      </c>
    </row>
    <row r="12631" spans="8:9" x14ac:dyDescent="0.25">
      <c r="H12631" s="40">
        <v>210.36666700000001</v>
      </c>
      <c r="I12631" s="40">
        <v>26.605637665268947</v>
      </c>
    </row>
    <row r="12632" spans="8:9" x14ac:dyDescent="0.25">
      <c r="H12632" s="40">
        <v>210.38333399999999</v>
      </c>
      <c r="I12632" s="40">
        <v>26.608891791525711</v>
      </c>
    </row>
    <row r="12633" spans="8:9" x14ac:dyDescent="0.25">
      <c r="H12633" s="40">
        <v>210.40000000000003</v>
      </c>
      <c r="I12633" s="40">
        <v>26.608891791525711</v>
      </c>
    </row>
    <row r="12634" spans="8:9" x14ac:dyDescent="0.25">
      <c r="H12634" s="40">
        <v>210.41666700000002</v>
      </c>
      <c r="I12634" s="40">
        <v>26.608891791525711</v>
      </c>
    </row>
    <row r="12635" spans="8:9" x14ac:dyDescent="0.25">
      <c r="H12635" s="40">
        <v>210.433334</v>
      </c>
      <c r="I12635" s="40">
        <v>26.608891791525711</v>
      </c>
    </row>
    <row r="12636" spans="8:9" x14ac:dyDescent="0.25">
      <c r="H12636" s="40">
        <v>210.45</v>
      </c>
      <c r="I12636" s="40">
        <v>26.608891791525711</v>
      </c>
    </row>
    <row r="12637" spans="8:9" x14ac:dyDescent="0.25">
      <c r="H12637" s="40">
        <v>210.46666700000003</v>
      </c>
      <c r="I12637" s="40">
        <v>26.612244527668967</v>
      </c>
    </row>
    <row r="12638" spans="8:9" x14ac:dyDescent="0.25">
      <c r="H12638" s="40">
        <v>210.48333400000001</v>
      </c>
      <c r="I12638" s="40">
        <v>26.612244527668967</v>
      </c>
    </row>
    <row r="12639" spans="8:9" x14ac:dyDescent="0.25">
      <c r="H12639" s="40">
        <v>210.5</v>
      </c>
      <c r="I12639" s="40">
        <v>26.612244527668967</v>
      </c>
    </row>
    <row r="12640" spans="8:9" x14ac:dyDescent="0.25">
      <c r="H12640" s="40">
        <v>210.51666699999998</v>
      </c>
      <c r="I12640" s="40">
        <v>26.612244527668967</v>
      </c>
    </row>
    <row r="12641" spans="8:9" x14ac:dyDescent="0.25">
      <c r="H12641" s="40">
        <v>210.53333400000002</v>
      </c>
      <c r="I12641" s="40">
        <v>26.615597263812226</v>
      </c>
    </row>
    <row r="12642" spans="8:9" x14ac:dyDescent="0.25">
      <c r="H12642" s="40">
        <v>210.55</v>
      </c>
      <c r="I12642" s="40">
        <v>26.615597263812226</v>
      </c>
    </row>
    <row r="12643" spans="8:9" x14ac:dyDescent="0.25">
      <c r="H12643" s="40">
        <v>210.566667</v>
      </c>
      <c r="I12643" s="40">
        <v>26.615597263812226</v>
      </c>
    </row>
    <row r="12644" spans="8:9" x14ac:dyDescent="0.25">
      <c r="H12644" s="40">
        <v>210.58333399999998</v>
      </c>
      <c r="I12644" s="40">
        <v>26.615597263812226</v>
      </c>
    </row>
    <row r="12645" spans="8:9" x14ac:dyDescent="0.25">
      <c r="H12645" s="40">
        <v>210.60000000000002</v>
      </c>
      <c r="I12645" s="40">
        <v>26.615597263812226</v>
      </c>
    </row>
    <row r="12646" spans="8:9" x14ac:dyDescent="0.25">
      <c r="H12646" s="40">
        <v>210.61666700000001</v>
      </c>
      <c r="I12646" s="40">
        <v>26.615597263812226</v>
      </c>
    </row>
    <row r="12647" spans="8:9" x14ac:dyDescent="0.25">
      <c r="H12647" s="40">
        <v>210.63333399999999</v>
      </c>
      <c r="I12647" s="40">
        <v>26.615597263812226</v>
      </c>
    </row>
    <row r="12648" spans="8:9" x14ac:dyDescent="0.25">
      <c r="H12648" s="40">
        <v>210.65000000000003</v>
      </c>
      <c r="I12648" s="40">
        <v>26.615597263812226</v>
      </c>
    </row>
    <row r="12649" spans="8:9" x14ac:dyDescent="0.25">
      <c r="H12649" s="40">
        <v>210.66666700000002</v>
      </c>
      <c r="I12649" s="40">
        <v>26.615597263812226</v>
      </c>
    </row>
    <row r="12650" spans="8:9" x14ac:dyDescent="0.25">
      <c r="H12650" s="40">
        <v>210.683334</v>
      </c>
      <c r="I12650" s="40">
        <v>26.61885139006899</v>
      </c>
    </row>
    <row r="12651" spans="8:9" x14ac:dyDescent="0.25">
      <c r="H12651" s="40">
        <v>210.7</v>
      </c>
      <c r="I12651" s="40">
        <v>26.61885139006899</v>
      </c>
    </row>
    <row r="12652" spans="8:9" x14ac:dyDescent="0.25">
      <c r="H12652" s="40">
        <v>210.71666700000003</v>
      </c>
      <c r="I12652" s="40">
        <v>26.61885139006899</v>
      </c>
    </row>
    <row r="12653" spans="8:9" x14ac:dyDescent="0.25">
      <c r="H12653" s="40">
        <v>210.73333400000001</v>
      </c>
      <c r="I12653" s="40">
        <v>26.61885139006899</v>
      </c>
    </row>
    <row r="12654" spans="8:9" x14ac:dyDescent="0.25">
      <c r="H12654" s="40">
        <v>210.75</v>
      </c>
      <c r="I12654" s="40">
        <v>26.61885139006899</v>
      </c>
    </row>
    <row r="12655" spans="8:9" x14ac:dyDescent="0.25">
      <c r="H12655" s="40">
        <v>210.76666699999998</v>
      </c>
      <c r="I12655" s="40">
        <v>26.61885139006899</v>
      </c>
    </row>
    <row r="12656" spans="8:9" x14ac:dyDescent="0.25">
      <c r="H12656" s="40">
        <v>210.78333400000002</v>
      </c>
      <c r="I12656" s="40">
        <v>26.61885139006899</v>
      </c>
    </row>
    <row r="12657" spans="8:9" x14ac:dyDescent="0.25">
      <c r="H12657" s="40">
        <v>210.8</v>
      </c>
      <c r="I12657" s="40">
        <v>26.61885139006899</v>
      </c>
    </row>
    <row r="12658" spans="8:9" x14ac:dyDescent="0.25">
      <c r="H12658" s="40">
        <v>210.816667</v>
      </c>
      <c r="I12658" s="40">
        <v>26.61885139006899</v>
      </c>
    </row>
    <row r="12659" spans="8:9" x14ac:dyDescent="0.25">
      <c r="H12659" s="40">
        <v>210.83333399999998</v>
      </c>
      <c r="I12659" s="40">
        <v>26.61885139006899</v>
      </c>
    </row>
    <row r="12660" spans="8:9" x14ac:dyDescent="0.25">
      <c r="H12660" s="40">
        <v>210.85000000000002</v>
      </c>
      <c r="I12660" s="40">
        <v>26.61885139006899</v>
      </c>
    </row>
    <row r="12661" spans="8:9" x14ac:dyDescent="0.25">
      <c r="H12661" s="40">
        <v>210.86666700000001</v>
      </c>
      <c r="I12661" s="40">
        <v>26.61885139006899</v>
      </c>
    </row>
    <row r="12662" spans="8:9" x14ac:dyDescent="0.25">
      <c r="H12662" s="40">
        <v>210.88333399999999</v>
      </c>
      <c r="I12662" s="40">
        <v>26.61885139006899</v>
      </c>
    </row>
    <row r="12663" spans="8:9" x14ac:dyDescent="0.25">
      <c r="H12663" s="40">
        <v>210.90000000000003</v>
      </c>
      <c r="I12663" s="40">
        <v>26.61885139006899</v>
      </c>
    </row>
    <row r="12664" spans="8:9" x14ac:dyDescent="0.25">
      <c r="H12664" s="40">
        <v>210.91666700000002</v>
      </c>
      <c r="I12664" s="40">
        <v>26.61885139006899</v>
      </c>
    </row>
    <row r="12665" spans="8:9" x14ac:dyDescent="0.25">
      <c r="H12665" s="40">
        <v>210.933334</v>
      </c>
      <c r="I12665" s="40">
        <v>26.622204126212246</v>
      </c>
    </row>
    <row r="12666" spans="8:9" x14ac:dyDescent="0.25">
      <c r="H12666" s="40">
        <v>210.95</v>
      </c>
      <c r="I12666" s="40">
        <v>26.622204126212246</v>
      </c>
    </row>
    <row r="12667" spans="8:9" x14ac:dyDescent="0.25">
      <c r="H12667" s="40">
        <v>210.96666700000003</v>
      </c>
      <c r="I12667" s="40">
        <v>26.622204126212246</v>
      </c>
    </row>
    <row r="12668" spans="8:9" x14ac:dyDescent="0.25">
      <c r="H12668" s="40">
        <v>210.98333400000001</v>
      </c>
      <c r="I12668" s="40">
        <v>26.622204126212246</v>
      </c>
    </row>
    <row r="12669" spans="8:9" x14ac:dyDescent="0.25">
      <c r="H12669" s="40">
        <v>211</v>
      </c>
      <c r="I12669" s="40">
        <v>26.622204126212246</v>
      </c>
    </row>
    <row r="12670" spans="8:9" x14ac:dyDescent="0.25">
      <c r="H12670" s="40">
        <v>211.01666699999998</v>
      </c>
      <c r="I12670" s="40">
        <v>26.62555686235568</v>
      </c>
    </row>
    <row r="12671" spans="8:9" x14ac:dyDescent="0.25">
      <c r="H12671" s="40">
        <v>211.03333400000002</v>
      </c>
      <c r="I12671" s="40">
        <v>26.62555686235568</v>
      </c>
    </row>
    <row r="12672" spans="8:9" x14ac:dyDescent="0.25">
      <c r="H12672" s="40">
        <v>211.05</v>
      </c>
      <c r="I12672" s="40">
        <v>26.62555686235568</v>
      </c>
    </row>
    <row r="12673" spans="8:9" x14ac:dyDescent="0.25">
      <c r="H12673" s="40">
        <v>211.066667</v>
      </c>
      <c r="I12673" s="40">
        <v>26.62555686235568</v>
      </c>
    </row>
    <row r="12674" spans="8:9" x14ac:dyDescent="0.25">
      <c r="H12674" s="40">
        <v>211.08333399999998</v>
      </c>
      <c r="I12674" s="40">
        <v>26.62555686235568</v>
      </c>
    </row>
    <row r="12675" spans="8:9" x14ac:dyDescent="0.25">
      <c r="H12675" s="40">
        <v>211.10000000000002</v>
      </c>
      <c r="I12675" s="40">
        <v>26.62555686235568</v>
      </c>
    </row>
    <row r="12676" spans="8:9" x14ac:dyDescent="0.25">
      <c r="H12676" s="40">
        <v>211.11666700000001</v>
      </c>
      <c r="I12676" s="40">
        <v>26.62555686235568</v>
      </c>
    </row>
    <row r="12677" spans="8:9" x14ac:dyDescent="0.25">
      <c r="H12677" s="40">
        <v>211.13333399999999</v>
      </c>
      <c r="I12677" s="40">
        <v>26.62555686235568</v>
      </c>
    </row>
    <row r="12678" spans="8:9" x14ac:dyDescent="0.25">
      <c r="H12678" s="40">
        <v>211.15000000000003</v>
      </c>
      <c r="I12678" s="40">
        <v>26.62555686235568</v>
      </c>
    </row>
    <row r="12679" spans="8:9" x14ac:dyDescent="0.25">
      <c r="H12679" s="40">
        <v>211.16666700000002</v>
      </c>
      <c r="I12679" s="40">
        <v>26.62881098861244</v>
      </c>
    </row>
    <row r="12680" spans="8:9" x14ac:dyDescent="0.25">
      <c r="H12680" s="40">
        <v>211.183334</v>
      </c>
      <c r="I12680" s="40">
        <v>26.62881098861244</v>
      </c>
    </row>
    <row r="12681" spans="8:9" x14ac:dyDescent="0.25">
      <c r="H12681" s="40">
        <v>211.2</v>
      </c>
      <c r="I12681" s="40">
        <v>26.62881098861244</v>
      </c>
    </row>
    <row r="12682" spans="8:9" x14ac:dyDescent="0.25">
      <c r="H12682" s="40">
        <v>211.21666700000003</v>
      </c>
      <c r="I12682" s="40">
        <v>26.62881098861244</v>
      </c>
    </row>
    <row r="12683" spans="8:9" x14ac:dyDescent="0.25">
      <c r="H12683" s="40">
        <v>211.23333400000001</v>
      </c>
      <c r="I12683" s="40">
        <v>26.62881098861244</v>
      </c>
    </row>
    <row r="12684" spans="8:9" x14ac:dyDescent="0.25">
      <c r="H12684" s="40">
        <v>211.25</v>
      </c>
      <c r="I12684" s="40">
        <v>26.62881098861244</v>
      </c>
    </row>
    <row r="12685" spans="8:9" x14ac:dyDescent="0.25">
      <c r="H12685" s="40">
        <v>211.26666699999998</v>
      </c>
      <c r="I12685" s="40">
        <v>26.62881098861244</v>
      </c>
    </row>
    <row r="12686" spans="8:9" x14ac:dyDescent="0.25">
      <c r="H12686" s="40">
        <v>211.28333400000002</v>
      </c>
      <c r="I12686" s="40">
        <v>26.632163724755699</v>
      </c>
    </row>
    <row r="12687" spans="8:9" x14ac:dyDescent="0.25">
      <c r="H12687" s="40">
        <v>211.3</v>
      </c>
      <c r="I12687" s="40">
        <v>26.632163724755699</v>
      </c>
    </row>
    <row r="12688" spans="8:9" x14ac:dyDescent="0.25">
      <c r="H12688" s="40">
        <v>211.316667</v>
      </c>
      <c r="I12688" s="40">
        <v>26.632163724755699</v>
      </c>
    </row>
    <row r="12689" spans="8:9" x14ac:dyDescent="0.25">
      <c r="H12689" s="40">
        <v>211.33333399999998</v>
      </c>
      <c r="I12689" s="40">
        <v>26.632163724755699</v>
      </c>
    </row>
    <row r="12690" spans="8:9" x14ac:dyDescent="0.25">
      <c r="H12690" s="40">
        <v>211.35000000000002</v>
      </c>
      <c r="I12690" s="40">
        <v>26.632163724755699</v>
      </c>
    </row>
    <row r="12691" spans="8:9" x14ac:dyDescent="0.25">
      <c r="H12691" s="40">
        <v>211.36666700000001</v>
      </c>
      <c r="I12691" s="40">
        <v>26.632163724755699</v>
      </c>
    </row>
    <row r="12692" spans="8:9" x14ac:dyDescent="0.25">
      <c r="H12692" s="40">
        <v>211.38333399999999</v>
      </c>
      <c r="I12692" s="40">
        <v>26.632163724755699</v>
      </c>
    </row>
    <row r="12693" spans="8:9" x14ac:dyDescent="0.25">
      <c r="H12693" s="40">
        <v>211.40000000000003</v>
      </c>
      <c r="I12693" s="40">
        <v>26.632163724755699</v>
      </c>
    </row>
    <row r="12694" spans="8:9" x14ac:dyDescent="0.25">
      <c r="H12694" s="40">
        <v>211.41666700000002</v>
      </c>
      <c r="I12694" s="40">
        <v>26.632163724755699</v>
      </c>
    </row>
    <row r="12695" spans="8:9" x14ac:dyDescent="0.25">
      <c r="H12695" s="40">
        <v>211.433334</v>
      </c>
      <c r="I12695" s="40">
        <v>26.632163724755699</v>
      </c>
    </row>
    <row r="12696" spans="8:9" x14ac:dyDescent="0.25">
      <c r="H12696" s="40">
        <v>211.45</v>
      </c>
      <c r="I12696" s="40">
        <v>26.635516460898955</v>
      </c>
    </row>
    <row r="12697" spans="8:9" x14ac:dyDescent="0.25">
      <c r="H12697" s="40">
        <v>211.46666700000003</v>
      </c>
      <c r="I12697" s="40">
        <v>26.635516460898955</v>
      </c>
    </row>
    <row r="12698" spans="8:9" x14ac:dyDescent="0.25">
      <c r="H12698" s="40">
        <v>211.48333400000001</v>
      </c>
      <c r="I12698" s="40">
        <v>26.635516460898955</v>
      </c>
    </row>
    <row r="12699" spans="8:9" x14ac:dyDescent="0.25">
      <c r="H12699" s="40">
        <v>211.5</v>
      </c>
      <c r="I12699" s="40">
        <v>26.635516460898955</v>
      </c>
    </row>
    <row r="12700" spans="8:9" x14ac:dyDescent="0.25">
      <c r="H12700" s="40">
        <v>211.51666699999998</v>
      </c>
      <c r="I12700" s="40">
        <v>26.635516460898955</v>
      </c>
    </row>
    <row r="12701" spans="8:9" x14ac:dyDescent="0.25">
      <c r="H12701" s="40">
        <v>211.53333400000002</v>
      </c>
      <c r="I12701" s="40">
        <v>26.635516460898955</v>
      </c>
    </row>
    <row r="12702" spans="8:9" x14ac:dyDescent="0.25">
      <c r="H12702" s="40">
        <v>211.55</v>
      </c>
      <c r="I12702" s="40">
        <v>26.638770587155719</v>
      </c>
    </row>
    <row r="12703" spans="8:9" x14ac:dyDescent="0.25">
      <c r="H12703" s="40">
        <v>211.566667</v>
      </c>
      <c r="I12703" s="40">
        <v>26.638770587155719</v>
      </c>
    </row>
    <row r="12704" spans="8:9" x14ac:dyDescent="0.25">
      <c r="H12704" s="40">
        <v>211.58333399999998</v>
      </c>
      <c r="I12704" s="40">
        <v>26.638770587155719</v>
      </c>
    </row>
    <row r="12705" spans="8:9" x14ac:dyDescent="0.25">
      <c r="H12705" s="40">
        <v>211.60000000000002</v>
      </c>
      <c r="I12705" s="40">
        <v>26.638770587155719</v>
      </c>
    </row>
    <row r="12706" spans="8:9" x14ac:dyDescent="0.25">
      <c r="H12706" s="40">
        <v>211.61666700000001</v>
      </c>
      <c r="I12706" s="40">
        <v>26.638770587155719</v>
      </c>
    </row>
    <row r="12707" spans="8:9" x14ac:dyDescent="0.25">
      <c r="H12707" s="40">
        <v>211.63333399999999</v>
      </c>
      <c r="I12707" s="40">
        <v>26.638770587155719</v>
      </c>
    </row>
    <row r="12708" spans="8:9" x14ac:dyDescent="0.25">
      <c r="H12708" s="40">
        <v>211.65000000000003</v>
      </c>
      <c r="I12708" s="40">
        <v>26.638770587155719</v>
      </c>
    </row>
    <row r="12709" spans="8:9" x14ac:dyDescent="0.25">
      <c r="H12709" s="40">
        <v>211.66666700000002</v>
      </c>
      <c r="I12709" s="40">
        <v>26.638770587155719</v>
      </c>
    </row>
    <row r="12710" spans="8:9" x14ac:dyDescent="0.25">
      <c r="H12710" s="40">
        <v>211.683334</v>
      </c>
      <c r="I12710" s="40">
        <v>26.642123323299153</v>
      </c>
    </row>
    <row r="12711" spans="8:9" x14ac:dyDescent="0.25">
      <c r="H12711" s="40">
        <v>211.7</v>
      </c>
      <c r="I12711" s="40">
        <v>26.642123323299153</v>
      </c>
    </row>
    <row r="12712" spans="8:9" x14ac:dyDescent="0.25">
      <c r="H12712" s="40">
        <v>211.71666700000003</v>
      </c>
      <c r="I12712" s="40">
        <v>26.642123323299153</v>
      </c>
    </row>
    <row r="12713" spans="8:9" x14ac:dyDescent="0.25">
      <c r="H12713" s="40">
        <v>211.73333400000001</v>
      </c>
      <c r="I12713" s="40">
        <v>26.642123323299153</v>
      </c>
    </row>
    <row r="12714" spans="8:9" x14ac:dyDescent="0.25">
      <c r="H12714" s="40">
        <v>211.75</v>
      </c>
      <c r="I12714" s="40">
        <v>26.642123323299153</v>
      </c>
    </row>
    <row r="12715" spans="8:9" x14ac:dyDescent="0.25">
      <c r="H12715" s="40">
        <v>211.76666699999998</v>
      </c>
      <c r="I12715" s="40">
        <v>26.642123323299153</v>
      </c>
    </row>
    <row r="12716" spans="8:9" x14ac:dyDescent="0.25">
      <c r="H12716" s="40">
        <v>211.78333400000002</v>
      </c>
      <c r="I12716" s="40">
        <v>26.642123323299153</v>
      </c>
    </row>
    <row r="12717" spans="8:9" x14ac:dyDescent="0.25">
      <c r="H12717" s="40">
        <v>211.8</v>
      </c>
      <c r="I12717" s="40">
        <v>26.642123323299153</v>
      </c>
    </row>
    <row r="12718" spans="8:9" x14ac:dyDescent="0.25">
      <c r="H12718" s="40">
        <v>211.816667</v>
      </c>
      <c r="I12718" s="40">
        <v>26.642123323299153</v>
      </c>
    </row>
    <row r="12719" spans="8:9" x14ac:dyDescent="0.25">
      <c r="H12719" s="40">
        <v>211.83333399999998</v>
      </c>
      <c r="I12719" s="40">
        <v>26.642123323299153</v>
      </c>
    </row>
    <row r="12720" spans="8:9" x14ac:dyDescent="0.25">
      <c r="H12720" s="40">
        <v>211.85000000000002</v>
      </c>
      <c r="I12720" s="40">
        <v>26.645476059442412</v>
      </c>
    </row>
    <row r="12721" spans="8:9" x14ac:dyDescent="0.25">
      <c r="H12721" s="40">
        <v>211.86666700000001</v>
      </c>
      <c r="I12721" s="40">
        <v>26.645476059442412</v>
      </c>
    </row>
    <row r="12722" spans="8:9" x14ac:dyDescent="0.25">
      <c r="H12722" s="40">
        <v>211.88333399999999</v>
      </c>
      <c r="I12722" s="40">
        <v>26.645476059442412</v>
      </c>
    </row>
    <row r="12723" spans="8:9" x14ac:dyDescent="0.25">
      <c r="H12723" s="40">
        <v>211.90000000000003</v>
      </c>
      <c r="I12723" s="40">
        <v>26.645476059442412</v>
      </c>
    </row>
    <row r="12724" spans="8:9" x14ac:dyDescent="0.25">
      <c r="H12724" s="40">
        <v>211.91666700000002</v>
      </c>
      <c r="I12724" s="40">
        <v>26.645476059442412</v>
      </c>
    </row>
    <row r="12725" spans="8:9" x14ac:dyDescent="0.25">
      <c r="H12725" s="40">
        <v>211.933334</v>
      </c>
      <c r="I12725" s="40">
        <v>26.645476059442412</v>
      </c>
    </row>
    <row r="12726" spans="8:9" x14ac:dyDescent="0.25">
      <c r="H12726" s="40">
        <v>211.95</v>
      </c>
      <c r="I12726" s="40">
        <v>26.648730185699172</v>
      </c>
    </row>
    <row r="12727" spans="8:9" x14ac:dyDescent="0.25">
      <c r="H12727" s="40">
        <v>211.96666700000003</v>
      </c>
      <c r="I12727" s="40">
        <v>26.648730185699172</v>
      </c>
    </row>
    <row r="12728" spans="8:9" x14ac:dyDescent="0.25">
      <c r="H12728" s="40">
        <v>211.98333400000001</v>
      </c>
      <c r="I12728" s="40">
        <v>26.648730185699172</v>
      </c>
    </row>
    <row r="12729" spans="8:9" x14ac:dyDescent="0.25">
      <c r="H12729" s="40">
        <v>212</v>
      </c>
      <c r="I12729" s="40">
        <v>26.648730185699172</v>
      </c>
    </row>
    <row r="12730" spans="8:9" x14ac:dyDescent="0.25">
      <c r="H12730" s="40">
        <v>212.01666699999998</v>
      </c>
      <c r="I12730" s="40">
        <v>26.648730185699172</v>
      </c>
    </row>
    <row r="12731" spans="8:9" x14ac:dyDescent="0.25">
      <c r="H12731" s="40">
        <v>212.03333400000002</v>
      </c>
      <c r="I12731" s="40">
        <v>26.648730185699172</v>
      </c>
    </row>
    <row r="12732" spans="8:9" x14ac:dyDescent="0.25">
      <c r="H12732" s="40">
        <v>212.05</v>
      </c>
      <c r="I12732" s="40">
        <v>26.648730185699172</v>
      </c>
    </row>
    <row r="12733" spans="8:9" x14ac:dyDescent="0.25">
      <c r="H12733" s="40">
        <v>212.066667</v>
      </c>
      <c r="I12733" s="40">
        <v>26.652082921842428</v>
      </c>
    </row>
    <row r="12734" spans="8:9" x14ac:dyDescent="0.25">
      <c r="H12734" s="40">
        <v>212.08333399999998</v>
      </c>
      <c r="I12734" s="40">
        <v>26.652082921842428</v>
      </c>
    </row>
    <row r="12735" spans="8:9" x14ac:dyDescent="0.25">
      <c r="H12735" s="40">
        <v>212.10000000000002</v>
      </c>
      <c r="I12735" s="40">
        <v>26.652082921842428</v>
      </c>
    </row>
    <row r="12736" spans="8:9" x14ac:dyDescent="0.25">
      <c r="H12736" s="40">
        <v>212.11666700000001</v>
      </c>
      <c r="I12736" s="40">
        <v>26.652082921842428</v>
      </c>
    </row>
    <row r="12737" spans="8:9" x14ac:dyDescent="0.25">
      <c r="H12737" s="40">
        <v>212.13333399999999</v>
      </c>
      <c r="I12737" s="40">
        <v>26.652082921842428</v>
      </c>
    </row>
    <row r="12738" spans="8:9" x14ac:dyDescent="0.25">
      <c r="H12738" s="40">
        <v>212.15000000000003</v>
      </c>
      <c r="I12738" s="40">
        <v>26.652082921842428</v>
      </c>
    </row>
    <row r="12739" spans="8:9" x14ac:dyDescent="0.25">
      <c r="H12739" s="40">
        <v>212.16666700000002</v>
      </c>
      <c r="I12739" s="40">
        <v>26.652082921842428</v>
      </c>
    </row>
    <row r="12740" spans="8:9" x14ac:dyDescent="0.25">
      <c r="H12740" s="40">
        <v>212.183334</v>
      </c>
      <c r="I12740" s="40">
        <v>26.652082921842428</v>
      </c>
    </row>
    <row r="12741" spans="8:9" x14ac:dyDescent="0.25">
      <c r="H12741" s="40">
        <v>212.2</v>
      </c>
      <c r="I12741" s="40">
        <v>26.655435657985684</v>
      </c>
    </row>
    <row r="12742" spans="8:9" x14ac:dyDescent="0.25">
      <c r="H12742" s="40">
        <v>212.21666700000003</v>
      </c>
      <c r="I12742" s="40">
        <v>26.655435657985684</v>
      </c>
    </row>
    <row r="12743" spans="8:9" x14ac:dyDescent="0.25">
      <c r="H12743" s="40">
        <v>212.23333400000001</v>
      </c>
      <c r="I12743" s="40">
        <v>26.655435657985684</v>
      </c>
    </row>
    <row r="12744" spans="8:9" x14ac:dyDescent="0.25">
      <c r="H12744" s="40">
        <v>212.25</v>
      </c>
      <c r="I12744" s="40">
        <v>26.655435657985684</v>
      </c>
    </row>
    <row r="12745" spans="8:9" x14ac:dyDescent="0.25">
      <c r="H12745" s="40">
        <v>212.26666699999998</v>
      </c>
      <c r="I12745" s="40">
        <v>26.655435657985684</v>
      </c>
    </row>
    <row r="12746" spans="8:9" x14ac:dyDescent="0.25">
      <c r="H12746" s="40">
        <v>212.28333400000002</v>
      </c>
      <c r="I12746" s="40">
        <v>26.658788394129118</v>
      </c>
    </row>
    <row r="12747" spans="8:9" x14ac:dyDescent="0.25">
      <c r="H12747" s="40">
        <v>212.3</v>
      </c>
      <c r="I12747" s="40">
        <v>26.658788394129118</v>
      </c>
    </row>
    <row r="12748" spans="8:9" x14ac:dyDescent="0.25">
      <c r="H12748" s="40">
        <v>212.316667</v>
      </c>
      <c r="I12748" s="40">
        <v>26.658788394129118</v>
      </c>
    </row>
    <row r="12749" spans="8:9" x14ac:dyDescent="0.25">
      <c r="H12749" s="40">
        <v>212.33333399999998</v>
      </c>
      <c r="I12749" s="40">
        <v>26.658788394129118</v>
      </c>
    </row>
    <row r="12750" spans="8:9" x14ac:dyDescent="0.25">
      <c r="H12750" s="40">
        <v>212.35000000000002</v>
      </c>
      <c r="I12750" s="40">
        <v>26.658788394129118</v>
      </c>
    </row>
    <row r="12751" spans="8:9" x14ac:dyDescent="0.25">
      <c r="H12751" s="40">
        <v>212.36666700000001</v>
      </c>
      <c r="I12751" s="40">
        <v>26.658788394129118</v>
      </c>
    </row>
    <row r="12752" spans="8:9" x14ac:dyDescent="0.25">
      <c r="H12752" s="40">
        <v>212.38333399999999</v>
      </c>
      <c r="I12752" s="40">
        <v>26.658788394129118</v>
      </c>
    </row>
    <row r="12753" spans="8:9" x14ac:dyDescent="0.25">
      <c r="H12753" s="40">
        <v>212.40000000000003</v>
      </c>
      <c r="I12753" s="40">
        <v>26.662042520385882</v>
      </c>
    </row>
    <row r="12754" spans="8:9" x14ac:dyDescent="0.25">
      <c r="H12754" s="40">
        <v>212.41666700000002</v>
      </c>
      <c r="I12754" s="40">
        <v>26.662042520385882</v>
      </c>
    </row>
    <row r="12755" spans="8:9" x14ac:dyDescent="0.25">
      <c r="H12755" s="40">
        <v>212.433334</v>
      </c>
      <c r="I12755" s="40">
        <v>26.662042520385882</v>
      </c>
    </row>
    <row r="12756" spans="8:9" x14ac:dyDescent="0.25">
      <c r="H12756" s="40">
        <v>212.45</v>
      </c>
      <c r="I12756" s="40">
        <v>26.662042520385882</v>
      </c>
    </row>
    <row r="12757" spans="8:9" x14ac:dyDescent="0.25">
      <c r="H12757" s="40">
        <v>212.46666700000003</v>
      </c>
      <c r="I12757" s="40">
        <v>26.662042520385882</v>
      </c>
    </row>
    <row r="12758" spans="8:9" x14ac:dyDescent="0.25">
      <c r="H12758" s="40">
        <v>212.48333400000001</v>
      </c>
      <c r="I12758" s="40">
        <v>26.662042520385882</v>
      </c>
    </row>
    <row r="12759" spans="8:9" x14ac:dyDescent="0.25">
      <c r="H12759" s="40">
        <v>212.5</v>
      </c>
      <c r="I12759" s="40">
        <v>26.665395256529141</v>
      </c>
    </row>
    <row r="12760" spans="8:9" x14ac:dyDescent="0.25">
      <c r="H12760" s="40">
        <v>212.51666699999998</v>
      </c>
      <c r="I12760" s="40">
        <v>26.665395256529141</v>
      </c>
    </row>
    <row r="12761" spans="8:9" x14ac:dyDescent="0.25">
      <c r="H12761" s="40">
        <v>212.53333400000002</v>
      </c>
      <c r="I12761" s="40">
        <v>26.665395256529141</v>
      </c>
    </row>
    <row r="12762" spans="8:9" x14ac:dyDescent="0.25">
      <c r="H12762" s="40">
        <v>212.55</v>
      </c>
      <c r="I12762" s="40">
        <v>26.665395256529141</v>
      </c>
    </row>
    <row r="12763" spans="8:9" x14ac:dyDescent="0.25">
      <c r="H12763" s="40">
        <v>212.566667</v>
      </c>
      <c r="I12763" s="40">
        <v>26.665395256529141</v>
      </c>
    </row>
    <row r="12764" spans="8:9" x14ac:dyDescent="0.25">
      <c r="H12764" s="40">
        <v>212.58333399999998</v>
      </c>
      <c r="I12764" s="40">
        <v>26.665395256529141</v>
      </c>
    </row>
    <row r="12765" spans="8:9" x14ac:dyDescent="0.25">
      <c r="H12765" s="40">
        <v>212.60000000000002</v>
      </c>
      <c r="I12765" s="40">
        <v>26.668747992672394</v>
      </c>
    </row>
    <row r="12766" spans="8:9" x14ac:dyDescent="0.25">
      <c r="H12766" s="40">
        <v>212.61666700000001</v>
      </c>
      <c r="I12766" s="40">
        <v>26.668747992672394</v>
      </c>
    </row>
    <row r="12767" spans="8:9" x14ac:dyDescent="0.25">
      <c r="H12767" s="40">
        <v>212.63333399999999</v>
      </c>
      <c r="I12767" s="40">
        <v>26.668747992672394</v>
      </c>
    </row>
    <row r="12768" spans="8:9" x14ac:dyDescent="0.25">
      <c r="H12768" s="40">
        <v>212.65000000000003</v>
      </c>
      <c r="I12768" s="40">
        <v>26.668747992672394</v>
      </c>
    </row>
    <row r="12769" spans="8:9" x14ac:dyDescent="0.25">
      <c r="H12769" s="40">
        <v>212.66666700000002</v>
      </c>
      <c r="I12769" s="40">
        <v>26.668747992672394</v>
      </c>
    </row>
    <row r="12770" spans="8:9" x14ac:dyDescent="0.25">
      <c r="H12770" s="40">
        <v>212.683334</v>
      </c>
      <c r="I12770" s="40">
        <v>26.668747992672394</v>
      </c>
    </row>
    <row r="12771" spans="8:9" x14ac:dyDescent="0.25">
      <c r="H12771" s="40">
        <v>212.7</v>
      </c>
      <c r="I12771" s="40">
        <v>26.668747992672394</v>
      </c>
    </row>
    <row r="12772" spans="8:9" x14ac:dyDescent="0.25">
      <c r="H12772" s="40">
        <v>212.71666700000003</v>
      </c>
      <c r="I12772" s="40">
        <v>26.668747992672394</v>
      </c>
    </row>
    <row r="12773" spans="8:9" x14ac:dyDescent="0.25">
      <c r="H12773" s="40">
        <v>212.73333400000001</v>
      </c>
      <c r="I12773" s="40">
        <v>26.668747992672394</v>
      </c>
    </row>
    <row r="12774" spans="8:9" x14ac:dyDescent="0.25">
      <c r="H12774" s="40">
        <v>212.75</v>
      </c>
      <c r="I12774" s="40">
        <v>26.668747992672394</v>
      </c>
    </row>
    <row r="12775" spans="8:9" x14ac:dyDescent="0.25">
      <c r="H12775" s="40">
        <v>212.76666699999998</v>
      </c>
      <c r="I12775" s="40">
        <v>26.672002118929157</v>
      </c>
    </row>
    <row r="12776" spans="8:9" x14ac:dyDescent="0.25">
      <c r="H12776" s="40">
        <v>212.78333400000002</v>
      </c>
      <c r="I12776" s="40">
        <v>26.672002118929157</v>
      </c>
    </row>
    <row r="12777" spans="8:9" x14ac:dyDescent="0.25">
      <c r="H12777" s="40">
        <v>212.8</v>
      </c>
      <c r="I12777" s="40">
        <v>26.672002118929157</v>
      </c>
    </row>
    <row r="12778" spans="8:9" x14ac:dyDescent="0.25">
      <c r="H12778" s="40">
        <v>212.816667</v>
      </c>
      <c r="I12778" s="40">
        <v>26.672002118929157</v>
      </c>
    </row>
    <row r="12779" spans="8:9" x14ac:dyDescent="0.25">
      <c r="H12779" s="40">
        <v>212.83333399999998</v>
      </c>
      <c r="I12779" s="40">
        <v>26.672002118929157</v>
      </c>
    </row>
    <row r="12780" spans="8:9" x14ac:dyDescent="0.25">
      <c r="H12780" s="40">
        <v>212.85000000000002</v>
      </c>
      <c r="I12780" s="40">
        <v>26.672002118929157</v>
      </c>
    </row>
    <row r="12781" spans="8:9" x14ac:dyDescent="0.25">
      <c r="H12781" s="40">
        <v>212.86666700000001</v>
      </c>
      <c r="I12781" s="40">
        <v>26.675354855072591</v>
      </c>
    </row>
    <row r="12782" spans="8:9" x14ac:dyDescent="0.25">
      <c r="H12782" s="40">
        <v>212.88333399999999</v>
      </c>
      <c r="I12782" s="40">
        <v>26.675354855072591</v>
      </c>
    </row>
    <row r="12783" spans="8:9" x14ac:dyDescent="0.25">
      <c r="H12783" s="40">
        <v>212.90000000000003</v>
      </c>
      <c r="I12783" s="40">
        <v>26.675354855072591</v>
      </c>
    </row>
    <row r="12784" spans="8:9" x14ac:dyDescent="0.25">
      <c r="H12784" s="40">
        <v>212.91666700000002</v>
      </c>
      <c r="I12784" s="40">
        <v>26.675354855072591</v>
      </c>
    </row>
    <row r="12785" spans="8:9" x14ac:dyDescent="0.25">
      <c r="H12785" s="40">
        <v>212.933334</v>
      </c>
      <c r="I12785" s="40">
        <v>26.675354855072591</v>
      </c>
    </row>
    <row r="12786" spans="8:9" x14ac:dyDescent="0.25">
      <c r="H12786" s="40">
        <v>212.95</v>
      </c>
      <c r="I12786" s="40">
        <v>26.675354855072591</v>
      </c>
    </row>
    <row r="12787" spans="8:9" x14ac:dyDescent="0.25">
      <c r="H12787" s="40">
        <v>212.96666700000003</v>
      </c>
      <c r="I12787" s="40">
        <v>26.678707591215851</v>
      </c>
    </row>
    <row r="12788" spans="8:9" x14ac:dyDescent="0.25">
      <c r="H12788" s="40">
        <v>212.98333400000001</v>
      </c>
      <c r="I12788" s="40">
        <v>26.678707591215851</v>
      </c>
    </row>
    <row r="12789" spans="8:9" x14ac:dyDescent="0.25">
      <c r="H12789" s="40">
        <v>213</v>
      </c>
      <c r="I12789" s="40">
        <v>26.678707591215851</v>
      </c>
    </row>
    <row r="12790" spans="8:9" x14ac:dyDescent="0.25">
      <c r="H12790" s="40">
        <v>213.01666699999998</v>
      </c>
      <c r="I12790" s="40">
        <v>26.678707591215851</v>
      </c>
    </row>
    <row r="12791" spans="8:9" x14ac:dyDescent="0.25">
      <c r="H12791" s="40">
        <v>213.03333400000002</v>
      </c>
      <c r="I12791" s="40">
        <v>26.678707591215851</v>
      </c>
    </row>
    <row r="12792" spans="8:9" x14ac:dyDescent="0.25">
      <c r="H12792" s="40">
        <v>213.05</v>
      </c>
      <c r="I12792" s="40">
        <v>26.678707591215851</v>
      </c>
    </row>
    <row r="12793" spans="8:9" x14ac:dyDescent="0.25">
      <c r="H12793" s="40">
        <v>213.066667</v>
      </c>
      <c r="I12793" s="40">
        <v>26.678707591215851</v>
      </c>
    </row>
    <row r="12794" spans="8:9" x14ac:dyDescent="0.25">
      <c r="H12794" s="40">
        <v>213.08333399999998</v>
      </c>
      <c r="I12794" s="40">
        <v>26.681961717472614</v>
      </c>
    </row>
    <row r="12795" spans="8:9" x14ac:dyDescent="0.25">
      <c r="H12795" s="40">
        <v>213.10000000000002</v>
      </c>
      <c r="I12795" s="40">
        <v>26.681961717472614</v>
      </c>
    </row>
    <row r="12796" spans="8:9" x14ac:dyDescent="0.25">
      <c r="H12796" s="40">
        <v>213.11666700000001</v>
      </c>
      <c r="I12796" s="40">
        <v>26.681961717472614</v>
      </c>
    </row>
    <row r="12797" spans="8:9" x14ac:dyDescent="0.25">
      <c r="H12797" s="40">
        <v>213.13333399999999</v>
      </c>
      <c r="I12797" s="40">
        <v>26.681961717472614</v>
      </c>
    </row>
    <row r="12798" spans="8:9" x14ac:dyDescent="0.25">
      <c r="H12798" s="40">
        <v>213.15000000000003</v>
      </c>
      <c r="I12798" s="40">
        <v>26.681961717472614</v>
      </c>
    </row>
    <row r="12799" spans="8:9" x14ac:dyDescent="0.25">
      <c r="H12799" s="40">
        <v>213.16666700000002</v>
      </c>
      <c r="I12799" s="40">
        <v>26.681961717472614</v>
      </c>
    </row>
    <row r="12800" spans="8:9" x14ac:dyDescent="0.25">
      <c r="H12800" s="40">
        <v>213.183334</v>
      </c>
      <c r="I12800" s="40">
        <v>26.681961717472614</v>
      </c>
    </row>
    <row r="12801" spans="8:9" x14ac:dyDescent="0.25">
      <c r="H12801" s="40">
        <v>213.2</v>
      </c>
      <c r="I12801" s="40">
        <v>26.681961717472614</v>
      </c>
    </row>
    <row r="12802" spans="8:9" x14ac:dyDescent="0.25">
      <c r="H12802" s="40">
        <v>213.21666700000003</v>
      </c>
      <c r="I12802" s="40">
        <v>26.681961717472614</v>
      </c>
    </row>
    <row r="12803" spans="8:9" x14ac:dyDescent="0.25">
      <c r="H12803" s="40">
        <v>213.23333400000001</v>
      </c>
      <c r="I12803" s="40">
        <v>26.681961717472614</v>
      </c>
    </row>
    <row r="12804" spans="8:9" x14ac:dyDescent="0.25">
      <c r="H12804" s="40">
        <v>213.25</v>
      </c>
      <c r="I12804" s="40">
        <v>26.68531445361587</v>
      </c>
    </row>
    <row r="12805" spans="8:9" x14ac:dyDescent="0.25">
      <c r="H12805" s="40">
        <v>213.26666699999998</v>
      </c>
      <c r="I12805" s="40">
        <v>26.68531445361587</v>
      </c>
    </row>
    <row r="12806" spans="8:9" x14ac:dyDescent="0.25">
      <c r="H12806" s="40">
        <v>213.28333400000002</v>
      </c>
      <c r="I12806" s="40">
        <v>26.68531445361587</v>
      </c>
    </row>
    <row r="12807" spans="8:9" x14ac:dyDescent="0.25">
      <c r="H12807" s="40">
        <v>213.3</v>
      </c>
      <c r="I12807" s="40">
        <v>26.68531445361587</v>
      </c>
    </row>
    <row r="12808" spans="8:9" x14ac:dyDescent="0.25">
      <c r="H12808" s="40">
        <v>213.316667</v>
      </c>
      <c r="I12808" s="40">
        <v>26.68531445361587</v>
      </c>
    </row>
    <row r="12809" spans="8:9" x14ac:dyDescent="0.25">
      <c r="H12809" s="40">
        <v>213.33333399999998</v>
      </c>
      <c r="I12809" s="40">
        <v>26.68531445361587</v>
      </c>
    </row>
    <row r="12810" spans="8:9" x14ac:dyDescent="0.25">
      <c r="H12810" s="40">
        <v>213.35000000000002</v>
      </c>
      <c r="I12810" s="40">
        <v>26.68531445361587</v>
      </c>
    </row>
    <row r="12811" spans="8:9" x14ac:dyDescent="0.25">
      <c r="H12811" s="40">
        <v>213.36666700000001</v>
      </c>
      <c r="I12811" s="40">
        <v>26.68531445361587</v>
      </c>
    </row>
    <row r="12812" spans="8:9" x14ac:dyDescent="0.25">
      <c r="H12812" s="40">
        <v>213.38333399999999</v>
      </c>
      <c r="I12812" s="40">
        <v>26.68531445361587</v>
      </c>
    </row>
    <row r="12813" spans="8:9" x14ac:dyDescent="0.25">
      <c r="H12813" s="40">
        <v>213.40000000000003</v>
      </c>
      <c r="I12813" s="40">
        <v>26.68531445361587</v>
      </c>
    </row>
    <row r="12814" spans="8:9" x14ac:dyDescent="0.25">
      <c r="H12814" s="40">
        <v>213.41666700000002</v>
      </c>
      <c r="I12814" s="40">
        <v>26.68531445361587</v>
      </c>
    </row>
    <row r="12815" spans="8:9" x14ac:dyDescent="0.25">
      <c r="H12815" s="40">
        <v>213.433334</v>
      </c>
      <c r="I12815" s="40">
        <v>26.68531445361587</v>
      </c>
    </row>
    <row r="12816" spans="8:9" x14ac:dyDescent="0.25">
      <c r="H12816" s="40">
        <v>213.45</v>
      </c>
      <c r="I12816" s="40">
        <v>26.68531445361587</v>
      </c>
    </row>
    <row r="12817" spans="8:9" x14ac:dyDescent="0.25">
      <c r="H12817" s="40">
        <v>213.46666700000003</v>
      </c>
      <c r="I12817" s="40">
        <v>26.68531445361587</v>
      </c>
    </row>
    <row r="12818" spans="8:9" x14ac:dyDescent="0.25">
      <c r="H12818" s="40">
        <v>213.48333400000001</v>
      </c>
      <c r="I12818" s="40">
        <v>26.68531445361587</v>
      </c>
    </row>
    <row r="12819" spans="8:9" x14ac:dyDescent="0.25">
      <c r="H12819" s="40">
        <v>213.5</v>
      </c>
      <c r="I12819" s="40">
        <v>26.688667189759126</v>
      </c>
    </row>
    <row r="12820" spans="8:9" x14ac:dyDescent="0.25">
      <c r="H12820" s="40">
        <v>213.51666699999998</v>
      </c>
      <c r="I12820" s="40">
        <v>26.688667189759126</v>
      </c>
    </row>
    <row r="12821" spans="8:9" x14ac:dyDescent="0.25">
      <c r="H12821" s="40">
        <v>213.53333400000002</v>
      </c>
      <c r="I12821" s="40">
        <v>26.688667189759126</v>
      </c>
    </row>
    <row r="12822" spans="8:9" x14ac:dyDescent="0.25">
      <c r="H12822" s="40">
        <v>213.55</v>
      </c>
      <c r="I12822" s="40">
        <v>26.688667189759126</v>
      </c>
    </row>
    <row r="12823" spans="8:9" x14ac:dyDescent="0.25">
      <c r="H12823" s="40">
        <v>213.566667</v>
      </c>
      <c r="I12823" s="40">
        <v>26.688667189759126</v>
      </c>
    </row>
    <row r="12824" spans="8:9" x14ac:dyDescent="0.25">
      <c r="H12824" s="40">
        <v>213.58333399999998</v>
      </c>
      <c r="I12824" s="40">
        <v>26.688667189759126</v>
      </c>
    </row>
    <row r="12825" spans="8:9" x14ac:dyDescent="0.25">
      <c r="H12825" s="40">
        <v>213.60000000000002</v>
      </c>
      <c r="I12825" s="40">
        <v>26.688667189759126</v>
      </c>
    </row>
    <row r="12826" spans="8:9" x14ac:dyDescent="0.25">
      <c r="H12826" s="40">
        <v>213.61666700000001</v>
      </c>
      <c r="I12826" s="40">
        <v>26.688667189759126</v>
      </c>
    </row>
    <row r="12827" spans="8:9" x14ac:dyDescent="0.25">
      <c r="H12827" s="40">
        <v>213.63333399999999</v>
      </c>
      <c r="I12827" s="40">
        <v>26.688667189759126</v>
      </c>
    </row>
    <row r="12828" spans="8:9" x14ac:dyDescent="0.25">
      <c r="H12828" s="40">
        <v>213.65000000000003</v>
      </c>
      <c r="I12828" s="40">
        <v>26.688667189759126</v>
      </c>
    </row>
    <row r="12829" spans="8:9" x14ac:dyDescent="0.25">
      <c r="H12829" s="40">
        <v>213.66666700000002</v>
      </c>
      <c r="I12829" s="40">
        <v>26.688667189759126</v>
      </c>
    </row>
    <row r="12830" spans="8:9" x14ac:dyDescent="0.25">
      <c r="H12830" s="40">
        <v>213.683334</v>
      </c>
      <c r="I12830" s="40">
        <v>26.688667189759126</v>
      </c>
    </row>
    <row r="12831" spans="8:9" x14ac:dyDescent="0.25">
      <c r="H12831" s="40">
        <v>213.7</v>
      </c>
      <c r="I12831" s="40">
        <v>26.69192131601589</v>
      </c>
    </row>
    <row r="12832" spans="8:9" x14ac:dyDescent="0.25">
      <c r="H12832" s="40">
        <v>213.71666700000003</v>
      </c>
      <c r="I12832" s="40">
        <v>26.69192131601589</v>
      </c>
    </row>
    <row r="12833" spans="8:9" x14ac:dyDescent="0.25">
      <c r="H12833" s="40">
        <v>213.73333400000001</v>
      </c>
      <c r="I12833" s="40">
        <v>26.69192131601589</v>
      </c>
    </row>
    <row r="12834" spans="8:9" x14ac:dyDescent="0.25">
      <c r="H12834" s="40">
        <v>213.75</v>
      </c>
      <c r="I12834" s="40">
        <v>26.69192131601589</v>
      </c>
    </row>
    <row r="12835" spans="8:9" x14ac:dyDescent="0.25">
      <c r="H12835" s="40">
        <v>213.76666699999998</v>
      </c>
      <c r="I12835" s="40">
        <v>26.69192131601589</v>
      </c>
    </row>
    <row r="12836" spans="8:9" x14ac:dyDescent="0.25">
      <c r="H12836" s="40">
        <v>213.78333400000002</v>
      </c>
      <c r="I12836" s="40">
        <v>26.69192131601589</v>
      </c>
    </row>
    <row r="12837" spans="8:9" x14ac:dyDescent="0.25">
      <c r="H12837" s="40">
        <v>213.8</v>
      </c>
      <c r="I12837" s="40">
        <v>26.69192131601589</v>
      </c>
    </row>
    <row r="12838" spans="8:9" x14ac:dyDescent="0.25">
      <c r="H12838" s="40">
        <v>213.816667</v>
      </c>
      <c r="I12838" s="40">
        <v>26.69527405215932</v>
      </c>
    </row>
    <row r="12839" spans="8:9" x14ac:dyDescent="0.25">
      <c r="H12839" s="40">
        <v>213.83333399999998</v>
      </c>
      <c r="I12839" s="40">
        <v>26.69527405215932</v>
      </c>
    </row>
    <row r="12840" spans="8:9" x14ac:dyDescent="0.25">
      <c r="H12840" s="40">
        <v>213.85000000000002</v>
      </c>
      <c r="I12840" s="40">
        <v>26.69527405215932</v>
      </c>
    </row>
    <row r="12841" spans="8:9" x14ac:dyDescent="0.25">
      <c r="H12841" s="40">
        <v>213.86666700000001</v>
      </c>
      <c r="I12841" s="40">
        <v>26.69527405215932</v>
      </c>
    </row>
    <row r="12842" spans="8:9" x14ac:dyDescent="0.25">
      <c r="H12842" s="40">
        <v>213.88333399999999</v>
      </c>
      <c r="I12842" s="40">
        <v>26.69527405215932</v>
      </c>
    </row>
    <row r="12843" spans="8:9" x14ac:dyDescent="0.25">
      <c r="H12843" s="40">
        <v>213.90000000000003</v>
      </c>
      <c r="I12843" s="40">
        <v>26.69862678830258</v>
      </c>
    </row>
    <row r="12844" spans="8:9" x14ac:dyDescent="0.25">
      <c r="H12844" s="40">
        <v>213.91666700000002</v>
      </c>
      <c r="I12844" s="40">
        <v>26.69862678830258</v>
      </c>
    </row>
    <row r="12845" spans="8:9" x14ac:dyDescent="0.25">
      <c r="H12845" s="40">
        <v>213.933334</v>
      </c>
      <c r="I12845" s="40">
        <v>26.69862678830258</v>
      </c>
    </row>
    <row r="12846" spans="8:9" x14ac:dyDescent="0.25">
      <c r="H12846" s="40">
        <v>213.95</v>
      </c>
      <c r="I12846" s="40">
        <v>26.69862678830258</v>
      </c>
    </row>
    <row r="12847" spans="8:9" x14ac:dyDescent="0.25">
      <c r="H12847" s="40">
        <v>213.96666700000003</v>
      </c>
      <c r="I12847" s="40">
        <v>26.69862678830258</v>
      </c>
    </row>
    <row r="12848" spans="8:9" x14ac:dyDescent="0.25">
      <c r="H12848" s="40">
        <v>213.98333400000001</v>
      </c>
      <c r="I12848" s="40">
        <v>26.69862678830258</v>
      </c>
    </row>
    <row r="12849" spans="8:9" x14ac:dyDescent="0.25">
      <c r="H12849" s="40">
        <v>214</v>
      </c>
      <c r="I12849" s="40">
        <v>26.69862678830258</v>
      </c>
    </row>
    <row r="12850" spans="8:9" x14ac:dyDescent="0.25">
      <c r="H12850" s="40">
        <v>214.01666699999998</v>
      </c>
      <c r="I12850" s="40">
        <v>26.69862678830258</v>
      </c>
    </row>
    <row r="12851" spans="8:9" x14ac:dyDescent="0.25">
      <c r="H12851" s="40">
        <v>214.03333400000002</v>
      </c>
      <c r="I12851" s="40">
        <v>26.69862678830258</v>
      </c>
    </row>
    <row r="12852" spans="8:9" x14ac:dyDescent="0.25">
      <c r="H12852" s="40">
        <v>214.05</v>
      </c>
      <c r="I12852" s="40">
        <v>26.69862678830258</v>
      </c>
    </row>
    <row r="12853" spans="8:9" x14ac:dyDescent="0.25">
      <c r="H12853" s="40">
        <v>214.066667</v>
      </c>
      <c r="I12853" s="40">
        <v>26.69862678830258</v>
      </c>
    </row>
    <row r="12854" spans="8:9" x14ac:dyDescent="0.25">
      <c r="H12854" s="40">
        <v>214.08333399999998</v>
      </c>
      <c r="I12854" s="40">
        <v>26.701880914559343</v>
      </c>
    </row>
    <row r="12855" spans="8:9" x14ac:dyDescent="0.25">
      <c r="H12855" s="40">
        <v>214.10000000000002</v>
      </c>
      <c r="I12855" s="40">
        <v>26.701880914559343</v>
      </c>
    </row>
    <row r="12856" spans="8:9" x14ac:dyDescent="0.25">
      <c r="H12856" s="40">
        <v>214.11666700000001</v>
      </c>
      <c r="I12856" s="40">
        <v>26.701880914559343</v>
      </c>
    </row>
    <row r="12857" spans="8:9" x14ac:dyDescent="0.25">
      <c r="H12857" s="40">
        <v>214.13333399999999</v>
      </c>
      <c r="I12857" s="40">
        <v>26.701880914559343</v>
      </c>
    </row>
    <row r="12858" spans="8:9" x14ac:dyDescent="0.25">
      <c r="H12858" s="40">
        <v>214.15000000000003</v>
      </c>
      <c r="I12858" s="40">
        <v>26.701880914559343</v>
      </c>
    </row>
    <row r="12859" spans="8:9" x14ac:dyDescent="0.25">
      <c r="H12859" s="40">
        <v>214.16666700000002</v>
      </c>
      <c r="I12859" s="40">
        <v>26.701880914559343</v>
      </c>
    </row>
    <row r="12860" spans="8:9" x14ac:dyDescent="0.25">
      <c r="H12860" s="40">
        <v>214.183334</v>
      </c>
      <c r="I12860" s="40">
        <v>26.701880914559343</v>
      </c>
    </row>
    <row r="12861" spans="8:9" x14ac:dyDescent="0.25">
      <c r="H12861" s="40">
        <v>214.2</v>
      </c>
      <c r="I12861" s="40">
        <v>26.705233650702599</v>
      </c>
    </row>
    <row r="12862" spans="8:9" x14ac:dyDescent="0.25">
      <c r="H12862" s="40">
        <v>214.21666700000003</v>
      </c>
      <c r="I12862" s="40">
        <v>26.705233650702599</v>
      </c>
    </row>
    <row r="12863" spans="8:9" x14ac:dyDescent="0.25">
      <c r="H12863" s="40">
        <v>214.23333400000001</v>
      </c>
      <c r="I12863" s="40">
        <v>26.705233650702599</v>
      </c>
    </row>
    <row r="12864" spans="8:9" x14ac:dyDescent="0.25">
      <c r="H12864" s="40">
        <v>214.25</v>
      </c>
      <c r="I12864" s="40">
        <v>26.705233650702599</v>
      </c>
    </row>
    <row r="12865" spans="8:9" x14ac:dyDescent="0.25">
      <c r="H12865" s="40">
        <v>214.26666699999998</v>
      </c>
      <c r="I12865" s="40">
        <v>26.705233650702599</v>
      </c>
    </row>
    <row r="12866" spans="8:9" x14ac:dyDescent="0.25">
      <c r="H12866" s="40">
        <v>214.28333400000002</v>
      </c>
      <c r="I12866" s="40">
        <v>26.705233650702599</v>
      </c>
    </row>
    <row r="12867" spans="8:9" x14ac:dyDescent="0.25">
      <c r="H12867" s="40">
        <v>214.3</v>
      </c>
      <c r="I12867" s="40">
        <v>26.705233650702599</v>
      </c>
    </row>
    <row r="12868" spans="8:9" x14ac:dyDescent="0.25">
      <c r="H12868" s="40">
        <v>214.316667</v>
      </c>
      <c r="I12868" s="40">
        <v>26.708586386846029</v>
      </c>
    </row>
    <row r="12869" spans="8:9" x14ac:dyDescent="0.25">
      <c r="H12869" s="40">
        <v>214.33333399999998</v>
      </c>
      <c r="I12869" s="40">
        <v>26.708586386846029</v>
      </c>
    </row>
    <row r="12870" spans="8:9" x14ac:dyDescent="0.25">
      <c r="H12870" s="40">
        <v>214.35000000000002</v>
      </c>
      <c r="I12870" s="40">
        <v>26.708586386846029</v>
      </c>
    </row>
    <row r="12871" spans="8:9" x14ac:dyDescent="0.25">
      <c r="H12871" s="40">
        <v>214.36666700000001</v>
      </c>
      <c r="I12871" s="40">
        <v>26.708586386846029</v>
      </c>
    </row>
    <row r="12872" spans="8:9" x14ac:dyDescent="0.25">
      <c r="H12872" s="40">
        <v>214.38333399999999</v>
      </c>
      <c r="I12872" s="40">
        <v>26.708586386846029</v>
      </c>
    </row>
    <row r="12873" spans="8:9" x14ac:dyDescent="0.25">
      <c r="H12873" s="40">
        <v>214.40000000000003</v>
      </c>
      <c r="I12873" s="40">
        <v>26.708586386846029</v>
      </c>
    </row>
    <row r="12874" spans="8:9" x14ac:dyDescent="0.25">
      <c r="H12874" s="40">
        <v>214.41666700000002</v>
      </c>
      <c r="I12874" s="40">
        <v>26.708586386846029</v>
      </c>
    </row>
    <row r="12875" spans="8:9" x14ac:dyDescent="0.25">
      <c r="H12875" s="40">
        <v>214.433334</v>
      </c>
      <c r="I12875" s="40">
        <v>26.708586386846029</v>
      </c>
    </row>
    <row r="12876" spans="8:9" x14ac:dyDescent="0.25">
      <c r="H12876" s="40">
        <v>214.45</v>
      </c>
      <c r="I12876" s="40">
        <v>26.708586386846029</v>
      </c>
    </row>
    <row r="12877" spans="8:9" x14ac:dyDescent="0.25">
      <c r="H12877" s="40">
        <v>214.46666700000003</v>
      </c>
      <c r="I12877" s="40">
        <v>26.708586386846029</v>
      </c>
    </row>
    <row r="12878" spans="8:9" x14ac:dyDescent="0.25">
      <c r="H12878" s="40">
        <v>214.48333400000001</v>
      </c>
      <c r="I12878" s="40">
        <v>26.711840513102619</v>
      </c>
    </row>
    <row r="12879" spans="8:9" x14ac:dyDescent="0.25">
      <c r="H12879" s="40">
        <v>214.5</v>
      </c>
      <c r="I12879" s="40">
        <v>26.711840513102619</v>
      </c>
    </row>
    <row r="12880" spans="8:9" x14ac:dyDescent="0.25">
      <c r="H12880" s="40">
        <v>214.51666699999998</v>
      </c>
      <c r="I12880" s="40">
        <v>26.711840513102619</v>
      </c>
    </row>
    <row r="12881" spans="8:9" x14ac:dyDescent="0.25">
      <c r="H12881" s="40">
        <v>214.53333400000002</v>
      </c>
      <c r="I12881" s="40">
        <v>26.711840513102619</v>
      </c>
    </row>
    <row r="12882" spans="8:9" x14ac:dyDescent="0.25">
      <c r="H12882" s="40">
        <v>214.55</v>
      </c>
      <c r="I12882" s="40">
        <v>26.711840513102619</v>
      </c>
    </row>
    <row r="12883" spans="8:9" x14ac:dyDescent="0.25">
      <c r="H12883" s="40">
        <v>214.566667</v>
      </c>
      <c r="I12883" s="40">
        <v>26.711840513102619</v>
      </c>
    </row>
    <row r="12884" spans="8:9" x14ac:dyDescent="0.25">
      <c r="H12884" s="40">
        <v>214.58333399999998</v>
      </c>
      <c r="I12884" s="40">
        <v>26.711840513102619</v>
      </c>
    </row>
    <row r="12885" spans="8:9" x14ac:dyDescent="0.25">
      <c r="H12885" s="40">
        <v>214.60000000000002</v>
      </c>
      <c r="I12885" s="40">
        <v>26.711840513102619</v>
      </c>
    </row>
    <row r="12886" spans="8:9" x14ac:dyDescent="0.25">
      <c r="H12886" s="40">
        <v>214.61666700000001</v>
      </c>
      <c r="I12886" s="40">
        <v>26.711840513102619</v>
      </c>
    </row>
    <row r="12887" spans="8:9" x14ac:dyDescent="0.25">
      <c r="H12887" s="40">
        <v>214.63333399999999</v>
      </c>
      <c r="I12887" s="40">
        <v>26.711840513102619</v>
      </c>
    </row>
    <row r="12888" spans="8:9" x14ac:dyDescent="0.25">
      <c r="H12888" s="40">
        <v>214.65000000000003</v>
      </c>
      <c r="I12888" s="40">
        <v>26.711840513102619</v>
      </c>
    </row>
    <row r="12889" spans="8:9" x14ac:dyDescent="0.25">
      <c r="H12889" s="40">
        <v>214.66666700000002</v>
      </c>
      <c r="I12889" s="40">
        <v>26.711840513102619</v>
      </c>
    </row>
    <row r="12890" spans="8:9" x14ac:dyDescent="0.25">
      <c r="H12890" s="40">
        <v>214.683334</v>
      </c>
      <c r="I12890" s="40">
        <v>26.715193249246052</v>
      </c>
    </row>
    <row r="12891" spans="8:9" x14ac:dyDescent="0.25">
      <c r="H12891" s="40">
        <v>214.7</v>
      </c>
      <c r="I12891" s="40">
        <v>26.715193249246052</v>
      </c>
    </row>
    <row r="12892" spans="8:9" x14ac:dyDescent="0.25">
      <c r="H12892" s="40">
        <v>214.71666700000003</v>
      </c>
      <c r="I12892" s="40">
        <v>26.715193249246052</v>
      </c>
    </row>
    <row r="12893" spans="8:9" x14ac:dyDescent="0.25">
      <c r="H12893" s="40">
        <v>214.73333400000001</v>
      </c>
      <c r="I12893" s="40">
        <v>26.711840513102619</v>
      </c>
    </row>
    <row r="12894" spans="8:9" x14ac:dyDescent="0.25">
      <c r="H12894" s="40">
        <v>214.75</v>
      </c>
      <c r="I12894" s="40">
        <v>26.711840513102619</v>
      </c>
    </row>
    <row r="12895" spans="8:9" x14ac:dyDescent="0.25">
      <c r="H12895" s="40">
        <v>214.76666699999998</v>
      </c>
      <c r="I12895" s="40">
        <v>26.715193249246052</v>
      </c>
    </row>
    <row r="12896" spans="8:9" x14ac:dyDescent="0.25">
      <c r="H12896" s="40">
        <v>214.78333400000002</v>
      </c>
      <c r="I12896" s="40">
        <v>26.715193249246052</v>
      </c>
    </row>
    <row r="12897" spans="8:9" x14ac:dyDescent="0.25">
      <c r="H12897" s="40">
        <v>214.8</v>
      </c>
      <c r="I12897" s="40">
        <v>26.715193249246052</v>
      </c>
    </row>
    <row r="12898" spans="8:9" x14ac:dyDescent="0.25">
      <c r="H12898" s="40">
        <v>214.816667</v>
      </c>
      <c r="I12898" s="40">
        <v>26.715193249246052</v>
      </c>
    </row>
    <row r="12899" spans="8:9" x14ac:dyDescent="0.25">
      <c r="H12899" s="40">
        <v>214.83333399999998</v>
      </c>
      <c r="I12899" s="40">
        <v>26.715193249246052</v>
      </c>
    </row>
    <row r="12900" spans="8:9" x14ac:dyDescent="0.25">
      <c r="H12900" s="40">
        <v>214.85000000000002</v>
      </c>
      <c r="I12900" s="40">
        <v>26.715193249246052</v>
      </c>
    </row>
    <row r="12901" spans="8:9" x14ac:dyDescent="0.25">
      <c r="H12901" s="40">
        <v>214.86666700000001</v>
      </c>
      <c r="I12901" s="40">
        <v>26.718545985389309</v>
      </c>
    </row>
    <row r="12902" spans="8:9" x14ac:dyDescent="0.25">
      <c r="H12902" s="40">
        <v>214.88333399999999</v>
      </c>
      <c r="I12902" s="40">
        <v>26.718545985389309</v>
      </c>
    </row>
    <row r="12903" spans="8:9" x14ac:dyDescent="0.25">
      <c r="H12903" s="40">
        <v>214.90000000000003</v>
      </c>
      <c r="I12903" s="40">
        <v>26.718545985389309</v>
      </c>
    </row>
    <row r="12904" spans="8:9" x14ac:dyDescent="0.25">
      <c r="H12904" s="40">
        <v>214.91666700000002</v>
      </c>
      <c r="I12904" s="40">
        <v>26.718545985389309</v>
      </c>
    </row>
    <row r="12905" spans="8:9" x14ac:dyDescent="0.25">
      <c r="H12905" s="40">
        <v>214.933334</v>
      </c>
      <c r="I12905" s="40">
        <v>26.718545985389309</v>
      </c>
    </row>
    <row r="12906" spans="8:9" x14ac:dyDescent="0.25">
      <c r="H12906" s="40">
        <v>214.95</v>
      </c>
      <c r="I12906" s="40">
        <v>26.718545985389309</v>
      </c>
    </row>
    <row r="12907" spans="8:9" x14ac:dyDescent="0.25">
      <c r="H12907" s="40">
        <v>214.96666700000003</v>
      </c>
      <c r="I12907" s="40">
        <v>26.721800111646072</v>
      </c>
    </row>
    <row r="12908" spans="8:9" x14ac:dyDescent="0.25">
      <c r="H12908" s="40">
        <v>214.98333400000001</v>
      </c>
      <c r="I12908" s="40">
        <v>26.721800111646072</v>
      </c>
    </row>
    <row r="12909" spans="8:9" x14ac:dyDescent="0.25">
      <c r="H12909" s="40">
        <v>215</v>
      </c>
      <c r="I12909" s="40">
        <v>26.721800111646072</v>
      </c>
    </row>
    <row r="12910" spans="8:9" x14ac:dyDescent="0.25">
      <c r="H12910" s="40">
        <v>215.01666699999998</v>
      </c>
      <c r="I12910" s="40">
        <v>26.721800111646072</v>
      </c>
    </row>
    <row r="12911" spans="8:9" x14ac:dyDescent="0.25">
      <c r="H12911" s="40">
        <v>215.03333400000002</v>
      </c>
      <c r="I12911" s="40">
        <v>26.725152847789332</v>
      </c>
    </row>
    <row r="12912" spans="8:9" x14ac:dyDescent="0.25">
      <c r="H12912" s="40">
        <v>215.05</v>
      </c>
      <c r="I12912" s="40">
        <v>26.725152847789332</v>
      </c>
    </row>
    <row r="12913" spans="8:9" x14ac:dyDescent="0.25">
      <c r="H12913" s="40">
        <v>215.066667</v>
      </c>
      <c r="I12913" s="40">
        <v>26.725152847789332</v>
      </c>
    </row>
    <row r="12914" spans="8:9" x14ac:dyDescent="0.25">
      <c r="H12914" s="40">
        <v>215.08333399999998</v>
      </c>
      <c r="I12914" s="40">
        <v>26.725152847789332</v>
      </c>
    </row>
    <row r="12915" spans="8:9" x14ac:dyDescent="0.25">
      <c r="H12915" s="40">
        <v>215.10000000000002</v>
      </c>
      <c r="I12915" s="40">
        <v>26.725152847789332</v>
      </c>
    </row>
    <row r="12916" spans="8:9" x14ac:dyDescent="0.25">
      <c r="H12916" s="40">
        <v>215.11666700000001</v>
      </c>
      <c r="I12916" s="40">
        <v>26.725152847789332</v>
      </c>
    </row>
    <row r="12917" spans="8:9" x14ac:dyDescent="0.25">
      <c r="H12917" s="40">
        <v>215.13333399999999</v>
      </c>
      <c r="I12917" s="40">
        <v>26.725152847789332</v>
      </c>
    </row>
    <row r="12918" spans="8:9" x14ac:dyDescent="0.25">
      <c r="H12918" s="40">
        <v>215.15000000000003</v>
      </c>
      <c r="I12918" s="40">
        <v>26.728505583932762</v>
      </c>
    </row>
    <row r="12919" spans="8:9" x14ac:dyDescent="0.25">
      <c r="H12919" s="40">
        <v>215.16666700000002</v>
      </c>
      <c r="I12919" s="40">
        <v>26.728505583932762</v>
      </c>
    </row>
    <row r="12920" spans="8:9" x14ac:dyDescent="0.25">
      <c r="H12920" s="40">
        <v>215.183334</v>
      </c>
      <c r="I12920" s="40">
        <v>26.728505583932762</v>
      </c>
    </row>
    <row r="12921" spans="8:9" x14ac:dyDescent="0.25">
      <c r="H12921" s="40">
        <v>215.2</v>
      </c>
      <c r="I12921" s="40">
        <v>26.728505583932762</v>
      </c>
    </row>
    <row r="12922" spans="8:9" x14ac:dyDescent="0.25">
      <c r="H12922" s="40">
        <v>215.21666700000003</v>
      </c>
      <c r="I12922" s="40">
        <v>26.728505583932762</v>
      </c>
    </row>
    <row r="12923" spans="8:9" x14ac:dyDescent="0.25">
      <c r="H12923" s="40">
        <v>215.23333400000001</v>
      </c>
      <c r="I12923" s="40">
        <v>26.728505583932762</v>
      </c>
    </row>
    <row r="12924" spans="8:9" x14ac:dyDescent="0.25">
      <c r="H12924" s="40">
        <v>215.25</v>
      </c>
      <c r="I12924" s="40">
        <v>26.728505583932762</v>
      </c>
    </row>
    <row r="12925" spans="8:9" x14ac:dyDescent="0.25">
      <c r="H12925" s="40">
        <v>215.26666699999998</v>
      </c>
      <c r="I12925" s="40">
        <v>26.728505583932762</v>
      </c>
    </row>
    <row r="12926" spans="8:9" x14ac:dyDescent="0.25">
      <c r="H12926" s="40">
        <v>215.28333400000002</v>
      </c>
      <c r="I12926" s="40">
        <v>26.731759710189525</v>
      </c>
    </row>
    <row r="12927" spans="8:9" x14ac:dyDescent="0.25">
      <c r="H12927" s="40">
        <v>215.3</v>
      </c>
      <c r="I12927" s="40">
        <v>26.731759710189525</v>
      </c>
    </row>
    <row r="12928" spans="8:9" x14ac:dyDescent="0.25">
      <c r="H12928" s="40">
        <v>215.316667</v>
      </c>
      <c r="I12928" s="40">
        <v>26.731759710189525</v>
      </c>
    </row>
    <row r="12929" spans="8:9" x14ac:dyDescent="0.25">
      <c r="H12929" s="40">
        <v>215.33333399999998</v>
      </c>
      <c r="I12929" s="40">
        <v>26.731759710189525</v>
      </c>
    </row>
    <row r="12930" spans="8:9" x14ac:dyDescent="0.25">
      <c r="H12930" s="40">
        <v>215.35000000000002</v>
      </c>
      <c r="I12930" s="40">
        <v>26.731759710189525</v>
      </c>
    </row>
    <row r="12931" spans="8:9" x14ac:dyDescent="0.25">
      <c r="H12931" s="40">
        <v>215.36666700000001</v>
      </c>
      <c r="I12931" s="40">
        <v>26.731759710189525</v>
      </c>
    </row>
    <row r="12932" spans="8:9" x14ac:dyDescent="0.25">
      <c r="H12932" s="40">
        <v>215.38333399999999</v>
      </c>
      <c r="I12932" s="40">
        <v>26.731759710189525</v>
      </c>
    </row>
    <row r="12933" spans="8:9" x14ac:dyDescent="0.25">
      <c r="H12933" s="40">
        <v>215.40000000000003</v>
      </c>
      <c r="I12933" s="40">
        <v>26.731759710189525</v>
      </c>
    </row>
    <row r="12934" spans="8:9" x14ac:dyDescent="0.25">
      <c r="H12934" s="40">
        <v>215.41666700000002</v>
      </c>
      <c r="I12934" s="40">
        <v>26.731759710189525</v>
      </c>
    </row>
    <row r="12935" spans="8:9" x14ac:dyDescent="0.25">
      <c r="H12935" s="40">
        <v>215.433334</v>
      </c>
      <c r="I12935" s="40">
        <v>26.731759710189525</v>
      </c>
    </row>
    <row r="12936" spans="8:9" x14ac:dyDescent="0.25">
      <c r="H12936" s="40">
        <v>215.45</v>
      </c>
      <c r="I12936" s="40">
        <v>26.731759710189525</v>
      </c>
    </row>
    <row r="12937" spans="8:9" x14ac:dyDescent="0.25">
      <c r="H12937" s="40">
        <v>215.46666700000003</v>
      </c>
      <c r="I12937" s="40">
        <v>26.735112446332781</v>
      </c>
    </row>
    <row r="12938" spans="8:9" x14ac:dyDescent="0.25">
      <c r="H12938" s="40">
        <v>215.48333400000001</v>
      </c>
      <c r="I12938" s="40">
        <v>26.735112446332781</v>
      </c>
    </row>
    <row r="12939" spans="8:9" x14ac:dyDescent="0.25">
      <c r="H12939" s="40">
        <v>215.5</v>
      </c>
      <c r="I12939" s="40">
        <v>26.735112446332781</v>
      </c>
    </row>
    <row r="12940" spans="8:9" x14ac:dyDescent="0.25">
      <c r="H12940" s="40">
        <v>215.51666699999998</v>
      </c>
      <c r="I12940" s="40">
        <v>26.735112446332781</v>
      </c>
    </row>
    <row r="12941" spans="8:9" x14ac:dyDescent="0.25">
      <c r="H12941" s="40">
        <v>215.53333400000002</v>
      </c>
      <c r="I12941" s="40">
        <v>26.735112446332781</v>
      </c>
    </row>
    <row r="12942" spans="8:9" x14ac:dyDescent="0.25">
      <c r="H12942" s="40">
        <v>215.55</v>
      </c>
      <c r="I12942" s="40">
        <v>26.735112446332781</v>
      </c>
    </row>
    <row r="12943" spans="8:9" x14ac:dyDescent="0.25">
      <c r="H12943" s="40">
        <v>215.566667</v>
      </c>
      <c r="I12943" s="40">
        <v>26.735112446332781</v>
      </c>
    </row>
    <row r="12944" spans="8:9" x14ac:dyDescent="0.25">
      <c r="H12944" s="40">
        <v>215.58333399999998</v>
      </c>
      <c r="I12944" s="40">
        <v>26.735112446332781</v>
      </c>
    </row>
    <row r="12945" spans="8:9" x14ac:dyDescent="0.25">
      <c r="H12945" s="40">
        <v>215.60000000000002</v>
      </c>
      <c r="I12945" s="40">
        <v>26.735112446332781</v>
      </c>
    </row>
    <row r="12946" spans="8:9" x14ac:dyDescent="0.25">
      <c r="H12946" s="40">
        <v>215.61666700000001</v>
      </c>
      <c r="I12946" s="40">
        <v>26.735112446332781</v>
      </c>
    </row>
    <row r="12947" spans="8:9" x14ac:dyDescent="0.25">
      <c r="H12947" s="40">
        <v>215.63333399999999</v>
      </c>
      <c r="I12947" s="40">
        <v>26.735112446332781</v>
      </c>
    </row>
    <row r="12948" spans="8:9" x14ac:dyDescent="0.25">
      <c r="H12948" s="40">
        <v>215.65000000000003</v>
      </c>
      <c r="I12948" s="40">
        <v>26.738465182476038</v>
      </c>
    </row>
    <row r="12949" spans="8:9" x14ac:dyDescent="0.25">
      <c r="H12949" s="40">
        <v>215.66666700000002</v>
      </c>
      <c r="I12949" s="40">
        <v>26.738465182476038</v>
      </c>
    </row>
    <row r="12950" spans="8:9" x14ac:dyDescent="0.25">
      <c r="H12950" s="40">
        <v>215.683334</v>
      </c>
      <c r="I12950" s="40">
        <v>26.738465182476038</v>
      </c>
    </row>
    <row r="12951" spans="8:9" x14ac:dyDescent="0.25">
      <c r="H12951" s="40">
        <v>215.7</v>
      </c>
      <c r="I12951" s="40">
        <v>26.738465182476038</v>
      </c>
    </row>
    <row r="12952" spans="8:9" x14ac:dyDescent="0.25">
      <c r="H12952" s="40">
        <v>215.71666700000003</v>
      </c>
      <c r="I12952" s="40">
        <v>26.738465182476038</v>
      </c>
    </row>
    <row r="12953" spans="8:9" x14ac:dyDescent="0.25">
      <c r="H12953" s="40">
        <v>215.73333400000001</v>
      </c>
      <c r="I12953" s="40">
        <v>26.741719308732801</v>
      </c>
    </row>
    <row r="12954" spans="8:9" x14ac:dyDescent="0.25">
      <c r="H12954" s="40">
        <v>215.75</v>
      </c>
      <c r="I12954" s="40">
        <v>26.741719308732801</v>
      </c>
    </row>
    <row r="12955" spans="8:9" x14ac:dyDescent="0.25">
      <c r="H12955" s="40">
        <v>215.76666699999998</v>
      </c>
      <c r="I12955" s="40">
        <v>26.741719308732801</v>
      </c>
    </row>
    <row r="12956" spans="8:9" x14ac:dyDescent="0.25">
      <c r="H12956" s="40">
        <v>215.78333400000002</v>
      </c>
      <c r="I12956" s="40">
        <v>26.741719308732801</v>
      </c>
    </row>
    <row r="12957" spans="8:9" x14ac:dyDescent="0.25">
      <c r="H12957" s="40">
        <v>215.8</v>
      </c>
      <c r="I12957" s="40">
        <v>26.741719308732801</v>
      </c>
    </row>
    <row r="12958" spans="8:9" x14ac:dyDescent="0.25">
      <c r="H12958" s="40">
        <v>215.816667</v>
      </c>
      <c r="I12958" s="40">
        <v>26.745072044876061</v>
      </c>
    </row>
    <row r="12959" spans="8:9" x14ac:dyDescent="0.25">
      <c r="H12959" s="40">
        <v>215.83333399999998</v>
      </c>
      <c r="I12959" s="40">
        <v>26.745072044876061</v>
      </c>
    </row>
    <row r="12960" spans="8:9" x14ac:dyDescent="0.25">
      <c r="H12960" s="40">
        <v>215.85000000000002</v>
      </c>
      <c r="I12960" s="40">
        <v>26.745072044876061</v>
      </c>
    </row>
    <row r="12961" spans="8:9" x14ac:dyDescent="0.25">
      <c r="H12961" s="40">
        <v>215.86666700000001</v>
      </c>
      <c r="I12961" s="40">
        <v>26.745072044876061</v>
      </c>
    </row>
    <row r="12962" spans="8:9" x14ac:dyDescent="0.25">
      <c r="H12962" s="40">
        <v>215.88333399999999</v>
      </c>
      <c r="I12962" s="40">
        <v>26.748424781019491</v>
      </c>
    </row>
    <row r="12963" spans="8:9" x14ac:dyDescent="0.25">
      <c r="H12963" s="40">
        <v>215.90000000000003</v>
      </c>
      <c r="I12963" s="40">
        <v>26.748424781019491</v>
      </c>
    </row>
    <row r="12964" spans="8:9" x14ac:dyDescent="0.25">
      <c r="H12964" s="40">
        <v>215.91666700000002</v>
      </c>
      <c r="I12964" s="40">
        <v>26.748424781019491</v>
      </c>
    </row>
    <row r="12965" spans="8:9" x14ac:dyDescent="0.25">
      <c r="H12965" s="40">
        <v>215.933334</v>
      </c>
      <c r="I12965" s="40">
        <v>26.751678907276254</v>
      </c>
    </row>
    <row r="12966" spans="8:9" x14ac:dyDescent="0.25">
      <c r="H12966" s="40">
        <v>215.95</v>
      </c>
      <c r="I12966" s="40">
        <v>26.751678907276254</v>
      </c>
    </row>
    <row r="12967" spans="8:9" x14ac:dyDescent="0.25">
      <c r="H12967" s="40">
        <v>215.96666700000003</v>
      </c>
      <c r="I12967" s="40">
        <v>26.75503164341951</v>
      </c>
    </row>
    <row r="12968" spans="8:9" x14ac:dyDescent="0.25">
      <c r="H12968" s="40">
        <v>215.98333400000001</v>
      </c>
      <c r="I12968" s="40">
        <v>26.75503164341951</v>
      </c>
    </row>
    <row r="12969" spans="8:9" x14ac:dyDescent="0.25">
      <c r="H12969" s="40">
        <v>216</v>
      </c>
      <c r="I12969" s="40">
        <v>26.75503164341951</v>
      </c>
    </row>
    <row r="12970" spans="8:9" x14ac:dyDescent="0.25">
      <c r="H12970" s="40">
        <v>216.01666699999998</v>
      </c>
      <c r="I12970" s="40">
        <v>26.75838437956277</v>
      </c>
    </row>
    <row r="12971" spans="8:9" x14ac:dyDescent="0.25">
      <c r="H12971" s="40">
        <v>216.03333400000002</v>
      </c>
      <c r="I12971" s="40">
        <v>26.75838437956277</v>
      </c>
    </row>
    <row r="12972" spans="8:9" x14ac:dyDescent="0.25">
      <c r="H12972" s="40">
        <v>216.05</v>
      </c>
      <c r="I12972" s="40">
        <v>26.75838437956277</v>
      </c>
    </row>
    <row r="12973" spans="8:9" x14ac:dyDescent="0.25">
      <c r="H12973" s="40">
        <v>216.066667</v>
      </c>
      <c r="I12973" s="40">
        <v>26.761638505819533</v>
      </c>
    </row>
    <row r="12974" spans="8:9" x14ac:dyDescent="0.25">
      <c r="H12974" s="40">
        <v>216.08333399999998</v>
      </c>
      <c r="I12974" s="40">
        <v>26.761638505819533</v>
      </c>
    </row>
    <row r="12975" spans="8:9" x14ac:dyDescent="0.25">
      <c r="H12975" s="40">
        <v>216.10000000000002</v>
      </c>
      <c r="I12975" s="40">
        <v>26.761638505819533</v>
      </c>
    </row>
    <row r="12976" spans="8:9" x14ac:dyDescent="0.25">
      <c r="H12976" s="40">
        <v>216.11666700000001</v>
      </c>
      <c r="I12976" s="40">
        <v>26.764991241962967</v>
      </c>
    </row>
    <row r="12977" spans="8:9" x14ac:dyDescent="0.25">
      <c r="H12977" s="40">
        <v>216.13333399999999</v>
      </c>
      <c r="I12977" s="40">
        <v>26.764991241962967</v>
      </c>
    </row>
    <row r="12978" spans="8:9" x14ac:dyDescent="0.25">
      <c r="H12978" s="40">
        <v>216.15000000000003</v>
      </c>
      <c r="I12978" s="40">
        <v>26.764991241962967</v>
      </c>
    </row>
    <row r="12979" spans="8:9" x14ac:dyDescent="0.25">
      <c r="H12979" s="40">
        <v>216.16666700000002</v>
      </c>
      <c r="I12979" s="40">
        <v>26.764991241962967</v>
      </c>
    </row>
    <row r="12980" spans="8:9" x14ac:dyDescent="0.25">
      <c r="H12980" s="40">
        <v>216.183334</v>
      </c>
      <c r="I12980" s="40">
        <v>26.76834397810622</v>
      </c>
    </row>
    <row r="12981" spans="8:9" x14ac:dyDescent="0.25">
      <c r="H12981" s="40">
        <v>216.2</v>
      </c>
      <c r="I12981" s="40">
        <v>26.76834397810622</v>
      </c>
    </row>
    <row r="12982" spans="8:9" x14ac:dyDescent="0.25">
      <c r="H12982" s="40">
        <v>216.21666700000003</v>
      </c>
      <c r="I12982" s="40">
        <v>26.76834397810622</v>
      </c>
    </row>
    <row r="12983" spans="8:9" x14ac:dyDescent="0.25">
      <c r="H12983" s="40">
        <v>216.23333400000001</v>
      </c>
      <c r="I12983" s="40">
        <v>26.76834397810622</v>
      </c>
    </row>
    <row r="12984" spans="8:9" x14ac:dyDescent="0.25">
      <c r="H12984" s="40">
        <v>216.25</v>
      </c>
      <c r="I12984" s="40">
        <v>26.76834397810622</v>
      </c>
    </row>
    <row r="12985" spans="8:9" x14ac:dyDescent="0.25">
      <c r="H12985" s="40">
        <v>216.26666699999998</v>
      </c>
      <c r="I12985" s="40">
        <v>26.76834397810622</v>
      </c>
    </row>
    <row r="12986" spans="8:9" x14ac:dyDescent="0.25">
      <c r="H12986" s="40">
        <v>216.28333400000002</v>
      </c>
      <c r="I12986" s="40">
        <v>26.76834397810622</v>
      </c>
    </row>
    <row r="12987" spans="8:9" x14ac:dyDescent="0.25">
      <c r="H12987" s="40">
        <v>216.3</v>
      </c>
      <c r="I12987" s="40">
        <v>26.76834397810622</v>
      </c>
    </row>
    <row r="12988" spans="8:9" x14ac:dyDescent="0.25">
      <c r="H12988" s="40">
        <v>216.316667</v>
      </c>
      <c r="I12988" s="40">
        <v>26.771598104362983</v>
      </c>
    </row>
    <row r="12989" spans="8:9" x14ac:dyDescent="0.25">
      <c r="H12989" s="40">
        <v>216.33333399999998</v>
      </c>
      <c r="I12989" s="40">
        <v>26.771598104362983</v>
      </c>
    </row>
    <row r="12990" spans="8:9" x14ac:dyDescent="0.25">
      <c r="H12990" s="40">
        <v>216.35000000000002</v>
      </c>
      <c r="I12990" s="40">
        <v>26.771598104362983</v>
      </c>
    </row>
    <row r="12991" spans="8:9" x14ac:dyDescent="0.25">
      <c r="H12991" s="40">
        <v>216.36666700000001</v>
      </c>
      <c r="I12991" s="40">
        <v>26.771598104362983</v>
      </c>
    </row>
    <row r="12992" spans="8:9" x14ac:dyDescent="0.25">
      <c r="H12992" s="40">
        <v>216.38333399999999</v>
      </c>
      <c r="I12992" s="40">
        <v>26.76834397810622</v>
      </c>
    </row>
    <row r="12993" spans="8:9" x14ac:dyDescent="0.25">
      <c r="H12993" s="40">
        <v>216.40000000000003</v>
      </c>
      <c r="I12993" s="40">
        <v>26.76834397810622</v>
      </c>
    </row>
    <row r="12994" spans="8:9" x14ac:dyDescent="0.25">
      <c r="H12994" s="40">
        <v>216.41666700000002</v>
      </c>
      <c r="I12994" s="40">
        <v>26.771598104362983</v>
      </c>
    </row>
    <row r="12995" spans="8:9" x14ac:dyDescent="0.25">
      <c r="H12995" s="40">
        <v>216.433334</v>
      </c>
      <c r="I12995" s="40">
        <v>26.771598104362983</v>
      </c>
    </row>
    <row r="12996" spans="8:9" x14ac:dyDescent="0.25">
      <c r="H12996" s="40">
        <v>216.45</v>
      </c>
      <c r="I12996" s="40">
        <v>26.771598104362983</v>
      </c>
    </row>
    <row r="12997" spans="8:9" x14ac:dyDescent="0.25">
      <c r="H12997" s="40">
        <v>216.46666700000003</v>
      </c>
      <c r="I12997" s="40">
        <v>26.771598104362983</v>
      </c>
    </row>
    <row r="12998" spans="8:9" x14ac:dyDescent="0.25">
      <c r="H12998" s="40">
        <v>216.48333400000001</v>
      </c>
      <c r="I12998" s="40">
        <v>26.771598104362983</v>
      </c>
    </row>
    <row r="12999" spans="8:9" x14ac:dyDescent="0.25">
      <c r="H12999" s="40">
        <v>216.5</v>
      </c>
      <c r="I12999" s="40">
        <v>26.771598104362983</v>
      </c>
    </row>
    <row r="13000" spans="8:9" x14ac:dyDescent="0.25">
      <c r="H13000" s="40">
        <v>216.51666699999998</v>
      </c>
      <c r="I13000" s="40">
        <v>26.771598104362983</v>
      </c>
    </row>
    <row r="13001" spans="8:9" x14ac:dyDescent="0.25">
      <c r="H13001" s="40">
        <v>216.53333400000002</v>
      </c>
      <c r="I13001" s="40">
        <v>26.771598104362983</v>
      </c>
    </row>
    <row r="13002" spans="8:9" x14ac:dyDescent="0.25">
      <c r="H13002" s="40">
        <v>216.55</v>
      </c>
      <c r="I13002" s="40">
        <v>26.771598104362983</v>
      </c>
    </row>
    <row r="13003" spans="8:9" x14ac:dyDescent="0.25">
      <c r="H13003" s="40">
        <v>216.566667</v>
      </c>
      <c r="I13003" s="40">
        <v>26.771598104362983</v>
      </c>
    </row>
    <row r="13004" spans="8:9" x14ac:dyDescent="0.25">
      <c r="H13004" s="40">
        <v>216.58333399999998</v>
      </c>
      <c r="I13004" s="40">
        <v>26.771598104362983</v>
      </c>
    </row>
    <row r="13005" spans="8:9" x14ac:dyDescent="0.25">
      <c r="H13005" s="40">
        <v>216.60000000000002</v>
      </c>
      <c r="I13005" s="40">
        <v>26.774950840506243</v>
      </c>
    </row>
    <row r="13006" spans="8:9" x14ac:dyDescent="0.25">
      <c r="H13006" s="40">
        <v>216.61666700000001</v>
      </c>
      <c r="I13006" s="40">
        <v>26.774950840506243</v>
      </c>
    </row>
    <row r="13007" spans="8:9" x14ac:dyDescent="0.25">
      <c r="H13007" s="40">
        <v>216.63333399999999</v>
      </c>
      <c r="I13007" s="40">
        <v>26.774950840506243</v>
      </c>
    </row>
    <row r="13008" spans="8:9" x14ac:dyDescent="0.25">
      <c r="H13008" s="40">
        <v>216.65000000000003</v>
      </c>
      <c r="I13008" s="40">
        <v>26.774950840506243</v>
      </c>
    </row>
    <row r="13009" spans="8:9" x14ac:dyDescent="0.25">
      <c r="H13009" s="40">
        <v>216.66666700000002</v>
      </c>
      <c r="I13009" s="40">
        <v>26.774950840506243</v>
      </c>
    </row>
    <row r="13010" spans="8:9" x14ac:dyDescent="0.25">
      <c r="H13010" s="40">
        <v>216.683334</v>
      </c>
      <c r="I13010" s="40">
        <v>26.774950840506243</v>
      </c>
    </row>
    <row r="13011" spans="8:9" x14ac:dyDescent="0.25">
      <c r="H13011" s="40">
        <v>216.7</v>
      </c>
      <c r="I13011" s="40">
        <v>26.774950840506243</v>
      </c>
    </row>
    <row r="13012" spans="8:9" x14ac:dyDescent="0.25">
      <c r="H13012" s="40">
        <v>216.71666700000003</v>
      </c>
      <c r="I13012" s="40">
        <v>26.774950840506243</v>
      </c>
    </row>
    <row r="13013" spans="8:9" x14ac:dyDescent="0.25">
      <c r="H13013" s="40">
        <v>216.73333400000001</v>
      </c>
      <c r="I13013" s="40">
        <v>26.778303576649499</v>
      </c>
    </row>
    <row r="13014" spans="8:9" x14ac:dyDescent="0.25">
      <c r="H13014" s="40">
        <v>216.75</v>
      </c>
      <c r="I13014" s="40">
        <v>26.778303576649499</v>
      </c>
    </row>
    <row r="13015" spans="8:9" x14ac:dyDescent="0.25">
      <c r="H13015" s="40">
        <v>216.76666699999998</v>
      </c>
      <c r="I13015" s="40">
        <v>26.778303576649499</v>
      </c>
    </row>
    <row r="13016" spans="8:9" x14ac:dyDescent="0.25">
      <c r="H13016" s="40">
        <v>216.78333400000002</v>
      </c>
      <c r="I13016" s="40">
        <v>26.778303576649499</v>
      </c>
    </row>
    <row r="13017" spans="8:9" x14ac:dyDescent="0.25">
      <c r="H13017" s="40">
        <v>216.8</v>
      </c>
      <c r="I13017" s="40">
        <v>26.778303576649499</v>
      </c>
    </row>
    <row r="13018" spans="8:9" x14ac:dyDescent="0.25">
      <c r="H13018" s="40">
        <v>216.816667</v>
      </c>
      <c r="I13018" s="40">
        <v>26.781557702906262</v>
      </c>
    </row>
    <row r="13019" spans="8:9" x14ac:dyDescent="0.25">
      <c r="H13019" s="40">
        <v>216.83333399999998</v>
      </c>
      <c r="I13019" s="40">
        <v>26.781557702906262</v>
      </c>
    </row>
    <row r="13020" spans="8:9" x14ac:dyDescent="0.25">
      <c r="H13020" s="40">
        <v>216.85000000000002</v>
      </c>
      <c r="I13020" s="40">
        <v>26.781557702906262</v>
      </c>
    </row>
    <row r="13021" spans="8:9" x14ac:dyDescent="0.25">
      <c r="H13021" s="40">
        <v>216.86666700000001</v>
      </c>
      <c r="I13021" s="40">
        <v>26.781557702906262</v>
      </c>
    </row>
    <row r="13022" spans="8:9" x14ac:dyDescent="0.25">
      <c r="H13022" s="40">
        <v>216.88333399999999</v>
      </c>
      <c r="I13022" s="40">
        <v>26.781557702906262</v>
      </c>
    </row>
    <row r="13023" spans="8:9" x14ac:dyDescent="0.25">
      <c r="H13023" s="40">
        <v>216.90000000000003</v>
      </c>
      <c r="I13023" s="40">
        <v>26.781557702906262</v>
      </c>
    </row>
    <row r="13024" spans="8:9" x14ac:dyDescent="0.25">
      <c r="H13024" s="40">
        <v>216.91666700000002</v>
      </c>
      <c r="I13024" s="40">
        <v>26.781557702906262</v>
      </c>
    </row>
    <row r="13025" spans="8:9" x14ac:dyDescent="0.25">
      <c r="H13025" s="40">
        <v>216.933334</v>
      </c>
      <c r="I13025" s="40">
        <v>26.784910439049696</v>
      </c>
    </row>
    <row r="13026" spans="8:9" x14ac:dyDescent="0.25">
      <c r="H13026" s="40">
        <v>216.95</v>
      </c>
      <c r="I13026" s="40">
        <v>26.784910439049696</v>
      </c>
    </row>
    <row r="13027" spans="8:9" x14ac:dyDescent="0.25">
      <c r="H13027" s="40">
        <v>216.96666700000003</v>
      </c>
      <c r="I13027" s="40">
        <v>26.784910439049696</v>
      </c>
    </row>
    <row r="13028" spans="8:9" x14ac:dyDescent="0.25">
      <c r="H13028" s="40">
        <v>216.98333400000001</v>
      </c>
      <c r="I13028" s="40">
        <v>26.784910439049696</v>
      </c>
    </row>
    <row r="13029" spans="8:9" x14ac:dyDescent="0.25">
      <c r="H13029" s="40">
        <v>217</v>
      </c>
      <c r="I13029" s="40">
        <v>26.784910439049696</v>
      </c>
    </row>
    <row r="13030" spans="8:9" x14ac:dyDescent="0.25">
      <c r="H13030" s="40">
        <v>217.01666699999998</v>
      </c>
      <c r="I13030" s="40">
        <v>26.784910439049696</v>
      </c>
    </row>
    <row r="13031" spans="8:9" x14ac:dyDescent="0.25">
      <c r="H13031" s="40">
        <v>217.03333400000002</v>
      </c>
      <c r="I13031" s="40">
        <v>26.784910439049696</v>
      </c>
    </row>
    <row r="13032" spans="8:9" x14ac:dyDescent="0.25">
      <c r="H13032" s="40">
        <v>217.05</v>
      </c>
      <c r="I13032" s="40">
        <v>26.784910439049696</v>
      </c>
    </row>
    <row r="13033" spans="8:9" x14ac:dyDescent="0.25">
      <c r="H13033" s="40">
        <v>217.066667</v>
      </c>
      <c r="I13033" s="40">
        <v>26.784910439049696</v>
      </c>
    </row>
    <row r="13034" spans="8:9" x14ac:dyDescent="0.25">
      <c r="H13034" s="40">
        <v>217.08333399999998</v>
      </c>
      <c r="I13034" s="40">
        <v>26.784910439049696</v>
      </c>
    </row>
    <row r="13035" spans="8:9" x14ac:dyDescent="0.25">
      <c r="H13035" s="40">
        <v>217.10000000000002</v>
      </c>
      <c r="I13035" s="40">
        <v>26.788263175192949</v>
      </c>
    </row>
    <row r="13036" spans="8:9" x14ac:dyDescent="0.25">
      <c r="H13036" s="40">
        <v>217.11666700000001</v>
      </c>
      <c r="I13036" s="40">
        <v>26.788263175192949</v>
      </c>
    </row>
    <row r="13037" spans="8:9" x14ac:dyDescent="0.25">
      <c r="H13037" s="40">
        <v>217.13333399999999</v>
      </c>
      <c r="I13037" s="40">
        <v>26.788263175192949</v>
      </c>
    </row>
    <row r="13038" spans="8:9" x14ac:dyDescent="0.25">
      <c r="H13038" s="40">
        <v>217.15000000000003</v>
      </c>
      <c r="I13038" s="40">
        <v>26.788263175192949</v>
      </c>
    </row>
    <row r="13039" spans="8:9" x14ac:dyDescent="0.25">
      <c r="H13039" s="40">
        <v>217.16666700000002</v>
      </c>
      <c r="I13039" s="40">
        <v>26.788263175192949</v>
      </c>
    </row>
    <row r="13040" spans="8:9" x14ac:dyDescent="0.25">
      <c r="H13040" s="40">
        <v>217.183334</v>
      </c>
      <c r="I13040" s="40">
        <v>26.788263175192949</v>
      </c>
    </row>
    <row r="13041" spans="8:9" x14ac:dyDescent="0.25">
      <c r="H13041" s="40">
        <v>217.2</v>
      </c>
      <c r="I13041" s="40">
        <v>26.788263175192949</v>
      </c>
    </row>
    <row r="13042" spans="8:9" x14ac:dyDescent="0.25">
      <c r="H13042" s="40">
        <v>217.21666700000003</v>
      </c>
      <c r="I13042" s="40">
        <v>26.788263175192949</v>
      </c>
    </row>
    <row r="13043" spans="8:9" x14ac:dyDescent="0.25">
      <c r="H13043" s="40">
        <v>217.23333400000001</v>
      </c>
      <c r="I13043" s="40">
        <v>26.788263175192949</v>
      </c>
    </row>
    <row r="13044" spans="8:9" x14ac:dyDescent="0.25">
      <c r="H13044" s="40">
        <v>217.25</v>
      </c>
      <c r="I13044" s="40">
        <v>26.788263175192949</v>
      </c>
    </row>
    <row r="13045" spans="8:9" x14ac:dyDescent="0.25">
      <c r="H13045" s="40">
        <v>217.26666699999998</v>
      </c>
      <c r="I13045" s="40">
        <v>26.791615911336208</v>
      </c>
    </row>
    <row r="13046" spans="8:9" x14ac:dyDescent="0.25">
      <c r="H13046" s="40">
        <v>217.28333400000002</v>
      </c>
      <c r="I13046" s="40">
        <v>26.791615911336208</v>
      </c>
    </row>
    <row r="13047" spans="8:9" x14ac:dyDescent="0.25">
      <c r="H13047" s="40">
        <v>217.3</v>
      </c>
      <c r="I13047" s="40">
        <v>26.791615911336208</v>
      </c>
    </row>
    <row r="13048" spans="8:9" x14ac:dyDescent="0.25">
      <c r="H13048" s="40">
        <v>217.316667</v>
      </c>
      <c r="I13048" s="40">
        <v>26.791615911336208</v>
      </c>
    </row>
    <row r="13049" spans="8:9" x14ac:dyDescent="0.25">
      <c r="H13049" s="40">
        <v>217.33333399999998</v>
      </c>
      <c r="I13049" s="40">
        <v>26.791615911336208</v>
      </c>
    </row>
    <row r="13050" spans="8:9" x14ac:dyDescent="0.25">
      <c r="H13050" s="40">
        <v>217.35000000000002</v>
      </c>
      <c r="I13050" s="40">
        <v>26.791615911336208</v>
      </c>
    </row>
    <row r="13051" spans="8:9" x14ac:dyDescent="0.25">
      <c r="H13051" s="40">
        <v>217.36666700000001</v>
      </c>
      <c r="I13051" s="40">
        <v>26.791615911336208</v>
      </c>
    </row>
    <row r="13052" spans="8:9" x14ac:dyDescent="0.25">
      <c r="H13052" s="40">
        <v>217.38333399999999</v>
      </c>
      <c r="I13052" s="40">
        <v>26.791615911336208</v>
      </c>
    </row>
    <row r="13053" spans="8:9" x14ac:dyDescent="0.25">
      <c r="H13053" s="40">
        <v>217.40000000000003</v>
      </c>
      <c r="I13053" s="40">
        <v>26.791615911336208</v>
      </c>
    </row>
    <row r="13054" spans="8:9" x14ac:dyDescent="0.25">
      <c r="H13054" s="40">
        <v>217.41666700000002</v>
      </c>
      <c r="I13054" s="40">
        <v>26.791615911336208</v>
      </c>
    </row>
    <row r="13055" spans="8:9" x14ac:dyDescent="0.25">
      <c r="H13055" s="40">
        <v>217.433334</v>
      </c>
      <c r="I13055" s="40">
        <v>26.791615911336208</v>
      </c>
    </row>
    <row r="13056" spans="8:9" x14ac:dyDescent="0.25">
      <c r="H13056" s="40">
        <v>217.45</v>
      </c>
      <c r="I13056" s="40">
        <v>26.791615911336208</v>
      </c>
    </row>
    <row r="13057" spans="8:9" x14ac:dyDescent="0.25">
      <c r="H13057" s="40">
        <v>217.46666700000003</v>
      </c>
      <c r="I13057" s="40">
        <v>26.791615911336208</v>
      </c>
    </row>
    <row r="13058" spans="8:9" x14ac:dyDescent="0.25">
      <c r="H13058" s="40">
        <v>217.48333400000001</v>
      </c>
      <c r="I13058" s="40">
        <v>26.791615911336208</v>
      </c>
    </row>
    <row r="13059" spans="8:9" x14ac:dyDescent="0.25">
      <c r="H13059" s="40">
        <v>217.5</v>
      </c>
      <c r="I13059" s="40">
        <v>26.791615911336208</v>
      </c>
    </row>
    <row r="13060" spans="8:9" x14ac:dyDescent="0.25">
      <c r="H13060" s="40">
        <v>217.51666699999998</v>
      </c>
      <c r="I13060" s="40">
        <v>26.791615911336208</v>
      </c>
    </row>
    <row r="13061" spans="8:9" x14ac:dyDescent="0.25">
      <c r="H13061" s="40">
        <v>217.53333400000002</v>
      </c>
      <c r="I13061" s="40">
        <v>26.791615911336208</v>
      </c>
    </row>
    <row r="13062" spans="8:9" x14ac:dyDescent="0.25">
      <c r="H13062" s="40">
        <v>217.55</v>
      </c>
      <c r="I13062" s="40">
        <v>26.791615911336208</v>
      </c>
    </row>
    <row r="13063" spans="8:9" x14ac:dyDescent="0.25">
      <c r="H13063" s="40">
        <v>217.566667</v>
      </c>
      <c r="I13063" s="40">
        <v>26.791615911336208</v>
      </c>
    </row>
    <row r="13064" spans="8:9" x14ac:dyDescent="0.25">
      <c r="H13064" s="40">
        <v>217.58333399999998</v>
      </c>
      <c r="I13064" s="40">
        <v>26.794870037592972</v>
      </c>
    </row>
    <row r="13065" spans="8:9" x14ac:dyDescent="0.25">
      <c r="H13065" s="40">
        <v>217.60000000000002</v>
      </c>
      <c r="I13065" s="40">
        <v>26.794870037592972</v>
      </c>
    </row>
    <row r="13066" spans="8:9" x14ac:dyDescent="0.25">
      <c r="H13066" s="40">
        <v>217.61666700000001</v>
      </c>
      <c r="I13066" s="40">
        <v>26.794870037592972</v>
      </c>
    </row>
    <row r="13067" spans="8:9" x14ac:dyDescent="0.25">
      <c r="H13067" s="40">
        <v>217.63333399999999</v>
      </c>
      <c r="I13067" s="40">
        <v>26.794870037592972</v>
      </c>
    </row>
    <row r="13068" spans="8:9" x14ac:dyDescent="0.25">
      <c r="H13068" s="40">
        <v>217.65000000000003</v>
      </c>
      <c r="I13068" s="40">
        <v>26.794870037592972</v>
      </c>
    </row>
    <row r="13069" spans="8:9" x14ac:dyDescent="0.25">
      <c r="H13069" s="40">
        <v>217.66666700000002</v>
      </c>
      <c r="I13069" s="40">
        <v>26.794870037592972</v>
      </c>
    </row>
    <row r="13070" spans="8:9" x14ac:dyDescent="0.25">
      <c r="H13070" s="40">
        <v>217.683334</v>
      </c>
      <c r="I13070" s="40">
        <v>26.794870037592972</v>
      </c>
    </row>
    <row r="13071" spans="8:9" x14ac:dyDescent="0.25">
      <c r="H13071" s="40">
        <v>217.7</v>
      </c>
      <c r="I13071" s="40">
        <v>26.791615911336208</v>
      </c>
    </row>
    <row r="13072" spans="8:9" x14ac:dyDescent="0.25">
      <c r="H13072" s="40">
        <v>217.71666700000003</v>
      </c>
      <c r="I13072" s="40">
        <v>26.791615911336208</v>
      </c>
    </row>
    <row r="13073" spans="8:9" x14ac:dyDescent="0.25">
      <c r="H13073" s="40">
        <v>217.73333400000001</v>
      </c>
      <c r="I13073" s="40">
        <v>26.791615911336208</v>
      </c>
    </row>
    <row r="13074" spans="8:9" x14ac:dyDescent="0.25">
      <c r="H13074" s="40">
        <v>217.75</v>
      </c>
      <c r="I13074" s="40">
        <v>26.791615911336208</v>
      </c>
    </row>
    <row r="13075" spans="8:9" x14ac:dyDescent="0.25">
      <c r="H13075" s="40">
        <v>217.76666699999998</v>
      </c>
      <c r="I13075" s="40">
        <v>26.791615911336208</v>
      </c>
    </row>
    <row r="13076" spans="8:9" x14ac:dyDescent="0.25">
      <c r="H13076" s="40">
        <v>217.78333400000002</v>
      </c>
      <c r="I13076" s="40">
        <v>26.791615911336208</v>
      </c>
    </row>
    <row r="13077" spans="8:9" x14ac:dyDescent="0.25">
      <c r="H13077" s="40">
        <v>217.8</v>
      </c>
      <c r="I13077" s="40">
        <v>26.788263175192949</v>
      </c>
    </row>
    <row r="13078" spans="8:9" x14ac:dyDescent="0.25">
      <c r="H13078" s="40">
        <v>217.816667</v>
      </c>
      <c r="I13078" s="40">
        <v>26.788263175192949</v>
      </c>
    </row>
    <row r="13079" spans="8:9" x14ac:dyDescent="0.25">
      <c r="H13079" s="40">
        <v>217.83333399999998</v>
      </c>
      <c r="I13079" s="40">
        <v>26.788263175192949</v>
      </c>
    </row>
    <row r="13080" spans="8:9" x14ac:dyDescent="0.25">
      <c r="H13080" s="40">
        <v>217.85000000000002</v>
      </c>
      <c r="I13080" s="40">
        <v>26.788263175192949</v>
      </c>
    </row>
    <row r="13081" spans="8:9" x14ac:dyDescent="0.25">
      <c r="H13081" s="40">
        <v>217.86666700000001</v>
      </c>
      <c r="I13081" s="40">
        <v>26.788263175192949</v>
      </c>
    </row>
    <row r="13082" spans="8:9" x14ac:dyDescent="0.25">
      <c r="H13082" s="40">
        <v>217.88333399999999</v>
      </c>
      <c r="I13082" s="40">
        <v>26.788263175192949</v>
      </c>
    </row>
    <row r="13083" spans="8:9" x14ac:dyDescent="0.25">
      <c r="H13083" s="40">
        <v>217.90000000000003</v>
      </c>
      <c r="I13083" s="40">
        <v>26.784910439049696</v>
      </c>
    </row>
    <row r="13084" spans="8:9" x14ac:dyDescent="0.25">
      <c r="H13084" s="40">
        <v>217.91666700000002</v>
      </c>
      <c r="I13084" s="40">
        <v>26.784910439049696</v>
      </c>
    </row>
    <row r="13085" spans="8:9" x14ac:dyDescent="0.25">
      <c r="H13085" s="40">
        <v>217.933334</v>
      </c>
      <c r="I13085" s="40">
        <v>26.784910439049696</v>
      </c>
    </row>
    <row r="13086" spans="8:9" x14ac:dyDescent="0.25">
      <c r="H13086" s="40">
        <v>217.95</v>
      </c>
      <c r="I13086" s="40">
        <v>26.781557702906262</v>
      </c>
    </row>
    <row r="13087" spans="8:9" x14ac:dyDescent="0.25">
      <c r="H13087" s="40">
        <v>217.96666700000003</v>
      </c>
      <c r="I13087" s="40">
        <v>26.781557702906262</v>
      </c>
    </row>
    <row r="13088" spans="8:9" x14ac:dyDescent="0.25">
      <c r="H13088" s="40">
        <v>217.98333400000001</v>
      </c>
      <c r="I13088" s="40">
        <v>26.778303576649499</v>
      </c>
    </row>
    <row r="13089" spans="8:9" x14ac:dyDescent="0.25">
      <c r="H13089" s="40">
        <v>218</v>
      </c>
      <c r="I13089" s="40">
        <v>26.778303576649499</v>
      </c>
    </row>
    <row r="13090" spans="8:9" x14ac:dyDescent="0.25">
      <c r="H13090" s="40">
        <v>218.01666699999998</v>
      </c>
      <c r="I13090" s="40">
        <v>26.778303576649499</v>
      </c>
    </row>
    <row r="13091" spans="8:9" x14ac:dyDescent="0.25">
      <c r="H13091" s="40">
        <v>218.03333400000002</v>
      </c>
      <c r="I13091" s="40">
        <v>26.774950840506243</v>
      </c>
    </row>
    <row r="13092" spans="8:9" x14ac:dyDescent="0.25">
      <c r="H13092" s="40">
        <v>218.05</v>
      </c>
      <c r="I13092" s="40">
        <v>26.774950840506243</v>
      </c>
    </row>
    <row r="13093" spans="8:9" x14ac:dyDescent="0.25">
      <c r="H13093" s="40">
        <v>218.066667</v>
      </c>
      <c r="I13093" s="40">
        <v>26.771598104362983</v>
      </c>
    </row>
    <row r="13094" spans="8:9" x14ac:dyDescent="0.25">
      <c r="H13094" s="40">
        <v>218.08333399999998</v>
      </c>
      <c r="I13094" s="40">
        <v>26.771598104362983</v>
      </c>
    </row>
    <row r="13095" spans="8:9" x14ac:dyDescent="0.25">
      <c r="H13095" s="40">
        <v>218.10000000000002</v>
      </c>
      <c r="I13095" s="40">
        <v>26.76834397810622</v>
      </c>
    </row>
    <row r="13096" spans="8:9" x14ac:dyDescent="0.25">
      <c r="H13096" s="40">
        <v>218.11666700000001</v>
      </c>
      <c r="I13096" s="40">
        <v>26.76834397810622</v>
      </c>
    </row>
    <row r="13097" spans="8:9" x14ac:dyDescent="0.25">
      <c r="H13097" s="40">
        <v>218.13333399999999</v>
      </c>
      <c r="I13097" s="40">
        <v>26.76834397810622</v>
      </c>
    </row>
    <row r="13098" spans="8:9" x14ac:dyDescent="0.25">
      <c r="H13098" s="40">
        <v>218.15000000000003</v>
      </c>
      <c r="I13098" s="40">
        <v>26.764991241962967</v>
      </c>
    </row>
    <row r="13099" spans="8:9" x14ac:dyDescent="0.25">
      <c r="H13099" s="40">
        <v>218.16666700000002</v>
      </c>
      <c r="I13099" s="40">
        <v>26.764991241962967</v>
      </c>
    </row>
    <row r="13100" spans="8:9" x14ac:dyDescent="0.25">
      <c r="H13100" s="40">
        <v>218.183334</v>
      </c>
      <c r="I13100" s="40">
        <v>26.764991241962967</v>
      </c>
    </row>
    <row r="13101" spans="8:9" x14ac:dyDescent="0.25">
      <c r="H13101" s="40">
        <v>218.2</v>
      </c>
      <c r="I13101" s="40">
        <v>26.761638505819533</v>
      </c>
    </row>
    <row r="13102" spans="8:9" x14ac:dyDescent="0.25">
      <c r="H13102" s="40">
        <v>218.21666700000003</v>
      </c>
      <c r="I13102" s="40">
        <v>26.761638505819533</v>
      </c>
    </row>
    <row r="13103" spans="8:9" x14ac:dyDescent="0.25">
      <c r="H13103" s="40">
        <v>218.23333400000001</v>
      </c>
      <c r="I13103" s="40">
        <v>26.75838437956277</v>
      </c>
    </row>
    <row r="13104" spans="8:9" x14ac:dyDescent="0.25">
      <c r="H13104" s="40">
        <v>218.25</v>
      </c>
      <c r="I13104" s="40">
        <v>26.75838437956277</v>
      </c>
    </row>
    <row r="13105" spans="8:9" x14ac:dyDescent="0.25">
      <c r="H13105" s="40">
        <v>218.26666699999998</v>
      </c>
      <c r="I13105" s="40">
        <v>26.75838437956277</v>
      </c>
    </row>
    <row r="13106" spans="8:9" x14ac:dyDescent="0.25">
      <c r="H13106" s="40">
        <v>218.28333400000002</v>
      </c>
      <c r="I13106" s="40">
        <v>26.75503164341951</v>
      </c>
    </row>
    <row r="13107" spans="8:9" x14ac:dyDescent="0.25">
      <c r="H13107" s="40">
        <v>218.3</v>
      </c>
      <c r="I13107" s="40">
        <v>26.75503164341951</v>
      </c>
    </row>
    <row r="13108" spans="8:9" x14ac:dyDescent="0.25">
      <c r="H13108" s="40">
        <v>218.316667</v>
      </c>
      <c r="I13108" s="40">
        <v>26.751678907276254</v>
      </c>
    </row>
    <row r="13109" spans="8:9" x14ac:dyDescent="0.25">
      <c r="H13109" s="40">
        <v>218.33333399999998</v>
      </c>
      <c r="I13109" s="40">
        <v>26.751678907276254</v>
      </c>
    </row>
    <row r="13110" spans="8:9" x14ac:dyDescent="0.25">
      <c r="H13110" s="40">
        <v>218.35000000000002</v>
      </c>
      <c r="I13110" s="40">
        <v>26.748424781019491</v>
      </c>
    </row>
    <row r="13111" spans="8:9" x14ac:dyDescent="0.25">
      <c r="H13111" s="40">
        <v>218.36666700000001</v>
      </c>
      <c r="I13111" s="40">
        <v>26.745072044876061</v>
      </c>
    </row>
    <row r="13112" spans="8:9" x14ac:dyDescent="0.25">
      <c r="H13112" s="40">
        <v>218.38333399999999</v>
      </c>
      <c r="I13112" s="40">
        <v>26.745072044876061</v>
      </c>
    </row>
    <row r="13113" spans="8:9" x14ac:dyDescent="0.25">
      <c r="H13113" s="40">
        <v>218.40000000000003</v>
      </c>
      <c r="I13113" s="40">
        <v>26.745072044876061</v>
      </c>
    </row>
    <row r="13114" spans="8:9" x14ac:dyDescent="0.25">
      <c r="H13114" s="40">
        <v>218.41666700000002</v>
      </c>
      <c r="I13114" s="40">
        <v>26.741719308732801</v>
      </c>
    </row>
    <row r="13115" spans="8:9" x14ac:dyDescent="0.25">
      <c r="H13115" s="40">
        <v>218.433334</v>
      </c>
      <c r="I13115" s="40">
        <v>26.738465182476038</v>
      </c>
    </row>
    <row r="13116" spans="8:9" x14ac:dyDescent="0.25">
      <c r="H13116" s="40">
        <v>218.45</v>
      </c>
      <c r="I13116" s="40">
        <v>26.738465182476038</v>
      </c>
    </row>
    <row r="13117" spans="8:9" x14ac:dyDescent="0.25">
      <c r="H13117" s="40">
        <v>218.46666700000003</v>
      </c>
      <c r="I13117" s="40">
        <v>26.735112446332781</v>
      </c>
    </row>
    <row r="13118" spans="8:9" x14ac:dyDescent="0.25">
      <c r="H13118" s="40">
        <v>218.48333400000001</v>
      </c>
      <c r="I13118" s="40">
        <v>26.735112446332781</v>
      </c>
    </row>
    <row r="13119" spans="8:9" x14ac:dyDescent="0.25">
      <c r="H13119" s="40">
        <v>218.5</v>
      </c>
      <c r="I13119" s="40">
        <v>26.731759710189525</v>
      </c>
    </row>
    <row r="13120" spans="8:9" x14ac:dyDescent="0.25">
      <c r="H13120" s="40">
        <v>218.51666699999998</v>
      </c>
      <c r="I13120" s="40">
        <v>26.728505583932762</v>
      </c>
    </row>
    <row r="13121" spans="8:9" x14ac:dyDescent="0.25">
      <c r="H13121" s="40">
        <v>218.53333400000002</v>
      </c>
      <c r="I13121" s="40">
        <v>26.728505583932762</v>
      </c>
    </row>
    <row r="13122" spans="8:9" x14ac:dyDescent="0.25">
      <c r="H13122" s="40">
        <v>218.55</v>
      </c>
      <c r="I13122" s="40">
        <v>26.728505583932762</v>
      </c>
    </row>
    <row r="13123" spans="8:9" x14ac:dyDescent="0.25">
      <c r="H13123" s="40">
        <v>218.566667</v>
      </c>
      <c r="I13123" s="40">
        <v>26.725152847789332</v>
      </c>
    </row>
    <row r="13124" spans="8:9" x14ac:dyDescent="0.25">
      <c r="H13124" s="40">
        <v>218.58333399999998</v>
      </c>
      <c r="I13124" s="40">
        <v>26.725152847789332</v>
      </c>
    </row>
    <row r="13125" spans="8:9" x14ac:dyDescent="0.25">
      <c r="H13125" s="40">
        <v>218.60000000000002</v>
      </c>
      <c r="I13125" s="40">
        <v>26.721800111646072</v>
      </c>
    </row>
    <row r="13126" spans="8:9" x14ac:dyDescent="0.25">
      <c r="H13126" s="40">
        <v>218.61666700000001</v>
      </c>
      <c r="I13126" s="40">
        <v>26.721800111646072</v>
      </c>
    </row>
    <row r="13127" spans="8:9" x14ac:dyDescent="0.25">
      <c r="H13127" s="40">
        <v>218.63333399999999</v>
      </c>
      <c r="I13127" s="40">
        <v>26.718545985389309</v>
      </c>
    </row>
    <row r="13128" spans="8:9" x14ac:dyDescent="0.25">
      <c r="H13128" s="40">
        <v>218.65000000000003</v>
      </c>
      <c r="I13128" s="40">
        <v>26.718545985389309</v>
      </c>
    </row>
    <row r="13129" spans="8:9" x14ac:dyDescent="0.25">
      <c r="H13129" s="40">
        <v>218.66666700000002</v>
      </c>
      <c r="I13129" s="40">
        <v>26.715193249246052</v>
      </c>
    </row>
    <row r="13130" spans="8:9" x14ac:dyDescent="0.25">
      <c r="H13130" s="40">
        <v>218.683334</v>
      </c>
      <c r="I13130" s="40">
        <v>26.715193249246052</v>
      </c>
    </row>
    <row r="13131" spans="8:9" x14ac:dyDescent="0.25">
      <c r="H13131" s="40">
        <v>218.7</v>
      </c>
      <c r="I13131" s="40">
        <v>26.715193249246052</v>
      </c>
    </row>
    <row r="13132" spans="8:9" x14ac:dyDescent="0.25">
      <c r="H13132" s="40">
        <v>218.71666700000003</v>
      </c>
      <c r="I13132" s="40">
        <v>26.711840513102619</v>
      </c>
    </row>
    <row r="13133" spans="8:9" x14ac:dyDescent="0.25">
      <c r="H13133" s="40">
        <v>218.73333400000001</v>
      </c>
      <c r="I13133" s="40">
        <v>26.711840513102619</v>
      </c>
    </row>
    <row r="13134" spans="8:9" x14ac:dyDescent="0.25">
      <c r="H13134" s="40">
        <v>218.75</v>
      </c>
      <c r="I13134" s="40">
        <v>26.711840513102619</v>
      </c>
    </row>
    <row r="13135" spans="8:9" x14ac:dyDescent="0.25">
      <c r="H13135" s="40">
        <v>218.76666699999998</v>
      </c>
      <c r="I13135" s="40">
        <v>26.711840513102619</v>
      </c>
    </row>
    <row r="13136" spans="8:9" x14ac:dyDescent="0.25">
      <c r="H13136" s="40">
        <v>218.78333400000002</v>
      </c>
      <c r="I13136" s="40">
        <v>26.708586386846029</v>
      </c>
    </row>
    <row r="13137" spans="8:9" x14ac:dyDescent="0.25">
      <c r="H13137" s="40">
        <v>218.8</v>
      </c>
      <c r="I13137" s="40">
        <v>26.708586386846029</v>
      </c>
    </row>
    <row r="13138" spans="8:9" x14ac:dyDescent="0.25">
      <c r="H13138" s="40">
        <v>218.816667</v>
      </c>
      <c r="I13138" s="40">
        <v>26.708586386846029</v>
      </c>
    </row>
    <row r="13139" spans="8:9" x14ac:dyDescent="0.25">
      <c r="H13139" s="40">
        <v>218.83333399999998</v>
      </c>
      <c r="I13139" s="40">
        <v>26.708586386846029</v>
      </c>
    </row>
    <row r="13140" spans="8:9" x14ac:dyDescent="0.25">
      <c r="H13140" s="40">
        <v>218.85000000000002</v>
      </c>
      <c r="I13140" s="40">
        <v>26.705233650702599</v>
      </c>
    </row>
    <row r="13141" spans="8:9" x14ac:dyDescent="0.25">
      <c r="H13141" s="40">
        <v>218.86666700000001</v>
      </c>
      <c r="I13141" s="40">
        <v>26.705233650702599</v>
      </c>
    </row>
    <row r="13142" spans="8:9" x14ac:dyDescent="0.25">
      <c r="H13142" s="40">
        <v>218.88333399999999</v>
      </c>
      <c r="I13142" s="40">
        <v>26.705233650702599</v>
      </c>
    </row>
    <row r="13143" spans="8:9" x14ac:dyDescent="0.25">
      <c r="H13143" s="40">
        <v>218.90000000000003</v>
      </c>
      <c r="I13143" s="40">
        <v>26.705233650702599</v>
      </c>
    </row>
    <row r="13144" spans="8:9" x14ac:dyDescent="0.25">
      <c r="H13144" s="40">
        <v>218.91666700000002</v>
      </c>
      <c r="I13144" s="40">
        <v>26.705233650702599</v>
      </c>
    </row>
    <row r="13145" spans="8:9" x14ac:dyDescent="0.25">
      <c r="H13145" s="40">
        <v>218.933334</v>
      </c>
      <c r="I13145" s="40">
        <v>26.705233650702599</v>
      </c>
    </row>
    <row r="13146" spans="8:9" x14ac:dyDescent="0.25">
      <c r="H13146" s="40">
        <v>218.95</v>
      </c>
      <c r="I13146" s="40">
        <v>26.705233650702599</v>
      </c>
    </row>
    <row r="13147" spans="8:9" x14ac:dyDescent="0.25">
      <c r="H13147" s="40">
        <v>218.96666700000003</v>
      </c>
      <c r="I13147" s="40">
        <v>26.705233650702599</v>
      </c>
    </row>
    <row r="13148" spans="8:9" x14ac:dyDescent="0.25">
      <c r="H13148" s="40">
        <v>218.98333400000001</v>
      </c>
      <c r="I13148" s="40">
        <v>26.705233650702599</v>
      </c>
    </row>
    <row r="13149" spans="8:9" x14ac:dyDescent="0.25">
      <c r="H13149" s="40">
        <v>219</v>
      </c>
      <c r="I13149" s="40">
        <v>26.705233650702599</v>
      </c>
    </row>
    <row r="13150" spans="8:9" x14ac:dyDescent="0.25">
      <c r="H13150" s="40">
        <v>219.01666699999998</v>
      </c>
      <c r="I13150" s="40">
        <v>26.705233650702599</v>
      </c>
    </row>
    <row r="13151" spans="8:9" x14ac:dyDescent="0.25">
      <c r="H13151" s="40">
        <v>219.03333400000002</v>
      </c>
      <c r="I13151" s="40">
        <v>26.705233650702599</v>
      </c>
    </row>
    <row r="13152" spans="8:9" x14ac:dyDescent="0.25">
      <c r="H13152" s="40">
        <v>219.05</v>
      </c>
      <c r="I13152" s="40">
        <v>26.705233650702599</v>
      </c>
    </row>
    <row r="13153" spans="8:9" x14ac:dyDescent="0.25">
      <c r="H13153" s="40">
        <v>219.066667</v>
      </c>
      <c r="I13153" s="40">
        <v>26.705233650702599</v>
      </c>
    </row>
    <row r="13154" spans="8:9" x14ac:dyDescent="0.25">
      <c r="H13154" s="40">
        <v>219.08333399999998</v>
      </c>
      <c r="I13154" s="40">
        <v>26.705233650702599</v>
      </c>
    </row>
    <row r="13155" spans="8:9" x14ac:dyDescent="0.25">
      <c r="H13155" s="40">
        <v>219.10000000000002</v>
      </c>
      <c r="I13155" s="40">
        <v>26.705233650702599</v>
      </c>
    </row>
    <row r="13156" spans="8:9" x14ac:dyDescent="0.25">
      <c r="H13156" s="40">
        <v>219.11666700000001</v>
      </c>
      <c r="I13156" s="40">
        <v>26.705233650702599</v>
      </c>
    </row>
    <row r="13157" spans="8:9" x14ac:dyDescent="0.25">
      <c r="H13157" s="40">
        <v>219.13333399999999</v>
      </c>
      <c r="I13157" s="40">
        <v>26.705233650702599</v>
      </c>
    </row>
    <row r="13158" spans="8:9" x14ac:dyDescent="0.25">
      <c r="H13158" s="40">
        <v>219.15000000000003</v>
      </c>
      <c r="I13158" s="40">
        <v>26.708586386846029</v>
      </c>
    </row>
    <row r="13159" spans="8:9" x14ac:dyDescent="0.25">
      <c r="H13159" s="40">
        <v>219.16666700000002</v>
      </c>
      <c r="I13159" s="40">
        <v>26.708586386846029</v>
      </c>
    </row>
    <row r="13160" spans="8:9" x14ac:dyDescent="0.25">
      <c r="H13160" s="40">
        <v>219.183334</v>
      </c>
      <c r="I13160" s="40">
        <v>26.708586386846029</v>
      </c>
    </row>
    <row r="13161" spans="8:9" x14ac:dyDescent="0.25">
      <c r="H13161" s="40">
        <v>219.2</v>
      </c>
      <c r="I13161" s="40">
        <v>26.708586386846029</v>
      </c>
    </row>
    <row r="13162" spans="8:9" x14ac:dyDescent="0.25">
      <c r="H13162" s="40">
        <v>219.21666700000003</v>
      </c>
      <c r="I13162" s="40">
        <v>26.708586386846029</v>
      </c>
    </row>
    <row r="13163" spans="8:9" x14ac:dyDescent="0.25">
      <c r="H13163" s="40">
        <v>219.23333400000001</v>
      </c>
      <c r="I13163" s="40">
        <v>26.708586386846029</v>
      </c>
    </row>
    <row r="13164" spans="8:9" x14ac:dyDescent="0.25">
      <c r="H13164" s="40">
        <v>219.25</v>
      </c>
      <c r="I13164" s="40">
        <v>26.711840513102619</v>
      </c>
    </row>
    <row r="13165" spans="8:9" x14ac:dyDescent="0.25">
      <c r="H13165" s="40">
        <v>219.26666699999998</v>
      </c>
      <c r="I13165" s="40">
        <v>26.711840513102619</v>
      </c>
    </row>
    <row r="13166" spans="8:9" x14ac:dyDescent="0.25">
      <c r="H13166" s="40">
        <v>219.28333400000002</v>
      </c>
      <c r="I13166" s="40">
        <v>26.711840513102619</v>
      </c>
    </row>
    <row r="13167" spans="8:9" x14ac:dyDescent="0.25">
      <c r="H13167" s="40">
        <v>219.3</v>
      </c>
      <c r="I13167" s="40">
        <v>26.715193249246052</v>
      </c>
    </row>
    <row r="13168" spans="8:9" x14ac:dyDescent="0.25">
      <c r="H13168" s="40">
        <v>219.316667</v>
      </c>
      <c r="I13168" s="40">
        <v>26.715193249246052</v>
      </c>
    </row>
    <row r="13169" spans="8:9" x14ac:dyDescent="0.25">
      <c r="H13169" s="40">
        <v>219.33333399999998</v>
      </c>
      <c r="I13169" s="40">
        <v>26.715193249246052</v>
      </c>
    </row>
    <row r="13170" spans="8:9" x14ac:dyDescent="0.25">
      <c r="H13170" s="40">
        <v>219.35000000000002</v>
      </c>
      <c r="I13170" s="40">
        <v>26.715193249246052</v>
      </c>
    </row>
    <row r="13171" spans="8:9" x14ac:dyDescent="0.25">
      <c r="H13171" s="40">
        <v>219.36666700000001</v>
      </c>
      <c r="I13171" s="40">
        <v>26.718545985389309</v>
      </c>
    </row>
    <row r="13172" spans="8:9" x14ac:dyDescent="0.25">
      <c r="H13172" s="40">
        <v>219.38333399999999</v>
      </c>
      <c r="I13172" s="40">
        <v>26.718545985389309</v>
      </c>
    </row>
    <row r="13173" spans="8:9" x14ac:dyDescent="0.25">
      <c r="H13173" s="40">
        <v>219.40000000000003</v>
      </c>
      <c r="I13173" s="40">
        <v>26.718545985389309</v>
      </c>
    </row>
    <row r="13174" spans="8:9" x14ac:dyDescent="0.25">
      <c r="H13174" s="40">
        <v>219.41666700000002</v>
      </c>
      <c r="I13174" s="40">
        <v>26.718545985389309</v>
      </c>
    </row>
    <row r="13175" spans="8:9" x14ac:dyDescent="0.25">
      <c r="H13175" s="40">
        <v>219.433334</v>
      </c>
      <c r="I13175" s="40">
        <v>26.718545985389309</v>
      </c>
    </row>
    <row r="13176" spans="8:9" x14ac:dyDescent="0.25">
      <c r="H13176" s="40">
        <v>219.45</v>
      </c>
      <c r="I13176" s="40">
        <v>26.721800111646072</v>
      </c>
    </row>
    <row r="13177" spans="8:9" x14ac:dyDescent="0.25">
      <c r="H13177" s="40">
        <v>219.46666700000003</v>
      </c>
      <c r="I13177" s="40">
        <v>26.721800111646072</v>
      </c>
    </row>
    <row r="13178" spans="8:9" x14ac:dyDescent="0.25">
      <c r="H13178" s="40">
        <v>219.48333400000001</v>
      </c>
      <c r="I13178" s="40">
        <v>26.721800111646072</v>
      </c>
    </row>
    <row r="13179" spans="8:9" x14ac:dyDescent="0.25">
      <c r="H13179" s="40">
        <v>219.5</v>
      </c>
      <c r="I13179" s="40">
        <v>26.721800111646072</v>
      </c>
    </row>
    <row r="13180" spans="8:9" x14ac:dyDescent="0.25">
      <c r="H13180" s="40">
        <v>219.51666699999998</v>
      </c>
      <c r="I13180" s="40">
        <v>26.725152847789332</v>
      </c>
    </row>
    <row r="13181" spans="8:9" x14ac:dyDescent="0.25">
      <c r="H13181" s="40">
        <v>219.53333400000002</v>
      </c>
      <c r="I13181" s="40">
        <v>26.725152847789332</v>
      </c>
    </row>
    <row r="13182" spans="8:9" x14ac:dyDescent="0.25">
      <c r="H13182" s="40">
        <v>219.55</v>
      </c>
      <c r="I13182" s="40">
        <v>26.725152847789332</v>
      </c>
    </row>
    <row r="13183" spans="8:9" x14ac:dyDescent="0.25">
      <c r="H13183" s="40">
        <v>219.566667</v>
      </c>
      <c r="I13183" s="40">
        <v>26.725152847789332</v>
      </c>
    </row>
    <row r="13184" spans="8:9" x14ac:dyDescent="0.25">
      <c r="H13184" s="40">
        <v>219.58333399999998</v>
      </c>
      <c r="I13184" s="40">
        <v>26.728505583932762</v>
      </c>
    </row>
    <row r="13185" spans="8:9" x14ac:dyDescent="0.25">
      <c r="H13185" s="40">
        <v>219.60000000000002</v>
      </c>
      <c r="I13185" s="40">
        <v>26.728505583932762</v>
      </c>
    </row>
    <row r="13186" spans="8:9" x14ac:dyDescent="0.25">
      <c r="H13186" s="40">
        <v>219.61666700000001</v>
      </c>
      <c r="I13186" s="40">
        <v>26.728505583932762</v>
      </c>
    </row>
    <row r="13187" spans="8:9" x14ac:dyDescent="0.25">
      <c r="H13187" s="40">
        <v>219.63333399999999</v>
      </c>
      <c r="I13187" s="40">
        <v>26.728505583932762</v>
      </c>
    </row>
    <row r="13188" spans="8:9" x14ac:dyDescent="0.25">
      <c r="H13188" s="40">
        <v>219.65000000000003</v>
      </c>
      <c r="I13188" s="40">
        <v>26.731759710189525</v>
      </c>
    </row>
    <row r="13189" spans="8:9" x14ac:dyDescent="0.25">
      <c r="H13189" s="40">
        <v>219.66666700000002</v>
      </c>
      <c r="I13189" s="40">
        <v>26.731759710189525</v>
      </c>
    </row>
    <row r="13190" spans="8:9" x14ac:dyDescent="0.25">
      <c r="H13190" s="40">
        <v>219.683334</v>
      </c>
      <c r="I13190" s="40">
        <v>26.731759710189525</v>
      </c>
    </row>
    <row r="13191" spans="8:9" x14ac:dyDescent="0.25">
      <c r="H13191" s="40">
        <v>219.7</v>
      </c>
      <c r="I13191" s="40">
        <v>26.731759710189525</v>
      </c>
    </row>
    <row r="13192" spans="8:9" x14ac:dyDescent="0.25">
      <c r="H13192" s="40">
        <v>219.71666700000003</v>
      </c>
      <c r="I13192" s="40">
        <v>26.735112446332781</v>
      </c>
    </row>
    <row r="13193" spans="8:9" x14ac:dyDescent="0.25">
      <c r="H13193" s="40">
        <v>219.73333400000001</v>
      </c>
      <c r="I13193" s="40">
        <v>26.735112446332781</v>
      </c>
    </row>
    <row r="13194" spans="8:9" x14ac:dyDescent="0.25">
      <c r="H13194" s="40">
        <v>219.75</v>
      </c>
      <c r="I13194" s="40">
        <v>26.735112446332781</v>
      </c>
    </row>
    <row r="13195" spans="8:9" x14ac:dyDescent="0.25">
      <c r="H13195" s="40">
        <v>219.76666699999998</v>
      </c>
      <c r="I13195" s="40">
        <v>26.738465182476038</v>
      </c>
    </row>
    <row r="13196" spans="8:9" x14ac:dyDescent="0.25">
      <c r="H13196" s="40">
        <v>219.78333400000002</v>
      </c>
      <c r="I13196" s="40">
        <v>26.738465182476038</v>
      </c>
    </row>
    <row r="13197" spans="8:9" x14ac:dyDescent="0.25">
      <c r="H13197" s="40">
        <v>219.8</v>
      </c>
      <c r="I13197" s="40">
        <v>26.738465182476038</v>
      </c>
    </row>
    <row r="13198" spans="8:9" x14ac:dyDescent="0.25">
      <c r="H13198" s="40">
        <v>219.816667</v>
      </c>
      <c r="I13198" s="40">
        <v>26.741719308732801</v>
      </c>
    </row>
    <row r="13199" spans="8:9" x14ac:dyDescent="0.25">
      <c r="H13199" s="40">
        <v>219.83333399999998</v>
      </c>
      <c r="I13199" s="40">
        <v>26.741719308732801</v>
      </c>
    </row>
    <row r="13200" spans="8:9" x14ac:dyDescent="0.25">
      <c r="H13200" s="40">
        <v>219.85000000000002</v>
      </c>
      <c r="I13200" s="40">
        <v>26.745072044876061</v>
      </c>
    </row>
    <row r="13201" spans="8:9" x14ac:dyDescent="0.25">
      <c r="H13201" s="40">
        <v>219.86666700000001</v>
      </c>
      <c r="I13201" s="40">
        <v>26.745072044876061</v>
      </c>
    </row>
    <row r="13202" spans="8:9" x14ac:dyDescent="0.25">
      <c r="H13202" s="40">
        <v>219.88333399999999</v>
      </c>
      <c r="I13202" s="40">
        <v>26.745072044876061</v>
      </c>
    </row>
    <row r="13203" spans="8:9" x14ac:dyDescent="0.25">
      <c r="H13203" s="40">
        <v>219.90000000000003</v>
      </c>
      <c r="I13203" s="40">
        <v>26.745072044876061</v>
      </c>
    </row>
    <row r="13204" spans="8:9" x14ac:dyDescent="0.25">
      <c r="H13204" s="40">
        <v>219.91666700000002</v>
      </c>
      <c r="I13204" s="40">
        <v>26.748424781019491</v>
      </c>
    </row>
    <row r="13205" spans="8:9" x14ac:dyDescent="0.25">
      <c r="H13205" s="40">
        <v>219.933334</v>
      </c>
      <c r="I13205" s="40">
        <v>26.748424781019491</v>
      </c>
    </row>
    <row r="13206" spans="8:9" x14ac:dyDescent="0.25">
      <c r="H13206" s="40">
        <v>219.95</v>
      </c>
      <c r="I13206" s="40">
        <v>26.748424781019491</v>
      </c>
    </row>
    <row r="13207" spans="8:9" x14ac:dyDescent="0.25">
      <c r="H13207" s="40">
        <v>219.96666700000003</v>
      </c>
      <c r="I13207" s="40">
        <v>26.751678907276254</v>
      </c>
    </row>
    <row r="13208" spans="8:9" x14ac:dyDescent="0.25">
      <c r="H13208" s="40">
        <v>219.98333400000001</v>
      </c>
      <c r="I13208" s="40">
        <v>26.751678907276254</v>
      </c>
    </row>
    <row r="13209" spans="8:9" x14ac:dyDescent="0.25">
      <c r="H13209" s="40">
        <v>220</v>
      </c>
      <c r="I13209" s="40">
        <v>26.751678907276254</v>
      </c>
    </row>
    <row r="13210" spans="8:9" x14ac:dyDescent="0.25">
      <c r="H13210" s="40">
        <v>220.01666699999998</v>
      </c>
      <c r="I13210" s="40">
        <v>26.751678907276254</v>
      </c>
    </row>
    <row r="13211" spans="8:9" x14ac:dyDescent="0.25">
      <c r="H13211" s="40">
        <v>220.03333400000002</v>
      </c>
      <c r="I13211" s="40">
        <v>26.75503164341951</v>
      </c>
    </row>
    <row r="13212" spans="8:9" x14ac:dyDescent="0.25">
      <c r="H13212" s="40">
        <v>220.05</v>
      </c>
      <c r="I13212" s="40">
        <v>26.75503164341951</v>
      </c>
    </row>
    <row r="13213" spans="8:9" x14ac:dyDescent="0.25">
      <c r="H13213" s="40">
        <v>220.066667</v>
      </c>
      <c r="I13213" s="40">
        <v>26.75503164341951</v>
      </c>
    </row>
    <row r="13214" spans="8:9" x14ac:dyDescent="0.25">
      <c r="H13214" s="40">
        <v>220.08333399999998</v>
      </c>
      <c r="I13214" s="40">
        <v>26.75503164341951</v>
      </c>
    </row>
    <row r="13215" spans="8:9" x14ac:dyDescent="0.25">
      <c r="H13215" s="40">
        <v>220.10000000000002</v>
      </c>
      <c r="I13215" s="40">
        <v>26.75838437956277</v>
      </c>
    </row>
    <row r="13216" spans="8:9" x14ac:dyDescent="0.25">
      <c r="H13216" s="40">
        <v>220.11666700000001</v>
      </c>
      <c r="I13216" s="40">
        <v>26.75838437956277</v>
      </c>
    </row>
    <row r="13217" spans="8:9" x14ac:dyDescent="0.25">
      <c r="H13217" s="40">
        <v>220.13333399999999</v>
      </c>
      <c r="I13217" s="40">
        <v>26.75838437956277</v>
      </c>
    </row>
    <row r="13218" spans="8:9" x14ac:dyDescent="0.25">
      <c r="H13218" s="40">
        <v>220.15000000000003</v>
      </c>
      <c r="I13218" s="40">
        <v>26.75838437956277</v>
      </c>
    </row>
    <row r="13219" spans="8:9" x14ac:dyDescent="0.25">
      <c r="H13219" s="40">
        <v>220.16666700000002</v>
      </c>
      <c r="I13219" s="40">
        <v>26.761638505819533</v>
      </c>
    </row>
    <row r="13220" spans="8:9" x14ac:dyDescent="0.25">
      <c r="H13220" s="40">
        <v>220.183334</v>
      </c>
      <c r="I13220" s="40">
        <v>26.761638505819533</v>
      </c>
    </row>
    <row r="13221" spans="8:9" x14ac:dyDescent="0.25">
      <c r="H13221" s="40">
        <v>220.2</v>
      </c>
      <c r="I13221" s="40">
        <v>26.761638505819533</v>
      </c>
    </row>
    <row r="13222" spans="8:9" x14ac:dyDescent="0.25">
      <c r="H13222" s="40">
        <v>220.21666700000003</v>
      </c>
      <c r="I13222" s="40">
        <v>26.761638505819533</v>
      </c>
    </row>
    <row r="13223" spans="8:9" x14ac:dyDescent="0.25">
      <c r="H13223" s="40">
        <v>220.23333400000001</v>
      </c>
      <c r="I13223" s="40">
        <v>26.761638505819533</v>
      </c>
    </row>
    <row r="13224" spans="8:9" x14ac:dyDescent="0.25">
      <c r="H13224" s="40">
        <v>220.25</v>
      </c>
      <c r="I13224" s="40">
        <v>26.764991241962967</v>
      </c>
    </row>
    <row r="13225" spans="8:9" x14ac:dyDescent="0.25">
      <c r="H13225" s="40">
        <v>220.26666699999998</v>
      </c>
      <c r="I13225" s="40">
        <v>26.764991241962967</v>
      </c>
    </row>
    <row r="13226" spans="8:9" x14ac:dyDescent="0.25">
      <c r="H13226" s="40">
        <v>220.28333400000002</v>
      </c>
      <c r="I13226" s="40">
        <v>26.764991241962967</v>
      </c>
    </row>
    <row r="13227" spans="8:9" x14ac:dyDescent="0.25">
      <c r="H13227" s="40">
        <v>220.3</v>
      </c>
      <c r="I13227" s="40">
        <v>26.76834397810622</v>
      </c>
    </row>
    <row r="13228" spans="8:9" x14ac:dyDescent="0.25">
      <c r="H13228" s="40">
        <v>220.316667</v>
      </c>
      <c r="I13228" s="40">
        <v>26.76834397810622</v>
      </c>
    </row>
    <row r="13229" spans="8:9" x14ac:dyDescent="0.25">
      <c r="H13229" s="40">
        <v>220.33333399999998</v>
      </c>
      <c r="I13229" s="40">
        <v>26.76834397810622</v>
      </c>
    </row>
    <row r="13230" spans="8:9" x14ac:dyDescent="0.25">
      <c r="H13230" s="40">
        <v>220.35000000000002</v>
      </c>
      <c r="I13230" s="40">
        <v>26.771598104362983</v>
      </c>
    </row>
    <row r="13231" spans="8:9" x14ac:dyDescent="0.25">
      <c r="H13231" s="40">
        <v>220.36666700000001</v>
      </c>
      <c r="I13231" s="40">
        <v>26.771598104362983</v>
      </c>
    </row>
    <row r="13232" spans="8:9" x14ac:dyDescent="0.25">
      <c r="H13232" s="40">
        <v>220.38333399999999</v>
      </c>
      <c r="I13232" s="40">
        <v>26.774950840506243</v>
      </c>
    </row>
    <row r="13233" spans="8:9" x14ac:dyDescent="0.25">
      <c r="H13233" s="40">
        <v>220.40000000000003</v>
      </c>
      <c r="I13233" s="40">
        <v>26.774950840506243</v>
      </c>
    </row>
    <row r="13234" spans="8:9" x14ac:dyDescent="0.25">
      <c r="H13234" s="40">
        <v>220.41666700000002</v>
      </c>
      <c r="I13234" s="40">
        <v>26.774950840506243</v>
      </c>
    </row>
    <row r="13235" spans="8:9" x14ac:dyDescent="0.25">
      <c r="H13235" s="40">
        <v>220.433334</v>
      </c>
      <c r="I13235" s="40">
        <v>26.778303576649499</v>
      </c>
    </row>
    <row r="13236" spans="8:9" x14ac:dyDescent="0.25">
      <c r="H13236" s="40">
        <v>220.45</v>
      </c>
      <c r="I13236" s="40">
        <v>26.778303576649499</v>
      </c>
    </row>
    <row r="13237" spans="8:9" x14ac:dyDescent="0.25">
      <c r="H13237" s="40">
        <v>220.46666700000003</v>
      </c>
      <c r="I13237" s="40">
        <v>26.778303576649499</v>
      </c>
    </row>
    <row r="13238" spans="8:9" x14ac:dyDescent="0.25">
      <c r="H13238" s="40">
        <v>220.48333400000001</v>
      </c>
      <c r="I13238" s="40">
        <v>26.781557702906262</v>
      </c>
    </row>
    <row r="13239" spans="8:9" x14ac:dyDescent="0.25">
      <c r="H13239" s="40">
        <v>220.5</v>
      </c>
      <c r="I13239" s="40">
        <v>26.781557702906262</v>
      </c>
    </row>
    <row r="13240" spans="8:9" x14ac:dyDescent="0.25">
      <c r="H13240" s="40">
        <v>220.51666699999998</v>
      </c>
      <c r="I13240" s="40">
        <v>26.784910439049696</v>
      </c>
    </row>
    <row r="13241" spans="8:9" x14ac:dyDescent="0.25">
      <c r="H13241" s="40">
        <v>220.53333400000002</v>
      </c>
      <c r="I13241" s="40">
        <v>26.784910439049696</v>
      </c>
    </row>
    <row r="13242" spans="8:9" x14ac:dyDescent="0.25">
      <c r="H13242" s="40">
        <v>220.55</v>
      </c>
      <c r="I13242" s="40">
        <v>26.784910439049696</v>
      </c>
    </row>
    <row r="13243" spans="8:9" x14ac:dyDescent="0.25">
      <c r="H13243" s="40">
        <v>220.566667</v>
      </c>
      <c r="I13243" s="40">
        <v>26.788263175192949</v>
      </c>
    </row>
    <row r="13244" spans="8:9" x14ac:dyDescent="0.25">
      <c r="H13244" s="40">
        <v>220.58333399999998</v>
      </c>
      <c r="I13244" s="40">
        <v>26.788263175192949</v>
      </c>
    </row>
    <row r="13245" spans="8:9" x14ac:dyDescent="0.25">
      <c r="H13245" s="40">
        <v>220.60000000000002</v>
      </c>
      <c r="I13245" s="40">
        <v>26.788263175192949</v>
      </c>
    </row>
    <row r="13246" spans="8:9" x14ac:dyDescent="0.25">
      <c r="H13246" s="40">
        <v>220.61666700000001</v>
      </c>
      <c r="I13246" s="40">
        <v>26.791615911336208</v>
      </c>
    </row>
    <row r="13247" spans="8:9" x14ac:dyDescent="0.25">
      <c r="H13247" s="40">
        <v>220.63333399999999</v>
      </c>
      <c r="I13247" s="40">
        <v>26.791615911336208</v>
      </c>
    </row>
    <row r="13248" spans="8:9" x14ac:dyDescent="0.25">
      <c r="H13248" s="40">
        <v>220.65000000000003</v>
      </c>
      <c r="I13248" s="40">
        <v>26.791615911336208</v>
      </c>
    </row>
    <row r="13249" spans="8:9" x14ac:dyDescent="0.25">
      <c r="H13249" s="40">
        <v>220.66666700000002</v>
      </c>
      <c r="I13249" s="40">
        <v>26.794870037592972</v>
      </c>
    </row>
    <row r="13250" spans="8:9" x14ac:dyDescent="0.25">
      <c r="H13250" s="40">
        <v>220.683334</v>
      </c>
      <c r="I13250" s="40">
        <v>26.794870037592972</v>
      </c>
    </row>
    <row r="13251" spans="8:9" x14ac:dyDescent="0.25">
      <c r="H13251" s="40">
        <v>220.7</v>
      </c>
      <c r="I13251" s="40">
        <v>26.794870037592972</v>
      </c>
    </row>
    <row r="13252" spans="8:9" x14ac:dyDescent="0.25">
      <c r="H13252" s="40">
        <v>220.71666700000003</v>
      </c>
      <c r="I13252" s="40">
        <v>26.798222773736406</v>
      </c>
    </row>
    <row r="13253" spans="8:9" x14ac:dyDescent="0.25">
      <c r="H13253" s="40">
        <v>220.73333400000001</v>
      </c>
      <c r="I13253" s="40">
        <v>26.798222773736406</v>
      </c>
    </row>
    <row r="13254" spans="8:9" x14ac:dyDescent="0.25">
      <c r="H13254" s="40">
        <v>220.75</v>
      </c>
      <c r="I13254" s="40">
        <v>26.798222773736406</v>
      </c>
    </row>
    <row r="13255" spans="8:9" x14ac:dyDescent="0.25">
      <c r="H13255" s="40">
        <v>220.76666699999998</v>
      </c>
      <c r="I13255" s="40">
        <v>26.798222773736406</v>
      </c>
    </row>
    <row r="13256" spans="8:9" x14ac:dyDescent="0.25">
      <c r="H13256" s="40">
        <v>220.78333400000002</v>
      </c>
      <c r="I13256" s="40">
        <v>26.798222773736406</v>
      </c>
    </row>
    <row r="13257" spans="8:9" x14ac:dyDescent="0.25">
      <c r="H13257" s="40">
        <v>220.8</v>
      </c>
      <c r="I13257" s="40">
        <v>26.801575509879662</v>
      </c>
    </row>
    <row r="13258" spans="8:9" x14ac:dyDescent="0.25">
      <c r="H13258" s="40">
        <v>220.816667</v>
      </c>
      <c r="I13258" s="40">
        <v>26.801575509879662</v>
      </c>
    </row>
    <row r="13259" spans="8:9" x14ac:dyDescent="0.25">
      <c r="H13259" s="40">
        <v>220.83333399999998</v>
      </c>
      <c r="I13259" s="40">
        <v>26.801575509879662</v>
      </c>
    </row>
    <row r="13260" spans="8:9" x14ac:dyDescent="0.25">
      <c r="H13260" s="40">
        <v>220.85000000000002</v>
      </c>
      <c r="I13260" s="40">
        <v>26.801575509879662</v>
      </c>
    </row>
    <row r="13261" spans="8:9" x14ac:dyDescent="0.25">
      <c r="H13261" s="40">
        <v>220.86666700000001</v>
      </c>
      <c r="I13261" s="40">
        <v>26.804829636136425</v>
      </c>
    </row>
    <row r="13262" spans="8:9" x14ac:dyDescent="0.25">
      <c r="H13262" s="40">
        <v>220.88333399999999</v>
      </c>
      <c r="I13262" s="40">
        <v>26.804829636136425</v>
      </c>
    </row>
    <row r="13263" spans="8:9" x14ac:dyDescent="0.25">
      <c r="H13263" s="40">
        <v>220.90000000000003</v>
      </c>
      <c r="I13263" s="40">
        <v>26.804829636136425</v>
      </c>
    </row>
    <row r="13264" spans="8:9" x14ac:dyDescent="0.25">
      <c r="H13264" s="40">
        <v>220.91666700000002</v>
      </c>
      <c r="I13264" s="40">
        <v>26.804829636136425</v>
      </c>
    </row>
    <row r="13265" spans="8:9" x14ac:dyDescent="0.25">
      <c r="H13265" s="40">
        <v>220.933334</v>
      </c>
      <c r="I13265" s="40">
        <v>26.804829636136425</v>
      </c>
    </row>
    <row r="13266" spans="8:9" x14ac:dyDescent="0.25">
      <c r="H13266" s="40">
        <v>220.95</v>
      </c>
      <c r="I13266" s="40">
        <v>26.804829636136425</v>
      </c>
    </row>
    <row r="13267" spans="8:9" x14ac:dyDescent="0.25">
      <c r="H13267" s="40">
        <v>220.96666700000003</v>
      </c>
      <c r="I13267" s="40">
        <v>26.804829636136425</v>
      </c>
    </row>
    <row r="13268" spans="8:9" x14ac:dyDescent="0.25">
      <c r="H13268" s="40">
        <v>220.98333400000001</v>
      </c>
      <c r="I13268" s="40">
        <v>26.808182372279681</v>
      </c>
    </row>
    <row r="13269" spans="8:9" x14ac:dyDescent="0.25">
      <c r="H13269" s="40">
        <v>221</v>
      </c>
      <c r="I13269" s="40">
        <v>26.808182372279681</v>
      </c>
    </row>
    <row r="13270" spans="8:9" x14ac:dyDescent="0.25">
      <c r="H13270" s="40">
        <v>221.01666699999998</v>
      </c>
      <c r="I13270" s="40">
        <v>26.808182372279681</v>
      </c>
    </row>
    <row r="13271" spans="8:9" x14ac:dyDescent="0.25">
      <c r="H13271" s="40">
        <v>221.03333400000002</v>
      </c>
      <c r="I13271" s="40">
        <v>26.808182372279681</v>
      </c>
    </row>
    <row r="13272" spans="8:9" x14ac:dyDescent="0.25">
      <c r="H13272" s="40">
        <v>221.05</v>
      </c>
      <c r="I13272" s="40">
        <v>26.811535108422937</v>
      </c>
    </row>
    <row r="13273" spans="8:9" x14ac:dyDescent="0.25">
      <c r="H13273" s="40">
        <v>221.066667</v>
      </c>
      <c r="I13273" s="40">
        <v>26.811535108422937</v>
      </c>
    </row>
    <row r="13274" spans="8:9" x14ac:dyDescent="0.25">
      <c r="H13274" s="40">
        <v>221.08333399999998</v>
      </c>
      <c r="I13274" s="40">
        <v>26.811535108422937</v>
      </c>
    </row>
    <row r="13275" spans="8:9" x14ac:dyDescent="0.25">
      <c r="H13275" s="40">
        <v>221.10000000000002</v>
      </c>
      <c r="I13275" s="40">
        <v>26.811535108422937</v>
      </c>
    </row>
    <row r="13276" spans="8:9" x14ac:dyDescent="0.25">
      <c r="H13276" s="40">
        <v>221.11666700000001</v>
      </c>
      <c r="I13276" s="40">
        <v>26.811535108422937</v>
      </c>
    </row>
    <row r="13277" spans="8:9" x14ac:dyDescent="0.25">
      <c r="H13277" s="40">
        <v>221.13333399999999</v>
      </c>
      <c r="I13277" s="40">
        <v>26.814789234679701</v>
      </c>
    </row>
    <row r="13278" spans="8:9" x14ac:dyDescent="0.25">
      <c r="H13278" s="40">
        <v>221.15000000000003</v>
      </c>
      <c r="I13278" s="40">
        <v>26.814789234679701</v>
      </c>
    </row>
    <row r="13279" spans="8:9" x14ac:dyDescent="0.25">
      <c r="H13279" s="40">
        <v>221.16666700000002</v>
      </c>
      <c r="I13279" s="40">
        <v>26.814789234679701</v>
      </c>
    </row>
    <row r="13280" spans="8:9" x14ac:dyDescent="0.25">
      <c r="H13280" s="40">
        <v>221.183334</v>
      </c>
      <c r="I13280" s="40">
        <v>26.818141970823135</v>
      </c>
    </row>
    <row r="13281" spans="8:9" x14ac:dyDescent="0.25">
      <c r="H13281" s="40">
        <v>221.2</v>
      </c>
      <c r="I13281" s="40">
        <v>26.818141970823135</v>
      </c>
    </row>
    <row r="13282" spans="8:9" x14ac:dyDescent="0.25">
      <c r="H13282" s="40">
        <v>221.21666700000003</v>
      </c>
      <c r="I13282" s="40">
        <v>26.818141970823135</v>
      </c>
    </row>
    <row r="13283" spans="8:9" x14ac:dyDescent="0.25">
      <c r="H13283" s="40">
        <v>221.23333400000001</v>
      </c>
      <c r="I13283" s="40">
        <v>26.821494706966394</v>
      </c>
    </row>
    <row r="13284" spans="8:9" x14ac:dyDescent="0.25">
      <c r="H13284" s="40">
        <v>221.25</v>
      </c>
      <c r="I13284" s="40">
        <v>26.821494706966394</v>
      </c>
    </row>
    <row r="13285" spans="8:9" x14ac:dyDescent="0.25">
      <c r="H13285" s="40">
        <v>221.26666699999998</v>
      </c>
      <c r="I13285" s="40">
        <v>26.824748833223154</v>
      </c>
    </row>
    <row r="13286" spans="8:9" x14ac:dyDescent="0.25">
      <c r="H13286" s="40">
        <v>221.28333400000002</v>
      </c>
      <c r="I13286" s="40">
        <v>26.824748833223154</v>
      </c>
    </row>
    <row r="13287" spans="8:9" x14ac:dyDescent="0.25">
      <c r="H13287" s="40">
        <v>221.3</v>
      </c>
      <c r="I13287" s="40">
        <v>26.82810156936641</v>
      </c>
    </row>
    <row r="13288" spans="8:9" x14ac:dyDescent="0.25">
      <c r="H13288" s="40">
        <v>221.316667</v>
      </c>
      <c r="I13288" s="40">
        <v>26.82810156936641</v>
      </c>
    </row>
    <row r="13289" spans="8:9" x14ac:dyDescent="0.25">
      <c r="H13289" s="40">
        <v>221.33333399999998</v>
      </c>
      <c r="I13289" s="40">
        <v>26.82810156936641</v>
      </c>
    </row>
    <row r="13290" spans="8:9" x14ac:dyDescent="0.25">
      <c r="H13290" s="40">
        <v>221.35000000000002</v>
      </c>
      <c r="I13290" s="40">
        <v>26.831454305509844</v>
      </c>
    </row>
    <row r="13291" spans="8:9" x14ac:dyDescent="0.25">
      <c r="H13291" s="40">
        <v>221.36666700000001</v>
      </c>
      <c r="I13291" s="40">
        <v>26.83470843176643</v>
      </c>
    </row>
    <row r="13292" spans="8:9" x14ac:dyDescent="0.25">
      <c r="H13292" s="40">
        <v>221.38333399999999</v>
      </c>
      <c r="I13292" s="40">
        <v>26.83470843176643</v>
      </c>
    </row>
    <row r="13293" spans="8:9" x14ac:dyDescent="0.25">
      <c r="H13293" s="40">
        <v>221.40000000000003</v>
      </c>
      <c r="I13293" s="40">
        <v>26.838061167909864</v>
      </c>
    </row>
    <row r="13294" spans="8:9" x14ac:dyDescent="0.25">
      <c r="H13294" s="40">
        <v>221.41666700000002</v>
      </c>
      <c r="I13294" s="40">
        <v>26.838061167909864</v>
      </c>
    </row>
    <row r="13295" spans="8:9" x14ac:dyDescent="0.25">
      <c r="H13295" s="40">
        <v>221.433334</v>
      </c>
      <c r="I13295" s="40">
        <v>26.841413904053123</v>
      </c>
    </row>
    <row r="13296" spans="8:9" x14ac:dyDescent="0.25">
      <c r="H13296" s="40">
        <v>221.45</v>
      </c>
      <c r="I13296" s="40">
        <v>26.841413904053123</v>
      </c>
    </row>
    <row r="13297" spans="8:9" x14ac:dyDescent="0.25">
      <c r="H13297" s="40">
        <v>221.46666700000003</v>
      </c>
      <c r="I13297" s="40">
        <v>26.841413904053123</v>
      </c>
    </row>
    <row r="13298" spans="8:9" x14ac:dyDescent="0.25">
      <c r="H13298" s="40">
        <v>221.48333400000001</v>
      </c>
      <c r="I13298" s="40">
        <v>26.844668030309887</v>
      </c>
    </row>
    <row r="13299" spans="8:9" x14ac:dyDescent="0.25">
      <c r="H13299" s="40">
        <v>221.5</v>
      </c>
      <c r="I13299" s="40">
        <v>26.844668030309887</v>
      </c>
    </row>
    <row r="13300" spans="8:9" x14ac:dyDescent="0.25">
      <c r="H13300" s="40">
        <v>221.51666699999998</v>
      </c>
      <c r="I13300" s="40">
        <v>26.848020766453139</v>
      </c>
    </row>
    <row r="13301" spans="8:9" x14ac:dyDescent="0.25">
      <c r="H13301" s="40">
        <v>221.53333400000002</v>
      </c>
      <c r="I13301" s="40">
        <v>26.848020766453139</v>
      </c>
    </row>
    <row r="13302" spans="8:9" x14ac:dyDescent="0.25">
      <c r="H13302" s="40">
        <v>221.55</v>
      </c>
      <c r="I13302" s="40">
        <v>26.851373502596573</v>
      </c>
    </row>
    <row r="13303" spans="8:9" x14ac:dyDescent="0.25">
      <c r="H13303" s="40">
        <v>221.566667</v>
      </c>
      <c r="I13303" s="40">
        <v>26.851373502596573</v>
      </c>
    </row>
    <row r="13304" spans="8:9" x14ac:dyDescent="0.25">
      <c r="H13304" s="40">
        <v>221.58333399999998</v>
      </c>
      <c r="I13304" s="40">
        <v>26.851373502596573</v>
      </c>
    </row>
    <row r="13305" spans="8:9" x14ac:dyDescent="0.25">
      <c r="H13305" s="40">
        <v>221.60000000000002</v>
      </c>
      <c r="I13305" s="40">
        <v>26.854627628853336</v>
      </c>
    </row>
    <row r="13306" spans="8:9" x14ac:dyDescent="0.25">
      <c r="H13306" s="40">
        <v>221.61666700000001</v>
      </c>
      <c r="I13306" s="40">
        <v>26.854627628853336</v>
      </c>
    </row>
    <row r="13307" spans="8:9" x14ac:dyDescent="0.25">
      <c r="H13307" s="40">
        <v>221.63333399999999</v>
      </c>
      <c r="I13307" s="40">
        <v>26.854627628853336</v>
      </c>
    </row>
    <row r="13308" spans="8:9" x14ac:dyDescent="0.25">
      <c r="H13308" s="40">
        <v>221.65000000000003</v>
      </c>
      <c r="I13308" s="40">
        <v>26.854627628853336</v>
      </c>
    </row>
    <row r="13309" spans="8:9" x14ac:dyDescent="0.25">
      <c r="H13309" s="40">
        <v>221.66666700000002</v>
      </c>
      <c r="I13309" s="40">
        <v>26.854627628853336</v>
      </c>
    </row>
    <row r="13310" spans="8:9" x14ac:dyDescent="0.25">
      <c r="H13310" s="40">
        <v>221.683334</v>
      </c>
      <c r="I13310" s="40">
        <v>26.857980364996596</v>
      </c>
    </row>
    <row r="13311" spans="8:9" x14ac:dyDescent="0.25">
      <c r="H13311" s="40">
        <v>221.7</v>
      </c>
      <c r="I13311" s="40">
        <v>26.857980364996596</v>
      </c>
    </row>
    <row r="13312" spans="8:9" x14ac:dyDescent="0.25">
      <c r="H13312" s="40">
        <v>221.71666700000003</v>
      </c>
      <c r="I13312" s="40">
        <v>26.857980364996596</v>
      </c>
    </row>
    <row r="13313" spans="8:9" x14ac:dyDescent="0.25">
      <c r="H13313" s="40">
        <v>221.73333400000001</v>
      </c>
      <c r="I13313" s="40">
        <v>26.857980364996596</v>
      </c>
    </row>
    <row r="13314" spans="8:9" x14ac:dyDescent="0.25">
      <c r="H13314" s="40">
        <v>221.75</v>
      </c>
      <c r="I13314" s="40">
        <v>26.857980364996596</v>
      </c>
    </row>
    <row r="13315" spans="8:9" x14ac:dyDescent="0.25">
      <c r="H13315" s="40">
        <v>221.76666699999998</v>
      </c>
      <c r="I13315" s="40">
        <v>26.857980364996596</v>
      </c>
    </row>
    <row r="13316" spans="8:9" x14ac:dyDescent="0.25">
      <c r="H13316" s="40">
        <v>221.78333400000002</v>
      </c>
      <c r="I13316" s="40">
        <v>26.861333101139852</v>
      </c>
    </row>
    <row r="13317" spans="8:9" x14ac:dyDescent="0.25">
      <c r="H13317" s="40">
        <v>221.8</v>
      </c>
      <c r="I13317" s="40">
        <v>26.861333101139852</v>
      </c>
    </row>
    <row r="13318" spans="8:9" x14ac:dyDescent="0.25">
      <c r="H13318" s="40">
        <v>221.816667</v>
      </c>
      <c r="I13318" s="40">
        <v>26.861333101139852</v>
      </c>
    </row>
    <row r="13319" spans="8:9" x14ac:dyDescent="0.25">
      <c r="H13319" s="40">
        <v>221.83333399999998</v>
      </c>
      <c r="I13319" s="40">
        <v>26.861333101139852</v>
      </c>
    </row>
    <row r="13320" spans="8:9" x14ac:dyDescent="0.25">
      <c r="H13320" s="40">
        <v>221.85000000000002</v>
      </c>
      <c r="I13320" s="40">
        <v>26.861333101139852</v>
      </c>
    </row>
    <row r="13321" spans="8:9" x14ac:dyDescent="0.25">
      <c r="H13321" s="40">
        <v>221.86666700000001</v>
      </c>
      <c r="I13321" s="40">
        <v>26.861333101139852</v>
      </c>
    </row>
    <row r="13322" spans="8:9" x14ac:dyDescent="0.25">
      <c r="H13322" s="40">
        <v>221.88333399999999</v>
      </c>
      <c r="I13322" s="40">
        <v>26.861333101139852</v>
      </c>
    </row>
    <row r="13323" spans="8:9" x14ac:dyDescent="0.25">
      <c r="H13323" s="40">
        <v>221.90000000000003</v>
      </c>
      <c r="I13323" s="40">
        <v>26.861333101139852</v>
      </c>
    </row>
    <row r="13324" spans="8:9" x14ac:dyDescent="0.25">
      <c r="H13324" s="40">
        <v>221.91666700000002</v>
      </c>
      <c r="I13324" s="40">
        <v>26.861333101139852</v>
      </c>
    </row>
    <row r="13325" spans="8:9" x14ac:dyDescent="0.25">
      <c r="H13325" s="40">
        <v>221.933334</v>
      </c>
      <c r="I13325" s="40">
        <v>26.861333101139852</v>
      </c>
    </row>
    <row r="13326" spans="8:9" x14ac:dyDescent="0.25">
      <c r="H13326" s="40">
        <v>221.95</v>
      </c>
      <c r="I13326" s="40">
        <v>26.861333101139852</v>
      </c>
    </row>
    <row r="13327" spans="8:9" x14ac:dyDescent="0.25">
      <c r="H13327" s="40">
        <v>221.96666700000003</v>
      </c>
      <c r="I13327" s="40">
        <v>26.861333101139852</v>
      </c>
    </row>
    <row r="13328" spans="8:9" x14ac:dyDescent="0.25">
      <c r="H13328" s="40">
        <v>221.98333400000001</v>
      </c>
      <c r="I13328" s="40">
        <v>26.861333101139852</v>
      </c>
    </row>
    <row r="13329" spans="8:9" x14ac:dyDescent="0.25">
      <c r="H13329" s="40">
        <v>222</v>
      </c>
      <c r="I13329" s="40">
        <v>26.861333101139852</v>
      </c>
    </row>
    <row r="13330" spans="8:9" x14ac:dyDescent="0.25">
      <c r="H13330" s="40">
        <v>222.01666699999998</v>
      </c>
      <c r="I13330" s="40">
        <v>26.861333101139852</v>
      </c>
    </row>
    <row r="13331" spans="8:9" x14ac:dyDescent="0.25">
      <c r="H13331" s="40">
        <v>222.03333400000002</v>
      </c>
      <c r="I13331" s="40">
        <v>26.861333101139852</v>
      </c>
    </row>
    <row r="13332" spans="8:9" x14ac:dyDescent="0.25">
      <c r="H13332" s="40">
        <v>222.05</v>
      </c>
      <c r="I13332" s="40">
        <v>26.864587227396616</v>
      </c>
    </row>
    <row r="13333" spans="8:9" x14ac:dyDescent="0.25">
      <c r="H13333" s="40">
        <v>222.066667</v>
      </c>
      <c r="I13333" s="40">
        <v>26.864587227396616</v>
      </c>
    </row>
    <row r="13334" spans="8:9" x14ac:dyDescent="0.25">
      <c r="H13334" s="40">
        <v>222.08333399999998</v>
      </c>
      <c r="I13334" s="40">
        <v>26.864587227396616</v>
      </c>
    </row>
    <row r="13335" spans="8:9" x14ac:dyDescent="0.25">
      <c r="H13335" s="40">
        <v>222.10000000000002</v>
      </c>
      <c r="I13335" s="40">
        <v>26.864587227396616</v>
      </c>
    </row>
    <row r="13336" spans="8:9" x14ac:dyDescent="0.25">
      <c r="H13336" s="40">
        <v>222.11666700000001</v>
      </c>
      <c r="I13336" s="40">
        <v>26.864587227396616</v>
      </c>
    </row>
    <row r="13337" spans="8:9" x14ac:dyDescent="0.25">
      <c r="H13337" s="40">
        <v>222.13333399999999</v>
      </c>
      <c r="I13337" s="40">
        <v>26.867939963539868</v>
      </c>
    </row>
    <row r="13338" spans="8:9" x14ac:dyDescent="0.25">
      <c r="H13338" s="40">
        <v>222.15000000000003</v>
      </c>
      <c r="I13338" s="40">
        <v>26.867939963539868</v>
      </c>
    </row>
    <row r="13339" spans="8:9" x14ac:dyDescent="0.25">
      <c r="H13339" s="40">
        <v>222.16666700000002</v>
      </c>
      <c r="I13339" s="40">
        <v>26.867939963539868</v>
      </c>
    </row>
    <row r="13340" spans="8:9" x14ac:dyDescent="0.25">
      <c r="H13340" s="40">
        <v>222.183334</v>
      </c>
      <c r="I13340" s="40">
        <v>26.867939963539868</v>
      </c>
    </row>
    <row r="13341" spans="8:9" x14ac:dyDescent="0.25">
      <c r="H13341" s="40">
        <v>222.2</v>
      </c>
      <c r="I13341" s="40">
        <v>26.867939963539868</v>
      </c>
    </row>
    <row r="13342" spans="8:9" x14ac:dyDescent="0.25">
      <c r="H13342" s="40">
        <v>222.21666700000003</v>
      </c>
      <c r="I13342" s="40">
        <v>26.867939963539868</v>
      </c>
    </row>
    <row r="13343" spans="8:9" x14ac:dyDescent="0.25">
      <c r="H13343" s="40">
        <v>222.23333400000001</v>
      </c>
      <c r="I13343" s="40">
        <v>26.871292699683302</v>
      </c>
    </row>
    <row r="13344" spans="8:9" x14ac:dyDescent="0.25">
      <c r="H13344" s="40">
        <v>222.25</v>
      </c>
      <c r="I13344" s="40">
        <v>26.871292699683302</v>
      </c>
    </row>
    <row r="13345" spans="8:9" x14ac:dyDescent="0.25">
      <c r="H13345" s="40">
        <v>222.26666699999998</v>
      </c>
      <c r="I13345" s="40">
        <v>26.871292699683302</v>
      </c>
    </row>
    <row r="13346" spans="8:9" x14ac:dyDescent="0.25">
      <c r="H13346" s="40">
        <v>222.28333400000002</v>
      </c>
      <c r="I13346" s="40">
        <v>26.871292699683302</v>
      </c>
    </row>
    <row r="13347" spans="8:9" x14ac:dyDescent="0.25">
      <c r="H13347" s="40">
        <v>222.3</v>
      </c>
      <c r="I13347" s="40">
        <v>26.874546825940065</v>
      </c>
    </row>
    <row r="13348" spans="8:9" x14ac:dyDescent="0.25">
      <c r="H13348" s="40">
        <v>222.316667</v>
      </c>
      <c r="I13348" s="40">
        <v>26.874546825940065</v>
      </c>
    </row>
    <row r="13349" spans="8:9" x14ac:dyDescent="0.25">
      <c r="H13349" s="40">
        <v>222.33333399999998</v>
      </c>
      <c r="I13349" s="40">
        <v>26.874546825940065</v>
      </c>
    </row>
    <row r="13350" spans="8:9" x14ac:dyDescent="0.25">
      <c r="H13350" s="40">
        <v>222.35000000000002</v>
      </c>
      <c r="I13350" s="40">
        <v>26.874546825940065</v>
      </c>
    </row>
    <row r="13351" spans="8:9" x14ac:dyDescent="0.25">
      <c r="H13351" s="40">
        <v>222.36666700000001</v>
      </c>
      <c r="I13351" s="40">
        <v>26.877899562083325</v>
      </c>
    </row>
    <row r="13352" spans="8:9" x14ac:dyDescent="0.25">
      <c r="H13352" s="40">
        <v>222.38333399999999</v>
      </c>
      <c r="I13352" s="40">
        <v>26.877899562083325</v>
      </c>
    </row>
    <row r="13353" spans="8:9" x14ac:dyDescent="0.25">
      <c r="H13353" s="40">
        <v>222.40000000000003</v>
      </c>
      <c r="I13353" s="40">
        <v>26.877899562083325</v>
      </c>
    </row>
    <row r="13354" spans="8:9" x14ac:dyDescent="0.25">
      <c r="H13354" s="40">
        <v>222.41666700000002</v>
      </c>
      <c r="I13354" s="40">
        <v>26.877899562083325</v>
      </c>
    </row>
    <row r="13355" spans="8:9" x14ac:dyDescent="0.25">
      <c r="H13355" s="40">
        <v>222.433334</v>
      </c>
      <c r="I13355" s="40">
        <v>26.881252298226581</v>
      </c>
    </row>
    <row r="13356" spans="8:9" x14ac:dyDescent="0.25">
      <c r="H13356" s="40">
        <v>222.45</v>
      </c>
      <c r="I13356" s="40">
        <v>26.881252298226581</v>
      </c>
    </row>
    <row r="13357" spans="8:9" x14ac:dyDescent="0.25">
      <c r="H13357" s="40">
        <v>222.46666700000003</v>
      </c>
      <c r="I13357" s="40">
        <v>26.881252298226581</v>
      </c>
    </row>
    <row r="13358" spans="8:9" x14ac:dyDescent="0.25">
      <c r="H13358" s="40">
        <v>222.48333400000001</v>
      </c>
      <c r="I13358" s="40">
        <v>26.881252298226581</v>
      </c>
    </row>
    <row r="13359" spans="8:9" x14ac:dyDescent="0.25">
      <c r="H13359" s="40">
        <v>222.5</v>
      </c>
      <c r="I13359" s="40">
        <v>26.884506424483344</v>
      </c>
    </row>
    <row r="13360" spans="8:9" x14ac:dyDescent="0.25">
      <c r="H13360" s="40">
        <v>222.51666699999998</v>
      </c>
      <c r="I13360" s="40">
        <v>26.884506424483344</v>
      </c>
    </row>
    <row r="13361" spans="8:9" x14ac:dyDescent="0.25">
      <c r="H13361" s="40">
        <v>222.53333400000002</v>
      </c>
      <c r="I13361" s="40">
        <v>26.884506424483344</v>
      </c>
    </row>
    <row r="13362" spans="8:9" x14ac:dyDescent="0.25">
      <c r="H13362" s="40">
        <v>222.55</v>
      </c>
      <c r="I13362" s="40">
        <v>26.884506424483344</v>
      </c>
    </row>
    <row r="13363" spans="8:9" x14ac:dyDescent="0.25">
      <c r="H13363" s="40">
        <v>222.566667</v>
      </c>
      <c r="I13363" s="40">
        <v>26.887859160626601</v>
      </c>
    </row>
    <row r="13364" spans="8:9" x14ac:dyDescent="0.25">
      <c r="H13364" s="40">
        <v>222.58333399999998</v>
      </c>
      <c r="I13364" s="40">
        <v>26.887859160626601</v>
      </c>
    </row>
    <row r="13365" spans="8:9" x14ac:dyDescent="0.25">
      <c r="H13365" s="40">
        <v>222.60000000000002</v>
      </c>
      <c r="I13365" s="40">
        <v>26.887859160626601</v>
      </c>
    </row>
    <row r="13366" spans="8:9" x14ac:dyDescent="0.25">
      <c r="H13366" s="40">
        <v>222.61666700000001</v>
      </c>
      <c r="I13366" s="40">
        <v>26.887859160626601</v>
      </c>
    </row>
    <row r="13367" spans="8:9" x14ac:dyDescent="0.25">
      <c r="H13367" s="40">
        <v>222.63333399999999</v>
      </c>
      <c r="I13367" s="40">
        <v>26.887859160626601</v>
      </c>
    </row>
    <row r="13368" spans="8:9" x14ac:dyDescent="0.25">
      <c r="H13368" s="40">
        <v>222.65000000000003</v>
      </c>
      <c r="I13368" s="40">
        <v>26.891211896770034</v>
      </c>
    </row>
    <row r="13369" spans="8:9" x14ac:dyDescent="0.25">
      <c r="H13369" s="40">
        <v>222.66666700000002</v>
      </c>
      <c r="I13369" s="40">
        <v>26.891211896770034</v>
      </c>
    </row>
    <row r="13370" spans="8:9" x14ac:dyDescent="0.25">
      <c r="H13370" s="40">
        <v>222.683334</v>
      </c>
      <c r="I13370" s="40">
        <v>26.891211896770034</v>
      </c>
    </row>
    <row r="13371" spans="8:9" x14ac:dyDescent="0.25">
      <c r="H13371" s="40">
        <v>222.7</v>
      </c>
      <c r="I13371" s="40">
        <v>26.891211896770034</v>
      </c>
    </row>
    <row r="13372" spans="8:9" x14ac:dyDescent="0.25">
      <c r="H13372" s="40">
        <v>222.71666700000003</v>
      </c>
      <c r="I13372" s="40">
        <v>26.891211896770034</v>
      </c>
    </row>
    <row r="13373" spans="8:9" x14ac:dyDescent="0.25">
      <c r="H13373" s="40">
        <v>222.73333400000001</v>
      </c>
      <c r="I13373" s="40">
        <v>26.894466023026798</v>
      </c>
    </row>
    <row r="13374" spans="8:9" x14ac:dyDescent="0.25">
      <c r="H13374" s="40">
        <v>222.75</v>
      </c>
      <c r="I13374" s="40">
        <v>26.894466023026798</v>
      </c>
    </row>
    <row r="13375" spans="8:9" x14ac:dyDescent="0.25">
      <c r="H13375" s="40">
        <v>222.76666699999998</v>
      </c>
      <c r="I13375" s="40">
        <v>26.894466023026798</v>
      </c>
    </row>
    <row r="13376" spans="8:9" x14ac:dyDescent="0.25">
      <c r="H13376" s="40">
        <v>222.78333400000002</v>
      </c>
      <c r="I13376" s="40">
        <v>26.894466023026798</v>
      </c>
    </row>
    <row r="13377" spans="8:9" x14ac:dyDescent="0.25">
      <c r="H13377" s="40">
        <v>222.8</v>
      </c>
      <c r="I13377" s="40">
        <v>26.897818759170054</v>
      </c>
    </row>
    <row r="13378" spans="8:9" x14ac:dyDescent="0.25">
      <c r="H13378" s="40">
        <v>222.816667</v>
      </c>
      <c r="I13378" s="40">
        <v>26.897818759170054</v>
      </c>
    </row>
    <row r="13379" spans="8:9" x14ac:dyDescent="0.25">
      <c r="H13379" s="40">
        <v>222.83333399999998</v>
      </c>
      <c r="I13379" s="40">
        <v>26.897818759170054</v>
      </c>
    </row>
    <row r="13380" spans="8:9" x14ac:dyDescent="0.25">
      <c r="H13380" s="40">
        <v>222.85000000000002</v>
      </c>
      <c r="I13380" s="40">
        <v>26.897818759170054</v>
      </c>
    </row>
    <row r="13381" spans="8:9" x14ac:dyDescent="0.25">
      <c r="H13381" s="40">
        <v>222.86666700000001</v>
      </c>
      <c r="I13381" s="40">
        <v>26.901171495313314</v>
      </c>
    </row>
    <row r="13382" spans="8:9" x14ac:dyDescent="0.25">
      <c r="H13382" s="40">
        <v>222.88333399999999</v>
      </c>
      <c r="I13382" s="40">
        <v>26.901171495313314</v>
      </c>
    </row>
    <row r="13383" spans="8:9" x14ac:dyDescent="0.25">
      <c r="H13383" s="40">
        <v>222.90000000000003</v>
      </c>
      <c r="I13383" s="40">
        <v>26.901171495313314</v>
      </c>
    </row>
    <row r="13384" spans="8:9" x14ac:dyDescent="0.25">
      <c r="H13384" s="40">
        <v>222.91666700000002</v>
      </c>
      <c r="I13384" s="40">
        <v>26.901171495313314</v>
      </c>
    </row>
    <row r="13385" spans="8:9" x14ac:dyDescent="0.25">
      <c r="H13385" s="40">
        <v>222.933334</v>
      </c>
      <c r="I13385" s="40">
        <v>26.901171495313314</v>
      </c>
    </row>
    <row r="13386" spans="8:9" x14ac:dyDescent="0.25">
      <c r="H13386" s="40">
        <v>222.95</v>
      </c>
      <c r="I13386" s="40">
        <v>26.901171495313314</v>
      </c>
    </row>
    <row r="13387" spans="8:9" x14ac:dyDescent="0.25">
      <c r="H13387" s="40">
        <v>222.96666700000003</v>
      </c>
      <c r="I13387" s="40">
        <v>26.904425621570077</v>
      </c>
    </row>
    <row r="13388" spans="8:9" x14ac:dyDescent="0.25">
      <c r="H13388" s="40">
        <v>222.98333400000001</v>
      </c>
      <c r="I13388" s="40">
        <v>26.904425621570077</v>
      </c>
    </row>
    <row r="13389" spans="8:9" x14ac:dyDescent="0.25">
      <c r="H13389" s="40">
        <v>223</v>
      </c>
      <c r="I13389" s="40">
        <v>26.904425621570077</v>
      </c>
    </row>
    <row r="13390" spans="8:9" x14ac:dyDescent="0.25">
      <c r="H13390" s="40">
        <v>223.01666699999998</v>
      </c>
      <c r="I13390" s="40">
        <v>26.904425621570077</v>
      </c>
    </row>
    <row r="13391" spans="8:9" x14ac:dyDescent="0.25">
      <c r="H13391" s="40">
        <v>223.03333400000002</v>
      </c>
      <c r="I13391" s="40">
        <v>26.907778357713504</v>
      </c>
    </row>
    <row r="13392" spans="8:9" x14ac:dyDescent="0.25">
      <c r="H13392" s="40">
        <v>223.05</v>
      </c>
      <c r="I13392" s="40">
        <v>26.907778357713504</v>
      </c>
    </row>
    <row r="13393" spans="8:9" x14ac:dyDescent="0.25">
      <c r="H13393" s="40">
        <v>223.066667</v>
      </c>
      <c r="I13393" s="40">
        <v>26.907778357713504</v>
      </c>
    </row>
    <row r="13394" spans="8:9" x14ac:dyDescent="0.25">
      <c r="H13394" s="40">
        <v>223.08333399999998</v>
      </c>
      <c r="I13394" s="40">
        <v>26.907778357713504</v>
      </c>
    </row>
    <row r="13395" spans="8:9" x14ac:dyDescent="0.25">
      <c r="H13395" s="40">
        <v>223.10000000000002</v>
      </c>
      <c r="I13395" s="40">
        <v>26.911131093856763</v>
      </c>
    </row>
    <row r="13396" spans="8:9" x14ac:dyDescent="0.25">
      <c r="H13396" s="40">
        <v>223.11666700000001</v>
      </c>
      <c r="I13396" s="40">
        <v>26.911131093856763</v>
      </c>
    </row>
    <row r="13397" spans="8:9" x14ac:dyDescent="0.25">
      <c r="H13397" s="40">
        <v>223.13333399999999</v>
      </c>
      <c r="I13397" s="40">
        <v>26.911131093856763</v>
      </c>
    </row>
    <row r="13398" spans="8:9" x14ac:dyDescent="0.25">
      <c r="H13398" s="40">
        <v>223.15000000000003</v>
      </c>
      <c r="I13398" s="40">
        <v>26.91448383000002</v>
      </c>
    </row>
    <row r="13399" spans="8:9" x14ac:dyDescent="0.25">
      <c r="H13399" s="40">
        <v>223.16666700000002</v>
      </c>
      <c r="I13399" s="40">
        <v>26.91448383000002</v>
      </c>
    </row>
    <row r="13400" spans="8:9" x14ac:dyDescent="0.25">
      <c r="H13400" s="40">
        <v>223.183334</v>
      </c>
      <c r="I13400" s="40">
        <v>26.91448383000002</v>
      </c>
    </row>
    <row r="13401" spans="8:9" x14ac:dyDescent="0.25">
      <c r="H13401" s="40">
        <v>223.2</v>
      </c>
      <c r="I13401" s="40">
        <v>26.917737956256783</v>
      </c>
    </row>
    <row r="13402" spans="8:9" x14ac:dyDescent="0.25">
      <c r="H13402" s="40">
        <v>223.21666700000003</v>
      </c>
      <c r="I13402" s="40">
        <v>26.917737956256783</v>
      </c>
    </row>
    <row r="13403" spans="8:9" x14ac:dyDescent="0.25">
      <c r="H13403" s="40">
        <v>223.23333400000001</v>
      </c>
      <c r="I13403" s="40">
        <v>26.917737956256783</v>
      </c>
    </row>
    <row r="13404" spans="8:9" x14ac:dyDescent="0.25">
      <c r="H13404" s="40">
        <v>223.25</v>
      </c>
      <c r="I13404" s="40">
        <v>26.917737956256783</v>
      </c>
    </row>
    <row r="13405" spans="8:9" x14ac:dyDescent="0.25">
      <c r="H13405" s="40">
        <v>223.26666699999998</v>
      </c>
      <c r="I13405" s="40">
        <v>26.921090692400043</v>
      </c>
    </row>
    <row r="13406" spans="8:9" x14ac:dyDescent="0.25">
      <c r="H13406" s="40">
        <v>223.28333400000002</v>
      </c>
      <c r="I13406" s="40">
        <v>26.921090692400043</v>
      </c>
    </row>
    <row r="13407" spans="8:9" x14ac:dyDescent="0.25">
      <c r="H13407" s="40">
        <v>223.3</v>
      </c>
      <c r="I13407" s="40">
        <v>26.921090692400043</v>
      </c>
    </row>
    <row r="13408" spans="8:9" x14ac:dyDescent="0.25">
      <c r="H13408" s="40">
        <v>223.316667</v>
      </c>
      <c r="I13408" s="40">
        <v>26.921090692400043</v>
      </c>
    </row>
    <row r="13409" spans="8:9" x14ac:dyDescent="0.25">
      <c r="H13409" s="40">
        <v>223.33333399999998</v>
      </c>
      <c r="I13409" s="40">
        <v>26.924443428543473</v>
      </c>
    </row>
    <row r="13410" spans="8:9" x14ac:dyDescent="0.25">
      <c r="H13410" s="40">
        <v>223.35000000000002</v>
      </c>
      <c r="I13410" s="40">
        <v>26.924443428543473</v>
      </c>
    </row>
    <row r="13411" spans="8:9" x14ac:dyDescent="0.25">
      <c r="H13411" s="40">
        <v>223.36666700000001</v>
      </c>
      <c r="I13411" s="40">
        <v>26.924443428543473</v>
      </c>
    </row>
    <row r="13412" spans="8:9" x14ac:dyDescent="0.25">
      <c r="H13412" s="40">
        <v>223.38333399999999</v>
      </c>
      <c r="I13412" s="40">
        <v>26.924443428543473</v>
      </c>
    </row>
    <row r="13413" spans="8:9" x14ac:dyDescent="0.25">
      <c r="H13413" s="40">
        <v>223.40000000000003</v>
      </c>
      <c r="I13413" s="40">
        <v>26.924443428543473</v>
      </c>
    </row>
    <row r="13414" spans="8:9" x14ac:dyDescent="0.25">
      <c r="H13414" s="40">
        <v>223.41666700000002</v>
      </c>
      <c r="I13414" s="40">
        <v>26.924443428543473</v>
      </c>
    </row>
    <row r="13415" spans="8:9" x14ac:dyDescent="0.25">
      <c r="H13415" s="40">
        <v>223.433334</v>
      </c>
      <c r="I13415" s="40">
        <v>26.924443428543473</v>
      </c>
    </row>
    <row r="13416" spans="8:9" x14ac:dyDescent="0.25">
      <c r="H13416" s="40">
        <v>223.45</v>
      </c>
      <c r="I13416" s="40">
        <v>26.924443428543473</v>
      </c>
    </row>
    <row r="13417" spans="8:9" x14ac:dyDescent="0.25">
      <c r="H13417" s="40">
        <v>223.46666700000003</v>
      </c>
      <c r="I13417" s="40">
        <v>26.924443428543473</v>
      </c>
    </row>
    <row r="13418" spans="8:9" x14ac:dyDescent="0.25">
      <c r="H13418" s="40">
        <v>223.48333400000001</v>
      </c>
      <c r="I13418" s="40">
        <v>26.924443428543473</v>
      </c>
    </row>
    <row r="13419" spans="8:9" x14ac:dyDescent="0.25">
      <c r="H13419" s="40">
        <v>223.5</v>
      </c>
      <c r="I13419" s="40">
        <v>26.927697554800236</v>
      </c>
    </row>
    <row r="13420" spans="8:9" x14ac:dyDescent="0.25">
      <c r="H13420" s="40">
        <v>223.51666699999998</v>
      </c>
      <c r="I13420" s="40">
        <v>26.924443428543473</v>
      </c>
    </row>
    <row r="13421" spans="8:9" x14ac:dyDescent="0.25">
      <c r="H13421" s="40">
        <v>223.53333400000002</v>
      </c>
      <c r="I13421" s="40">
        <v>26.927697554800236</v>
      </c>
    </row>
    <row r="13422" spans="8:9" x14ac:dyDescent="0.25">
      <c r="H13422" s="40">
        <v>223.55</v>
      </c>
      <c r="I13422" s="40">
        <v>26.927697554800236</v>
      </c>
    </row>
    <row r="13423" spans="8:9" x14ac:dyDescent="0.25">
      <c r="H13423" s="40">
        <v>223.566667</v>
      </c>
      <c r="I13423" s="40">
        <v>26.927697554800236</v>
      </c>
    </row>
    <row r="13424" spans="8:9" x14ac:dyDescent="0.25">
      <c r="H13424" s="40">
        <v>223.58333399999998</v>
      </c>
      <c r="I13424" s="40">
        <v>26.927697554800236</v>
      </c>
    </row>
    <row r="13425" spans="8:9" x14ac:dyDescent="0.25">
      <c r="H13425" s="40">
        <v>223.60000000000002</v>
      </c>
      <c r="I13425" s="40">
        <v>26.927697554800236</v>
      </c>
    </row>
    <row r="13426" spans="8:9" x14ac:dyDescent="0.25">
      <c r="H13426" s="40">
        <v>223.61666700000001</v>
      </c>
      <c r="I13426" s="40">
        <v>26.924443428543473</v>
      </c>
    </row>
    <row r="13427" spans="8:9" x14ac:dyDescent="0.25">
      <c r="H13427" s="40">
        <v>223.63333399999999</v>
      </c>
      <c r="I13427" s="40">
        <v>26.924443428543473</v>
      </c>
    </row>
    <row r="13428" spans="8:9" x14ac:dyDescent="0.25">
      <c r="H13428" s="40">
        <v>223.65000000000003</v>
      </c>
      <c r="I13428" s="40">
        <v>26.924443428543473</v>
      </c>
    </row>
    <row r="13429" spans="8:9" x14ac:dyDescent="0.25">
      <c r="H13429" s="40">
        <v>223.66666700000002</v>
      </c>
      <c r="I13429" s="40">
        <v>26.924443428543473</v>
      </c>
    </row>
    <row r="13430" spans="8:9" x14ac:dyDescent="0.25">
      <c r="H13430" s="40">
        <v>223.683334</v>
      </c>
      <c r="I13430" s="40">
        <v>26.924443428543473</v>
      </c>
    </row>
    <row r="13431" spans="8:9" x14ac:dyDescent="0.25">
      <c r="H13431" s="40">
        <v>223.7</v>
      </c>
      <c r="I13431" s="40">
        <v>26.924443428543473</v>
      </c>
    </row>
    <row r="13432" spans="8:9" x14ac:dyDescent="0.25">
      <c r="H13432" s="40">
        <v>223.71666700000003</v>
      </c>
      <c r="I13432" s="40">
        <v>26.924443428543473</v>
      </c>
    </row>
    <row r="13433" spans="8:9" x14ac:dyDescent="0.25">
      <c r="H13433" s="40">
        <v>223.73333400000001</v>
      </c>
      <c r="I13433" s="40">
        <v>26.924443428543473</v>
      </c>
    </row>
    <row r="13434" spans="8:9" x14ac:dyDescent="0.25">
      <c r="H13434" s="40">
        <v>223.75</v>
      </c>
      <c r="I13434" s="40">
        <v>26.924443428543473</v>
      </c>
    </row>
    <row r="13435" spans="8:9" x14ac:dyDescent="0.25">
      <c r="H13435" s="40">
        <v>223.76666699999998</v>
      </c>
      <c r="I13435" s="40">
        <v>26.924443428543473</v>
      </c>
    </row>
    <row r="13436" spans="8:9" x14ac:dyDescent="0.25">
      <c r="H13436" s="40">
        <v>223.78333400000002</v>
      </c>
      <c r="I13436" s="40">
        <v>26.924443428543473</v>
      </c>
    </row>
    <row r="13437" spans="8:9" x14ac:dyDescent="0.25">
      <c r="H13437" s="40">
        <v>223.8</v>
      </c>
      <c r="I13437" s="40">
        <v>26.924443428543473</v>
      </c>
    </row>
    <row r="13438" spans="8:9" x14ac:dyDescent="0.25">
      <c r="H13438" s="40">
        <v>223.816667</v>
      </c>
      <c r="I13438" s="40">
        <v>26.924443428543473</v>
      </c>
    </row>
    <row r="13439" spans="8:9" x14ac:dyDescent="0.25">
      <c r="H13439" s="40">
        <v>223.83333399999998</v>
      </c>
      <c r="I13439" s="40">
        <v>26.924443428543473</v>
      </c>
    </row>
    <row r="13440" spans="8:9" x14ac:dyDescent="0.25">
      <c r="H13440" s="40">
        <v>223.85000000000002</v>
      </c>
      <c r="I13440" s="40">
        <v>26.924443428543473</v>
      </c>
    </row>
    <row r="13441" spans="8:9" x14ac:dyDescent="0.25">
      <c r="H13441" s="40">
        <v>223.86666700000001</v>
      </c>
      <c r="I13441" s="40">
        <v>26.924443428543473</v>
      </c>
    </row>
    <row r="13442" spans="8:9" x14ac:dyDescent="0.25">
      <c r="H13442" s="40">
        <v>223.88333399999999</v>
      </c>
      <c r="I13442" s="40">
        <v>26.924443428543473</v>
      </c>
    </row>
    <row r="13443" spans="8:9" x14ac:dyDescent="0.25">
      <c r="H13443" s="40">
        <v>223.90000000000003</v>
      </c>
      <c r="I13443" s="40">
        <v>26.921090692400043</v>
      </c>
    </row>
    <row r="13444" spans="8:9" x14ac:dyDescent="0.25">
      <c r="H13444" s="40">
        <v>223.91666700000002</v>
      </c>
      <c r="I13444" s="40">
        <v>26.921090692400043</v>
      </c>
    </row>
    <row r="13445" spans="8:9" x14ac:dyDescent="0.25">
      <c r="H13445" s="40">
        <v>223.933334</v>
      </c>
      <c r="I13445" s="40">
        <v>26.921090692400043</v>
      </c>
    </row>
    <row r="13446" spans="8:9" x14ac:dyDescent="0.25">
      <c r="H13446" s="40">
        <v>223.95</v>
      </c>
      <c r="I13446" s="40">
        <v>26.921090692400043</v>
      </c>
    </row>
    <row r="13447" spans="8:9" x14ac:dyDescent="0.25">
      <c r="H13447" s="40">
        <v>223.96666700000003</v>
      </c>
      <c r="I13447" s="40">
        <v>26.921090692400043</v>
      </c>
    </row>
    <row r="13448" spans="8:9" x14ac:dyDescent="0.25">
      <c r="H13448" s="40">
        <v>223.98333400000001</v>
      </c>
      <c r="I13448" s="40">
        <v>26.917737956256783</v>
      </c>
    </row>
    <row r="13449" spans="8:9" x14ac:dyDescent="0.25">
      <c r="H13449" s="40">
        <v>224</v>
      </c>
      <c r="I13449" s="40">
        <v>26.917737956256783</v>
      </c>
    </row>
    <row r="13450" spans="8:9" x14ac:dyDescent="0.25">
      <c r="H13450" s="40">
        <v>224.01666699999998</v>
      </c>
      <c r="I13450" s="40">
        <v>26.917737956256783</v>
      </c>
    </row>
    <row r="13451" spans="8:9" x14ac:dyDescent="0.25">
      <c r="H13451" s="40">
        <v>224.03333400000002</v>
      </c>
      <c r="I13451" s="40">
        <v>26.917737956256783</v>
      </c>
    </row>
    <row r="13452" spans="8:9" x14ac:dyDescent="0.25">
      <c r="H13452" s="40">
        <v>224.05</v>
      </c>
      <c r="I13452" s="40">
        <v>26.917737956256783</v>
      </c>
    </row>
    <row r="13453" spans="8:9" x14ac:dyDescent="0.25">
      <c r="H13453" s="40">
        <v>224.066667</v>
      </c>
      <c r="I13453" s="40">
        <v>26.91448383000002</v>
      </c>
    </row>
    <row r="13454" spans="8:9" x14ac:dyDescent="0.25">
      <c r="H13454" s="40">
        <v>224.08333399999998</v>
      </c>
      <c r="I13454" s="40">
        <v>26.91448383000002</v>
      </c>
    </row>
    <row r="13455" spans="8:9" x14ac:dyDescent="0.25">
      <c r="H13455" s="40">
        <v>224.10000000000002</v>
      </c>
      <c r="I13455" s="40">
        <v>26.91448383000002</v>
      </c>
    </row>
    <row r="13456" spans="8:9" x14ac:dyDescent="0.25">
      <c r="H13456" s="40">
        <v>224.11666700000001</v>
      </c>
      <c r="I13456" s="40">
        <v>26.91448383000002</v>
      </c>
    </row>
    <row r="13457" spans="8:9" x14ac:dyDescent="0.25">
      <c r="H13457" s="40">
        <v>224.13333399999999</v>
      </c>
      <c r="I13457" s="40">
        <v>26.911131093856763</v>
      </c>
    </row>
    <row r="13458" spans="8:9" x14ac:dyDescent="0.25">
      <c r="H13458" s="40">
        <v>224.15000000000003</v>
      </c>
      <c r="I13458" s="40">
        <v>26.911131093856763</v>
      </c>
    </row>
    <row r="13459" spans="8:9" x14ac:dyDescent="0.25">
      <c r="H13459" s="40">
        <v>224.16666700000002</v>
      </c>
      <c r="I13459" s="40">
        <v>26.911131093856763</v>
      </c>
    </row>
    <row r="13460" spans="8:9" x14ac:dyDescent="0.25">
      <c r="H13460" s="40">
        <v>224.183334</v>
      </c>
      <c r="I13460" s="40">
        <v>26.907778357713504</v>
      </c>
    </row>
    <row r="13461" spans="8:9" x14ac:dyDescent="0.25">
      <c r="H13461" s="40">
        <v>224.2</v>
      </c>
      <c r="I13461" s="40">
        <v>26.907778357713504</v>
      </c>
    </row>
    <row r="13462" spans="8:9" x14ac:dyDescent="0.25">
      <c r="H13462" s="40">
        <v>224.21666700000003</v>
      </c>
      <c r="I13462" s="40">
        <v>26.907778357713504</v>
      </c>
    </row>
    <row r="13463" spans="8:9" x14ac:dyDescent="0.25">
      <c r="H13463" s="40">
        <v>224.23333400000001</v>
      </c>
      <c r="I13463" s="40">
        <v>26.907778357713504</v>
      </c>
    </row>
    <row r="13464" spans="8:9" x14ac:dyDescent="0.25">
      <c r="H13464" s="40">
        <v>224.25</v>
      </c>
      <c r="I13464" s="40">
        <v>26.907778357713504</v>
      </c>
    </row>
    <row r="13465" spans="8:9" x14ac:dyDescent="0.25">
      <c r="H13465" s="40">
        <v>224.26666699999998</v>
      </c>
      <c r="I13465" s="40">
        <v>26.904425621570077</v>
      </c>
    </row>
    <row r="13466" spans="8:9" x14ac:dyDescent="0.25">
      <c r="H13466" s="40">
        <v>224.28333400000002</v>
      </c>
      <c r="I13466" s="40">
        <v>26.904425621570077</v>
      </c>
    </row>
    <row r="13467" spans="8:9" x14ac:dyDescent="0.25">
      <c r="H13467" s="40">
        <v>224.3</v>
      </c>
      <c r="I13467" s="40">
        <v>26.901171495313314</v>
      </c>
    </row>
    <row r="13468" spans="8:9" x14ac:dyDescent="0.25">
      <c r="H13468" s="40">
        <v>224.316667</v>
      </c>
      <c r="I13468" s="40">
        <v>26.901171495313314</v>
      </c>
    </row>
    <row r="13469" spans="8:9" x14ac:dyDescent="0.25">
      <c r="H13469" s="40">
        <v>224.33333399999998</v>
      </c>
      <c r="I13469" s="40">
        <v>26.901171495313314</v>
      </c>
    </row>
    <row r="13470" spans="8:9" x14ac:dyDescent="0.25">
      <c r="H13470" s="40">
        <v>224.35000000000002</v>
      </c>
      <c r="I13470" s="40">
        <v>26.897818759170054</v>
      </c>
    </row>
    <row r="13471" spans="8:9" x14ac:dyDescent="0.25">
      <c r="H13471" s="40">
        <v>224.36666700000001</v>
      </c>
      <c r="I13471" s="40">
        <v>26.897818759170054</v>
      </c>
    </row>
    <row r="13472" spans="8:9" x14ac:dyDescent="0.25">
      <c r="H13472" s="40">
        <v>224.38333399999999</v>
      </c>
      <c r="I13472" s="40">
        <v>26.897818759170054</v>
      </c>
    </row>
    <row r="13473" spans="8:9" x14ac:dyDescent="0.25">
      <c r="H13473" s="40">
        <v>224.40000000000003</v>
      </c>
      <c r="I13473" s="40">
        <v>26.894466023026798</v>
      </c>
    </row>
    <row r="13474" spans="8:9" x14ac:dyDescent="0.25">
      <c r="H13474" s="40">
        <v>224.41666700000002</v>
      </c>
      <c r="I13474" s="40">
        <v>26.894466023026798</v>
      </c>
    </row>
    <row r="13475" spans="8:9" x14ac:dyDescent="0.25">
      <c r="H13475" s="40">
        <v>224.433334</v>
      </c>
      <c r="I13475" s="40">
        <v>26.891211896770034</v>
      </c>
    </row>
    <row r="13476" spans="8:9" x14ac:dyDescent="0.25">
      <c r="H13476" s="40">
        <v>224.45</v>
      </c>
      <c r="I13476" s="40">
        <v>26.891211896770034</v>
      </c>
    </row>
    <row r="13477" spans="8:9" x14ac:dyDescent="0.25">
      <c r="H13477" s="40">
        <v>224.46666700000003</v>
      </c>
      <c r="I13477" s="40">
        <v>26.887859160626601</v>
      </c>
    </row>
    <row r="13478" spans="8:9" x14ac:dyDescent="0.25">
      <c r="H13478" s="40">
        <v>224.48333400000001</v>
      </c>
      <c r="I13478" s="40">
        <v>26.887859160626601</v>
      </c>
    </row>
    <row r="13479" spans="8:9" x14ac:dyDescent="0.25">
      <c r="H13479" s="40">
        <v>224.5</v>
      </c>
      <c r="I13479" s="40">
        <v>26.884506424483344</v>
      </c>
    </row>
    <row r="13480" spans="8:9" x14ac:dyDescent="0.25">
      <c r="H13480" s="40">
        <v>224.51666699999998</v>
      </c>
      <c r="I13480" s="40">
        <v>26.884506424483344</v>
      </c>
    </row>
    <row r="13481" spans="8:9" x14ac:dyDescent="0.25">
      <c r="H13481" s="40">
        <v>224.53333400000002</v>
      </c>
      <c r="I13481" s="40">
        <v>26.881252298226581</v>
      </c>
    </row>
    <row r="13482" spans="8:9" x14ac:dyDescent="0.25">
      <c r="H13482" s="40">
        <v>224.55</v>
      </c>
      <c r="I13482" s="40">
        <v>26.877899562083325</v>
      </c>
    </row>
    <row r="13483" spans="8:9" x14ac:dyDescent="0.25">
      <c r="H13483" s="40">
        <v>224.566667</v>
      </c>
      <c r="I13483" s="40">
        <v>26.877899562083325</v>
      </c>
    </row>
    <row r="13484" spans="8:9" x14ac:dyDescent="0.25">
      <c r="H13484" s="40">
        <v>224.58333399999998</v>
      </c>
      <c r="I13484" s="40">
        <v>26.874546825940065</v>
      </c>
    </row>
    <row r="13485" spans="8:9" x14ac:dyDescent="0.25">
      <c r="H13485" s="40">
        <v>224.60000000000002</v>
      </c>
      <c r="I13485" s="40">
        <v>26.874546825940065</v>
      </c>
    </row>
    <row r="13486" spans="8:9" x14ac:dyDescent="0.25">
      <c r="H13486" s="40">
        <v>224.61666700000001</v>
      </c>
      <c r="I13486" s="40">
        <v>26.871292699683302</v>
      </c>
    </row>
    <row r="13487" spans="8:9" x14ac:dyDescent="0.25">
      <c r="H13487" s="40">
        <v>224.63333399999999</v>
      </c>
      <c r="I13487" s="40">
        <v>26.867939963539868</v>
      </c>
    </row>
    <row r="13488" spans="8:9" x14ac:dyDescent="0.25">
      <c r="H13488" s="40">
        <v>224.65000000000003</v>
      </c>
      <c r="I13488" s="40">
        <v>26.864587227396616</v>
      </c>
    </row>
    <row r="13489" spans="8:9" x14ac:dyDescent="0.25">
      <c r="H13489" s="40">
        <v>224.66666700000002</v>
      </c>
      <c r="I13489" s="40">
        <v>26.861333101139852</v>
      </c>
    </row>
    <row r="13490" spans="8:9" x14ac:dyDescent="0.25">
      <c r="H13490" s="40">
        <v>224.683334</v>
      </c>
      <c r="I13490" s="40">
        <v>26.857980364996596</v>
      </c>
    </row>
    <row r="13491" spans="8:9" x14ac:dyDescent="0.25">
      <c r="H13491" s="40">
        <v>224.7</v>
      </c>
      <c r="I13491" s="40">
        <v>26.857980364996596</v>
      </c>
    </row>
    <row r="13492" spans="8:9" x14ac:dyDescent="0.25">
      <c r="H13492" s="40">
        <v>224.71666700000003</v>
      </c>
      <c r="I13492" s="40">
        <v>26.854627628853336</v>
      </c>
    </row>
    <row r="13493" spans="8:9" x14ac:dyDescent="0.25">
      <c r="H13493" s="40">
        <v>224.73333400000001</v>
      </c>
      <c r="I13493" s="40">
        <v>26.851373502596573</v>
      </c>
    </row>
    <row r="13494" spans="8:9" x14ac:dyDescent="0.25">
      <c r="H13494" s="40">
        <v>224.75</v>
      </c>
      <c r="I13494" s="40">
        <v>26.848020766453139</v>
      </c>
    </row>
    <row r="13495" spans="8:9" x14ac:dyDescent="0.25">
      <c r="H13495" s="40">
        <v>224.76666699999998</v>
      </c>
      <c r="I13495" s="40">
        <v>26.848020766453139</v>
      </c>
    </row>
    <row r="13496" spans="8:9" x14ac:dyDescent="0.25">
      <c r="H13496" s="40">
        <v>224.78333400000002</v>
      </c>
      <c r="I13496" s="40">
        <v>26.844668030309887</v>
      </c>
    </row>
    <row r="13497" spans="8:9" x14ac:dyDescent="0.25">
      <c r="H13497" s="40">
        <v>224.8</v>
      </c>
      <c r="I13497" s="40">
        <v>26.841413904053123</v>
      </c>
    </row>
    <row r="13498" spans="8:9" x14ac:dyDescent="0.25">
      <c r="H13498" s="40">
        <v>224.816667</v>
      </c>
      <c r="I13498" s="40">
        <v>26.841413904053123</v>
      </c>
    </row>
    <row r="13499" spans="8:9" x14ac:dyDescent="0.25">
      <c r="H13499" s="40">
        <v>224.83333399999998</v>
      </c>
      <c r="I13499" s="40">
        <v>26.838061167909864</v>
      </c>
    </row>
    <row r="13500" spans="8:9" x14ac:dyDescent="0.25">
      <c r="H13500" s="40">
        <v>224.85000000000002</v>
      </c>
      <c r="I13500" s="40">
        <v>26.838061167909864</v>
      </c>
    </row>
    <row r="13501" spans="8:9" x14ac:dyDescent="0.25">
      <c r="H13501" s="40">
        <v>224.86666700000001</v>
      </c>
      <c r="I13501" s="40">
        <v>26.83470843176643</v>
      </c>
    </row>
    <row r="13502" spans="8:9" x14ac:dyDescent="0.25">
      <c r="H13502" s="40">
        <v>224.88333399999999</v>
      </c>
      <c r="I13502" s="40">
        <v>26.83470843176643</v>
      </c>
    </row>
    <row r="13503" spans="8:9" x14ac:dyDescent="0.25">
      <c r="H13503" s="40">
        <v>224.90000000000003</v>
      </c>
      <c r="I13503" s="40">
        <v>26.831454305509844</v>
      </c>
    </row>
    <row r="13504" spans="8:9" x14ac:dyDescent="0.25">
      <c r="H13504" s="40">
        <v>224.91666700000002</v>
      </c>
      <c r="I13504" s="40">
        <v>26.831454305509844</v>
      </c>
    </row>
    <row r="13505" spans="8:9" x14ac:dyDescent="0.25">
      <c r="H13505" s="40">
        <v>224.933334</v>
      </c>
      <c r="I13505" s="40">
        <v>26.82810156936641</v>
      </c>
    </row>
    <row r="13506" spans="8:9" x14ac:dyDescent="0.25">
      <c r="H13506" s="40">
        <v>224.95</v>
      </c>
      <c r="I13506" s="40">
        <v>26.824748833223154</v>
      </c>
    </row>
    <row r="13507" spans="8:9" x14ac:dyDescent="0.25">
      <c r="H13507" s="40">
        <v>224.96666700000003</v>
      </c>
      <c r="I13507" s="40">
        <v>26.824748833223154</v>
      </c>
    </row>
    <row r="13508" spans="8:9" x14ac:dyDescent="0.25">
      <c r="H13508" s="40">
        <v>224.98333400000001</v>
      </c>
      <c r="I13508" s="40">
        <v>26.821494706966394</v>
      </c>
    </row>
    <row r="13509" spans="8:9" x14ac:dyDescent="0.25">
      <c r="H13509" s="40">
        <v>225</v>
      </c>
      <c r="I13509" s="40">
        <v>26.821494706966394</v>
      </c>
    </row>
    <row r="13510" spans="8:9" x14ac:dyDescent="0.25">
      <c r="H13510" s="40">
        <v>225.01666699999998</v>
      </c>
      <c r="I13510" s="40">
        <v>26.818141970823135</v>
      </c>
    </row>
    <row r="13511" spans="8:9" x14ac:dyDescent="0.25">
      <c r="H13511" s="40">
        <v>225.03333400000002</v>
      </c>
      <c r="I13511" s="40">
        <v>26.818141970823135</v>
      </c>
    </row>
    <row r="13512" spans="8:9" x14ac:dyDescent="0.25">
      <c r="H13512" s="40">
        <v>225.05</v>
      </c>
      <c r="I13512" s="40">
        <v>26.814789234679701</v>
      </c>
    </row>
    <row r="13513" spans="8:9" x14ac:dyDescent="0.25">
      <c r="H13513" s="40">
        <v>225.066667</v>
      </c>
      <c r="I13513" s="40">
        <v>26.814789234679701</v>
      </c>
    </row>
    <row r="13514" spans="8:9" x14ac:dyDescent="0.25">
      <c r="H13514" s="40">
        <v>225.08333399999998</v>
      </c>
      <c r="I13514" s="40">
        <v>26.811535108422937</v>
      </c>
    </row>
    <row r="13515" spans="8:9" x14ac:dyDescent="0.25">
      <c r="H13515" s="40">
        <v>225.10000000000002</v>
      </c>
      <c r="I13515" s="40">
        <v>26.808182372279681</v>
      </c>
    </row>
    <row r="13516" spans="8:9" x14ac:dyDescent="0.25">
      <c r="H13516" s="40">
        <v>225.11666700000001</v>
      </c>
      <c r="I13516" s="40">
        <v>26.808182372279681</v>
      </c>
    </row>
    <row r="13517" spans="8:9" x14ac:dyDescent="0.25">
      <c r="H13517" s="40">
        <v>225.13333399999999</v>
      </c>
      <c r="I13517" s="40">
        <v>26.804829636136425</v>
      </c>
    </row>
    <row r="13518" spans="8:9" x14ac:dyDescent="0.25">
      <c r="H13518" s="40">
        <v>225.15000000000003</v>
      </c>
      <c r="I13518" s="40">
        <v>26.804829636136425</v>
      </c>
    </row>
    <row r="13519" spans="8:9" x14ac:dyDescent="0.25">
      <c r="H13519" s="40">
        <v>225.16666700000002</v>
      </c>
      <c r="I13519" s="40">
        <v>26.801575509879662</v>
      </c>
    </row>
    <row r="13520" spans="8:9" x14ac:dyDescent="0.25">
      <c r="H13520" s="40">
        <v>225.183334</v>
      </c>
      <c r="I13520" s="40">
        <v>26.801575509879662</v>
      </c>
    </row>
    <row r="13521" spans="8:9" x14ac:dyDescent="0.25">
      <c r="H13521" s="40">
        <v>225.2</v>
      </c>
      <c r="I13521" s="40">
        <v>26.798222773736406</v>
      </c>
    </row>
    <row r="13522" spans="8:9" x14ac:dyDescent="0.25">
      <c r="H13522" s="40">
        <v>225.21666700000003</v>
      </c>
      <c r="I13522" s="40">
        <v>26.798222773736406</v>
      </c>
    </row>
    <row r="13523" spans="8:9" x14ac:dyDescent="0.25">
      <c r="H13523" s="40">
        <v>225.23333400000001</v>
      </c>
      <c r="I13523" s="40">
        <v>26.794870037592972</v>
      </c>
    </row>
    <row r="13524" spans="8:9" x14ac:dyDescent="0.25">
      <c r="H13524" s="40">
        <v>225.25</v>
      </c>
      <c r="I13524" s="40">
        <v>26.794870037592972</v>
      </c>
    </row>
    <row r="13525" spans="8:9" x14ac:dyDescent="0.25">
      <c r="H13525" s="40">
        <v>225.26666699999998</v>
      </c>
      <c r="I13525" s="40">
        <v>26.791615911336208</v>
      </c>
    </row>
    <row r="13526" spans="8:9" x14ac:dyDescent="0.25">
      <c r="H13526" s="40">
        <v>225.28333400000002</v>
      </c>
      <c r="I13526" s="40">
        <v>26.788263175192949</v>
      </c>
    </row>
    <row r="13527" spans="8:9" x14ac:dyDescent="0.25">
      <c r="H13527" s="40">
        <v>225.3</v>
      </c>
      <c r="I13527" s="40">
        <v>26.788263175192949</v>
      </c>
    </row>
    <row r="13528" spans="8:9" x14ac:dyDescent="0.25">
      <c r="H13528" s="40">
        <v>225.316667</v>
      </c>
      <c r="I13528" s="40">
        <v>26.784910439049696</v>
      </c>
    </row>
    <row r="13529" spans="8:9" x14ac:dyDescent="0.25">
      <c r="H13529" s="40">
        <v>225.33333399999998</v>
      </c>
      <c r="I13529" s="40">
        <v>26.784910439049696</v>
      </c>
    </row>
    <row r="13530" spans="8:9" x14ac:dyDescent="0.25">
      <c r="H13530" s="40">
        <v>225.35000000000002</v>
      </c>
      <c r="I13530" s="40">
        <v>26.781557702906262</v>
      </c>
    </row>
    <row r="13531" spans="8:9" x14ac:dyDescent="0.25">
      <c r="H13531" s="40">
        <v>225.36666700000001</v>
      </c>
      <c r="I13531" s="40">
        <v>26.778303576649499</v>
      </c>
    </row>
    <row r="13532" spans="8:9" x14ac:dyDescent="0.25">
      <c r="H13532" s="40">
        <v>225.38333399999999</v>
      </c>
      <c r="I13532" s="40">
        <v>26.778303576649499</v>
      </c>
    </row>
    <row r="13533" spans="8:9" x14ac:dyDescent="0.25">
      <c r="H13533" s="40">
        <v>225.40000000000003</v>
      </c>
      <c r="I13533" s="40">
        <v>26.774950840506243</v>
      </c>
    </row>
    <row r="13534" spans="8:9" x14ac:dyDescent="0.25">
      <c r="H13534" s="40">
        <v>225.41666700000002</v>
      </c>
      <c r="I13534" s="40">
        <v>26.774950840506243</v>
      </c>
    </row>
    <row r="13535" spans="8:9" x14ac:dyDescent="0.25">
      <c r="H13535" s="40">
        <v>225.433334</v>
      </c>
      <c r="I13535" s="40">
        <v>26.771598104362983</v>
      </c>
    </row>
    <row r="13536" spans="8:9" x14ac:dyDescent="0.25">
      <c r="H13536" s="40">
        <v>225.45</v>
      </c>
      <c r="I13536" s="40">
        <v>26.771598104362983</v>
      </c>
    </row>
    <row r="13537" spans="8:9" x14ac:dyDescent="0.25">
      <c r="H13537" s="40">
        <v>225.46666700000003</v>
      </c>
      <c r="I13537" s="40">
        <v>26.76834397810622</v>
      </c>
    </row>
    <row r="13538" spans="8:9" x14ac:dyDescent="0.25">
      <c r="H13538" s="40">
        <v>225.48333400000001</v>
      </c>
      <c r="I13538" s="40">
        <v>26.76834397810622</v>
      </c>
    </row>
    <row r="13539" spans="8:9" x14ac:dyDescent="0.25">
      <c r="H13539" s="40">
        <v>225.5</v>
      </c>
      <c r="I13539" s="40">
        <v>26.76834397810622</v>
      </c>
    </row>
    <row r="13540" spans="8:9" x14ac:dyDescent="0.25">
      <c r="H13540" s="40">
        <v>225.51666699999998</v>
      </c>
      <c r="I13540" s="40">
        <v>26.764991241962967</v>
      </c>
    </row>
    <row r="13541" spans="8:9" x14ac:dyDescent="0.25">
      <c r="H13541" s="40">
        <v>225.53333400000002</v>
      </c>
      <c r="I13541" s="40">
        <v>26.764991241962967</v>
      </c>
    </row>
    <row r="13542" spans="8:9" x14ac:dyDescent="0.25">
      <c r="H13542" s="40">
        <v>225.55</v>
      </c>
      <c r="I13542" s="40">
        <v>26.761638505819533</v>
      </c>
    </row>
    <row r="13543" spans="8:9" x14ac:dyDescent="0.25">
      <c r="H13543" s="40">
        <v>225.566667</v>
      </c>
      <c r="I13543" s="40">
        <v>26.75838437956277</v>
      </c>
    </row>
    <row r="13544" spans="8:9" x14ac:dyDescent="0.25">
      <c r="H13544" s="40">
        <v>225.58333399999998</v>
      </c>
      <c r="I13544" s="40">
        <v>26.75838437956277</v>
      </c>
    </row>
    <row r="13545" spans="8:9" x14ac:dyDescent="0.25">
      <c r="H13545" s="40">
        <v>225.60000000000002</v>
      </c>
      <c r="I13545" s="40">
        <v>26.75503164341951</v>
      </c>
    </row>
    <row r="13546" spans="8:9" x14ac:dyDescent="0.25">
      <c r="H13546" s="40">
        <v>225.61666700000001</v>
      </c>
      <c r="I13546" s="40">
        <v>26.75503164341951</v>
      </c>
    </row>
    <row r="13547" spans="8:9" x14ac:dyDescent="0.25">
      <c r="H13547" s="40">
        <v>225.63333399999999</v>
      </c>
      <c r="I13547" s="40">
        <v>26.751678907276254</v>
      </c>
    </row>
    <row r="13548" spans="8:9" x14ac:dyDescent="0.25">
      <c r="H13548" s="40">
        <v>225.65000000000003</v>
      </c>
      <c r="I13548" s="40">
        <v>26.751678907276254</v>
      </c>
    </row>
    <row r="13549" spans="8:9" x14ac:dyDescent="0.25">
      <c r="H13549" s="40">
        <v>225.66666700000002</v>
      </c>
      <c r="I13549" s="40">
        <v>26.751678907276254</v>
      </c>
    </row>
    <row r="13550" spans="8:9" x14ac:dyDescent="0.25">
      <c r="H13550" s="40">
        <v>225.683334</v>
      </c>
      <c r="I13550" s="40">
        <v>26.748424781019491</v>
      </c>
    </row>
    <row r="13551" spans="8:9" x14ac:dyDescent="0.25">
      <c r="H13551" s="40">
        <v>225.7</v>
      </c>
      <c r="I13551" s="40">
        <v>26.748424781019491</v>
      </c>
    </row>
    <row r="13552" spans="8:9" x14ac:dyDescent="0.25">
      <c r="H13552" s="40">
        <v>225.71666700000003</v>
      </c>
      <c r="I13552" s="40">
        <v>26.745072044876061</v>
      </c>
    </row>
    <row r="13553" spans="8:9" x14ac:dyDescent="0.25">
      <c r="H13553" s="40">
        <v>225.73333400000001</v>
      </c>
      <c r="I13553" s="40">
        <v>26.745072044876061</v>
      </c>
    </row>
    <row r="13554" spans="8:9" x14ac:dyDescent="0.25">
      <c r="H13554" s="40">
        <v>225.75</v>
      </c>
      <c r="I13554" s="40">
        <v>26.745072044876061</v>
      </c>
    </row>
    <row r="13555" spans="8:9" x14ac:dyDescent="0.25">
      <c r="H13555" s="40">
        <v>225.76666699999998</v>
      </c>
      <c r="I13555" s="40">
        <v>26.741719308732801</v>
      </c>
    </row>
    <row r="13556" spans="8:9" x14ac:dyDescent="0.25">
      <c r="H13556" s="40">
        <v>225.78333400000002</v>
      </c>
      <c r="I13556" s="40">
        <v>26.741719308732801</v>
      </c>
    </row>
    <row r="13557" spans="8:9" x14ac:dyDescent="0.25">
      <c r="H13557" s="40">
        <v>225.8</v>
      </c>
      <c r="I13557" s="40">
        <v>26.738465182476038</v>
      </c>
    </row>
    <row r="13558" spans="8:9" x14ac:dyDescent="0.25">
      <c r="H13558" s="40">
        <v>225.816667</v>
      </c>
      <c r="I13558" s="40">
        <v>26.738465182476038</v>
      </c>
    </row>
    <row r="13559" spans="8:9" x14ac:dyDescent="0.25">
      <c r="H13559" s="40">
        <v>225.83333399999998</v>
      </c>
      <c r="I13559" s="40">
        <v>26.735112446332781</v>
      </c>
    </row>
    <row r="13560" spans="8:9" x14ac:dyDescent="0.25">
      <c r="H13560" s="40">
        <v>225.85000000000002</v>
      </c>
      <c r="I13560" s="40">
        <v>26.735112446332781</v>
      </c>
    </row>
    <row r="13561" spans="8:9" x14ac:dyDescent="0.25">
      <c r="H13561" s="40">
        <v>225.86666700000001</v>
      </c>
      <c r="I13561" s="40">
        <v>26.731759710189525</v>
      </c>
    </row>
    <row r="13562" spans="8:9" x14ac:dyDescent="0.25">
      <c r="H13562" s="40">
        <v>225.88333399999999</v>
      </c>
      <c r="I13562" s="40">
        <v>26.731759710189525</v>
      </c>
    </row>
    <row r="13563" spans="8:9" x14ac:dyDescent="0.25">
      <c r="H13563" s="40">
        <v>225.90000000000003</v>
      </c>
      <c r="I13563" s="40">
        <v>26.728505583932762</v>
      </c>
    </row>
    <row r="13564" spans="8:9" x14ac:dyDescent="0.25">
      <c r="H13564" s="40">
        <v>225.91666700000002</v>
      </c>
      <c r="I13564" s="40">
        <v>26.728505583932762</v>
      </c>
    </row>
    <row r="13565" spans="8:9" x14ac:dyDescent="0.25">
      <c r="H13565" s="40">
        <v>225.933334</v>
      </c>
      <c r="I13565" s="40">
        <v>26.725152847789332</v>
      </c>
    </row>
    <row r="13566" spans="8:9" x14ac:dyDescent="0.25">
      <c r="H13566" s="40">
        <v>225.95</v>
      </c>
      <c r="I13566" s="40">
        <v>26.725152847789332</v>
      </c>
    </row>
    <row r="13567" spans="8:9" x14ac:dyDescent="0.25">
      <c r="H13567" s="40">
        <v>225.96666700000003</v>
      </c>
      <c r="I13567" s="40">
        <v>26.721800111646072</v>
      </c>
    </row>
    <row r="13568" spans="8:9" x14ac:dyDescent="0.25">
      <c r="H13568" s="40">
        <v>225.98333400000001</v>
      </c>
      <c r="I13568" s="40">
        <v>26.721800111646072</v>
      </c>
    </row>
    <row r="13569" spans="8:9" x14ac:dyDescent="0.25">
      <c r="H13569" s="40">
        <v>226</v>
      </c>
      <c r="I13569" s="40">
        <v>26.721800111646072</v>
      </c>
    </row>
    <row r="13570" spans="8:9" x14ac:dyDescent="0.25">
      <c r="H13570" s="40">
        <v>226.01666699999998</v>
      </c>
      <c r="I13570" s="40">
        <v>26.718545985389309</v>
      </c>
    </row>
    <row r="13571" spans="8:9" x14ac:dyDescent="0.25">
      <c r="H13571" s="40">
        <v>226.03333400000002</v>
      </c>
      <c r="I13571" s="40">
        <v>26.718545985389309</v>
      </c>
    </row>
    <row r="13572" spans="8:9" x14ac:dyDescent="0.25">
      <c r="H13572" s="40">
        <v>226.05</v>
      </c>
      <c r="I13572" s="40">
        <v>26.718545985389309</v>
      </c>
    </row>
    <row r="13573" spans="8:9" x14ac:dyDescent="0.25">
      <c r="H13573" s="40">
        <v>226.066667</v>
      </c>
      <c r="I13573" s="40">
        <v>26.715193249246052</v>
      </c>
    </row>
    <row r="13574" spans="8:9" x14ac:dyDescent="0.25">
      <c r="H13574" s="40">
        <v>226.08333399999998</v>
      </c>
      <c r="I13574" s="40">
        <v>26.711840513102619</v>
      </c>
    </row>
    <row r="13575" spans="8:9" x14ac:dyDescent="0.25">
      <c r="H13575" s="40">
        <v>226.10000000000002</v>
      </c>
      <c r="I13575" s="40">
        <v>26.711840513102619</v>
      </c>
    </row>
    <row r="13576" spans="8:9" x14ac:dyDescent="0.25">
      <c r="H13576" s="40">
        <v>226.11666700000001</v>
      </c>
      <c r="I13576" s="40">
        <v>26.711840513102619</v>
      </c>
    </row>
    <row r="13577" spans="8:9" x14ac:dyDescent="0.25">
      <c r="H13577" s="40">
        <v>226.13333399999999</v>
      </c>
      <c r="I13577" s="40">
        <v>26.708586386846029</v>
      </c>
    </row>
    <row r="13578" spans="8:9" x14ac:dyDescent="0.25">
      <c r="H13578" s="40">
        <v>226.15000000000003</v>
      </c>
      <c r="I13578" s="40">
        <v>26.708586386846029</v>
      </c>
    </row>
    <row r="13579" spans="8:9" x14ac:dyDescent="0.25">
      <c r="H13579" s="40">
        <v>226.16666700000002</v>
      </c>
      <c r="I13579" s="40">
        <v>26.708586386846029</v>
      </c>
    </row>
    <row r="13580" spans="8:9" x14ac:dyDescent="0.25">
      <c r="H13580" s="40">
        <v>226.183334</v>
      </c>
      <c r="I13580" s="40">
        <v>26.705233650702599</v>
      </c>
    </row>
    <row r="13581" spans="8:9" x14ac:dyDescent="0.25">
      <c r="H13581" s="40">
        <v>226.2</v>
      </c>
      <c r="I13581" s="40">
        <v>26.705233650702599</v>
      </c>
    </row>
    <row r="13582" spans="8:9" x14ac:dyDescent="0.25">
      <c r="H13582" s="40">
        <v>226.21666700000003</v>
      </c>
      <c r="I13582" s="40">
        <v>26.705233650702599</v>
      </c>
    </row>
    <row r="13583" spans="8:9" x14ac:dyDescent="0.25">
      <c r="H13583" s="40">
        <v>226.23333400000001</v>
      </c>
      <c r="I13583" s="40">
        <v>26.705233650702599</v>
      </c>
    </row>
    <row r="13584" spans="8:9" x14ac:dyDescent="0.25">
      <c r="H13584" s="40">
        <v>226.25</v>
      </c>
      <c r="I13584" s="40">
        <v>26.701880914559343</v>
      </c>
    </row>
    <row r="13585" spans="8:9" x14ac:dyDescent="0.25">
      <c r="H13585" s="40">
        <v>226.26666699999998</v>
      </c>
      <c r="I13585" s="40">
        <v>26.701880914559343</v>
      </c>
    </row>
    <row r="13586" spans="8:9" x14ac:dyDescent="0.25">
      <c r="H13586" s="40">
        <v>226.28333400000002</v>
      </c>
      <c r="I13586" s="40">
        <v>26.701880914559343</v>
      </c>
    </row>
    <row r="13587" spans="8:9" x14ac:dyDescent="0.25">
      <c r="H13587" s="40">
        <v>226.3</v>
      </c>
      <c r="I13587" s="40">
        <v>26.69862678830258</v>
      </c>
    </row>
    <row r="13588" spans="8:9" x14ac:dyDescent="0.25">
      <c r="H13588" s="40">
        <v>226.316667</v>
      </c>
      <c r="I13588" s="40">
        <v>26.69862678830258</v>
      </c>
    </row>
    <row r="13589" spans="8:9" x14ac:dyDescent="0.25">
      <c r="H13589" s="40">
        <v>226.33333399999998</v>
      </c>
      <c r="I13589" s="40">
        <v>26.69862678830258</v>
      </c>
    </row>
    <row r="13590" spans="8:9" x14ac:dyDescent="0.25">
      <c r="H13590" s="40">
        <v>226.35000000000002</v>
      </c>
      <c r="I13590" s="40">
        <v>26.69527405215932</v>
      </c>
    </row>
    <row r="13591" spans="8:9" x14ac:dyDescent="0.25">
      <c r="H13591" s="40">
        <v>226.36666700000001</v>
      </c>
      <c r="I13591" s="40">
        <v>26.69527405215932</v>
      </c>
    </row>
    <row r="13592" spans="8:9" x14ac:dyDescent="0.25">
      <c r="H13592" s="40">
        <v>226.38333399999999</v>
      </c>
      <c r="I13592" s="40">
        <v>26.69527405215932</v>
      </c>
    </row>
    <row r="13593" spans="8:9" x14ac:dyDescent="0.25">
      <c r="H13593" s="40">
        <v>226.40000000000003</v>
      </c>
      <c r="I13593" s="40">
        <v>26.69527405215932</v>
      </c>
    </row>
    <row r="13594" spans="8:9" x14ac:dyDescent="0.25">
      <c r="H13594" s="40">
        <v>226.41666700000002</v>
      </c>
      <c r="I13594" s="40">
        <v>26.69527405215932</v>
      </c>
    </row>
    <row r="13595" spans="8:9" x14ac:dyDescent="0.25">
      <c r="H13595" s="40">
        <v>226.433334</v>
      </c>
      <c r="I13595" s="40">
        <v>26.69192131601589</v>
      </c>
    </row>
    <row r="13596" spans="8:9" x14ac:dyDescent="0.25">
      <c r="H13596" s="40">
        <v>226.45</v>
      </c>
      <c r="I13596" s="40">
        <v>26.69192131601589</v>
      </c>
    </row>
    <row r="13597" spans="8:9" x14ac:dyDescent="0.25">
      <c r="H13597" s="40">
        <v>226.46666700000003</v>
      </c>
      <c r="I13597" s="40">
        <v>26.688667189759126</v>
      </c>
    </row>
    <row r="13598" spans="8:9" x14ac:dyDescent="0.25">
      <c r="H13598" s="40">
        <v>226.48333400000001</v>
      </c>
      <c r="I13598" s="40">
        <v>26.688667189759126</v>
      </c>
    </row>
    <row r="13599" spans="8:9" x14ac:dyDescent="0.25">
      <c r="H13599" s="40">
        <v>226.5</v>
      </c>
      <c r="I13599" s="40">
        <v>26.688667189759126</v>
      </c>
    </row>
    <row r="13600" spans="8:9" x14ac:dyDescent="0.25">
      <c r="H13600" s="40">
        <v>226.51666699999998</v>
      </c>
      <c r="I13600" s="40">
        <v>26.68531445361587</v>
      </c>
    </row>
    <row r="13601" spans="8:9" x14ac:dyDescent="0.25">
      <c r="H13601" s="40">
        <v>226.53333400000002</v>
      </c>
      <c r="I13601" s="40">
        <v>26.681961717472614</v>
      </c>
    </row>
    <row r="13602" spans="8:9" x14ac:dyDescent="0.25">
      <c r="H13602" s="40">
        <v>226.55</v>
      </c>
      <c r="I13602" s="40">
        <v>26.681961717472614</v>
      </c>
    </row>
    <row r="13603" spans="8:9" x14ac:dyDescent="0.25">
      <c r="H13603" s="40">
        <v>226.566667</v>
      </c>
      <c r="I13603" s="40">
        <v>26.681961717472614</v>
      </c>
    </row>
    <row r="13604" spans="8:9" x14ac:dyDescent="0.25">
      <c r="H13604" s="40">
        <v>226.58333399999998</v>
      </c>
      <c r="I13604" s="40">
        <v>26.678707591215851</v>
      </c>
    </row>
    <row r="13605" spans="8:9" x14ac:dyDescent="0.25">
      <c r="H13605" s="40">
        <v>226.60000000000002</v>
      </c>
      <c r="I13605" s="40">
        <v>26.678707591215851</v>
      </c>
    </row>
    <row r="13606" spans="8:9" x14ac:dyDescent="0.25">
      <c r="H13606" s="40">
        <v>226.61666700000001</v>
      </c>
      <c r="I13606" s="40">
        <v>26.675354855072591</v>
      </c>
    </row>
    <row r="13607" spans="8:9" x14ac:dyDescent="0.25">
      <c r="H13607" s="40">
        <v>226.63333399999999</v>
      </c>
      <c r="I13607" s="40">
        <v>26.675354855072591</v>
      </c>
    </row>
    <row r="13608" spans="8:9" x14ac:dyDescent="0.25">
      <c r="H13608" s="40">
        <v>226.65000000000003</v>
      </c>
      <c r="I13608" s="40">
        <v>26.672002118929157</v>
      </c>
    </row>
    <row r="13609" spans="8:9" x14ac:dyDescent="0.25">
      <c r="H13609" s="40">
        <v>226.66666700000002</v>
      </c>
      <c r="I13609" s="40">
        <v>26.672002118929157</v>
      </c>
    </row>
    <row r="13610" spans="8:9" x14ac:dyDescent="0.25">
      <c r="H13610" s="40">
        <v>226.683334</v>
      </c>
      <c r="I13610" s="40">
        <v>26.668747992672394</v>
      </c>
    </row>
    <row r="13611" spans="8:9" x14ac:dyDescent="0.25">
      <c r="H13611" s="40">
        <v>226.7</v>
      </c>
      <c r="I13611" s="40">
        <v>26.668747992672394</v>
      </c>
    </row>
    <row r="13612" spans="8:9" x14ac:dyDescent="0.25">
      <c r="H13612" s="40">
        <v>226.71666700000003</v>
      </c>
      <c r="I13612" s="40">
        <v>26.668747992672394</v>
      </c>
    </row>
    <row r="13613" spans="8:9" x14ac:dyDescent="0.25">
      <c r="H13613" s="40">
        <v>226.73333400000001</v>
      </c>
      <c r="I13613" s="40">
        <v>26.665395256529141</v>
      </c>
    </row>
    <row r="13614" spans="8:9" x14ac:dyDescent="0.25">
      <c r="H13614" s="40">
        <v>226.75</v>
      </c>
      <c r="I13614" s="40">
        <v>26.665395256529141</v>
      </c>
    </row>
    <row r="13615" spans="8:9" x14ac:dyDescent="0.25">
      <c r="H13615" s="40">
        <v>226.76666699999998</v>
      </c>
      <c r="I13615" s="40">
        <v>26.662042520385882</v>
      </c>
    </row>
    <row r="13616" spans="8:9" x14ac:dyDescent="0.25">
      <c r="H13616" s="40">
        <v>226.78333400000002</v>
      </c>
      <c r="I13616" s="40">
        <v>26.662042520385882</v>
      </c>
    </row>
    <row r="13617" spans="8:9" x14ac:dyDescent="0.25">
      <c r="H13617" s="40">
        <v>226.8</v>
      </c>
      <c r="I13617" s="40">
        <v>26.658788394129118</v>
      </c>
    </row>
    <row r="13618" spans="8:9" x14ac:dyDescent="0.25">
      <c r="H13618" s="40">
        <v>226.816667</v>
      </c>
      <c r="I13618" s="40">
        <v>26.658788394129118</v>
      </c>
    </row>
    <row r="13619" spans="8:9" x14ac:dyDescent="0.25">
      <c r="H13619" s="40">
        <v>226.83333399999998</v>
      </c>
      <c r="I13619" s="40">
        <v>26.655435657985684</v>
      </c>
    </row>
    <row r="13620" spans="8:9" x14ac:dyDescent="0.25">
      <c r="H13620" s="40">
        <v>226.85000000000002</v>
      </c>
      <c r="I13620" s="40">
        <v>26.655435657985684</v>
      </c>
    </row>
    <row r="13621" spans="8:9" x14ac:dyDescent="0.25">
      <c r="H13621" s="40">
        <v>226.86666700000001</v>
      </c>
      <c r="I13621" s="40">
        <v>26.655435657985684</v>
      </c>
    </row>
    <row r="13622" spans="8:9" x14ac:dyDescent="0.25">
      <c r="H13622" s="40">
        <v>226.88333399999999</v>
      </c>
      <c r="I13622" s="40">
        <v>26.655435657985684</v>
      </c>
    </row>
    <row r="13623" spans="8:9" x14ac:dyDescent="0.25">
      <c r="H13623" s="40">
        <v>226.90000000000003</v>
      </c>
      <c r="I13623" s="40">
        <v>26.652082921842428</v>
      </c>
    </row>
    <row r="13624" spans="8:9" x14ac:dyDescent="0.25">
      <c r="H13624" s="40">
        <v>226.91666700000002</v>
      </c>
      <c r="I13624" s="40">
        <v>26.652082921842428</v>
      </c>
    </row>
    <row r="13625" spans="8:9" x14ac:dyDescent="0.25">
      <c r="H13625" s="40">
        <v>226.933334</v>
      </c>
      <c r="I13625" s="40">
        <v>26.652082921842428</v>
      </c>
    </row>
    <row r="13626" spans="8:9" x14ac:dyDescent="0.25">
      <c r="H13626" s="40">
        <v>226.95</v>
      </c>
      <c r="I13626" s="40">
        <v>26.648730185699172</v>
      </c>
    </row>
    <row r="13627" spans="8:9" x14ac:dyDescent="0.25">
      <c r="H13627" s="40">
        <v>226.96666700000003</v>
      </c>
      <c r="I13627" s="40">
        <v>26.648730185699172</v>
      </c>
    </row>
    <row r="13628" spans="8:9" x14ac:dyDescent="0.25">
      <c r="H13628" s="40">
        <v>226.98333400000001</v>
      </c>
      <c r="I13628" s="40">
        <v>26.648730185699172</v>
      </c>
    </row>
    <row r="13629" spans="8:9" x14ac:dyDescent="0.25">
      <c r="H13629" s="40">
        <v>227</v>
      </c>
      <c r="I13629" s="40">
        <v>26.648730185699172</v>
      </c>
    </row>
    <row r="13630" spans="8:9" x14ac:dyDescent="0.25">
      <c r="H13630" s="40">
        <v>227.01666699999998</v>
      </c>
      <c r="I13630" s="40">
        <v>26.645476059442412</v>
      </c>
    </row>
    <row r="13631" spans="8:9" x14ac:dyDescent="0.25">
      <c r="H13631" s="40">
        <v>227.03333400000002</v>
      </c>
      <c r="I13631" s="40">
        <v>26.645476059442412</v>
      </c>
    </row>
    <row r="13632" spans="8:9" x14ac:dyDescent="0.25">
      <c r="H13632" s="40">
        <v>227.05</v>
      </c>
      <c r="I13632" s="40">
        <v>26.645476059442412</v>
      </c>
    </row>
    <row r="13633" spans="8:9" x14ac:dyDescent="0.25">
      <c r="H13633" s="40">
        <v>227.066667</v>
      </c>
      <c r="I13633" s="40">
        <v>26.642123323299153</v>
      </c>
    </row>
    <row r="13634" spans="8:9" x14ac:dyDescent="0.25">
      <c r="H13634" s="40">
        <v>227.08333399999998</v>
      </c>
      <c r="I13634" s="40">
        <v>26.642123323299153</v>
      </c>
    </row>
    <row r="13635" spans="8:9" x14ac:dyDescent="0.25">
      <c r="H13635" s="40">
        <v>227.10000000000002</v>
      </c>
      <c r="I13635" s="40">
        <v>26.642123323299153</v>
      </c>
    </row>
    <row r="13636" spans="8:9" x14ac:dyDescent="0.25">
      <c r="H13636" s="40">
        <v>227.11666700000001</v>
      </c>
      <c r="I13636" s="40">
        <v>26.642123323299153</v>
      </c>
    </row>
    <row r="13637" spans="8:9" x14ac:dyDescent="0.25">
      <c r="H13637" s="40">
        <v>227.13333399999999</v>
      </c>
      <c r="I13637" s="40">
        <v>26.642123323299153</v>
      </c>
    </row>
    <row r="13638" spans="8:9" x14ac:dyDescent="0.25">
      <c r="H13638" s="40">
        <v>227.15000000000003</v>
      </c>
      <c r="I13638" s="40">
        <v>26.638770587155719</v>
      </c>
    </row>
    <row r="13639" spans="8:9" x14ac:dyDescent="0.25">
      <c r="H13639" s="40">
        <v>227.16666700000002</v>
      </c>
      <c r="I13639" s="40">
        <v>26.638770587155719</v>
      </c>
    </row>
    <row r="13640" spans="8:9" x14ac:dyDescent="0.25">
      <c r="H13640" s="40">
        <v>227.183334</v>
      </c>
      <c r="I13640" s="40">
        <v>26.638770587155719</v>
      </c>
    </row>
    <row r="13641" spans="8:9" x14ac:dyDescent="0.25">
      <c r="H13641" s="40">
        <v>227.2</v>
      </c>
      <c r="I13641" s="40">
        <v>26.638770587155719</v>
      </c>
    </row>
    <row r="13642" spans="8:9" x14ac:dyDescent="0.25">
      <c r="H13642" s="40">
        <v>227.21666700000003</v>
      </c>
      <c r="I13642" s="40">
        <v>26.638770587155719</v>
      </c>
    </row>
    <row r="13643" spans="8:9" x14ac:dyDescent="0.25">
      <c r="H13643" s="40">
        <v>227.23333400000001</v>
      </c>
      <c r="I13643" s="40">
        <v>26.638770587155719</v>
      </c>
    </row>
    <row r="13644" spans="8:9" x14ac:dyDescent="0.25">
      <c r="H13644" s="40">
        <v>227.25</v>
      </c>
      <c r="I13644" s="40">
        <v>26.635516460898955</v>
      </c>
    </row>
    <row r="13645" spans="8:9" x14ac:dyDescent="0.25">
      <c r="H13645" s="40">
        <v>227.26666699999998</v>
      </c>
      <c r="I13645" s="40">
        <v>26.635516460898955</v>
      </c>
    </row>
    <row r="13646" spans="8:9" x14ac:dyDescent="0.25">
      <c r="H13646" s="40">
        <v>227.28333400000002</v>
      </c>
      <c r="I13646" s="40">
        <v>26.635516460898955</v>
      </c>
    </row>
    <row r="13647" spans="8:9" x14ac:dyDescent="0.25">
      <c r="H13647" s="40">
        <v>227.3</v>
      </c>
      <c r="I13647" s="40">
        <v>26.632163724755699</v>
      </c>
    </row>
    <row r="13648" spans="8:9" x14ac:dyDescent="0.25">
      <c r="H13648" s="40">
        <v>227.316667</v>
      </c>
      <c r="I13648" s="40">
        <v>26.632163724755699</v>
      </c>
    </row>
    <row r="13649" spans="8:9" x14ac:dyDescent="0.25">
      <c r="H13649" s="40">
        <v>227.33333399999998</v>
      </c>
      <c r="I13649" s="40">
        <v>26.632163724755699</v>
      </c>
    </row>
    <row r="13650" spans="8:9" x14ac:dyDescent="0.25">
      <c r="H13650" s="40">
        <v>227.35000000000002</v>
      </c>
      <c r="I13650" s="40">
        <v>26.62881098861244</v>
      </c>
    </row>
    <row r="13651" spans="8:9" x14ac:dyDescent="0.25">
      <c r="H13651" s="40">
        <v>227.36666700000001</v>
      </c>
      <c r="I13651" s="40">
        <v>26.62881098861244</v>
      </c>
    </row>
    <row r="13652" spans="8:9" x14ac:dyDescent="0.25">
      <c r="H13652" s="40">
        <v>227.38333399999999</v>
      </c>
      <c r="I13652" s="40">
        <v>26.62881098861244</v>
      </c>
    </row>
    <row r="13653" spans="8:9" x14ac:dyDescent="0.25">
      <c r="H13653" s="40">
        <v>227.40000000000003</v>
      </c>
      <c r="I13653" s="40">
        <v>26.62881098861244</v>
      </c>
    </row>
    <row r="13654" spans="8:9" x14ac:dyDescent="0.25">
      <c r="H13654" s="40">
        <v>227.41666700000002</v>
      </c>
      <c r="I13654" s="40">
        <v>26.62555686235568</v>
      </c>
    </row>
    <row r="13655" spans="8:9" x14ac:dyDescent="0.25">
      <c r="H13655" s="40">
        <v>227.433334</v>
      </c>
      <c r="I13655" s="40">
        <v>26.62555686235568</v>
      </c>
    </row>
    <row r="13656" spans="8:9" x14ac:dyDescent="0.25">
      <c r="H13656" s="40">
        <v>227.45</v>
      </c>
      <c r="I13656" s="40">
        <v>26.62555686235568</v>
      </c>
    </row>
    <row r="13657" spans="8:9" x14ac:dyDescent="0.25">
      <c r="H13657" s="40">
        <v>227.46666700000003</v>
      </c>
      <c r="I13657" s="40">
        <v>26.62555686235568</v>
      </c>
    </row>
    <row r="13658" spans="8:9" x14ac:dyDescent="0.25">
      <c r="H13658" s="40">
        <v>227.48333400000001</v>
      </c>
      <c r="I13658" s="40">
        <v>26.622204126212246</v>
      </c>
    </row>
    <row r="13659" spans="8:9" x14ac:dyDescent="0.25">
      <c r="H13659" s="40">
        <v>227.5</v>
      </c>
      <c r="I13659" s="40">
        <v>26.622204126212246</v>
      </c>
    </row>
    <row r="13660" spans="8:9" x14ac:dyDescent="0.25">
      <c r="H13660" s="40">
        <v>227.51666699999998</v>
      </c>
      <c r="I13660" s="40">
        <v>26.61885139006899</v>
      </c>
    </row>
    <row r="13661" spans="8:9" x14ac:dyDescent="0.25">
      <c r="H13661" s="40">
        <v>227.53333400000002</v>
      </c>
      <c r="I13661" s="40">
        <v>26.61885139006899</v>
      </c>
    </row>
    <row r="13662" spans="8:9" x14ac:dyDescent="0.25">
      <c r="H13662" s="40">
        <v>227.55</v>
      </c>
      <c r="I13662" s="40">
        <v>26.615597263812226</v>
      </c>
    </row>
    <row r="13663" spans="8:9" x14ac:dyDescent="0.25">
      <c r="H13663" s="40">
        <v>227.566667</v>
      </c>
      <c r="I13663" s="40">
        <v>26.615597263812226</v>
      </c>
    </row>
    <row r="13664" spans="8:9" x14ac:dyDescent="0.25">
      <c r="H13664" s="40">
        <v>227.58333399999998</v>
      </c>
      <c r="I13664" s="40">
        <v>26.615597263812226</v>
      </c>
    </row>
    <row r="13665" spans="8:9" x14ac:dyDescent="0.25">
      <c r="H13665" s="40">
        <v>227.60000000000002</v>
      </c>
      <c r="I13665" s="40">
        <v>26.612244527668967</v>
      </c>
    </row>
    <row r="13666" spans="8:9" x14ac:dyDescent="0.25">
      <c r="H13666" s="40">
        <v>227.61666700000001</v>
      </c>
      <c r="I13666" s="40">
        <v>26.612244527668967</v>
      </c>
    </row>
    <row r="13667" spans="8:9" x14ac:dyDescent="0.25">
      <c r="H13667" s="40">
        <v>227.63333399999999</v>
      </c>
      <c r="I13667" s="40">
        <v>26.608891791525711</v>
      </c>
    </row>
    <row r="13668" spans="8:9" x14ac:dyDescent="0.25">
      <c r="H13668" s="40">
        <v>227.65000000000003</v>
      </c>
      <c r="I13668" s="40">
        <v>26.608891791525711</v>
      </c>
    </row>
    <row r="13669" spans="8:9" x14ac:dyDescent="0.25">
      <c r="H13669" s="40">
        <v>227.66666700000002</v>
      </c>
      <c r="I13669" s="40">
        <v>26.608891791525711</v>
      </c>
    </row>
    <row r="13670" spans="8:9" x14ac:dyDescent="0.25">
      <c r="H13670" s="40">
        <v>227.683334</v>
      </c>
      <c r="I13670" s="40">
        <v>26.605637665268947</v>
      </c>
    </row>
    <row r="13671" spans="8:9" x14ac:dyDescent="0.25">
      <c r="H13671" s="40">
        <v>227.7</v>
      </c>
      <c r="I13671" s="40">
        <v>26.605637665268947</v>
      </c>
    </row>
    <row r="13672" spans="8:9" x14ac:dyDescent="0.25">
      <c r="H13672" s="40">
        <v>227.71666700000003</v>
      </c>
      <c r="I13672" s="40">
        <v>26.602284929125517</v>
      </c>
    </row>
    <row r="13673" spans="8:9" x14ac:dyDescent="0.25">
      <c r="H13673" s="40">
        <v>227.73333400000001</v>
      </c>
      <c r="I13673" s="40">
        <v>26.602284929125517</v>
      </c>
    </row>
    <row r="13674" spans="8:9" x14ac:dyDescent="0.25">
      <c r="H13674" s="40">
        <v>227.75</v>
      </c>
      <c r="I13674" s="40">
        <v>26.602284929125517</v>
      </c>
    </row>
    <row r="13675" spans="8:9" x14ac:dyDescent="0.25">
      <c r="H13675" s="40">
        <v>227.76666699999998</v>
      </c>
      <c r="I13675" s="40">
        <v>26.598932192982261</v>
      </c>
    </row>
    <row r="13676" spans="8:9" x14ac:dyDescent="0.25">
      <c r="H13676" s="40">
        <v>227.78333400000002</v>
      </c>
      <c r="I13676" s="40">
        <v>26.598932192982261</v>
      </c>
    </row>
    <row r="13677" spans="8:9" x14ac:dyDescent="0.25">
      <c r="H13677" s="40">
        <v>227.8</v>
      </c>
      <c r="I13677" s="40">
        <v>26.598932192982261</v>
      </c>
    </row>
    <row r="13678" spans="8:9" x14ac:dyDescent="0.25">
      <c r="H13678" s="40">
        <v>227.816667</v>
      </c>
      <c r="I13678" s="40">
        <v>26.595678066725498</v>
      </c>
    </row>
    <row r="13679" spans="8:9" x14ac:dyDescent="0.25">
      <c r="H13679" s="40">
        <v>227.83333399999998</v>
      </c>
      <c r="I13679" s="40">
        <v>26.595678066725498</v>
      </c>
    </row>
    <row r="13680" spans="8:9" x14ac:dyDescent="0.25">
      <c r="H13680" s="40">
        <v>227.85000000000002</v>
      </c>
      <c r="I13680" s="40">
        <v>26.595678066725498</v>
      </c>
    </row>
    <row r="13681" spans="8:9" x14ac:dyDescent="0.25">
      <c r="H13681" s="40">
        <v>227.86666700000001</v>
      </c>
      <c r="I13681" s="40">
        <v>26.595678066725498</v>
      </c>
    </row>
    <row r="13682" spans="8:9" x14ac:dyDescent="0.25">
      <c r="H13682" s="40">
        <v>227.88333399999999</v>
      </c>
      <c r="I13682" s="40">
        <v>26.592325330582238</v>
      </c>
    </row>
    <row r="13683" spans="8:9" x14ac:dyDescent="0.25">
      <c r="H13683" s="40">
        <v>227.90000000000003</v>
      </c>
      <c r="I13683" s="40">
        <v>26.595678066725498</v>
      </c>
    </row>
    <row r="13684" spans="8:9" x14ac:dyDescent="0.25">
      <c r="H13684" s="40">
        <v>227.91666700000002</v>
      </c>
      <c r="I13684" s="40">
        <v>26.595678066725498</v>
      </c>
    </row>
    <row r="13685" spans="8:9" x14ac:dyDescent="0.25">
      <c r="H13685" s="40">
        <v>227.933334</v>
      </c>
      <c r="I13685" s="40">
        <v>26.592325330582238</v>
      </c>
    </row>
    <row r="13686" spans="8:9" x14ac:dyDescent="0.25">
      <c r="H13686" s="40">
        <v>227.95</v>
      </c>
      <c r="I13686" s="40">
        <v>26.592325330582238</v>
      </c>
    </row>
    <row r="13687" spans="8:9" x14ac:dyDescent="0.25">
      <c r="H13687" s="40">
        <v>227.96666700000003</v>
      </c>
      <c r="I13687" s="40">
        <v>26.592325330582238</v>
      </c>
    </row>
    <row r="13688" spans="8:9" x14ac:dyDescent="0.25">
      <c r="H13688" s="40">
        <v>227.98333400000001</v>
      </c>
      <c r="I13688" s="40">
        <v>26.592325330582238</v>
      </c>
    </row>
    <row r="13689" spans="8:9" x14ac:dyDescent="0.25">
      <c r="H13689" s="40">
        <v>228</v>
      </c>
      <c r="I13689" s="40">
        <v>26.592325330582238</v>
      </c>
    </row>
    <row r="13690" spans="8:9" x14ac:dyDescent="0.25">
      <c r="H13690" s="40">
        <v>228.01666699999998</v>
      </c>
      <c r="I13690" s="40">
        <v>26.592325330582238</v>
      </c>
    </row>
    <row r="13691" spans="8:9" x14ac:dyDescent="0.25">
      <c r="H13691" s="40">
        <v>228.03333400000002</v>
      </c>
      <c r="I13691" s="40">
        <v>26.592325330582238</v>
      </c>
    </row>
    <row r="13692" spans="8:9" x14ac:dyDescent="0.25">
      <c r="H13692" s="40">
        <v>228.05</v>
      </c>
      <c r="I13692" s="40">
        <v>26.588972594438808</v>
      </c>
    </row>
    <row r="13693" spans="8:9" x14ac:dyDescent="0.25">
      <c r="H13693" s="40">
        <v>228.066667</v>
      </c>
      <c r="I13693" s="40">
        <v>26.588972594438808</v>
      </c>
    </row>
    <row r="13694" spans="8:9" x14ac:dyDescent="0.25">
      <c r="H13694" s="40">
        <v>228.08333399999998</v>
      </c>
      <c r="I13694" s="40">
        <v>26.588972594438808</v>
      </c>
    </row>
    <row r="13695" spans="8:9" x14ac:dyDescent="0.25">
      <c r="H13695" s="40">
        <v>228.10000000000002</v>
      </c>
      <c r="I13695" s="40">
        <v>26.588972594438808</v>
      </c>
    </row>
    <row r="13696" spans="8:9" x14ac:dyDescent="0.25">
      <c r="H13696" s="40">
        <v>228.11666700000001</v>
      </c>
      <c r="I13696" s="40">
        <v>26.588972594438808</v>
      </c>
    </row>
    <row r="13697" spans="8:9" x14ac:dyDescent="0.25">
      <c r="H13697" s="40">
        <v>228.13333399999999</v>
      </c>
      <c r="I13697" s="40">
        <v>26.588972594438808</v>
      </c>
    </row>
    <row r="13698" spans="8:9" x14ac:dyDescent="0.25">
      <c r="H13698" s="40">
        <v>228.15000000000003</v>
      </c>
      <c r="I13698" s="40">
        <v>26.588972594438808</v>
      </c>
    </row>
    <row r="13699" spans="8:9" x14ac:dyDescent="0.25">
      <c r="H13699" s="40">
        <v>228.16666700000002</v>
      </c>
      <c r="I13699" s="40">
        <v>26.588972594438808</v>
      </c>
    </row>
    <row r="13700" spans="8:9" x14ac:dyDescent="0.25">
      <c r="H13700" s="40">
        <v>228.183334</v>
      </c>
      <c r="I13700" s="40">
        <v>26.588972594438808</v>
      </c>
    </row>
    <row r="13701" spans="8:9" x14ac:dyDescent="0.25">
      <c r="H13701" s="40">
        <v>228.2</v>
      </c>
      <c r="I13701" s="40">
        <v>26.585718468182218</v>
      </c>
    </row>
    <row r="13702" spans="8:9" x14ac:dyDescent="0.25">
      <c r="H13702" s="40">
        <v>228.21666700000003</v>
      </c>
      <c r="I13702" s="40">
        <v>26.585718468182218</v>
      </c>
    </row>
    <row r="13703" spans="8:9" x14ac:dyDescent="0.25">
      <c r="H13703" s="40">
        <v>228.23333400000001</v>
      </c>
      <c r="I13703" s="40">
        <v>26.585718468182218</v>
      </c>
    </row>
    <row r="13704" spans="8:9" x14ac:dyDescent="0.25">
      <c r="H13704" s="40">
        <v>228.25</v>
      </c>
      <c r="I13704" s="40">
        <v>26.585718468182218</v>
      </c>
    </row>
    <row r="13705" spans="8:9" x14ac:dyDescent="0.25">
      <c r="H13705" s="40">
        <v>228.26666699999998</v>
      </c>
      <c r="I13705" s="40">
        <v>26.582365732038788</v>
      </c>
    </row>
    <row r="13706" spans="8:9" x14ac:dyDescent="0.25">
      <c r="H13706" s="40">
        <v>228.28333400000002</v>
      </c>
      <c r="I13706" s="40">
        <v>26.582365732038788</v>
      </c>
    </row>
    <row r="13707" spans="8:9" x14ac:dyDescent="0.25">
      <c r="H13707" s="40">
        <v>228.3</v>
      </c>
      <c r="I13707" s="40">
        <v>26.582365732038788</v>
      </c>
    </row>
    <row r="13708" spans="8:9" x14ac:dyDescent="0.25">
      <c r="H13708" s="40">
        <v>228.316667</v>
      </c>
      <c r="I13708" s="40">
        <v>26.582365732038788</v>
      </c>
    </row>
    <row r="13709" spans="8:9" x14ac:dyDescent="0.25">
      <c r="H13709" s="40">
        <v>228.33333399999998</v>
      </c>
      <c r="I13709" s="40">
        <v>26.579012995895528</v>
      </c>
    </row>
    <row r="13710" spans="8:9" x14ac:dyDescent="0.25">
      <c r="H13710" s="40">
        <v>228.35000000000002</v>
      </c>
      <c r="I13710" s="40">
        <v>26.579012995895528</v>
      </c>
    </row>
    <row r="13711" spans="8:9" x14ac:dyDescent="0.25">
      <c r="H13711" s="40">
        <v>228.36666700000001</v>
      </c>
      <c r="I13711" s="40">
        <v>26.579012995895528</v>
      </c>
    </row>
    <row r="13712" spans="8:9" x14ac:dyDescent="0.25">
      <c r="H13712" s="40">
        <v>228.38333399999999</v>
      </c>
      <c r="I13712" s="40">
        <v>26.575758869638765</v>
      </c>
    </row>
    <row r="13713" spans="8:9" x14ac:dyDescent="0.25">
      <c r="H13713" s="40">
        <v>228.40000000000003</v>
      </c>
      <c r="I13713" s="40">
        <v>26.575758869638765</v>
      </c>
    </row>
    <row r="13714" spans="8:9" x14ac:dyDescent="0.25">
      <c r="H13714" s="40">
        <v>228.41666700000002</v>
      </c>
      <c r="I13714" s="40">
        <v>26.575758869638765</v>
      </c>
    </row>
    <row r="13715" spans="8:9" x14ac:dyDescent="0.25">
      <c r="H13715" s="40">
        <v>228.433334</v>
      </c>
      <c r="I13715" s="40">
        <v>26.572406133495509</v>
      </c>
    </row>
    <row r="13716" spans="8:9" x14ac:dyDescent="0.25">
      <c r="H13716" s="40">
        <v>228.45</v>
      </c>
      <c r="I13716" s="40">
        <v>26.572406133495509</v>
      </c>
    </row>
    <row r="13717" spans="8:9" x14ac:dyDescent="0.25">
      <c r="H13717" s="40">
        <v>228.46666700000003</v>
      </c>
      <c r="I13717" s="40">
        <v>26.572406133495509</v>
      </c>
    </row>
    <row r="13718" spans="8:9" x14ac:dyDescent="0.25">
      <c r="H13718" s="40">
        <v>228.48333400000001</v>
      </c>
      <c r="I13718" s="40">
        <v>26.569053397352079</v>
      </c>
    </row>
    <row r="13719" spans="8:9" x14ac:dyDescent="0.25">
      <c r="H13719" s="40">
        <v>228.5</v>
      </c>
      <c r="I13719" s="40">
        <v>26.569053397352079</v>
      </c>
    </row>
    <row r="13720" spans="8:9" x14ac:dyDescent="0.25">
      <c r="H13720" s="40">
        <v>228.51666699999998</v>
      </c>
      <c r="I13720" s="40">
        <v>26.565799271095315</v>
      </c>
    </row>
    <row r="13721" spans="8:9" x14ac:dyDescent="0.25">
      <c r="H13721" s="40">
        <v>228.53333400000002</v>
      </c>
      <c r="I13721" s="40">
        <v>26.565799271095315</v>
      </c>
    </row>
    <row r="13722" spans="8:9" x14ac:dyDescent="0.25">
      <c r="H13722" s="40">
        <v>228.55</v>
      </c>
      <c r="I13722" s="40">
        <v>26.565799271095315</v>
      </c>
    </row>
    <row r="13723" spans="8:9" x14ac:dyDescent="0.25">
      <c r="H13723" s="40">
        <v>228.566667</v>
      </c>
      <c r="I13723" s="40">
        <v>26.562446534952059</v>
      </c>
    </row>
    <row r="13724" spans="8:9" x14ac:dyDescent="0.25">
      <c r="H13724" s="40">
        <v>228.58333399999998</v>
      </c>
      <c r="I13724" s="40">
        <v>26.562446534952059</v>
      </c>
    </row>
    <row r="13725" spans="8:9" x14ac:dyDescent="0.25">
      <c r="H13725" s="40">
        <v>228.60000000000002</v>
      </c>
      <c r="I13725" s="40">
        <v>26.562446534952059</v>
      </c>
    </row>
    <row r="13726" spans="8:9" x14ac:dyDescent="0.25">
      <c r="H13726" s="40">
        <v>228.61666700000001</v>
      </c>
      <c r="I13726" s="40">
        <v>26.559093798808799</v>
      </c>
    </row>
    <row r="13727" spans="8:9" x14ac:dyDescent="0.25">
      <c r="H13727" s="40">
        <v>228.63333399999999</v>
      </c>
      <c r="I13727" s="40">
        <v>26.559093798808799</v>
      </c>
    </row>
    <row r="13728" spans="8:9" x14ac:dyDescent="0.25">
      <c r="H13728" s="40">
        <v>228.65000000000003</v>
      </c>
      <c r="I13728" s="40">
        <v>26.559093798808799</v>
      </c>
    </row>
    <row r="13729" spans="8:9" x14ac:dyDescent="0.25">
      <c r="H13729" s="40">
        <v>228.66666700000002</v>
      </c>
      <c r="I13729" s="40">
        <v>26.555839672552036</v>
      </c>
    </row>
    <row r="13730" spans="8:9" x14ac:dyDescent="0.25">
      <c r="H13730" s="40">
        <v>228.683334</v>
      </c>
      <c r="I13730" s="40">
        <v>26.555839672552036</v>
      </c>
    </row>
    <row r="13731" spans="8:9" x14ac:dyDescent="0.25">
      <c r="H13731" s="40">
        <v>228.7</v>
      </c>
      <c r="I13731" s="40">
        <v>26.555839672552036</v>
      </c>
    </row>
    <row r="13732" spans="8:9" x14ac:dyDescent="0.25">
      <c r="H13732" s="40">
        <v>228.71666700000003</v>
      </c>
      <c r="I13732" s="40">
        <v>26.55248693640878</v>
      </c>
    </row>
    <row r="13733" spans="8:9" x14ac:dyDescent="0.25">
      <c r="H13733" s="40">
        <v>228.73333400000001</v>
      </c>
      <c r="I13733" s="40">
        <v>26.55248693640878</v>
      </c>
    </row>
    <row r="13734" spans="8:9" x14ac:dyDescent="0.25">
      <c r="H13734" s="40">
        <v>228.75</v>
      </c>
      <c r="I13734" s="40">
        <v>26.54913420026535</v>
      </c>
    </row>
    <row r="13735" spans="8:9" x14ac:dyDescent="0.25">
      <c r="H13735" s="40">
        <v>228.76666699999998</v>
      </c>
      <c r="I13735" s="40">
        <v>26.54913420026535</v>
      </c>
    </row>
    <row r="13736" spans="8:9" x14ac:dyDescent="0.25">
      <c r="H13736" s="40">
        <v>228.78333400000002</v>
      </c>
      <c r="I13736" s="40">
        <v>26.54913420026535</v>
      </c>
    </row>
    <row r="13737" spans="8:9" x14ac:dyDescent="0.25">
      <c r="H13737" s="40">
        <v>228.8</v>
      </c>
      <c r="I13737" s="40">
        <v>26.54913420026535</v>
      </c>
    </row>
    <row r="13738" spans="8:9" x14ac:dyDescent="0.25">
      <c r="H13738" s="40">
        <v>228.816667</v>
      </c>
      <c r="I13738" s="40">
        <v>26.545880074008586</v>
      </c>
    </row>
    <row r="13739" spans="8:9" x14ac:dyDescent="0.25">
      <c r="H13739" s="40">
        <v>228.83333399999998</v>
      </c>
      <c r="I13739" s="40">
        <v>26.545880074008586</v>
      </c>
    </row>
    <row r="13740" spans="8:9" x14ac:dyDescent="0.25">
      <c r="H13740" s="40">
        <v>228.85000000000002</v>
      </c>
      <c r="I13740" s="40">
        <v>26.545880074008586</v>
      </c>
    </row>
    <row r="13741" spans="8:9" x14ac:dyDescent="0.25">
      <c r="H13741" s="40">
        <v>228.86666700000001</v>
      </c>
      <c r="I13741" s="40">
        <v>26.545880074008586</v>
      </c>
    </row>
    <row r="13742" spans="8:9" x14ac:dyDescent="0.25">
      <c r="H13742" s="40">
        <v>228.88333399999999</v>
      </c>
      <c r="I13742" s="40">
        <v>26.542527337865327</v>
      </c>
    </row>
    <row r="13743" spans="8:9" x14ac:dyDescent="0.25">
      <c r="H13743" s="40">
        <v>228.90000000000003</v>
      </c>
      <c r="I13743" s="40">
        <v>26.542527337865327</v>
      </c>
    </row>
    <row r="13744" spans="8:9" x14ac:dyDescent="0.25">
      <c r="H13744" s="40">
        <v>228.91666700000002</v>
      </c>
      <c r="I13744" s="40">
        <v>26.542527337865327</v>
      </c>
    </row>
    <row r="13745" spans="8:9" x14ac:dyDescent="0.25">
      <c r="H13745" s="40">
        <v>228.933334</v>
      </c>
      <c r="I13745" s="40">
        <v>26.542527337865327</v>
      </c>
    </row>
    <row r="13746" spans="8:9" x14ac:dyDescent="0.25">
      <c r="H13746" s="40">
        <v>228.95</v>
      </c>
      <c r="I13746" s="40">
        <v>26.542527337865327</v>
      </c>
    </row>
    <row r="13747" spans="8:9" x14ac:dyDescent="0.25">
      <c r="H13747" s="40">
        <v>228.96666700000003</v>
      </c>
      <c r="I13747" s="40">
        <v>26.53917460172207</v>
      </c>
    </row>
    <row r="13748" spans="8:9" x14ac:dyDescent="0.25">
      <c r="H13748" s="40">
        <v>228.98333400000001</v>
      </c>
      <c r="I13748" s="40">
        <v>26.53917460172207</v>
      </c>
    </row>
    <row r="13749" spans="8:9" x14ac:dyDescent="0.25">
      <c r="H13749" s="40">
        <v>229</v>
      </c>
      <c r="I13749" s="40">
        <v>26.53917460172207</v>
      </c>
    </row>
    <row r="13750" spans="8:9" x14ac:dyDescent="0.25">
      <c r="H13750" s="40">
        <v>229.01666699999998</v>
      </c>
      <c r="I13750" s="40">
        <v>26.53917460172207</v>
      </c>
    </row>
    <row r="13751" spans="8:9" x14ac:dyDescent="0.25">
      <c r="H13751" s="40">
        <v>229.03333400000002</v>
      </c>
      <c r="I13751" s="40">
        <v>26.53917460172207</v>
      </c>
    </row>
    <row r="13752" spans="8:9" x14ac:dyDescent="0.25">
      <c r="H13752" s="40">
        <v>229.05</v>
      </c>
      <c r="I13752" s="40">
        <v>26.53917460172207</v>
      </c>
    </row>
    <row r="13753" spans="8:9" x14ac:dyDescent="0.25">
      <c r="H13753" s="40">
        <v>229.066667</v>
      </c>
      <c r="I13753" s="40">
        <v>26.53917460172207</v>
      </c>
    </row>
    <row r="13754" spans="8:9" x14ac:dyDescent="0.25">
      <c r="H13754" s="40">
        <v>229.08333399999998</v>
      </c>
      <c r="I13754" s="40">
        <v>26.535920475465307</v>
      </c>
    </row>
    <row r="13755" spans="8:9" x14ac:dyDescent="0.25">
      <c r="H13755" s="40">
        <v>229.10000000000002</v>
      </c>
      <c r="I13755" s="40">
        <v>26.535920475465307</v>
      </c>
    </row>
    <row r="13756" spans="8:9" x14ac:dyDescent="0.25">
      <c r="H13756" s="40">
        <v>229.11666700000001</v>
      </c>
      <c r="I13756" s="40">
        <v>26.535920475465307</v>
      </c>
    </row>
    <row r="13757" spans="8:9" x14ac:dyDescent="0.25">
      <c r="H13757" s="40">
        <v>229.13333399999999</v>
      </c>
      <c r="I13757" s="40">
        <v>26.535920475465307</v>
      </c>
    </row>
    <row r="13758" spans="8:9" x14ac:dyDescent="0.25">
      <c r="H13758" s="40">
        <v>229.15000000000003</v>
      </c>
      <c r="I13758" s="40">
        <v>26.535920475465307</v>
      </c>
    </row>
    <row r="13759" spans="8:9" x14ac:dyDescent="0.25">
      <c r="H13759" s="40">
        <v>229.16666700000002</v>
      </c>
      <c r="I13759" s="40">
        <v>26.532567739322047</v>
      </c>
    </row>
    <row r="13760" spans="8:9" x14ac:dyDescent="0.25">
      <c r="H13760" s="40">
        <v>229.183334</v>
      </c>
      <c r="I13760" s="40">
        <v>26.532567739322047</v>
      </c>
    </row>
    <row r="13761" spans="8:9" x14ac:dyDescent="0.25">
      <c r="H13761" s="40">
        <v>229.2</v>
      </c>
      <c r="I13761" s="40">
        <v>26.532567739322047</v>
      </c>
    </row>
    <row r="13762" spans="8:9" x14ac:dyDescent="0.25">
      <c r="H13762" s="40">
        <v>229.21666700000003</v>
      </c>
      <c r="I13762" s="40">
        <v>26.532567739322047</v>
      </c>
    </row>
    <row r="13763" spans="8:9" x14ac:dyDescent="0.25">
      <c r="H13763" s="40">
        <v>229.23333400000001</v>
      </c>
      <c r="I13763" s="40">
        <v>26.532567739322047</v>
      </c>
    </row>
    <row r="13764" spans="8:9" x14ac:dyDescent="0.25">
      <c r="H13764" s="40">
        <v>229.25</v>
      </c>
      <c r="I13764" s="40">
        <v>26.532567739322047</v>
      </c>
    </row>
    <row r="13765" spans="8:9" x14ac:dyDescent="0.25">
      <c r="H13765" s="40">
        <v>229.26666699999998</v>
      </c>
      <c r="I13765" s="40">
        <v>26.529215003178617</v>
      </c>
    </row>
    <row r="13766" spans="8:9" x14ac:dyDescent="0.25">
      <c r="H13766" s="40">
        <v>229.28333400000002</v>
      </c>
      <c r="I13766" s="40">
        <v>26.529215003178617</v>
      </c>
    </row>
    <row r="13767" spans="8:9" x14ac:dyDescent="0.25">
      <c r="H13767" s="40">
        <v>229.3</v>
      </c>
      <c r="I13767" s="40">
        <v>26.529215003178617</v>
      </c>
    </row>
    <row r="13768" spans="8:9" x14ac:dyDescent="0.25">
      <c r="H13768" s="40">
        <v>229.316667</v>
      </c>
      <c r="I13768" s="40">
        <v>26.529215003178617</v>
      </c>
    </row>
    <row r="13769" spans="8:9" x14ac:dyDescent="0.25">
      <c r="H13769" s="40">
        <v>229.33333399999998</v>
      </c>
      <c r="I13769" s="40">
        <v>26.525862267035361</v>
      </c>
    </row>
    <row r="13770" spans="8:9" x14ac:dyDescent="0.25">
      <c r="H13770" s="40">
        <v>229.35000000000002</v>
      </c>
      <c r="I13770" s="40">
        <v>26.525862267035361</v>
      </c>
    </row>
    <row r="13771" spans="8:9" x14ac:dyDescent="0.25">
      <c r="H13771" s="40">
        <v>229.36666700000001</v>
      </c>
      <c r="I13771" s="40">
        <v>26.525862267035361</v>
      </c>
    </row>
    <row r="13772" spans="8:9" x14ac:dyDescent="0.25">
      <c r="H13772" s="40">
        <v>229.38333399999999</v>
      </c>
      <c r="I13772" s="40">
        <v>26.525862267035361</v>
      </c>
    </row>
    <row r="13773" spans="8:9" x14ac:dyDescent="0.25">
      <c r="H13773" s="40">
        <v>229.40000000000003</v>
      </c>
      <c r="I13773" s="40">
        <v>26.522608140778598</v>
      </c>
    </row>
    <row r="13774" spans="8:9" x14ac:dyDescent="0.25">
      <c r="H13774" s="40">
        <v>229.41666700000002</v>
      </c>
      <c r="I13774" s="40">
        <v>26.522608140778598</v>
      </c>
    </row>
    <row r="13775" spans="8:9" x14ac:dyDescent="0.25">
      <c r="H13775" s="40">
        <v>229.433334</v>
      </c>
      <c r="I13775" s="40">
        <v>26.522608140778598</v>
      </c>
    </row>
    <row r="13776" spans="8:9" x14ac:dyDescent="0.25">
      <c r="H13776" s="40">
        <v>229.45</v>
      </c>
      <c r="I13776" s="40">
        <v>26.522608140778598</v>
      </c>
    </row>
    <row r="13777" spans="8:9" x14ac:dyDescent="0.25">
      <c r="H13777" s="40">
        <v>229.46666700000003</v>
      </c>
      <c r="I13777" s="40">
        <v>26.519255404635341</v>
      </c>
    </row>
    <row r="13778" spans="8:9" x14ac:dyDescent="0.25">
      <c r="H13778" s="40">
        <v>229.48333400000001</v>
      </c>
      <c r="I13778" s="40">
        <v>26.519255404635341</v>
      </c>
    </row>
    <row r="13779" spans="8:9" x14ac:dyDescent="0.25">
      <c r="H13779" s="40">
        <v>229.5</v>
      </c>
      <c r="I13779" s="40">
        <v>26.519255404635341</v>
      </c>
    </row>
    <row r="13780" spans="8:9" x14ac:dyDescent="0.25">
      <c r="H13780" s="40">
        <v>229.51666699999998</v>
      </c>
      <c r="I13780" s="40">
        <v>26.519255404635341</v>
      </c>
    </row>
    <row r="13781" spans="8:9" x14ac:dyDescent="0.25">
      <c r="H13781" s="40">
        <v>229.53333400000002</v>
      </c>
      <c r="I13781" s="40">
        <v>26.515902668491908</v>
      </c>
    </row>
    <row r="13782" spans="8:9" x14ac:dyDescent="0.25">
      <c r="H13782" s="40">
        <v>229.55</v>
      </c>
      <c r="I13782" s="40">
        <v>26.515902668491908</v>
      </c>
    </row>
    <row r="13783" spans="8:9" x14ac:dyDescent="0.25">
      <c r="H13783" s="40">
        <v>229.566667</v>
      </c>
      <c r="I13783" s="40">
        <v>26.515902668491908</v>
      </c>
    </row>
    <row r="13784" spans="8:9" x14ac:dyDescent="0.25">
      <c r="H13784" s="40">
        <v>229.58333399999998</v>
      </c>
      <c r="I13784" s="40">
        <v>26.512648542235144</v>
      </c>
    </row>
    <row r="13785" spans="8:9" x14ac:dyDescent="0.25">
      <c r="H13785" s="40">
        <v>229.60000000000002</v>
      </c>
      <c r="I13785" s="40">
        <v>26.512648542235144</v>
      </c>
    </row>
    <row r="13786" spans="8:9" x14ac:dyDescent="0.25">
      <c r="H13786" s="40">
        <v>229.61666700000001</v>
      </c>
      <c r="I13786" s="40">
        <v>26.512648542235144</v>
      </c>
    </row>
    <row r="13787" spans="8:9" x14ac:dyDescent="0.25">
      <c r="H13787" s="40">
        <v>229.63333399999999</v>
      </c>
      <c r="I13787" s="40">
        <v>26.509295806091885</v>
      </c>
    </row>
    <row r="13788" spans="8:9" x14ac:dyDescent="0.25">
      <c r="H13788" s="40">
        <v>229.65000000000003</v>
      </c>
      <c r="I13788" s="40">
        <v>26.509295806091885</v>
      </c>
    </row>
    <row r="13789" spans="8:9" x14ac:dyDescent="0.25">
      <c r="H13789" s="40">
        <v>229.66666700000002</v>
      </c>
      <c r="I13789" s="40">
        <v>26.509295806091885</v>
      </c>
    </row>
    <row r="13790" spans="8:9" x14ac:dyDescent="0.25">
      <c r="H13790" s="40">
        <v>229.683334</v>
      </c>
      <c r="I13790" s="40">
        <v>26.509295806091885</v>
      </c>
    </row>
    <row r="13791" spans="8:9" x14ac:dyDescent="0.25">
      <c r="H13791" s="40">
        <v>229.7</v>
      </c>
      <c r="I13791" s="40">
        <v>26.505943069948632</v>
      </c>
    </row>
    <row r="13792" spans="8:9" x14ac:dyDescent="0.25">
      <c r="H13792" s="40">
        <v>229.71666700000003</v>
      </c>
      <c r="I13792" s="40">
        <v>26.505943069948632</v>
      </c>
    </row>
    <row r="13793" spans="8:9" x14ac:dyDescent="0.25">
      <c r="H13793" s="40">
        <v>229.73333400000001</v>
      </c>
      <c r="I13793" s="40">
        <v>26.505943069948632</v>
      </c>
    </row>
    <row r="13794" spans="8:9" x14ac:dyDescent="0.25">
      <c r="H13794" s="40">
        <v>229.75</v>
      </c>
      <c r="I13794" s="40">
        <v>26.505943069948632</v>
      </c>
    </row>
    <row r="13795" spans="8:9" x14ac:dyDescent="0.25">
      <c r="H13795" s="40">
        <v>229.76666699999998</v>
      </c>
      <c r="I13795" s="40">
        <v>26.505943069948632</v>
      </c>
    </row>
    <row r="13796" spans="8:9" x14ac:dyDescent="0.25">
      <c r="H13796" s="40">
        <v>229.78333400000002</v>
      </c>
      <c r="I13796" s="40">
        <v>26.502688943691869</v>
      </c>
    </row>
    <row r="13797" spans="8:9" x14ac:dyDescent="0.25">
      <c r="H13797" s="40">
        <v>229.8</v>
      </c>
      <c r="I13797" s="40">
        <v>26.502688943691869</v>
      </c>
    </row>
    <row r="13798" spans="8:9" x14ac:dyDescent="0.25">
      <c r="H13798" s="40">
        <v>229.816667</v>
      </c>
      <c r="I13798" s="40">
        <v>26.502688943691869</v>
      </c>
    </row>
    <row r="13799" spans="8:9" x14ac:dyDescent="0.25">
      <c r="H13799" s="40">
        <v>229.83333399999998</v>
      </c>
      <c r="I13799" s="40">
        <v>26.499336207548609</v>
      </c>
    </row>
    <row r="13800" spans="8:9" x14ac:dyDescent="0.25">
      <c r="H13800" s="40">
        <v>229.85000000000002</v>
      </c>
      <c r="I13800" s="40">
        <v>26.499336207548609</v>
      </c>
    </row>
    <row r="13801" spans="8:9" x14ac:dyDescent="0.25">
      <c r="H13801" s="40">
        <v>229.86666700000001</v>
      </c>
      <c r="I13801" s="40">
        <v>26.499336207548609</v>
      </c>
    </row>
    <row r="13802" spans="8:9" x14ac:dyDescent="0.25">
      <c r="H13802" s="40">
        <v>229.88333399999999</v>
      </c>
      <c r="I13802" s="40">
        <v>26.499336207548609</v>
      </c>
    </row>
    <row r="13803" spans="8:9" x14ac:dyDescent="0.25">
      <c r="H13803" s="40">
        <v>229.90000000000003</v>
      </c>
      <c r="I13803" s="40">
        <v>26.495983471405175</v>
      </c>
    </row>
    <row r="13804" spans="8:9" x14ac:dyDescent="0.25">
      <c r="H13804" s="40">
        <v>229.91666700000002</v>
      </c>
      <c r="I13804" s="40">
        <v>26.495983471405175</v>
      </c>
    </row>
    <row r="13805" spans="8:9" x14ac:dyDescent="0.25">
      <c r="H13805" s="40">
        <v>229.933334</v>
      </c>
      <c r="I13805" s="40">
        <v>26.495983471405175</v>
      </c>
    </row>
    <row r="13806" spans="8:9" x14ac:dyDescent="0.25">
      <c r="H13806" s="40">
        <v>229.95</v>
      </c>
      <c r="I13806" s="40">
        <v>26.495983471405175</v>
      </c>
    </row>
    <row r="13807" spans="8:9" x14ac:dyDescent="0.25">
      <c r="H13807" s="40">
        <v>229.96666700000003</v>
      </c>
      <c r="I13807" s="40">
        <v>26.495983471405175</v>
      </c>
    </row>
    <row r="13808" spans="8:9" x14ac:dyDescent="0.25">
      <c r="H13808" s="40">
        <v>229.98333400000001</v>
      </c>
      <c r="I13808" s="40">
        <v>26.492729345148412</v>
      </c>
    </row>
    <row r="13809" spans="8:9" x14ac:dyDescent="0.25">
      <c r="H13809" s="40">
        <v>230</v>
      </c>
      <c r="I13809" s="40">
        <v>26.492729345148412</v>
      </c>
    </row>
    <row r="13810" spans="8:9" x14ac:dyDescent="0.25">
      <c r="H13810" s="40">
        <v>230.01666699999998</v>
      </c>
      <c r="I13810" s="40">
        <v>26.492729345148412</v>
      </c>
    </row>
    <row r="13811" spans="8:9" x14ac:dyDescent="0.25">
      <c r="H13811" s="40">
        <v>230.03333400000002</v>
      </c>
      <c r="I13811" s="40">
        <v>26.492729345148412</v>
      </c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1</vt:i4>
      </vt:variant>
    </vt:vector>
  </HeadingPairs>
  <TitlesOfParts>
    <vt:vector size="7" baseType="lpstr">
      <vt:lpstr>Dataset</vt:lpstr>
      <vt:lpstr>Fig 1</vt:lpstr>
      <vt:lpstr>Fig 1b</vt:lpstr>
      <vt:lpstr>Fig 2 CO2</vt:lpstr>
      <vt:lpstr>Fig 2 N2</vt:lpstr>
      <vt:lpstr>Fig 3</vt:lpstr>
      <vt:lpstr>Dataset!_Hlk6403949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16T00:00:00Z</dcterms:created>
  <dcterms:modified xsi:type="dcterms:W3CDTF">2021-08-12T09:10:59Z</dcterms:modified>
</cp:coreProperties>
</file>